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1929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TerraGSM\Documents\Прайс-листы\"/>
    </mc:Choice>
  </mc:AlternateContent>
  <xr:revisionPtr revIDLastSave="0" documentId="13_ncr:1_{F5785C98-57DA-44FF-8729-C6214CD9D0A7}" xr6:coauthVersionLast="44" xr6:coauthVersionMax="44" xr10:uidLastSave="{00000000-0000-0000-0000-000000000000}"/>
  <bookViews>
    <workbookView xWindow="4110" yWindow="4110" windowWidth="21600" windowHeight="11385" tabRatio="0" xr2:uid="{00000000-000D-0000-FFFF-FFFF00000000}"/>
  </bookViews>
  <sheets>
    <sheet name="TDSheet" sheetId="1" r:id="rId1"/>
  </sheets>
  <calcPr calcId="124519" refMode="R1C1"/>
</workbook>
</file>

<file path=xl/sharedStrings.xml><?xml version="1.0" encoding="utf-8"?>
<sst xmlns="http://schemas.openxmlformats.org/spreadsheetml/2006/main" count="8070" uniqueCount="7976">
  <si>
    <t>Торговая сеть "TERRA-GSM"</t>
  </si>
  <si>
    <t>Адреса: г. Челябинск, бр. Кашириных. 95А/1 (ТК НЕБО),</t>
  </si>
  <si>
    <t>тел 8-9000-228-974, 8(351) 777-93-07</t>
  </si>
  <si>
    <t>сайт:</t>
  </si>
  <si>
    <t>https://www.terra-gsm.ru</t>
  </si>
  <si>
    <t>почта:</t>
  </si>
  <si>
    <t>terra.gsm.torg@gmail.com</t>
  </si>
  <si>
    <t>прайс от 04.05.2024</t>
  </si>
  <si>
    <t>Код</t>
  </si>
  <si>
    <t>Наименование</t>
  </si>
  <si>
    <t>цена, розница</t>
  </si>
  <si>
    <t>цена, оптовая</t>
  </si>
  <si>
    <t>Количество</t>
  </si>
  <si>
    <t>Запчасти для Apple</t>
  </si>
  <si>
    <t>Запчасти для Airpods</t>
  </si>
  <si>
    <t>АКБ для AirPods Pro / Airpods 3 (CP1154) Orig (комплект 2 штуки)</t>
  </si>
  <si>
    <t>Запчасти для Apple Watch</t>
  </si>
  <si>
    <t>АКБ для Apple Watch S3 38mm (Оригинал снятый)</t>
  </si>
  <si>
    <t>АКБ для Apple Watch Series 1 42mm</t>
  </si>
  <si>
    <t>АКБ для Apple Watch Series 3 A1875 (42 мм)</t>
  </si>
  <si>
    <t>АКБ для Apple Watch Series 5 40mm</t>
  </si>
  <si>
    <t>АКБ для Apple Watch Series 5 44mm</t>
  </si>
  <si>
    <t>АКБ для Apple Watch Series 6 40mm</t>
  </si>
  <si>
    <t>АКБ для SE 44mm (Оригинал снятый)</t>
  </si>
  <si>
    <t>Виброзвонок для Apple Watch S3 38mm (Оригинал снятый)</t>
  </si>
  <si>
    <t>Дисплей для Apple Watch SE 44mm (Оригинал снятый) с царапинами</t>
  </si>
  <si>
    <t>Дисплей для Apple Watch Series 1 38mm + тачскрин Orig</t>
  </si>
  <si>
    <t>Дисплей для Apple Watch Series 2 38mm + тачскрин Orig</t>
  </si>
  <si>
    <t>Стекло (запчасть) для Apple Watch Series 2 / 3 Sport 38mm</t>
  </si>
  <si>
    <t>Стекло (запчасть) для Apple Watch Series 2 / 3 Sport 42mm</t>
  </si>
  <si>
    <t>Стекло (запчасть) для Apple Watch Series 4 / 5 / 6 / SE 40mm</t>
  </si>
  <si>
    <t>Стекло (запчасть) для Apple Watch Series 4 / 5 / 6 / SE 44mm</t>
  </si>
  <si>
    <t>Стекло (запчасть) для Apple Watch Series S7 45mm</t>
  </si>
  <si>
    <t>Тачскрин для Apple Watch Series 1 38mm</t>
  </si>
  <si>
    <t>Тачскрин для Apple Watch Series 1 42mm</t>
  </si>
  <si>
    <t>Тачскрин для Apple Watch Series 2 / 3 38mm Copy</t>
  </si>
  <si>
    <t>Тачскрин для Apple Watch Series 2 / 3 38mm Orig</t>
  </si>
  <si>
    <t>Тачскрин для Apple Watch Series 2 / 3 42mm Ref.</t>
  </si>
  <si>
    <t>Тачскрин для Apple Watch Series 4 40mm Orig</t>
  </si>
  <si>
    <t>Тачскрин для Apple Watch Series 4 40mm Ref.</t>
  </si>
  <si>
    <t>Тачскрин для Apple Watch Series 4 44mm Ref.</t>
  </si>
  <si>
    <t>Тачскрин для Apple Watch Series 5 40mm Ref</t>
  </si>
  <si>
    <t>Тачскрин для Apple Watch Series 5 44mm Musttby + OCA</t>
  </si>
  <si>
    <t>Тачскрин для Apple Watch Series 6 40mm Orig</t>
  </si>
  <si>
    <t>Тачскрин для Apple Watch Series 6 40mm Ref.</t>
  </si>
  <si>
    <t>Тачскрин для Apple Watch Series 6 44mm Orig</t>
  </si>
  <si>
    <t>Тачскрин для Apple Watch Series 6 44mm Ref.</t>
  </si>
  <si>
    <t>Шлейф 3D Force Touch для Apple Watch S2 38 mm</t>
  </si>
  <si>
    <t>Шлейф 3D Force Touch для Apple Watch S2 42 mm</t>
  </si>
  <si>
    <t>Шлейф 3D Force Touch для Apple Watch S4 40 mm</t>
  </si>
  <si>
    <t>Шлейф дисплея для Apple Watch S1 38mm</t>
  </si>
  <si>
    <t>Шлейф дисплея для Apple Watch S3 38mm 3G</t>
  </si>
  <si>
    <t>Шлейф дисплея для Apple Watch S3 38mm GPS</t>
  </si>
  <si>
    <t>Шлейф дисплея для Apple Watch S3 42mm 3G</t>
  </si>
  <si>
    <t>Запчасти для IPad</t>
  </si>
  <si>
    <t>Дисплей для IPad 3 / IPad 4 (Оригинал снятый) уценка</t>
  </si>
  <si>
    <t>Дисплей для IPad 7 / IPad 8 / IPad 9 / IPad 2019 / 2020 / 2021 10.2"</t>
  </si>
  <si>
    <t>Задняя Камера для iPad Mini 1 2 3 Оригинал</t>
  </si>
  <si>
    <t>Задняя крышка для IPad mini WiFi A1432 (белый)</t>
  </si>
  <si>
    <t>Нижний шлейф для iPad 2 + разъем зарядки</t>
  </si>
  <si>
    <t>Нижний шлейф для iPad Mini + разъем зарядки (белый)</t>
  </si>
  <si>
    <t>Нижний шлейф для iPad Mini + разъем зарядки (черный)</t>
  </si>
  <si>
    <t>Нижний шлейф для iPad Mini 2 / IPad Mini 3 + разъем зарядки (черный)</t>
  </si>
  <si>
    <t>Нижний шлейф для iPad Mini 4 + разъем зарядки (белый)</t>
  </si>
  <si>
    <t>Нижний шлейф для iPad Mini 4 + разъем зарядки (черный)</t>
  </si>
  <si>
    <t>Панель подсветки дисплея для iPad Pro 9.7 2016</t>
  </si>
  <si>
    <t>Стекло модуля для Apple iPad Air 4 2020 10.9" (черный) + OCA</t>
  </si>
  <si>
    <t>Тачскрин для iPad 2 (черный) Copy</t>
  </si>
  <si>
    <t>Тачскрин для iPad 2 + кнопка Home (белый) Orig</t>
  </si>
  <si>
    <t>Тачскрин для iPad 2 + кнопка Home (черный) Orig</t>
  </si>
  <si>
    <t>Тачскрин для iPad 3 + кнопка Home (белый) Copy</t>
  </si>
  <si>
    <t>Тачскрин для iPad 3 + кнопка Home (белый) Orig</t>
  </si>
  <si>
    <t>Тачскрин для iPad 3 + кнопка HOME (черный) Copy</t>
  </si>
  <si>
    <t>Тачскрин для iPad 3 + кнопка Home (черный) Orig</t>
  </si>
  <si>
    <t>Тачскрин для iPad 4 + кнопка Home (белый) Copy</t>
  </si>
  <si>
    <t>Тачскрин для iPad 4 + кнопка Home (белый) Orig</t>
  </si>
  <si>
    <t>Тачскрин для iPad 4 + кнопка Home (черный) Copy</t>
  </si>
  <si>
    <t>Тачскрин для iPad 5 2017 A1822 A1823 (белый) Orig</t>
  </si>
  <si>
    <t>Тачскрин для iPad 5 2017 A1822 A1823 (черный) Copy</t>
  </si>
  <si>
    <t>Тачскрин для iPad 5 2017 A1822 A1823 (черный) Orig</t>
  </si>
  <si>
    <t>Тачскрин для iPad 6 2018 A1893/A1954 (белый) Copy</t>
  </si>
  <si>
    <t>Тачскрин для iPad 6 2018 A1893/A1954 (белый) Orig</t>
  </si>
  <si>
    <t>Тачскрин для iPad 6 2018 A1893/A1954 (черный) Copy</t>
  </si>
  <si>
    <t>Тачскрин для iPad 6 2018 A1893/A1954 (черный) Orig</t>
  </si>
  <si>
    <t>Тачскрин для iPad 7 / iPad 8 10.2 2019 / 2020 (A2270 A2200 A2198) (белый) Copy</t>
  </si>
  <si>
    <t>Тачскрин для iPad 7 / iPad 8 10.2 2019 / 2020 (A2270 A2200 A2198) (белый) Orig</t>
  </si>
  <si>
    <t>Тачскрин для iPad 7 / iPad 8 10.2 2019 / 2020 (A2270 A2200 A2198) (черный) Orig</t>
  </si>
  <si>
    <t>Тачскрин для iPad Air (белый) Orig</t>
  </si>
  <si>
    <t>Тачскрин для iPad Air (черный) Orig</t>
  </si>
  <si>
    <t>Тачскрин для iPad Air + кнопка Home (белый) Copy</t>
  </si>
  <si>
    <t>Тачскрин для iPad Air + кнопка Home (белый) Orig</t>
  </si>
  <si>
    <t>Тачскрин для iPad Air + кнопка Home (черный) Copy</t>
  </si>
  <si>
    <t>Тачскрин для iPad Air + кнопка Home (черный) Orig</t>
  </si>
  <si>
    <t>Тачскрин для iPad Air 2 (белый) Copy</t>
  </si>
  <si>
    <t>Тачскрин для iPad Air 2 (белый) Ориг</t>
  </si>
  <si>
    <t>Тачскрин для iPad Air 2 (черный) Copy</t>
  </si>
  <si>
    <t>Тачскрин для iPad Air 2 (черный) Ориг</t>
  </si>
  <si>
    <t>Тачскрин для IPad Air 4 2020 10.9" (черный) Orig</t>
  </si>
  <si>
    <t>Тачскрин для iPad mini / iPad mini 2 (с разъемом) (белый)</t>
  </si>
  <si>
    <t>Тачскрин для iPad mini / iPad mini 2 (с разъемом) + кнопка Home (белый)</t>
  </si>
  <si>
    <t>Тачскрин для iPad mini / iPad mini 2 (с разъемом) + кнопка Home (белый) Ориг</t>
  </si>
  <si>
    <t>Тачскрин для iPad mini / iPad mini 2 (с разъемом) + кнопка Home (черный)</t>
  </si>
  <si>
    <t>Тачскрин для iPad mini 3 (с коннектором) (черный) Copy</t>
  </si>
  <si>
    <t>Тачскрин для iPad mini 3 (с коннектором) + кнопка Home (черный)</t>
  </si>
  <si>
    <t>Тачскрин для iPad mini 4 (черный) Copy</t>
  </si>
  <si>
    <t>Тачскрин для iPad mini 4 (черный) Orig</t>
  </si>
  <si>
    <t>Тачскрин для iPad Pro 12,9" (черный) Orig</t>
  </si>
  <si>
    <t>Тачскрин для iPad Pro 9,7" (белый) Orig</t>
  </si>
  <si>
    <t>Тачскрин для iPad Pro 9,7" (черный) Orig</t>
  </si>
  <si>
    <t>Фронтальная камера для IPad 3 / IPad 4</t>
  </si>
  <si>
    <t>Шлейф для iPad 2 +WI-FI + разъем гарнитуры</t>
  </si>
  <si>
    <t>Шлейф для IPad 2 с кнопками громкости и включения</t>
  </si>
  <si>
    <t>Шлейф для IPad 3 / IPad 4 с кнопками громкости и включения</t>
  </si>
  <si>
    <t>Шлейф для IPad Air 2 с кнопкой включения</t>
  </si>
  <si>
    <t>Шлейф для IPad Air с кнопками громкости и включения</t>
  </si>
  <si>
    <t>Шлейф для IPad Mini 2 / IPad Mini 3 с кнопками громкости и включения</t>
  </si>
  <si>
    <t>Шлейф для IPad Mini 4 с кнопкой включения</t>
  </si>
  <si>
    <t>Шлейф кнопки Home для iPad Air</t>
  </si>
  <si>
    <t>Запчасти для IPhone 11</t>
  </si>
  <si>
    <t>Sim коннектор для IPhone 11 оригинал с разбора</t>
  </si>
  <si>
    <t>Wi-Fi Антенна для IPhone 11 Оригинал</t>
  </si>
  <si>
    <t>АКБ для IPhone 11 (без шлейфа, под пайку)</t>
  </si>
  <si>
    <t>АКБ для IPhone 11 (Оригинал снятый)</t>
  </si>
  <si>
    <t>АКБ для IPhone 11 Orig</t>
  </si>
  <si>
    <t>АКБ для IPhone 11 Оригинал с разбора (&gt;95%)</t>
  </si>
  <si>
    <t>Верхний динамик для IPhone 11 оригинал б/у, в сборе со шлейфом и датчиком приближения</t>
  </si>
  <si>
    <t>Виброзвонок для IPhone 11 оригинал с разбора</t>
  </si>
  <si>
    <t>Держатель SIM для iPhone 11 (белый)</t>
  </si>
  <si>
    <t>Держатель SIM для iPhone 11 (желтый)</t>
  </si>
  <si>
    <t>Держатель SIM для iPhone 11 (зеленый)</t>
  </si>
  <si>
    <t>Держатель SIM для iPhone 11 (красный)</t>
  </si>
  <si>
    <t>Держатель SIM для iPhone 11 (фиолетовый)</t>
  </si>
  <si>
    <t>Держатель SIM для iPhone 11 (черный)</t>
  </si>
  <si>
    <t>Держатель SIM для IPhone 11 (черный) оригинал с разбора</t>
  </si>
  <si>
    <t>Динамик (звонок) для IPhone 11 оригинал с разбора</t>
  </si>
  <si>
    <t>Дисплей для IPhone 11 + тачскрин (черный) (Оригинал с разбора)</t>
  </si>
  <si>
    <t>Дисплей для IPhone 11 + тачскрин (черный) (Оригинал с разбора) Небольшие потертости</t>
  </si>
  <si>
    <t>Дисплей для IPhone 11 + тачскрин (черный) (Оригинал с разбора) Сколы, царапины</t>
  </si>
  <si>
    <t>Дисплей для IPhone 11 + тачскрин (черный) (Оригинал с разбора) Царапины, потертости</t>
  </si>
  <si>
    <t>Дисплей для iPhone 11 + тачскрин (черный) In-Cell (без гарантии)</t>
  </si>
  <si>
    <t>Дисплей для iPhone 11 + тачскрин (черный) In-Cell FHD</t>
  </si>
  <si>
    <t>Дисплей для iPhone 11 + тачскрин (черный) In-Cell GX</t>
  </si>
  <si>
    <t>Дисплей для iPhone 11 + тачскрин (черный) In-Cell JK</t>
  </si>
  <si>
    <t>Дисплей для iPhone 11 + тачскрин (черный) Original (завод)</t>
  </si>
  <si>
    <t>Дисплей для iPhone 11 + тачскрин (черный) восстановленный</t>
  </si>
  <si>
    <t>Дисплей для iPhone 11 + тачскрин (черный) Оригинал восстановленный</t>
  </si>
  <si>
    <t>Дисплей для iPhone 11 + тачскрин (черный) Оригинал восстановленный (Уценка)</t>
  </si>
  <si>
    <t>Задняя камера для IPhone 11 Оригинал с разбора</t>
  </si>
  <si>
    <t>Задняя крышка для IPhone 11 (белый) Hi-Copy AAA с большими отверстиями</t>
  </si>
  <si>
    <t>Задняя крышка для IPhone 11 (желтый) Hi-Copy AAA с большими отверстиями</t>
  </si>
  <si>
    <t>Задняя крышка для IPhone 11 (желтый) Hi-Copy CE с большими отверстиями</t>
  </si>
  <si>
    <t>Задняя крышка для IPhone 11 (зеленый) Copy</t>
  </si>
  <si>
    <t>Задняя крышка для IPhone 11 (зеленый) Hi-Copy AAA с большими отверстиями</t>
  </si>
  <si>
    <t>Задняя крышка для IPhone 11 (зеленый) Hi-Copy CE с большими отверстиями</t>
  </si>
  <si>
    <t>Задняя крышка для IPhone 11 (красный) Hi-Copy AAA с большими отверстиями</t>
  </si>
  <si>
    <t>Задняя крышка для IPhone 11 (красный) Hi-Copy CE с большими отверстиями</t>
  </si>
  <si>
    <t>Задняя крышка для IPhone 11 (серый) Hi-Copy AAA с большими отверстиями</t>
  </si>
  <si>
    <t>Задняя крышка для IPhone 11 (фиолетовый) Hi-Copy AAA с большими отверстиями</t>
  </si>
  <si>
    <t>Задняя крышка для IPhone 11 (фиолетовый) Hi-Copy CE с большими отверстиями</t>
  </si>
  <si>
    <t>Задняя крышка для IPhone 11 ОРИГ (желтый)</t>
  </si>
  <si>
    <t>Задняя крышка для IPhone 11 ОРИГ (зеленый)</t>
  </si>
  <si>
    <t>Задняя крышка для IPhone 11 ОРИГ (красный)</t>
  </si>
  <si>
    <t>Кольца основной камеры iPhone 11 Оригинал (Black)</t>
  </si>
  <si>
    <t>Кольца основной камеры iPhone 11 Оригинал (Green)</t>
  </si>
  <si>
    <t>Кольца основной камеры iPhone 11 Оригинал (Red)</t>
  </si>
  <si>
    <t>Кольца основной камеры iPhone 11 Оригинал (Violet)</t>
  </si>
  <si>
    <t>Кольца основной камеры iPhone 11 Оригинал (White)</t>
  </si>
  <si>
    <t>Кольца основной камеры iPhone 11 Оригинал (Yellow)</t>
  </si>
  <si>
    <t>Корпус для IPhone 11 (белый) Copy</t>
  </si>
  <si>
    <t>Корпус для IPhone 11 (желтый) Copy</t>
  </si>
  <si>
    <t>Корпус для IPhone 11 (желтый) Original</t>
  </si>
  <si>
    <t>Корпус для IPhone 11 (зеленый) Copy</t>
  </si>
  <si>
    <t>Корпус для IPhone 11 (красный) Copy</t>
  </si>
  <si>
    <t>Корпус для IPhone 11 (красный) Original</t>
  </si>
  <si>
    <t>Корпус для IPhone 11 (сиреневый) в сборе со шлейфами (Оригинал снятый)</t>
  </si>
  <si>
    <t>Корпус для IPhone 11 (сиреневый) Оригинал снятый</t>
  </si>
  <si>
    <t>Корпус для IPhone 11 (фиолетовый) Copy</t>
  </si>
  <si>
    <t>Корпус для IPhone 11 (черный) Copy</t>
  </si>
  <si>
    <t>Материнская плата IPhone 11 Оригинал (под свап, без ремонтов)</t>
  </si>
  <si>
    <t>Нижний шлейф для iPhone 11 (белый) ОРИГ</t>
  </si>
  <si>
    <t>Нижний шлейф для iPhone 11 (красный) Оригинал снятый</t>
  </si>
  <si>
    <t>Нижний шлейф для iPhone 11 (фиолетовый) Оригинал с разбора</t>
  </si>
  <si>
    <t>Нижний шлейф для iPhone 11 (черный) Copy</t>
  </si>
  <si>
    <t>Нижний шлейф для iPhone 11 (черный) ОРИГ</t>
  </si>
  <si>
    <t>Нижний шлейф для iPhone 11 (черный) Оригинал с разбора</t>
  </si>
  <si>
    <t>Скотч проклейка дисплея для IPhone 11</t>
  </si>
  <si>
    <t>Стекло для IPhone 11 с рамкой и OCA плёнкой (черный)</t>
  </si>
  <si>
    <t>Стекло камеры для IPhone 11 (цена за пару)</t>
  </si>
  <si>
    <t>Тачскрин для IPhone 11 (без OCA) (черный) Copy</t>
  </si>
  <si>
    <t>Тачскрин для IPhone 11 с рамкой и OCA плёнкой (черный) Copy</t>
  </si>
  <si>
    <t>Тачскрин для IPhone 11 с рамкой и OCA плёнкой (черный) Orig (без чипа IC)</t>
  </si>
  <si>
    <t>Тачскрин для IPhone 11 с рамкой и OCA плёнкой (черный) Orig (с чипом IC)</t>
  </si>
  <si>
    <t>Шлейф NFC для IPhone 11 Оригинал снятый</t>
  </si>
  <si>
    <t>Шлейф для IPhone 11 (кнопка включения, микрофон и вспышка)</t>
  </si>
  <si>
    <t>Шлейф для IPhone 11 (кнопка включения, микрофон и вспышка) Оригинал</t>
  </si>
  <si>
    <t>Шлейф для iPhone 11 + фронтальная камера + Face ID (оригинал с разбора)</t>
  </si>
  <si>
    <t>Шлейф программатора АКБ JCID BTR-20 для iPhone 11</t>
  </si>
  <si>
    <t>Запчасти для IPhone 11 Pro</t>
  </si>
  <si>
    <t>АКБ для IPhone 11 Pro (без шлейфа, под пайку)</t>
  </si>
  <si>
    <t>АКБ для IPhone 11 Pro Orig</t>
  </si>
  <si>
    <t>Держатель SIM для iPhone 11 Pro (серый)</t>
  </si>
  <si>
    <t>Держатель SIM для iPhone 11 Pro (черный)</t>
  </si>
  <si>
    <t>Динамик (звонок) для iPhone 11 Pro (Оригинал снятый)</t>
  </si>
  <si>
    <t>Дисплей для iPhone 11 Pro + тачскрин (черный) Original восстановленный (Уценка-полоса слева)</t>
  </si>
  <si>
    <t>Дисплей для iPhone 11 Pro + тачскрин (черный) Оригинал снятый с царапинами</t>
  </si>
  <si>
    <t>Дисплей для iPhone 11 Pro в сборе с рамкой In-Cell HD+</t>
  </si>
  <si>
    <t>Дисплей для iPhone 11 Pro в сборе с рамкой In-Cell JK</t>
  </si>
  <si>
    <t>Дисплей для iPhone 11 Pro в сборе с рамкой In-Cell Moshi</t>
  </si>
  <si>
    <t>Дисплей для iPhone 11 Pro в сборе с рамкой In-Cell Optima</t>
  </si>
  <si>
    <t>Дисплей для iPhone 11 Pro в сборе с рамкой RJ In-Cell + cof</t>
  </si>
  <si>
    <t>Задняя крышка для IPhone 11 Pro (белый) Hi-Copy AAA с большими отверстиями</t>
  </si>
  <si>
    <t>Задняя крышка для IPhone 11 Pro (белый) Hi-Copy CE с большими отверстиями</t>
  </si>
  <si>
    <t>Задняя крышка для IPhone 11 Pro (белый) ОРИГ</t>
  </si>
  <si>
    <t>Задняя крышка для IPhone 11 Pro (золото) Hi-Copy AAA с большими отверстиями</t>
  </si>
  <si>
    <t>Задняя крышка для IPhone 11 Pro (золото) Hi-Copy CE с большими отверстиями</t>
  </si>
  <si>
    <t>Задняя крышка для IPhone 11 Pro (серый) Hi-Copy AAA с большими отверстиями</t>
  </si>
  <si>
    <t>Задняя крышка для IPhone 11 Pro (серый) Hi-Copy CE с большими отверстиями</t>
  </si>
  <si>
    <t>Задняя крышка для IPhone 11 Pro (темно-зеленый) Hi-Copy AAA с большими отверстиями</t>
  </si>
  <si>
    <t>Задняя крышка для IPhone 11 Pro (темно-зеленый) Hi-Copy CE с большими отверстиями</t>
  </si>
  <si>
    <t>Задняя крышка для IPhone 11 Pro (темно-зеленый) ОРИГ</t>
  </si>
  <si>
    <t>Корпус для IPhone 11 Pro (золото) Original</t>
  </si>
  <si>
    <t>Корпус для IPhone 11 Pro (серый) Original</t>
  </si>
  <si>
    <t>Корпус для IPhone 11 Pro (со шлейфами, динамиком и виброзвонком серый)  с разбора</t>
  </si>
  <si>
    <t>Материнская плата для iPhone 11 Pro под свап</t>
  </si>
  <si>
    <t>Набор защитных плаcтин для IPhone 11 Pro (комплект)</t>
  </si>
  <si>
    <t>Скотч проклейка АКБ IPhone 11 Pro</t>
  </si>
  <si>
    <t>Скотч проклейка дисплея для IPhone 11 Pro</t>
  </si>
  <si>
    <t>Стекло для IPhone 11 Pro с OCA плёнкой (черный)</t>
  </si>
  <si>
    <t>Стекло камеры для IPhone 11 Pro / 11 Pro Max</t>
  </si>
  <si>
    <t>Тачскрин для IPhone 11 Pro (черный) Copy</t>
  </si>
  <si>
    <t>Тачскрин для IPhone 11 Pro (черный) G + OCA Pro</t>
  </si>
  <si>
    <t>Тачскрин для IPhone 11 Pro с рамкой и OCA плёнкой (черный) Copy</t>
  </si>
  <si>
    <t>Шлейф для iPhone 11 Pro + светочувствительный элемент + микрофон + динамик Оригинал с разбора</t>
  </si>
  <si>
    <t>Шлейф для iPhone 11Pro + фронтальная камера + Face ID (оригинал с разбора)</t>
  </si>
  <si>
    <t>Шлейф для программатора Face ID iPhone 11 Pro (JC V1SE, PRO1000S)</t>
  </si>
  <si>
    <t>Шлейф к программатору Face ID i2C iPhone 11 Pro</t>
  </si>
  <si>
    <t>Шлейф программатора АКБ JCID BTR-20 для iPhone 11 Pro / 11 Pro Max</t>
  </si>
  <si>
    <t>Шлейф с кнопкой включения и вспышкой для iPhone 11 Pro (Оригинал снятый)</t>
  </si>
  <si>
    <t>Щлейф с кнопками громкости + NFC для iPhone 11 Pro (Оригинал снятый)</t>
  </si>
  <si>
    <t>Запчасти для IPhone 11 Pro Max</t>
  </si>
  <si>
    <t>АКБ для IPhone 11 Pro Max (без шлейфа, под пайку)</t>
  </si>
  <si>
    <t>АКБ для iPhone 11 Pro Max Copy</t>
  </si>
  <si>
    <t>АКБ для iPhone 11 Pro Max Orig</t>
  </si>
  <si>
    <t>АКБ для iPhone 11 Pro Max Оригинал с разбора (&gt;88%)</t>
  </si>
  <si>
    <t>АКБ для iPhone 11 Pro Max Оригинал с разбора (&gt;90%)</t>
  </si>
  <si>
    <t>АКБ для iPhone 11 Pro Оригинал с разбора (&gt;90%)</t>
  </si>
  <si>
    <t>АКБ для iPhone 11 Pro Оригинал снятый(&gt;85%)</t>
  </si>
  <si>
    <t>Верхний динамик для iPhone 11 Pro Max + датчик света</t>
  </si>
  <si>
    <t>Верхний динамик для IPhone 11 Pro Max в сборе со шлейфом и датчиком приближения оригинал с разбора</t>
  </si>
  <si>
    <t>Вибромотор для iPhone 11 Pro Max оригинал с разбора</t>
  </si>
  <si>
    <t>Дисплей для iPhone 11 Pro Max + тачскрин (черный) Hard Oled GX</t>
  </si>
  <si>
    <t>Дисплей для iPhone 11 Pro Max + тачскрин черный Оригинал восстановленный (без чипа IC под пайку)</t>
  </si>
  <si>
    <t>Дисплей для iPhone 11 Pro Max в сборе с рамкой In-Cell HD+</t>
  </si>
  <si>
    <t>Задняя камера для iPhone 11 Pro / 11 Pro Max оригинал с разбора</t>
  </si>
  <si>
    <t>Задняя крышка для IPhone 11 Pro Max (белый) Hi-Copy AAA с большими отверстиями</t>
  </si>
  <si>
    <t>Задняя крышка для IPhone 11 Pro Max (белый) Hi-Copy CE с большими отверстиями</t>
  </si>
  <si>
    <t>Задняя крышка для IPhone 11 Pro Max (белый) ОРИГ</t>
  </si>
  <si>
    <t>Задняя крышка для IPhone 11 Pro Max (золото) Hi-Copy AAA с большими отверстиями</t>
  </si>
  <si>
    <t>Задняя крышка для IPhone 11 Pro Max (золото) Hi-Copy CE с большими отверстиями</t>
  </si>
  <si>
    <t>Задняя крышка для IPhone 11 Pro Max (золото) ОРИГ</t>
  </si>
  <si>
    <t>Задняя крышка для IPhone 11 Pro Max (серый) Hi-Copy AAA с большими отверстиями</t>
  </si>
  <si>
    <t>Задняя крышка для IPhone 11 Pro Max (серый) Hi-Copy CE с большими отверстиями</t>
  </si>
  <si>
    <t>Задняя крышка для IPhone 11 Pro Max (серый) ОРИГ</t>
  </si>
  <si>
    <t>Задняя крышка для IPhone 11 Pro Max (темно-зеленый) Hi-Copy AAA с большими отверстиями</t>
  </si>
  <si>
    <t>Задняя крышка для IPhone 11 Pro Max (темно-зеленый) Hi-Copy CE с большими отверстиями</t>
  </si>
  <si>
    <t>Задняя крышка для IPhone 11 Pro Max (темно-зеленый) ОРИГ</t>
  </si>
  <si>
    <t>Корпус для IPhone 11 Pro Max (золото) Original</t>
  </si>
  <si>
    <t>Корпус для IPhone 11 Pro Max (золото) в сборе со шлейфами (Оригинал снятый)</t>
  </si>
  <si>
    <t>Корпус для IPhone 11 Pro Max (серебро) Original</t>
  </si>
  <si>
    <t>Корпус для IPhone 11 Pro Max (серый) в сборе со шлейфами (Оригинал снятый)</t>
  </si>
  <si>
    <t>Корпус для IPhone 11 Pro Max White оригинал 100% в сборе со шлейфами</t>
  </si>
  <si>
    <t>Материнская плата для iPhone 11 Pro Max под свап</t>
  </si>
  <si>
    <t>Набор защитных плаcтин для IPhone 11 Pro Max (комплект)</t>
  </si>
  <si>
    <t>Нижний динамик для iPhone 11 Pro Max оригинал с разбора</t>
  </si>
  <si>
    <t>Передняя камера + Face ID для iPhone 11 Pro Max оригинал с разбора</t>
  </si>
  <si>
    <t>Скотч проклейка АКБ IPhone 11 Pro Max</t>
  </si>
  <si>
    <t>Скотч проклейка дисплея для IPhone 11 Pro Max (черный)</t>
  </si>
  <si>
    <t>Стекло для IPhone 11 Pro Max с OCA плёнкой (черный)</t>
  </si>
  <si>
    <t>Стекло с рамкой и OCA-пленкой для IPhone 11 Pro Max (черный)</t>
  </si>
  <si>
    <t>Тачскрин для IPhone 11 Pro Max (черный) Original</t>
  </si>
  <si>
    <t>Тачскрин для IPhone 11 Pro Max с рамкой (черный) Copy Ref. (без чипа IC)</t>
  </si>
  <si>
    <t>Тачскрин для IPhone 11 Pro Max с рамкой и OCA плёнкой (черный) Copy</t>
  </si>
  <si>
    <t>Фронтальная камера для iPhone 11 Pro Max Оригинал снятый</t>
  </si>
  <si>
    <t>Шлейф для программатора Face ID iPhone 11 Pro Max (JC V1SE, PRO1000S)</t>
  </si>
  <si>
    <t>Шлейф к программатору Face ID i2C iPhone 11 Pro Max</t>
  </si>
  <si>
    <t>Запчасти для IPhone 12 / 12 Pro</t>
  </si>
  <si>
    <t>Wi-Fi антенна для iPhone 12 / 12 Pro 821-02826-A</t>
  </si>
  <si>
    <t>АКБ для IPhone 12 / 12 Pro (без шлейфа, под пайку)</t>
  </si>
  <si>
    <t>АКБ для IPhone 12 / 12 Pro Copy</t>
  </si>
  <si>
    <t>АКБ для IPhone 12 / 12 Pro Orig</t>
  </si>
  <si>
    <t>Верхний динамик для IPhone 12 Pro</t>
  </si>
  <si>
    <t>Виброзвонок для iPhone 12 / 12 Pro (Оригинал с разбора)</t>
  </si>
  <si>
    <t>Держатель SIM для iPhone 12 / IPhone 12 Pro (зеленый)</t>
  </si>
  <si>
    <t>Держатель SIM для iPhone 12 / IPhone 12 Pro (красный)</t>
  </si>
  <si>
    <t>Держатель SIM для iPhone 12 / IPhone 12 Pro (синий)</t>
  </si>
  <si>
    <t>Держатель SIM для iPhone 12 / IPhone 12 Pro (черный)</t>
  </si>
  <si>
    <t>Дисплей для iPhone 12 / 12 Pro в сборе с тачскрином (Original) завод</t>
  </si>
  <si>
    <t>Дисплей для iPhone 12 / 12 Pro в сборе с тачскрином In-cell</t>
  </si>
  <si>
    <t>Дисплей для iPhone 12 / 12 Pro в сборе с тачскрином In-cell без чипа IC (под перепайку микросхемы)</t>
  </si>
  <si>
    <t>Дисплей для IPhone 12 / 12 Pro Оригинал восстановленный</t>
  </si>
  <si>
    <t>Дисплей для IPhone 12 / 12 Pro Оригинал снятый</t>
  </si>
  <si>
    <t>Задняя камера для iPhone 12 (Оригинал снятый)</t>
  </si>
  <si>
    <t>Задняя камера для iPhone 12 Pro (Оригинал снятый)</t>
  </si>
  <si>
    <t>Задняя крышка для iPhone 12 (CE) Оригинал (зеленый) + Стекло камеры, монтажное кольцо</t>
  </si>
  <si>
    <t>Задняя крышка для iPhone 12 (CE) Оригинал (красный) + Стекло камеры, монтажное кольцо</t>
  </si>
  <si>
    <t>Задняя крышка для IPhone 12 (белый) Hi-Copy с большими отверстиями</t>
  </si>
  <si>
    <t>Задняя крышка для IPhone 12 (зеленый) Hi-Copy с большими отверстиями</t>
  </si>
  <si>
    <t>Задняя крышка для IPhone 12 (красный) Hi-Copy с большими отверстиями</t>
  </si>
  <si>
    <t>Задняя крышка для IPhone 12 (синий) Hi-Copy с большими отверстиями</t>
  </si>
  <si>
    <t>Задняя крышка для IPhone 12 (фиолетовый) Hi-Copy с большими отверстиями</t>
  </si>
  <si>
    <t>Задняя крышка для IPhone 12 (черный) Hi-Copy с большими отверстиями</t>
  </si>
  <si>
    <t>Задняя крышка для IPhone 12 Pro (белый) Hi-Copy с большими отверстиями</t>
  </si>
  <si>
    <t>Задняя крышка для IPhone 12 Pro (золото) Hi-Copy с большими отверстиями</t>
  </si>
  <si>
    <t>Задняя крышка для IPhone 12 Pro (черный) Hi-Copy с большими отверстиями</t>
  </si>
  <si>
    <t>Кольца основной камеры iPhone 12 / 12 Pro (синий)</t>
  </si>
  <si>
    <t>Корпус для IPhone 12 (белый) в сборе со шлейфами (Оригинал снятый)</t>
  </si>
  <si>
    <t>Корпус для IPhone 12 (красный) в сборе со шлейфами (Оригинал снятый)</t>
  </si>
  <si>
    <t>Корпус для IPhone 12 (сиреневый) в сборе со шлейфами (Оригинал снятый)</t>
  </si>
  <si>
    <t>Набор защитных плаcтин для IPhone 12 (комплект)</t>
  </si>
  <si>
    <t>Набор защитных плаcтин для IPhone 12 Pro (комплект)</t>
  </si>
  <si>
    <t>Нижний динамик для iPhone 12 / 12 Pro</t>
  </si>
  <si>
    <t>Нижний шлейф для IPhone 12 (зеленый) (Оригинал с разбора)</t>
  </si>
  <si>
    <t>Нижний шлейф для IPhone 12 / 12 Pro (синий) (Оригинал снятый</t>
  </si>
  <si>
    <t>Нижний шлейф для IPhone 12 Pro (черный) (Оригинал с разбора)</t>
  </si>
  <si>
    <t>Нижний шлейф для iPhone 12 Pro (черный) Orig</t>
  </si>
  <si>
    <t>Передняя камера + Face ID для iPhone 12 Pro Оригинал снятый</t>
  </si>
  <si>
    <t>Рамка дисплея для IPhone 12 / 12 Pro</t>
  </si>
  <si>
    <t>Скотч проклейка АКБ IPhone 12 / 12 Pro</t>
  </si>
  <si>
    <t>Скотч проклейка дисплея для IPhone 12 / 12 Pro (черный)</t>
  </si>
  <si>
    <t>Стекло для iPhone 12 / 12 Pro (черный) c ОСА-плёнкой</t>
  </si>
  <si>
    <t>Стекло для iPhone 12 / 12 Pro (черный) c ОСА-плёнкой Original</t>
  </si>
  <si>
    <t>Стекло камеры для IPhone 12 (комплект)</t>
  </si>
  <si>
    <t>Стекло камеры для IPhone 12 Pro (комплект)</t>
  </si>
  <si>
    <t>Тачскрин для IPhone 12 / 12 Pro с рамкой и OCA плёнкой (черный) Copy Ref. (без чипа IC)</t>
  </si>
  <si>
    <t>Тачскрин для IPhone 12 / 12 Pro с рамкой и OCA плёнкой (черный) Orig</t>
  </si>
  <si>
    <t>Фронтальная камера для iPhone 12 / 12 Pro + Face ID (Оригинал с разбора)</t>
  </si>
  <si>
    <t>Шлейф для iPhone 12 / 12 Pro + светочувствительный элемент + микрофон + динамик (оригинал с разбора)</t>
  </si>
  <si>
    <t>Шлейф для IPhone 12 / 12 Pro вспышка + микрофон (Оригинал с разбора)</t>
  </si>
  <si>
    <t>Шлейф для iPhone 12 Pro + фронтальная камера + Face ID Оригинал снятый</t>
  </si>
  <si>
    <t>Шлейф программатора АКБ JCID BTR-20 для iPhone 12 / 12 Pro / 12 Mini</t>
  </si>
  <si>
    <t>Шлейф с боковыми кнопками и NFC для IPhone 12 (Оригинал с разбора)</t>
  </si>
  <si>
    <t>Шлейф с коннектором SIM для iPhone 12 / 12 Pro (Оригинал с разбора)</t>
  </si>
  <si>
    <t>Шлейф со сканером Lidar для IPhone 12 Pro (Оригинал с разбора)</t>
  </si>
  <si>
    <t>Запчасти для IPhone 12 mini</t>
  </si>
  <si>
    <t>АКБ для IPhone 12 Mini (без шлейфа, под пайку)</t>
  </si>
  <si>
    <t>АКБ для IPhone 12 Mini Copy</t>
  </si>
  <si>
    <t>АКБ для IPhone 12 Mini Orig</t>
  </si>
  <si>
    <t>АКБ для IPhone 12 Mini Оригинал снятый (90%)</t>
  </si>
  <si>
    <t>Виброзвонок для iPhone 12 mini Оригинал снятый</t>
  </si>
  <si>
    <t>Держатель SIM для iPhone 12 Mini (белый)</t>
  </si>
  <si>
    <t>Держатель SIM для iPhone 12 Mini (зеленый)</t>
  </si>
  <si>
    <t>Держатель SIM для iPhone 12 Mini (красный)</t>
  </si>
  <si>
    <t>Держатель SIM для iPhone 12 Mini (синий)</t>
  </si>
  <si>
    <t>Держатель SIM для iPhone 12 Mini (черный)</t>
  </si>
  <si>
    <t>Дисплей для iPhone 12 Mini + тачскрин (черный) In-Cell</t>
  </si>
  <si>
    <t>Задняя камера для iPhone 12 mini Оригинал снятый</t>
  </si>
  <si>
    <t>Задняя крышка для iPhone 12 mini (CE) Оригинал (черный) + Стекло камеры, монтажное кольцо</t>
  </si>
  <si>
    <t>Задняя крышка для iPhone 12 mini (белый) Hi-Copy с большими отверстиями</t>
  </si>
  <si>
    <t>Задняя крышка для iPhone 12 mini (зеленый) Hi-Copy с большими отверстиями</t>
  </si>
  <si>
    <t>Задняя крышка для iPhone 12 mini (красный) Hi-Copy с большими отверстиями</t>
  </si>
  <si>
    <t>Задняя крышка для iPhone 12 mini (синий) Hi-Copy с большими отверстиями</t>
  </si>
  <si>
    <t>Задняя крышка для iPhone 12 mini (фиолетовый) Hi-Copy с большими отверстиями</t>
  </si>
  <si>
    <t>Задняя крышка для iPhone 12 mini (черный) Hi-Copy с большими отверстиями</t>
  </si>
  <si>
    <t>Корпус для iPhone 12 mini в сборе со шлейфами (черный) Оригинал снятый</t>
  </si>
  <si>
    <t>Набор защитных плаcтин для IPhone 12 Mini (комплект)</t>
  </si>
  <si>
    <t>Нижний шлейф для iPhone 12 Mini (синий) Orig</t>
  </si>
  <si>
    <t>Скотч проклейка дисплея для IPhone 12 Mini (черный)</t>
  </si>
  <si>
    <t>Стекло для iPhone 12 Mini (черный) c ОСА-плёнкой Original</t>
  </si>
  <si>
    <t>Стекло камеры для IPhone 12 Mini (комплект)</t>
  </si>
  <si>
    <t>Шлейф для iPhone 12 mini + фронтальная камера + Face ID Оригинал снятый</t>
  </si>
  <si>
    <t>Запчасти для IPhone 12 Pro Max</t>
  </si>
  <si>
    <t>АКБ для IPhone 12 Pro Max (без шлейфа, под пайку)</t>
  </si>
  <si>
    <t>АКБ для IPhone 12 Pro Max Copy</t>
  </si>
  <si>
    <t>АКБ для IPhone 12 Pro Max Orig</t>
  </si>
  <si>
    <t>АКБ для IPhone 12 Pro Max Оригинал с разбора (&gt;90%)</t>
  </si>
  <si>
    <t>Верхний динамик для IPhone 12 Pro Max</t>
  </si>
  <si>
    <t>Верхний динамик для IPhone 12 Pro Max в сборе со шлейфом и датчиком приближения оригинал с разбора</t>
  </si>
  <si>
    <t>Вибромотор для iPhone 12 Pro Max оригинал с разбора</t>
  </si>
  <si>
    <t>Держатель SIM для iPhone 12 Pro Max (белый)</t>
  </si>
  <si>
    <t>Держатель SIM для iPhone 12 Pro Max (золото)</t>
  </si>
  <si>
    <t>Держатель SIM для iPhone 12 Pro Max (синий)</t>
  </si>
  <si>
    <t>Держатель SIM для iPhone 12 Pro Max (черный)</t>
  </si>
  <si>
    <t>Дисплей для iPhone 12 PRO MAX в сборе с тачскрином (Hardt Oled)</t>
  </si>
  <si>
    <t>Дисплей для iPhone 12 PRO MAX в сборе с тачскрином (Soft Oled)</t>
  </si>
  <si>
    <t>Дисплей для iPhone 12 PRO MAX в сборе с тачскрином (чёрный) оригинал снятый</t>
  </si>
  <si>
    <t>Задняя камера для iPhone 12 Pro Max Original</t>
  </si>
  <si>
    <t>Задняя камера для iPhone 12 Pro Max оригинал с разбора</t>
  </si>
  <si>
    <t>Задняя крышка для iPhone 12 Pro Max  (графитовый черный) Hi-Copy с большими отверстиями</t>
  </si>
  <si>
    <t>Задняя крышка для iPhone 12 Pro Max  (золото) Hi-Copy с большими отверстиями</t>
  </si>
  <si>
    <t>Задняя крышка для iPhone 12 Pro Max (белый) Hi-Copy с большими отверстиями</t>
  </si>
  <si>
    <t>Набор защитных плаcтин для IPhone 12 Pro Max (комплект)</t>
  </si>
  <si>
    <t>Нижний динамик для iPhone 12 Pro Max</t>
  </si>
  <si>
    <t>Нижний шлейф для iPhone 12 Pro Max (золото) Оригинал снятый</t>
  </si>
  <si>
    <t>Нижний шлейф для iPhone 12 Pro Max (синий) Оригинал снятый</t>
  </si>
  <si>
    <t>Нижний шлейф для iPhone 12 Pro Max (черный) Orig</t>
  </si>
  <si>
    <t>Передняя камера + Face ID для iPhone 12 Pro Max оригинал с разбора</t>
  </si>
  <si>
    <t>Рамка дисплея для IPhone 12 Pro Max</t>
  </si>
  <si>
    <t>Скотч проклейка АКБ IPhone 12 Pro Max</t>
  </si>
  <si>
    <t>Скотч проклейка дисплея для IPhone 12 Pro Max (черный)</t>
  </si>
  <si>
    <t>Стекло для iPhone 12 Pro Max (черный) c ОСА-плёнкой Original</t>
  </si>
  <si>
    <t>Стекло для iPhone 12 Pro Max (черный) без OCA</t>
  </si>
  <si>
    <t>Стекло камеры для IPhone 12 Pro Max (комплект)</t>
  </si>
  <si>
    <t>Тачскрин для IPhone 12 Pro Max (черный) Copy Ref. (без чипа IC)</t>
  </si>
  <si>
    <t>Шлейф для программатора Face ID iPhone 12 Pro Max (JC V1SE, PRO1000S)</t>
  </si>
  <si>
    <t>Шлейф программатора АКБ JCID BTR-20 для iPhone 12 Pro Max</t>
  </si>
  <si>
    <t>Шлейф со сканером Lidar для IPhone 12 Pro Max (Оригинал с разбора)</t>
  </si>
  <si>
    <t>Запчасти для IPhone 13 / 13 Pro</t>
  </si>
  <si>
    <t>SIM коннектор для IPhone 13 (Оригинал с разбора)</t>
  </si>
  <si>
    <t>АКБ для IPhone 13 (без шлейфа, под пайку)</t>
  </si>
  <si>
    <t>АКБ для IPhone 13 (Оригинал с разбора 95%)</t>
  </si>
  <si>
    <t>АКБ для IPhone 13 (Оригинал снятый 90%)</t>
  </si>
  <si>
    <t>АКБ для IPhone 13 Copy</t>
  </si>
  <si>
    <t>АКБ для IPhone 13 Orig</t>
  </si>
  <si>
    <t>АКБ для IPhone 13 Pro (без шлейфа, под пайку)</t>
  </si>
  <si>
    <t>АКБ для IPhone 13 Pro (Оригинал снятый  90%)</t>
  </si>
  <si>
    <t>АКБ для IPhone 13 Pro Copy</t>
  </si>
  <si>
    <t>АКБ для IPhone 13 Pro Orig</t>
  </si>
  <si>
    <t>Антена Wi-Fi для iPhone 13 (Оригинал снятый)</t>
  </si>
  <si>
    <t>Виброзвонок для IPhone 13 (Оригинал с разбора)</t>
  </si>
  <si>
    <t>Виброзвонок для iPhone 13 Pro Оригинал снятый</t>
  </si>
  <si>
    <t>Датчик Lidar для iPhone 13 Pro (Оригинал снятый)</t>
  </si>
  <si>
    <t>Датчик Lidar для iPhone 13 Pro Max (Оригинал с разбора)</t>
  </si>
  <si>
    <t>Держатель SIM для IPhone 13 (серебро) (Оригинал с разбора)</t>
  </si>
  <si>
    <t>Держатель SIM для IPhone 13 (темно-зеленый)</t>
  </si>
  <si>
    <t>Держатель SIM для IPhone 13 Pro (синий)</t>
  </si>
  <si>
    <t>Динамик (звонок) для iPhone 13 Pro Оригинал снятый</t>
  </si>
  <si>
    <t>Динамик разговорный для IPhone 13 (Оригинал с разбора)</t>
  </si>
  <si>
    <t>Дисплей для IPhone 13 + тачскрин (черный) (Оригинал снятый)</t>
  </si>
  <si>
    <t>Дисплей для IPhone 13 + тачскрин (черный) In-Cell</t>
  </si>
  <si>
    <t>Дисплей для IPhone 13 + тачскрин (черный) in-Cell COF</t>
  </si>
  <si>
    <t>Дисплей для IPhone 13 + тачскрин (черный) In-Cell JK</t>
  </si>
  <si>
    <t>Дисплей для IPhone 13 + тачскрин (черный) OLED</t>
  </si>
  <si>
    <t>Дисплей для IPhone 13 Pro + тачскрин (черный) Soft OLED</t>
  </si>
  <si>
    <t>Задняя ( основная) камера для IPhone 13 (Оригинал с разбора)</t>
  </si>
  <si>
    <t>Задняя (основная) камера для IPhone 13 Pro / 13 Pro Max (Оригинал с разбора)</t>
  </si>
  <si>
    <t>Задняя крышка для IPhone 13 (белый) Hi-Copy с большими отверстиями</t>
  </si>
  <si>
    <t>Задняя крышка для IPhone 13 (зеленый) Hi-Copy с большими отверстиями</t>
  </si>
  <si>
    <t>Задняя крышка для IPhone 13 (красный) Hi-Copy с большими отверстиями</t>
  </si>
  <si>
    <t>Задняя крышка для IPhone 13 (розовый) Hi-Copy с большими отверстиями</t>
  </si>
  <si>
    <t>Задняя крышка для IPhone 13 (синий) Hi-Copy с большими отверстиями</t>
  </si>
  <si>
    <t>Задняя крышка для IPhone 13 (черный) Hi-Copy с большими отверстиями</t>
  </si>
  <si>
    <t>Задняя крышка для IPhone 13 Pro (белый) Hi-Copy с большими отверстиями</t>
  </si>
  <si>
    <t>Задняя крышка для IPhone 13 Pro (зеленый) Hi-Copy с большими отверстиями</t>
  </si>
  <si>
    <t>Задняя крышка для IPhone 13 Pro (золото) Hi-Copy с большими отверстиями</t>
  </si>
  <si>
    <t>Задняя крышка для IPhone 13 Pro (синий) Hi-Copy с большими отверстиями</t>
  </si>
  <si>
    <t>Задняя крышка для IPhone 13 Pro (черный) Hi-Copy с большими отверстиями</t>
  </si>
  <si>
    <t>Корпус для IPhone 13 (белый) в сборе со шлейфами (Оригинал с разбора)</t>
  </si>
  <si>
    <t>Корпус для IPhone 13 (черный) в сборе со шлейфами (Оригинал снятый)</t>
  </si>
  <si>
    <t>Корпус для IPhone 13 Pro (графитовый черный) Оригинал снятый (переклеено заднее стекло)</t>
  </si>
  <si>
    <t>Нижний динамик для IPhone 13 (Оригинал с разбора)</t>
  </si>
  <si>
    <t>Нижний шлейф для iPhone 13 (белый) Оригинал снятый</t>
  </si>
  <si>
    <t>Нижний шлейф для iPhone 13 (синий) Оригинал снятый</t>
  </si>
  <si>
    <t>Нижний шлейф для iPhone 13 (темно-зеленый) Оригинал снятый</t>
  </si>
  <si>
    <t>Нижний шлейф для iPhone 13 (черный) Orig</t>
  </si>
  <si>
    <t>Нижний шлейф для iPhone 13 (черный) Оригинал снятый</t>
  </si>
  <si>
    <t>Нижний шлейф для iPhone 13 Pro (синий) Orig</t>
  </si>
  <si>
    <t>Нижний шлейф для iPhone 13 Pro (черный) Оригинал снятый</t>
  </si>
  <si>
    <t>Пластины для iphone 13</t>
  </si>
  <si>
    <t>Скотч проклейка АКБ IPhone 13</t>
  </si>
  <si>
    <t>Скотч проклейка АКБ IPhone 13 Pro</t>
  </si>
  <si>
    <t>Стекло для iPhone 13 / 13 Pro (черный) c ОСА-плёнкой</t>
  </si>
  <si>
    <t>Стекло для iPhone 13 / 13 Pro (черный) c ОСА-плёнкой Original</t>
  </si>
  <si>
    <t>Стекло камеры для IPhone 13 / 13 Mini (комплект)</t>
  </si>
  <si>
    <t>Фронтальная камера для IPhone 13 (Оригинал с разбора)</t>
  </si>
  <si>
    <t>Фронтальная камера для IPhone 13 Pro (Оригинал снятый)</t>
  </si>
  <si>
    <t>Шлейф NFC с кнопкой включения для IPhone 13 Pro Оригинал снятый</t>
  </si>
  <si>
    <t>Шлейф беспроводной зарядки + NFC + шлейф кнопок для iPhone 13 (Оригинал снятый)</t>
  </si>
  <si>
    <t>Шлейф для iPhone 13 + антенна Bluetooth Оригинал снятый)</t>
  </si>
  <si>
    <t>Шлейф для iPhone 13 Pro микрофон + антена Bluetooth Оригинал снятый</t>
  </si>
  <si>
    <t>Шлейф с датчиком света для IPhone 13 (Оригинал с разбора)</t>
  </si>
  <si>
    <t>Шлейф со вспышкой для iPhone 13 (Оригинал снятый)</t>
  </si>
  <si>
    <t>Шлейф со вспышкой для iPhone 13 Pro Оригинал снятый</t>
  </si>
  <si>
    <t>Запчасти для IPhone 13 mini</t>
  </si>
  <si>
    <t>АКБ для IPhone 13 Mini (без шлейфа, под пайку)</t>
  </si>
  <si>
    <t>АКБ для IPhone 13 Mini Copy</t>
  </si>
  <si>
    <t>Дисплей для IPhone 13 mini + тачскрин (черный) In-Cell</t>
  </si>
  <si>
    <t>Задняя крышка для IPhone 13 mini (белый) Hi-Copy с большими отверстиями</t>
  </si>
  <si>
    <t>Задняя крышка для IPhone 13 mini (зеленый) Hi-Copy с большими отверстиями</t>
  </si>
  <si>
    <t>Задняя крышка для IPhone 13 mini (красный) Hi-Copy с большими отверстиями</t>
  </si>
  <si>
    <t>Задняя крышка для IPhone 13 mini (розовый) Hi-Copy с большими отверстиями</t>
  </si>
  <si>
    <t>Задняя крышка для IPhone 13 mini (синий) Hi-Copy с большими отверстиями</t>
  </si>
  <si>
    <t>Задняя крышка для IPhone 13 mini (черный) Hi-Copy с большими отверстиями</t>
  </si>
  <si>
    <t>Набор защитных плаcтин для IPhone 13 Mini (комплект)</t>
  </si>
  <si>
    <t>Нижний шлейф для iPhone 13 mini (черный) Оригинал снятый</t>
  </si>
  <si>
    <t>Стекло для iPhone 13 Mini (черный) c ОСА-плёнкой Original</t>
  </si>
  <si>
    <t>Шлейф программатора АКБ JCID BTR-20 для iPhone 13 / 13 Mini</t>
  </si>
  <si>
    <t>Запчасти для IPhone 13 Pro Max</t>
  </si>
  <si>
    <t>АКБ для IPhone 13 Pro Max (без шлейфа, под пайку)</t>
  </si>
  <si>
    <t>АКБ для IPhone 13 Pro Max Copy</t>
  </si>
  <si>
    <t>Задняя крышка для IPhone 13 Pro Max (белый) Hi-Copy с большими отверстиями</t>
  </si>
  <si>
    <t>Задняя крышка для IPhone 13 Pro Max (зеленый) Hi-Copy с большими отверстиями</t>
  </si>
  <si>
    <t>Задняя крышка для IPhone 13 Pro Max (золото) Hi-Copy с большими отверстиями</t>
  </si>
  <si>
    <t>Задняя крышка для IPhone 13 Pro Max (синий) Hi-Copy с большими отверстиями</t>
  </si>
  <si>
    <t>Задняя крышка для IPhone 13 Pro Max (черный) Hi-Copy с большими отверстиями</t>
  </si>
  <si>
    <t>Нижний шлейф для iPhone 13 Pro Max (черный) Orig</t>
  </si>
  <si>
    <t>Нижний шлейф для iPhone 13 Pro Max (черный) Оригинал снятый</t>
  </si>
  <si>
    <t>Скотч проклейка АКБ IPhone 13 Pro Max</t>
  </si>
  <si>
    <t>Стекло для iPhone 13 Pro Max (черный) c ОСА-плёнкой</t>
  </si>
  <si>
    <t>Стекло для iPhone 13 Pro Max (черный) c ОСА-плёнкой Original</t>
  </si>
  <si>
    <t>Стекло камеры для IPhone 13 Pro / 13 Pro Max (комплект)</t>
  </si>
  <si>
    <t>Шлейф программатора АКБ JCID BTR-20 для iPhone 13 Pro / 13 Pro Max</t>
  </si>
  <si>
    <t>Запчасти для IPhone 14</t>
  </si>
  <si>
    <t>Верхний динамик для IPhone 14 (Оригинал с разбора)</t>
  </si>
  <si>
    <t>Держатель SIM для IPhone 14 (серебро)</t>
  </si>
  <si>
    <t>Дисплей для IPhone 14 + тачскрин (черный) In-Cell COF</t>
  </si>
  <si>
    <t>Дисплей для IPhone 14 + тачскрин (черный) Оригинал с разбора</t>
  </si>
  <si>
    <t>Задняя камера для iPhone 14 Original</t>
  </si>
  <si>
    <t>Задняя крышка для IPhone 14 (белый) Hi-Copy с большими отверстиями</t>
  </si>
  <si>
    <t>Задняя крышка для IPhone 14 (красный) Hi-Copy с большими отверстиями</t>
  </si>
  <si>
    <t>Задняя крышка для IPhone 14 (синий) Hi-Copy с большими отверстиями</t>
  </si>
  <si>
    <t>Задняя крышка для IPhone 14 (фиолетовый) Hi-Copy с большими отверстиями</t>
  </si>
  <si>
    <t>Задняя крышка для IPhone 14 (черный) Hi-Copy с большими отверстиями</t>
  </si>
  <si>
    <t>Корпус для IPhone 14 (серебро) со шлейфами (Оригинал с разбора)</t>
  </si>
  <si>
    <t>Стекло для iPhone 14 (черный) c ОСА-плёнкой</t>
  </si>
  <si>
    <t>Стекло камеры для IPhone 14 / 14 Plus (комплект)</t>
  </si>
  <si>
    <t>Фронтальная камера для IPhone 14 + Face ID</t>
  </si>
  <si>
    <t>Шлейф программатора АКБ JCID BTR-20 для iPhone 14 / 14 Plus</t>
  </si>
  <si>
    <t>Запчасти для IPhone 14 Plus</t>
  </si>
  <si>
    <t>Дисплей для IPhone 14 Plus + тачскрин (черный) In-Cell COF</t>
  </si>
  <si>
    <t>Задняя крышка для IPhone 14 Plus (белый) Hi-Copy с большими отверстиями</t>
  </si>
  <si>
    <t>Задняя крышка для IPhone 14 Plus (красный) Hi-Copy с большими отверстиями</t>
  </si>
  <si>
    <t>Задняя крышка для IPhone 14 Plus (синий) Hi-Copy с большими отверстиями</t>
  </si>
  <si>
    <t>Задняя крышка для IPhone 14 Plus (фиолетовый) Hi-Copy с большими отверстиями</t>
  </si>
  <si>
    <t>Задняя крышка для IPhone 14 Plus (черный) Hi-Copy с большими отверстиями</t>
  </si>
  <si>
    <t>Запчасти для IPhone 14 Pro</t>
  </si>
  <si>
    <t>АКБ для IPhone 14 Pro (без шлейфа, под пайку)</t>
  </si>
  <si>
    <t>Датчик Lidar для iPhone 14 Pro (Оригинал снятый)</t>
  </si>
  <si>
    <t>Датчик света для iPhone 14 Pro (Оригинал снятый)</t>
  </si>
  <si>
    <t>Держатель SIM для iPhone 14 Pro (фиолетовый)</t>
  </si>
  <si>
    <t>Дисплей для IPhone 14 Pro + тачскрин (черный) Soft OLED</t>
  </si>
  <si>
    <t>Задняя камера для iPhone 14 Pro (Оригинал снятый)</t>
  </si>
  <si>
    <t>Задняя крышка для IPhone 14 Pro (белый) Hi-Copy с большими отверстиями</t>
  </si>
  <si>
    <t>Задняя крышка для IPhone 14 Pro (золото) Hi-Copy с большими отверстиями</t>
  </si>
  <si>
    <t>Задняя крышка для IPhone 14 Pro (фиолетовый) Hi-Copy с большими отверстиями</t>
  </si>
  <si>
    <t>Задняя крышка для IPhone 14 Pro (черный) Hi-Copy с большими отверстиями</t>
  </si>
  <si>
    <t>Стекло для iPhone 14 Pro (черный) c ОСА-плёнкой</t>
  </si>
  <si>
    <t>Фронтальная камера для iPhone 14 Pro + Face ID (Оригинал снятый)</t>
  </si>
  <si>
    <t>Шлейф программатора АКБ JCID BTR-20 для iPhone 14 Pro / 14 Pro Max</t>
  </si>
  <si>
    <t>Запчасти для IPhone 14 Pro Max</t>
  </si>
  <si>
    <t>АКБ для IPhone 14 Pro Max (без шлейфа, под пайку)</t>
  </si>
  <si>
    <t>АКБ для iPhone 14 Pro Max (Оригинал снятый)</t>
  </si>
  <si>
    <t>Датчик Lidar для iPhone 14 Pro Max (оригинал снятый)</t>
  </si>
  <si>
    <t>Датчик света для iPhone 14 Pro Max (Оригинал снятый)</t>
  </si>
  <si>
    <t>Динамик разговорный для iPhone 14 Pro Max (Оригинал снятый)</t>
  </si>
  <si>
    <t>Задняя камера для iPhone 14 Pro Max (Оригинал снятый)</t>
  </si>
  <si>
    <t>Задняя крышка для IPhone 14 Pro Max (белый) Hi-Copy с большими отверстиями</t>
  </si>
  <si>
    <t>Задняя крышка для IPhone 14 Pro Max (золото) Hi-Copy с большими отверстиями</t>
  </si>
  <si>
    <t>Задняя крышка для IPhone 14 Pro Max (фиолетовый) Hi-Copy с большими отверстиями</t>
  </si>
  <si>
    <t>Задняя крышка для IPhone 14 Pro Max (черный) Hi-Copy с большими отверстиями</t>
  </si>
  <si>
    <t>Корпус для iPhone 14 Pro Max ((черный) в сборе со щлейфами (Оригинал снятый)</t>
  </si>
  <si>
    <t>Набор пластин для iPhone 14 Pro Max</t>
  </si>
  <si>
    <t>Нижний шлейф для iPhone 14 Pro Max (черный) Оригинал снятый</t>
  </si>
  <si>
    <t>Стекло для IPhone 14 Pro Max (черный) с OCA-плёнкой</t>
  </si>
  <si>
    <t>Стекло камеры для IPhone 14 Pro / 14 Pro Max (комплект)</t>
  </si>
  <si>
    <t>Фронтальная камера для iPhone 14 Pro Max (Оригинал снятый)</t>
  </si>
  <si>
    <t>Запчасти для iPhone 15</t>
  </si>
  <si>
    <t>АКБ для IPhone 15 (без шлейфа, под пайку)</t>
  </si>
  <si>
    <t>АКБ для IPhone 15 Orig</t>
  </si>
  <si>
    <t>Стекло для iPhone 15 (черный) c ОСА-плёнкой</t>
  </si>
  <si>
    <t>Запчасти для iPhone 15 Plus</t>
  </si>
  <si>
    <t>АКБ для IPhone 15 Plus (без шлейфа, под пайку)</t>
  </si>
  <si>
    <t>АКБ для IPhone 15 Plus Orig</t>
  </si>
  <si>
    <t>Запчасти для Iphone 15 Pro</t>
  </si>
  <si>
    <t>АКБ для IPhone 15 Pro (без шлейфа, под пайку)</t>
  </si>
  <si>
    <t>АКБ для IPhone 15 Pro Orig</t>
  </si>
  <si>
    <t>Стекло для iPhone 15 Pro (черный) c ОСА-плёнкой</t>
  </si>
  <si>
    <t>Запчасти для iPhone 15 Pro Max</t>
  </si>
  <si>
    <t>АКБ для IPhone 15 Pro Max (без шлейфа, под пайку)</t>
  </si>
  <si>
    <t>АКБ для IPhone 15 Pro Max Orig</t>
  </si>
  <si>
    <t>Стекло для iPhone 15 Pro Max (черный) c ОСА-плёнкой</t>
  </si>
  <si>
    <t>Запчасти для IPhone 3G</t>
  </si>
  <si>
    <t>Дисплей для iPhone 3G черный</t>
  </si>
  <si>
    <t>Шлейф для iPhone 3G/3GS +headphone conn+кнопки ЧЕРНЫЙ</t>
  </si>
  <si>
    <t>Запчасти для IPhone 4</t>
  </si>
  <si>
    <t>Дисплей для iPhone 4+ тачскрин белый с рамкой A+</t>
  </si>
  <si>
    <t>Задняя камера для IPhone 4</t>
  </si>
  <si>
    <t>Задняя крышка для iPhone 4 серебро</t>
  </si>
  <si>
    <t>Звонок с антенным модулем для iPhone 4</t>
  </si>
  <si>
    <t>Запчасти для IPhone 4S</t>
  </si>
  <si>
    <t>Динамик для iPhone 4/4S оригинал</t>
  </si>
  <si>
    <t>Задняя камера для iPhone 4S</t>
  </si>
  <si>
    <t>Шлейф для iPhone 4S + разъем зарядки (белый)</t>
  </si>
  <si>
    <t>Шлейф для iPhone 4S + разъем зарядки (черный)</t>
  </si>
  <si>
    <t>Шлейф для iPhone 4S + светочувствительный элемент + кнопка вкл</t>
  </si>
  <si>
    <t>Шлейф для iPhone 4S светочувствительный элемент с микрофоном и кнопкой включения)</t>
  </si>
  <si>
    <t>Запчасти для IPhone 5</t>
  </si>
  <si>
    <t>АКБ для iPhone 5 ORIG</t>
  </si>
  <si>
    <t>АКБ для iPhone 5 со скотчем для фиксации (Тайвань, полное соответствие по емкости)</t>
  </si>
  <si>
    <t>Держатель сим Айфон 5 (черный)</t>
  </si>
  <si>
    <t>Динамик разговорный для iPhone 5</t>
  </si>
  <si>
    <t>Дисплей для iPhone 5 + тачскрин (белый) Оригинал</t>
  </si>
  <si>
    <t>Нижний шлейф для iPhone 5 (белый)</t>
  </si>
  <si>
    <t>Нижний шлейф для iPhone 5 (черный)</t>
  </si>
  <si>
    <t>Стекло для iPhone 5 в сборе с рамкой (черный)</t>
  </si>
  <si>
    <t>Шлейф для iPhone 5 + светочувствительный элемент + фронтальная камера + микрофон (в сборе)</t>
  </si>
  <si>
    <t>Шлейф для iPhone 5 с кнопками включения, громкости и вспышкой</t>
  </si>
  <si>
    <t>Запчасти для IPhone 5c</t>
  </si>
  <si>
    <t>Нижний шлейф для iPhone 5C (черный)</t>
  </si>
  <si>
    <t>Стекло для iPhone 5C в сборе с рамкой (черный)</t>
  </si>
  <si>
    <t>Запчасти для IPhone 5S / SE</t>
  </si>
  <si>
    <t>АКБ для iPhone 5S copy</t>
  </si>
  <si>
    <t>АКБ для iPhone 5S ORIG</t>
  </si>
  <si>
    <t>АКБ для iPhone SE ORIG</t>
  </si>
  <si>
    <t>Динамик iPhone 5S оригинал</t>
  </si>
  <si>
    <t>Динамик разговорный для iPhone 5S / iPhone 5C / iPhone SE</t>
  </si>
  <si>
    <t>Дисплей для iPhone 5S / SE + тачскрин (белый) Оригинал</t>
  </si>
  <si>
    <t>Дисплей для iPhone 5S / SE + тачскрин (черный) Оригинал</t>
  </si>
  <si>
    <t>Дисплей для iPhone 5S / SE + тачскрин белый с рамкой крепления A+</t>
  </si>
  <si>
    <t>Дисплей для iPhone 5S / SE + тачскрин черный с рамкой крепления A+</t>
  </si>
  <si>
    <t>Задняя камера для iPhone 5S</t>
  </si>
  <si>
    <t>Нижний шлейф для iPhone 5S (белый)</t>
  </si>
  <si>
    <t>Нижний шлейф для iPhone 5S (черный)</t>
  </si>
  <si>
    <t>Панель подсветки дисплея для IPhone 5S / 5C / SE</t>
  </si>
  <si>
    <t>Передняя камера для IPhone 5S / SE</t>
  </si>
  <si>
    <t>Подложка дисплея Айфон 5S</t>
  </si>
  <si>
    <t>Скотч проклейка АКБ IPhone 5S</t>
  </si>
  <si>
    <t>Стекло для iPhone 5S в сборе с рамкой (белый)</t>
  </si>
  <si>
    <t>Стекло для iPhone 5S в сборе с рамкой (белый) c ОСА-плёнкой</t>
  </si>
  <si>
    <t>Стекло для iPhone 5S в сборе с рамкой (черный)</t>
  </si>
  <si>
    <t>Стекло для iPhone 5S в сборе с рамкой (черный) c ОСА-плёнкой</t>
  </si>
  <si>
    <t>Шлейф для iPhone 5S + светочувствительный элемент + фронтальная камера (в сборе)</t>
  </si>
  <si>
    <t>Шлейф для iPhone 5S с кнопками включения, громкости и вспышкой</t>
  </si>
  <si>
    <t>Запчасти для IPhone 6</t>
  </si>
  <si>
    <t>Wi-Fi антенна для iPhone 6</t>
  </si>
  <si>
    <t>АКБ для iPhone 6 Copy</t>
  </si>
  <si>
    <t>АКБ для iPhone 6 Orig</t>
  </si>
  <si>
    <t>Виброзвонок для IPhone 6</t>
  </si>
  <si>
    <t>Винты нижние для IPhone 6 / 6S Gold (цена за пару)</t>
  </si>
  <si>
    <t>Винты нижние для IPhone 6 / 6S Rose Gold (цена за пару)</t>
  </si>
  <si>
    <t>Винты нижние для IPhone 6 / 6S Silver (цена за пару)</t>
  </si>
  <si>
    <t>Винты нижние для IPhone 6 / 6S Space Gray (цена за пару)</t>
  </si>
  <si>
    <t>Динамик (звонок) для IPhone 6 (оригинал)</t>
  </si>
  <si>
    <t>Динамик разговорный для IPhone 6</t>
  </si>
  <si>
    <t>Дисплей для iPhone 6 + тачскрин (белый) Оригинал</t>
  </si>
  <si>
    <t>Дисплей для iPhone 6 + тачскрин белый с рамкой крепления A+++</t>
  </si>
  <si>
    <t>Дисплей для iPhone 6 + тачскрин белый с рамкой крепления А+</t>
  </si>
  <si>
    <t>Дисплей для iPhone 6 + тачскрин белый с рамкой крепления Оригинал восстановленный</t>
  </si>
  <si>
    <t>Дисплей для iPhone 6 + тачскрин черный с рамкой крепления А+</t>
  </si>
  <si>
    <t>Задний поляризатор дисплея iPhone 6/6S/7/8 (4.7") 0.08mm</t>
  </si>
  <si>
    <t>Задняя камера для IPhone 6 (оригинал)</t>
  </si>
  <si>
    <t>Корпус для iPhone 6 (золото)</t>
  </si>
  <si>
    <t>Корпус для iPhone 6 (золото) УЦЕНКА A+</t>
  </si>
  <si>
    <t>Корпус для iPhone 6 (серебро)</t>
  </si>
  <si>
    <t>Корпус для iPhone 6 (серебро) в сборе с АКБ (Оригинал снятый)</t>
  </si>
  <si>
    <t>Корпус для iPhone 6 (серый)</t>
  </si>
  <si>
    <t>Материнская плата для iPhone 6 (под свап)</t>
  </si>
  <si>
    <t>Набор защитных плаcтин для IPhone 6 (комплект)</t>
  </si>
  <si>
    <t>Нижний шлейф для iPhone 6 (белый)</t>
  </si>
  <si>
    <t>Передняя камера для IPhone 6 Оригинал с разбора</t>
  </si>
  <si>
    <t>Скотч проклейка АКБ IPhone 6</t>
  </si>
  <si>
    <t>Стекло для iPhone 6 в сборе с рамкой (белый)</t>
  </si>
  <si>
    <t>Стекло для iPhone 6 в сборе с рамкой (белый) c ОСА-плёнкой</t>
  </si>
  <si>
    <t>Стекло для iPhone 6 в сборе с рамкой (черный)</t>
  </si>
  <si>
    <t>Стекло для iPhone 6 в сборе с рамкой (черный) c ОСА-плёнкой</t>
  </si>
  <si>
    <t>Стекло камеры для IPhone 6 / 6S (золото)</t>
  </si>
  <si>
    <t>Стекло камеры для IPhone 6 / 6S (розовый)</t>
  </si>
  <si>
    <t>Стекло камеры для IPhone 6 / 6S (серебро)</t>
  </si>
  <si>
    <t>Стекло камеры для IPhone 6 / 6S (серый)</t>
  </si>
  <si>
    <t>Шлейф с боковыми кнопками для IPhone 6</t>
  </si>
  <si>
    <t>Шлейф с кнопкой включения для IPhone 6</t>
  </si>
  <si>
    <t>Запчасти для IPhone 6 Plus</t>
  </si>
  <si>
    <t>АКБ для iPhone 6 Plus copy</t>
  </si>
  <si>
    <t>АКБ для iPhone 6 Plus ORIG</t>
  </si>
  <si>
    <t>Динамик разговорный для iPhone 6 Plus</t>
  </si>
  <si>
    <t>Дисплей для iPhone 6 Plus + тачскрин белый с рамкой крепления A+</t>
  </si>
  <si>
    <t>Дисплей для iPhone 6 Plus + тачскрин черный с рамкой крепления A+</t>
  </si>
  <si>
    <t>Задний поляризатор дисплея iPhone 6 Plus/6S Plus/7 Plus/8 Plus (5.5") 0.08mm</t>
  </si>
  <si>
    <t>Задняя камера для iPhone 6 plus</t>
  </si>
  <si>
    <t>Коаксиальный кабель для IPhone 6 Plus</t>
  </si>
  <si>
    <t>Набор защитных плаcтин для IPhone 6 Plus (комплект)</t>
  </si>
  <si>
    <t>Нижний динамик (звонок) для IPhone 6 Plus</t>
  </si>
  <si>
    <t>Нижний шлейф для iPhone 6 Plus (белый)</t>
  </si>
  <si>
    <t>Нижний шлейф для iPhone 6 Plus (серый)</t>
  </si>
  <si>
    <t>Панель подсветки дисплея для IPhone 6 Plus</t>
  </si>
  <si>
    <t>Скотч проклейка АКБ IPhone 6 Plus</t>
  </si>
  <si>
    <t>Стекло для iPhone 6 Plus в сборе с рамкой (белый)</t>
  </si>
  <si>
    <t>Стекло для iPhone 6 Plus в сборе с рамкой (белый) с OCA-плёнкой</t>
  </si>
  <si>
    <t>Стекло для iPhone 6 Plus в сборе с рамкой (черный)</t>
  </si>
  <si>
    <t>Стекло для iPhone 6 Plus в сборе с рамкой (черный) с OCA-плёнкой</t>
  </si>
  <si>
    <t>Стекло камеры для IPhone 6 Plus / 6S Plus (золото)</t>
  </si>
  <si>
    <t>Стекло камеры для IPhone 6 Plus / 6S Plus (розовый)</t>
  </si>
  <si>
    <t>Стекло камеры для IPhone 6 Plus / 6S Plus (серебро)</t>
  </si>
  <si>
    <t>Стекло камеры для IPhone 6 Plus / 6S Plus (серый)</t>
  </si>
  <si>
    <t>Стекло камеры для IPhone 6 Plus / 6S Plus (черный)</t>
  </si>
  <si>
    <t>Шлейф с боковыми кнопками для IPhone 6 Plus</t>
  </si>
  <si>
    <t>Запчасти для IPhone 6S</t>
  </si>
  <si>
    <t>GSM антенна для IPhone 6s</t>
  </si>
  <si>
    <t>Wi-Fi антенна для IPhone 6s</t>
  </si>
  <si>
    <t>АКБ для iPhone 6S Orig</t>
  </si>
  <si>
    <t>Виброзвонок для IPhone 6S</t>
  </si>
  <si>
    <t>Держатель SIM для IPhone 6s (серебро)</t>
  </si>
  <si>
    <t>Динамик разговорный для iPhone 6S</t>
  </si>
  <si>
    <t>Дисплей для iPhone 6S + тачскрин (черный) Оригинал восстановленный</t>
  </si>
  <si>
    <t>Дисплей для iPhone 6S + тачскрин (черный) Оригинал завод</t>
  </si>
  <si>
    <t>Дисплей для iPhone 6S + тачскрин белый с рамкой A+</t>
  </si>
  <si>
    <t>Дисплей для iPhone 6S + тачскрин черный с рамкой A+</t>
  </si>
  <si>
    <t>Задняя камера для IPhone 6S</t>
  </si>
  <si>
    <t>Корпус для iPhone 6S (розовый) (Оригинал б/у) в сборе со шлефами</t>
  </si>
  <si>
    <t>Корпус для iPhone 6S (серебро) (Оригинал б/у) в сборе со шлефами</t>
  </si>
  <si>
    <t>Корпус для iPhone 6S в стиле iPhone 7 (золото)</t>
  </si>
  <si>
    <t>Корпус для iPhone 6S в стиле iPhone 7 (красный)</t>
  </si>
  <si>
    <t>Корпус для iPhone 6S в стиле iPhone 7 (розовый)</t>
  </si>
  <si>
    <t>Корпус для iPhone 6S в стиле iPhone 7 (серебро)</t>
  </si>
  <si>
    <t>Корпус для iPhone 6S в стиле iPhone 7 (черный глянец)</t>
  </si>
  <si>
    <t>Набор защитных плаcтин для IPhone 6S (комплект)</t>
  </si>
  <si>
    <t>Нижний динамик (звонок) для IPhone 6S</t>
  </si>
  <si>
    <t>Нижний шлейф для iPhone 6S (белый)</t>
  </si>
  <si>
    <t>Нижний шлейф для iPhone 6S (белый) ОРИГ</t>
  </si>
  <si>
    <t>Нижний шлейф для iPhone 6S (серый)</t>
  </si>
  <si>
    <t>Нижний шлейф для iPhone 6S (серый) Ориг</t>
  </si>
  <si>
    <t>Панель подсветки дисплея для IPhone 6S</t>
  </si>
  <si>
    <t>Передняя камера для IPhone 6S Оригинал с разбора</t>
  </si>
  <si>
    <t>Скотч проклейка дисплея для IPhone 6S (черный)</t>
  </si>
  <si>
    <t>Шлейф с боковыми кнопками для IPhone 6S оригинал с разбора</t>
  </si>
  <si>
    <t>Запчасти для IPhone 6S Plus</t>
  </si>
  <si>
    <t>GSM антенна для IPhone 6S Plus</t>
  </si>
  <si>
    <t>Wi-Fi Антенна для IPhone 6S plus</t>
  </si>
  <si>
    <t>АКБ для iPhone 6S Plus</t>
  </si>
  <si>
    <t>АКБ для iPhone 6S Plus Orig</t>
  </si>
  <si>
    <t>АКБ для iPhone 6S Plus со скотчем для фиксации (Тайвань, полное соответствие по емкости)</t>
  </si>
  <si>
    <t>Виброзвонок для IPhone 6S plus</t>
  </si>
  <si>
    <t>Динамик разговорный для iPhone 6S Plus</t>
  </si>
  <si>
    <t>Дисплей для iPhone 6S Plus + тачскрин белый с рамкой A+</t>
  </si>
  <si>
    <t>Дисплей для iPhone 6S Plus + тачскрин черный с рамкой A+</t>
  </si>
  <si>
    <t>Корпус для IPhone 6S plus (розовое золото) (Оригинал с разбора) в сборе со шлейфами</t>
  </si>
  <si>
    <t>Корпус для iPhone 6S Plus (серебро)</t>
  </si>
  <si>
    <t>Корпус для IPhone 6S plus (черный) (Оригинал с разбора) в сборе со шлейфами</t>
  </si>
  <si>
    <t>Корпус для iPhone 6S Plus в стиле iPhone 7 Plus (золото)</t>
  </si>
  <si>
    <t>Корпус для iPhone 6S Plus в стиле iPhone 7 Plus (розовый)</t>
  </si>
  <si>
    <t>Корпус для iPhone 6S Plus в стиле iPhone 7 Plus (серебро)</t>
  </si>
  <si>
    <t>Корпус для iPhone 6S Plus в стиле iPhone 7 Plus (черный матовый)</t>
  </si>
  <si>
    <t>Набор защитных плаcтин для IPhone 6S Plus (комплект)</t>
  </si>
  <si>
    <t>Нижний шлейф для iPhone 6S Plus (серый)</t>
  </si>
  <si>
    <t>Нижний шлейф для iPhone 6S Plus (серый) Ориг</t>
  </si>
  <si>
    <t>Панель подсветки дисплея для IPhone 6S Plus</t>
  </si>
  <si>
    <t>Стекло для iPhone 6S Plus в сборе с рамкой (белый)</t>
  </si>
  <si>
    <t>Стекло для iPhone 6S Plus в сборе с рамкой (белый) c ОСА-плёнкой</t>
  </si>
  <si>
    <t>Стекло для iPhone 6S Plus в сборе с рамкой (черный)</t>
  </si>
  <si>
    <t>Стекло для iPhone 6S Plus в сборе с рамкой (черный) c ОСА-плёнкой</t>
  </si>
  <si>
    <t>Запчасти для IPhone 7</t>
  </si>
  <si>
    <t>NFC антенна для iPhone 7</t>
  </si>
  <si>
    <t>Wi-Fi антенна для iPhone 7</t>
  </si>
  <si>
    <t>АКБ для iPhone 7 Orig</t>
  </si>
  <si>
    <t>Виброзвонок для IPhone 7</t>
  </si>
  <si>
    <t>Винты нижние для IPhone 7 Gold (цена за пару)</t>
  </si>
  <si>
    <t>Винты нижние для IPhone 7 Rose Gold (цена за пару)</t>
  </si>
  <si>
    <t>Винты нижние для IPhone 7 Silver (цена за пару)</t>
  </si>
  <si>
    <t>Держатель SIM для IPhone 7 (розовое золото)</t>
  </si>
  <si>
    <t>Держатель SIM для iPhone 7 (серебро)</t>
  </si>
  <si>
    <t>Динамик разговорный для iPhone 7</t>
  </si>
  <si>
    <t>Динамик разговорный для iPhone 7 Оригинал снятый</t>
  </si>
  <si>
    <t>Дисплей для iPhone 7 + тачскрин (белый) Оригинал восстановленный</t>
  </si>
  <si>
    <t>Дисплей для iPhone 7 + тачскрин (белый) Оригинал завод</t>
  </si>
  <si>
    <t>Дисплей для iPhone 7 + тачскрин белый с рамкой A+</t>
  </si>
  <si>
    <t>Дисплей для iPhone 7 + тачскрин черный с рамкой A+</t>
  </si>
  <si>
    <t>Дисплей для iPhone 7 + тачскрин черный с рамкой A+ (Уценка, царапины)</t>
  </si>
  <si>
    <t>Задняя камера для iPhone 7</t>
  </si>
  <si>
    <t>Материнская плата под пайку для iPhone 7</t>
  </si>
  <si>
    <t>Набор защитных плаcтин для IPhone 7 (комплект)</t>
  </si>
  <si>
    <t>Нижний динамик (звонок) для IPhone 7</t>
  </si>
  <si>
    <t>Передняя камера для IPhone 7 Оригинал с разбора</t>
  </si>
  <si>
    <t>Передняя камера для IPhone 7 Оригинал снятый</t>
  </si>
  <si>
    <t>Сетка динамика для IPhone 7</t>
  </si>
  <si>
    <t>Скотч проклейка АКБ IPhone 7</t>
  </si>
  <si>
    <t>Скотч проклейка дисплея для IPhone 7 (черный)</t>
  </si>
  <si>
    <t>Стекло для iPhone 7 в сборе с рамкой (белый) c ОСА-плёнкой</t>
  </si>
  <si>
    <t>Стекло для iPhone 7 в сборе с рамкой (белый) G + ОСА</t>
  </si>
  <si>
    <t>Стекло для iPhone 7 в сборе с рамкой (черный) c ОСА-плёнкой</t>
  </si>
  <si>
    <t>Стекло для iPhone 7 в сборе с рамкой (черный) G + ОСА</t>
  </si>
  <si>
    <t>Стекло камеры с кольцом для IPhone 7 / 8 (черный)</t>
  </si>
  <si>
    <t>Шлейф для iPhone 7 с кнопками включения, громкости и вспышкой COPY</t>
  </si>
  <si>
    <t>Шлейф для iPhone 7 с кнопками включения, громкости и вспышкой ORIG</t>
  </si>
  <si>
    <t>Запчасти для IPhone 7 Plus</t>
  </si>
  <si>
    <t>GSM антенна для IPhone 7 Plus</t>
  </si>
  <si>
    <t>NFC антенна для iPhone 7 Plus</t>
  </si>
  <si>
    <t>Wi-Fi антенна для IPhone 7 Plus</t>
  </si>
  <si>
    <t>АКБ для IPhone 7 Plus Orig</t>
  </si>
  <si>
    <t>Виброзвонок для IPhone 7 Plus Оригинал</t>
  </si>
  <si>
    <t>Дисплей для iPhone 7 Plus + тачскрин (белый) Оригинал завод</t>
  </si>
  <si>
    <t>Дисплей для iPhone 7 Plus + тачскрин (черный) Оригинал завод</t>
  </si>
  <si>
    <t>Дисплей для iPhone 7 Plus + тачскрин белый с рамкой</t>
  </si>
  <si>
    <t>Дисплей для iPhone 7 Plus + тачскрин черный с рамкой</t>
  </si>
  <si>
    <t>Корпус в сборе со шлейфами для IPhone 7 Plus (Серебро) Оригинал с разбора</t>
  </si>
  <si>
    <t>Материнская плата (под свап) для iPhone 7 Plus</t>
  </si>
  <si>
    <t>Набор защитных плаcтин для IPhone 7 Plus (комплект)</t>
  </si>
  <si>
    <t>Нижний динамик (звонок) для IPhone 7 plus</t>
  </si>
  <si>
    <t>Нижний динамик (звонок) для IPhone 7 Plus Оригинал</t>
  </si>
  <si>
    <t>Нижний шлейф для iPhone 7 Plus (черный) Ориг</t>
  </si>
  <si>
    <t>Панель подсветки дисплея для IPhone 7 Plus</t>
  </si>
  <si>
    <t>Передняя камера для IPhone 7 Plus Ориг</t>
  </si>
  <si>
    <t>Передняя камера для IPhone 7 Plus Оригинал разбора</t>
  </si>
  <si>
    <t>Пластины для iPhone 7 Plus</t>
  </si>
  <si>
    <t>Сетка динамика для IPhone 7 Plus</t>
  </si>
  <si>
    <t>Скотч проклейка АКБ IPhone 7 Plus</t>
  </si>
  <si>
    <t>Стекло для iPhone 7 Plus в сборе с рамкой (белый)</t>
  </si>
  <si>
    <t>Стекло для iPhone 7 Plus в сборе с рамкой (белый) c ОСА-плёнкой</t>
  </si>
  <si>
    <t>Стекло для iPhone 7 Plus в сборе с рамкой (черный) c ОСА-плёнкой</t>
  </si>
  <si>
    <t>Шлейф для iPhone 7 Plus + светочувствительный элемент + фронтальная камера (в сборе)</t>
  </si>
  <si>
    <t>Запчасти для IPhone 8 / SE 2020</t>
  </si>
  <si>
    <t>GPS антенна для IPhone 8 Оригинал с разбора</t>
  </si>
  <si>
    <t>NFC антенна для iPhone 8</t>
  </si>
  <si>
    <t>Wi-Fi антенна (комплект) для IPhone 8 Оригинал с разбора</t>
  </si>
  <si>
    <t>АКБ для iPhone 8 Orig</t>
  </si>
  <si>
    <t>АКБ для IPhone SE 2020 Orig</t>
  </si>
  <si>
    <t>Виброзвонок для iPhone SE 2020 Оригинал снятый</t>
  </si>
  <si>
    <t>Винты нижние для IPhone 8 Rose Gold (цена за пару)</t>
  </si>
  <si>
    <t>Динамик звонок для iPhone SE 2020 Оригинал снятый</t>
  </si>
  <si>
    <t>Динамик разговорный для iPhone 8</t>
  </si>
  <si>
    <t>Дисплей для iPhone 8 / iPhone SE 2020 + тачскрин белый с рамкой A+</t>
  </si>
  <si>
    <t>Дисплей для iPhone 8 / iPhone SE 2020 + тачскрин белый с рамкой A+++</t>
  </si>
  <si>
    <t>Дисплей для iPhone 8 / iPhone SE 2020 + тачскрин черный с рамкой A+</t>
  </si>
  <si>
    <t>Дисплей для iPhone 8 / SE 2020 + тачскрин (белый) Оригинал завод</t>
  </si>
  <si>
    <t>Дисплей для iPhone 8 / SE 2020 + тачскрин (черный) Оригинал восстановленный</t>
  </si>
  <si>
    <t>Задняя камера для iPhone 8 / iPhone SE 2020 (Оригинал с разбора)</t>
  </si>
  <si>
    <t>Задняя крышка для IPhone 8 (белый) Hi-Copy AAA с большим отверстием</t>
  </si>
  <si>
    <t>Задняя крышка для IPhone 8 (белый) Hi-Copy CE с большим отверстием</t>
  </si>
  <si>
    <t>Задняя крышка для IPhone 8 (белый) Original</t>
  </si>
  <si>
    <t>Задняя крышка для IPhone 8 (золото) Hi-Copy AAA с большим отверстием</t>
  </si>
  <si>
    <t>Задняя крышка для IPhone 8 (золото) Hi-Copy CE с большим отверстием</t>
  </si>
  <si>
    <t>Задняя крышка для IPhone 8 (золото) Original</t>
  </si>
  <si>
    <t>Задняя крышка для IPhone 8 (красный) Hi-Copy AAA с большим отверстием</t>
  </si>
  <si>
    <t>Задняя крышка для IPhone 8 (красный) Hi-Copy CE с большим отверстием</t>
  </si>
  <si>
    <t>Задняя крышка для IPhone 8 (красный) Original</t>
  </si>
  <si>
    <t>Задняя крышка для IPhone 8 (черный) Hi-Copy AAA с большим отверстием</t>
  </si>
  <si>
    <t>Задняя крышка для IPhone 8 (черный) Hi-Copy CE с большим отверстием</t>
  </si>
  <si>
    <t>Задняя крышка для IPhone 8 (черный) Original</t>
  </si>
  <si>
    <t>Задняя крышка для IPhone 8 со стеклом камеры (золото)</t>
  </si>
  <si>
    <t>Задняя крышка для IPhone 8 со стеклом камеры (красный)</t>
  </si>
  <si>
    <t>Задняя крышка для IPhone SE 2020 (белый) Hi-Copy AAA с большим отверстием</t>
  </si>
  <si>
    <t>Задняя крышка для IPhone SE 2020 (белый) Hi-Copy CE с большим отверстием</t>
  </si>
  <si>
    <t>Задняя крышка для IPhone SE 2020 (белый) Original со стеклом камеры</t>
  </si>
  <si>
    <t>Задняя крышка для IPhone SE 2020 (красный) Hi-Copy AAA с большим отверстием</t>
  </si>
  <si>
    <t>Задняя крышка для IPhone SE 2020 (красный) Hi-Copy CE с большим отверстием</t>
  </si>
  <si>
    <t>Задняя крышка для IPhone SE 2020 (красный) Original со стеклом камеры</t>
  </si>
  <si>
    <t>Корпус для IPhone 8 (серебро) Original</t>
  </si>
  <si>
    <t>Корпус для iPhone SE 2020 (красный) Оригинал снятый</t>
  </si>
  <si>
    <t>Материнская плата для iPhone 8 (без ремонтов, под свап)</t>
  </si>
  <si>
    <t>Модуль беспроводной зарядки (Qi) для iPhone 8 / IPhone SE 2020</t>
  </si>
  <si>
    <t>Модуль беспроводной зарядки (Qi) для iPhone 8 / IPhone SE 2020 (Оригинал с разбора)</t>
  </si>
  <si>
    <t>Набор защитных плаcтин для IPhone 8 (комплект)</t>
  </si>
  <si>
    <t>Нижний динамик (звонок) для IPhone 8</t>
  </si>
  <si>
    <t>Нижний шлейф для iPhone 8 (серый)</t>
  </si>
  <si>
    <t>Нижний шлейф для iPhone 8 (черный)</t>
  </si>
  <si>
    <t>Нижний шлейф для iPhone 8 (черный) Оригинал снятый</t>
  </si>
  <si>
    <t>Панель подсветки дисплея для IPhone 8</t>
  </si>
  <si>
    <t>Скотч проклейка АКБ IPhone 8</t>
  </si>
  <si>
    <t>Стекло для iPhone 8 в сборе с рамкой (белый)</t>
  </si>
  <si>
    <t>Стекло для iPhone 8 в сборе с рамкой (белый) c ОСА-плёнкой</t>
  </si>
  <si>
    <t>Стекло для iPhone 8 в сборе с рамкой (черный) c ОСА-плёнкой</t>
  </si>
  <si>
    <t>Шлейф для iPhone 8 / SE (2020) + фронтальная камера + микрофон + датчик света (Оригинал с разбора)</t>
  </si>
  <si>
    <t>Шлейф для iPhone 8 / SE (2020) + фронтальная камера + микрофон +светочувствительный элемент Copy</t>
  </si>
  <si>
    <t>Шлейф для iPhone 8 / SE (2020) с кнопками включения, громкости и вспышкой</t>
  </si>
  <si>
    <t>Шлейф для iPhone 8 Plus + фронтальная камера + микрофон +светочувствительный элемент Оригинал снятый</t>
  </si>
  <si>
    <t>Запчасти для iPhone 8 plus</t>
  </si>
  <si>
    <t>GPS антенна для iPhone 8 Plus</t>
  </si>
  <si>
    <t>NFC антенна для iPhone 8 Plus</t>
  </si>
  <si>
    <t>АКБ для IPhone 8 Plus Orig</t>
  </si>
  <si>
    <t>Виброзвонок для iPhone 8 Plus</t>
  </si>
  <si>
    <t>Динамик разговорный для iPhone 8 Plus</t>
  </si>
  <si>
    <t>Дисплей для iPhone 8 Plus + тачскрин (белый) Оригинал восстановленный</t>
  </si>
  <si>
    <t>Дисплей для iPhone 8 Plus + тачскрин белый с рамкой COPY AAA</t>
  </si>
  <si>
    <t>Дисплей для iPhone 8 Plus + тачскрин белый с рамкой А+</t>
  </si>
  <si>
    <t>Дисплей для iPhone 8 Plus + тачскрин черный с рамкой A+</t>
  </si>
  <si>
    <t>Дисплей для iPhone 8 Plus + тачскрин черный с рамкой A+++</t>
  </si>
  <si>
    <t>Задняя камера (основная) для IPhone 8 Plus (Original с разбора)</t>
  </si>
  <si>
    <t>Задняя крышка для IPhone 8 Plus (белый) Hi-Copy AAA с большим отверстием</t>
  </si>
  <si>
    <t>Задняя крышка для IPhone 8 Plus (белый) Hi-Copy CE с большим отверстием</t>
  </si>
  <si>
    <t>Задняя крышка для IPhone 8 Plus (золото) Hi-Copy AAA с большим отверстием</t>
  </si>
  <si>
    <t>Задняя крышка для IPhone 8 Plus (золото) Hi-Copy CE с большим отверстием</t>
  </si>
  <si>
    <t>Задняя крышка для IPhone 8 Plus (красный) Hi-Copy AAA с большим отверстием</t>
  </si>
  <si>
    <t>Задняя крышка для IPhone 8 Plus (красный) Hi-Copy CE с большим отверстием</t>
  </si>
  <si>
    <t>Задняя крышка для IPhone 8 Plus (черный) Hi-Copy AAA с большим отверстием</t>
  </si>
  <si>
    <t>Задняя крышка для IPhone 8 Plus (черный) Hi-Copy CE с большим отверстием</t>
  </si>
  <si>
    <t>Задняя крышка для IPhone 8 Plus Original (белый)</t>
  </si>
  <si>
    <t>Задняя крышка для IPhone 8 Plus Original (золото)</t>
  </si>
  <si>
    <t>Задняя крышка для IPhone 8 Plus Original (красный)</t>
  </si>
  <si>
    <t>Задняя крышка для IPhone 8 Plus Original (черный)</t>
  </si>
  <si>
    <t>Задняя крышка для IPhone 8 Plus со стеклом камеры (белый)</t>
  </si>
  <si>
    <t>Задняя крышка для IPhone 8 Plus со стеклом камеры (красный)</t>
  </si>
  <si>
    <t>Направляющие для передней камеры для iPhone 8 Plus Оригинал</t>
  </si>
  <si>
    <t>Нижний динамик (звонок) для IPhone 8 plus</t>
  </si>
  <si>
    <t>Нижний динамик (звонок) для IPhone 8 plus Оригинал снятый</t>
  </si>
  <si>
    <t>Нижний шлейф для iPhone 8 Plus (серый) Ориг</t>
  </si>
  <si>
    <t>Нижний шлейф для iPhone 8 Plus (серый) Оригинал снятый</t>
  </si>
  <si>
    <t>Нижний шлейф для iPhone 8 Plus (черный) Ориг</t>
  </si>
  <si>
    <t>Панель подсветки дисплея для IPhone 8 Plus</t>
  </si>
  <si>
    <t>Скотч проклейка АКБ IPhone 8 Plus</t>
  </si>
  <si>
    <t>Стекло для iPhone 8 Plus в сборе с рамкой (белый) c ОСА-плёнкой</t>
  </si>
  <si>
    <t>Стекло для iPhone 8 Plus в сборе с рамкой (черный) c ОСА-плёнкой</t>
  </si>
  <si>
    <t>Шлейф беспроводной зярядки NFC для iPhone 8 Plus (Оригинал снятый)</t>
  </si>
  <si>
    <t>Шлейф для iPhone 8 Plus с кнопками включения, громкости и вспышкой</t>
  </si>
  <si>
    <t>Запчасти для IPhone X</t>
  </si>
  <si>
    <t>NFC антенна для iPhone X</t>
  </si>
  <si>
    <t>Wi-Fi антенна для iPhone X (Оригинал снятый)</t>
  </si>
  <si>
    <t>АКБ для IPhone X Ориг</t>
  </si>
  <si>
    <t>Виброзвонок для IPhone X Оригинал с разбора</t>
  </si>
  <si>
    <t>Винты нижние для IPhone X / XR / XS / XS Max / 11 / 11 Pro / 11 Pro Max Black (цена за пару)</t>
  </si>
  <si>
    <t>Винты нижние для IPhone X / XR / XS / XS Max / 11 / 11 Pro / 11 Pro Max Gold (цена за пару)</t>
  </si>
  <si>
    <t>Держатель SIM для IPhone X (черный)</t>
  </si>
  <si>
    <t>Динамик разговорный для iPhone X</t>
  </si>
  <si>
    <t>Динамик разговорный для iPhone XS с датчиком движения и света</t>
  </si>
  <si>
    <t>Дисплей для iPhone X + тачскрин (черный) Amoled</t>
  </si>
  <si>
    <t>Дисплей для iPhone X + тачскрин (черный) In-Cell</t>
  </si>
  <si>
    <t>Дисплей для iPhone X + тачскрин (черный) Оригинал с разбора уценка</t>
  </si>
  <si>
    <t>Дисплей для iPhone X + тачскрин (черный) Оригинал снятый</t>
  </si>
  <si>
    <t>Дисплей для iPhone X + тачскрин (черный) Оригинал снятый с царапинами</t>
  </si>
  <si>
    <t>Дисплей для iPhone X + тачскрин черный с рамкой (OLED GX)</t>
  </si>
  <si>
    <t>Задняя крышка для iPhone X (серый) Hi-Copy AAA с большим отверстием</t>
  </si>
  <si>
    <t>Задняя крышка для iPhone X (серый) Hi-Copy CE с большим отверстием</t>
  </si>
  <si>
    <t>Кольцо стекла камеры для IPhone (черный)</t>
  </si>
  <si>
    <t>Корпус для Iphone X (черный) в сборе со шлейфами Оригинал снятый</t>
  </si>
  <si>
    <t>Матреринская плата под свап для iPhone X</t>
  </si>
  <si>
    <t>Модуль беспроводной зарядки (Qi) для iPhone X</t>
  </si>
  <si>
    <t>Нижний динамик (звонок) для IPhone X</t>
  </si>
  <si>
    <t>Скотч проклейка АКБ IPhone X</t>
  </si>
  <si>
    <t>Стекло камеры для IPhone X (серебро)</t>
  </si>
  <si>
    <t>Стекло камеры для IPhone X (черный)</t>
  </si>
  <si>
    <t>Тачскрин для IPhone X со шлейфом (без OCA) (черный)</t>
  </si>
  <si>
    <t>Шлейф GSM антенны для IPhone X Оригинал с разбора</t>
  </si>
  <si>
    <t>Шлейф Wi-Fi антены для iPhone X Оригинал снятый</t>
  </si>
  <si>
    <t>Шлейф беспроводной зарядки + кнопки громкости для iPhone X (Оригинал снятый)</t>
  </si>
  <si>
    <t>Шлейф для iPhone X + светочувствительный элемент + микрофон + динамик Copy</t>
  </si>
  <si>
    <t>Шлейф для iPhone X + светочувствительный элемент + микрофон + динамик ORIG</t>
  </si>
  <si>
    <t>Шлейф для iPhone X + светочувствительный элемент + фронтальная камера + Face ID (оригинал с разбора)</t>
  </si>
  <si>
    <t>Шлейф для iPhone X с кнопками громкости ORIG</t>
  </si>
  <si>
    <t>Шлейф для iPhone X с кнопкой включения и вспышкой</t>
  </si>
  <si>
    <t>Шлейф для программатора Face ID iPhone X (JC V1SE, PRO1000S)</t>
  </si>
  <si>
    <t>Шлейф с антеной GSM для iPhone X (Оригинал снятый)</t>
  </si>
  <si>
    <t>Запчасти для IPhone XR</t>
  </si>
  <si>
    <t>NFC антенна для iPhone XR</t>
  </si>
  <si>
    <t>Wi-Fi антенна для IPhone XR 821-01787-A</t>
  </si>
  <si>
    <t>Wi-Fi антенна для IPhone XR 821-01964-A</t>
  </si>
  <si>
    <t>АКБ для IPhone XR (без шлейфа, под пайку)</t>
  </si>
  <si>
    <t>АКБ для IPhone XR (Оригинал снятый 80%)</t>
  </si>
  <si>
    <t>АКБ для IPhone XR Orig</t>
  </si>
  <si>
    <t>Виброзвонок для IPhone XR</t>
  </si>
  <si>
    <t>Виброзвонок для iPhone XR (Оригинал снятый)</t>
  </si>
  <si>
    <t>Держатель SIM для iPhone XR (белый)</t>
  </si>
  <si>
    <t>Держатель SIM для iPhone XR (желтый)</t>
  </si>
  <si>
    <t>Держатель SIM для iPhone XR (коралловый)</t>
  </si>
  <si>
    <t>Держатель SIM для iPhone XR (красный)</t>
  </si>
  <si>
    <t>Держатель SIM для iPhone XR (синий)</t>
  </si>
  <si>
    <t>Держатель SIM для iPhone XR (черный)</t>
  </si>
  <si>
    <t>Динамик разговорный для iPhone XR</t>
  </si>
  <si>
    <t>Дисплей для iPhone XR + тачскрин (черный) In-Cell (без гарантии)</t>
  </si>
  <si>
    <t>Дисплей для iPhone XR + тачскрин (черный) In-Cell JK</t>
  </si>
  <si>
    <t>Дисплей для iPhone XR + тачскрин (черный) Original (завод)</t>
  </si>
  <si>
    <t>Дисплей для iPhone XR + тачскрин (черный) Оригинал восстановленный</t>
  </si>
  <si>
    <t>Дисплей для iPhone XR + тачскрин (черный) Оригинал восстановленный (уценка)</t>
  </si>
  <si>
    <t>Дисплей для iPhone XR + тачскрин (черный) Оригинал с разбора</t>
  </si>
  <si>
    <t>Дисплей для iPhone XR + тачскрин (черный) Оригинал снятый</t>
  </si>
  <si>
    <t>Дисплей для iPhone XR + тачскрин (черный) Оригинал снятый с царапинами</t>
  </si>
  <si>
    <t>Задняя камера для IPhone XR Оригинал снятый</t>
  </si>
  <si>
    <t>Задняя крышка для IPhone XR (белый) Hi-Copy AAA с большим отверстием</t>
  </si>
  <si>
    <t>Задняя крышка для IPhone XR (белый) Hi-Copy CE с большим отверстием</t>
  </si>
  <si>
    <t>Задняя крышка для IPhone XR (белый) Original</t>
  </si>
  <si>
    <t>Задняя крышка для IPhone XR (желтый) Hi-Copy AAA с большим отверстием</t>
  </si>
  <si>
    <t>Задняя крышка для IPhone XR (желтый) Hi-Copy CE с большим отверстием</t>
  </si>
  <si>
    <t>Задняя крышка для IPhone XR (желтый) Original</t>
  </si>
  <si>
    <t>Задняя крышка для IPhone XR (желтый) Original со стеклом камеры</t>
  </si>
  <si>
    <t>Задняя крышка для IPhone XR (коралловый) Hi-Copy AAA с большим отверстием</t>
  </si>
  <si>
    <t>Задняя крышка для IPhone XR (коралловый) Hi-Copy CE с большим отверстием</t>
  </si>
  <si>
    <t>Задняя крышка для IPhone XR (коралловый) Original</t>
  </si>
  <si>
    <t>Задняя крышка для IPhone XR (коралловый) Original со стеклом камеры</t>
  </si>
  <si>
    <t>Задняя крышка для IPhone XR (красный) Hi-Copy AAA с большим отверстием</t>
  </si>
  <si>
    <t>Задняя крышка для IPhone XR (серый) Hi-Copy AAA с большим отверстием</t>
  </si>
  <si>
    <t>Задняя крышка для IPhone XR (серый) Hi-Copy CE с большим отверстием</t>
  </si>
  <si>
    <t>Задняя крышка для IPhone XR (синий) Hi-Copy AAA с большим отверстием</t>
  </si>
  <si>
    <t>Задняя крышка для IPhone XR (синий) Hi-Copy CE с большим отверстием</t>
  </si>
  <si>
    <t>Задняя крышка для IPhone XR (синий) Original</t>
  </si>
  <si>
    <t>Задняя крышка для IPhone XR (синий) Original со стеклом камеры</t>
  </si>
  <si>
    <t>Коннектор SIM-карты для iPhone XR со шлейфом (Оригинал с разбора)</t>
  </si>
  <si>
    <t>Корпус для IPhone XR (белый) Copy</t>
  </si>
  <si>
    <t>Корпус для IPhone XR (белый) со шлейфами (Оригинал снятый)</t>
  </si>
  <si>
    <t>Корпус для IPhone XR (желтый) Copy</t>
  </si>
  <si>
    <t>Корпус для IPhone XR (коралл) Copy</t>
  </si>
  <si>
    <t>Корпус для IPhone XR (красный) Copy</t>
  </si>
  <si>
    <t>Корпус для IPhone XR (синий) Original CE</t>
  </si>
  <si>
    <t>Материнская плата (под свап) для iPhone XR</t>
  </si>
  <si>
    <t>Нижний динамик (звонок) для IPhone XR</t>
  </si>
  <si>
    <t>Передняя камера для IPhone XR + Face ID (Оригинал с разбора)</t>
  </si>
  <si>
    <t>Скотч проклейка АКБ IPhone XR</t>
  </si>
  <si>
    <t>Стекло для IPhone XR с рамкой и OCA плёнкой (черный)</t>
  </si>
  <si>
    <t>Стекло камеры для IPhone XR (золото)</t>
  </si>
  <si>
    <t>Стекло камеры для IPhone XR (синий)</t>
  </si>
  <si>
    <t>Стекло камеры для IPhone XR (черный)</t>
  </si>
  <si>
    <t>Тачскрин для IPhone XR с рамкой и OCA плёнкой (черный) Orig</t>
  </si>
  <si>
    <t>Шлейф NFC для IPhone XR Оригинал с разбора</t>
  </si>
  <si>
    <t>Шлейф для iPhone XR + светочувствительный элемент + микрофон + динамик Copy</t>
  </si>
  <si>
    <t>Шлейф для iPhone XR + светочувствительный элемент + микрофон + динамик ORIG</t>
  </si>
  <si>
    <t>Шлейф для iPhone XR + светочувствительный элемент + микрофон + динамик Оригинал с разбора</t>
  </si>
  <si>
    <t>Шлейф для iPhone XR на звонок и виброзвонок + антенна (Оригинал с разбора)</t>
  </si>
  <si>
    <t>Шлейф для программатора Face ID iPhone XR (JC V1SE, PRO1000S)</t>
  </si>
  <si>
    <t>Шлейф сигнальной антенны (GSM) для iPhone XR</t>
  </si>
  <si>
    <t>Запчасти для IPhone XS</t>
  </si>
  <si>
    <t>NFC антенна для iPhone XS</t>
  </si>
  <si>
    <t>АКБ для IPhone XS (без шлейфа, под пайку)</t>
  </si>
  <si>
    <t>АКБ для IPhone XS Orig</t>
  </si>
  <si>
    <t>Дисплей для iPhone XS + тачскрин (черный) Amoled</t>
  </si>
  <si>
    <t>Дисплей для iPhone XS + тачскрин (черный) In-Cell</t>
  </si>
  <si>
    <t>Дисплей для iPhone XS + тачскрин (черный) OLED GX</t>
  </si>
  <si>
    <t>Дисплей для iPhone XS + тачскрин (черный) Original (завод)</t>
  </si>
  <si>
    <t>Дисплей для iPhone XS + тачскрин (черный) Оригинал снятый</t>
  </si>
  <si>
    <t>Задняя камера для iPhone XS / XS Max Original</t>
  </si>
  <si>
    <t>Задняя крышка для IPhone XS (белый)</t>
  </si>
  <si>
    <t>Задняя крышка для IPhone XS (белый) + Стекло камеры, монтажное кольцо</t>
  </si>
  <si>
    <t>Задняя крышка для IPhone XS (белый) Hi-Copy AAA  с большим отверстием</t>
  </si>
  <si>
    <t>Задняя крышка для IPhone XS (белый) Hi-Copy CE  с большим отверстием</t>
  </si>
  <si>
    <t>Задняя крышка для IPhone XS (золото)</t>
  </si>
  <si>
    <t>Задняя крышка для IPhone XS (золото) + Стекло камеры, монтажное кольцо</t>
  </si>
  <si>
    <t>Задняя крышка для IPhone XS (золото) Hi-Copy AAA с большим отверстием</t>
  </si>
  <si>
    <t>Задняя крышка для IPhone XS (золото) Hi-Copy CE с большим отверстием</t>
  </si>
  <si>
    <t>Задняя крышка для IPhone XS (серый)</t>
  </si>
  <si>
    <t>Задняя крышка для IPhone XS (серый) + Стекло камеры, монтажное кольцо</t>
  </si>
  <si>
    <t>Задняя крышка для IPhone XS (черный) Hi-Copy AAA с большим отверстием</t>
  </si>
  <si>
    <t>Корпус для iPhone XS (белый) Copy</t>
  </si>
  <si>
    <t>Корпус для iPhone XS (золото) Copy</t>
  </si>
  <si>
    <t>Корпус для iPhone XS (черный) Copy</t>
  </si>
  <si>
    <t>Нижний шлейф для iPhone XS (серый)</t>
  </si>
  <si>
    <t>Нижний шлейф для iPhone XS (серый) Ориг</t>
  </si>
  <si>
    <t>Нижний шлейф для iPhone XS (черный)</t>
  </si>
  <si>
    <t>Нижний шлейф для iPhone XS (черный) Ориг</t>
  </si>
  <si>
    <t>Скотч проклейка АКБ IPhone XS</t>
  </si>
  <si>
    <t>Стекло для IPhone XS с OCA-плёнкой (черный)</t>
  </si>
  <si>
    <t>Стекло для IPhone XS с рамкой и OCA плёнкой (черный)</t>
  </si>
  <si>
    <t>Шлейф для iPhone XS + светочувствительный элемент + микрофон + динамик COPY</t>
  </si>
  <si>
    <t>Шлейф для программатора Face ID iPhone XS (JC V1SE, PRO1000S)</t>
  </si>
  <si>
    <t>Запчасти для IPhone XS Max</t>
  </si>
  <si>
    <t>NFC антенна для iPhone XS Max</t>
  </si>
  <si>
    <t>Wi-Fi антенна для IPhone XS Max</t>
  </si>
  <si>
    <t>АКБ для IPhone XS Max (без шлейфа, под пайку)</t>
  </si>
  <si>
    <t>АКБ для IPhone XS Max Copy</t>
  </si>
  <si>
    <t>АКБ для IPhone XS Max Orig</t>
  </si>
  <si>
    <t>Виброзвонок для iPhone XS Max</t>
  </si>
  <si>
    <t>Дисплей для iPhone XS Max + тачскрин (черный) AMOLED</t>
  </si>
  <si>
    <t>Дисплей для iPhone XS Max + тачскрин (черный) Hard OLED GX</t>
  </si>
  <si>
    <t>Дисплей для iPhone XS Max + тачскрин (черный) In-Cell</t>
  </si>
  <si>
    <t>Дисплей для iPhone XS Max + тачскрин (черный) OLED</t>
  </si>
  <si>
    <t>Дисплей для iPhone XS Max + тачскрин (черный) Оригинал с разбора</t>
  </si>
  <si>
    <t>Дисплей для iPhone XS Max + тачскрин (черный) Оригинал Уценка (пятно сверху)</t>
  </si>
  <si>
    <t>Задняя крышка для IPhone XS Max (белый) CE</t>
  </si>
  <si>
    <t>Задняя крышка для IPhone XS Max (белый) Hi-Copy AAA с большим отверстием</t>
  </si>
  <si>
    <t>Задняя крышка для IPhone XS Max (белый) Hi-Copy CE с большим отверстием</t>
  </si>
  <si>
    <t>Задняя крышка для IPhone XS Max (золото) Hi-Copy AAA с большим отверстием</t>
  </si>
  <si>
    <t>Задняя крышка для IPhone XS Max (золото) Hi-Copy CE с большим отверстием</t>
  </si>
  <si>
    <t>Задняя крышка для IPhone XS Max (серый) Hi-Copy AAA с большим отверстием</t>
  </si>
  <si>
    <t>Задняя крышка для IPhone XS Max (серый) Hi-Copy CE с большим отверстием</t>
  </si>
  <si>
    <t>Нижний шлейф для iPhone XS Max (серый) Ориг</t>
  </si>
  <si>
    <t>Нижний шлейф для iPhone XS Max (черный) Ориг</t>
  </si>
  <si>
    <t>Передняя камера для IPhone XS Max (черный) Оригинал с разбора</t>
  </si>
  <si>
    <t>Рамка дисплея для IPhone XS Max</t>
  </si>
  <si>
    <t>Скотч проклейка АКБ IPhone XS Max</t>
  </si>
  <si>
    <t>Стекло для IPhone XS Max (без OCA) (черный)</t>
  </si>
  <si>
    <t>Стекло для IPhone XS Max с OCA-плёнкой (черный)</t>
  </si>
  <si>
    <t>Стекло камеры для IPhone XS / XS Max (без кольца)</t>
  </si>
  <si>
    <t>Стекло камеры для IPhone XS / XS Max (черный)</t>
  </si>
  <si>
    <t>Тачскрин для IPhone XS Max (без OCA) (черный) Оригинал</t>
  </si>
  <si>
    <t>Тачскрин для IPhone XS Max с рамкой (черный) G + OCA Pro</t>
  </si>
  <si>
    <t>Тачскрин для IPhone XS Max с рамкой и OCA плёнкой (черный) Copy</t>
  </si>
  <si>
    <t>Шлейф WiFi антенны и динамика звонка IPhone XS Max</t>
  </si>
  <si>
    <t>Шлейф для iPhone XS Max + светочувствительный элемент + микрофон + динамик (Оригинал с разбора)</t>
  </si>
  <si>
    <t>Шлейф для программатора Face ID iPhone XS Max (JC V1SE, PRO1000S)</t>
  </si>
  <si>
    <t>Шлейф с боковыми кнопками для IPhone XS Max</t>
  </si>
  <si>
    <t>Запчасти для IPod</t>
  </si>
  <si>
    <t>Дисплей для iPod 4/4G+ тачскрин черный</t>
  </si>
  <si>
    <t>Кнопки Home</t>
  </si>
  <si>
    <t>Кнопка "Home" для iPad Air 2 (золото)</t>
  </si>
  <si>
    <t>Кнопка "Home" для iPad Air 2 (черный)</t>
  </si>
  <si>
    <t>Кнопка "Home" для iPhone 5S в сборе с толкателем, шлейфом и сканером отпечатка пальца (серебро)</t>
  </si>
  <si>
    <t>Кнопка "Home" для iPhone 6/6 plus (серебро) Copy</t>
  </si>
  <si>
    <t>Кнопка "Home" для iPhone 6/6 plus (серебро) Оригинал</t>
  </si>
  <si>
    <t>Кнопка "Home" для iPhone 6/6 plus (черный) Copy</t>
  </si>
  <si>
    <t>Кнопка "Home" для iPhone 6/6 plus (черный) Оригинал</t>
  </si>
  <si>
    <t>Кнопка "Home" для iPhone 6S / 6S Plus (серебро) Copy</t>
  </si>
  <si>
    <t>Кнопка "Home" для iPhone 6S / 6S Plus (серебро) Оригинал</t>
  </si>
  <si>
    <t>Кнопка "Home" для iPhone 6S / 6S Plus (черный) Copy</t>
  </si>
  <si>
    <t>Кнопка "Home" для iPhone 6S / 6S Plus (черный) Оригинал</t>
  </si>
  <si>
    <t>Кнопка HOME для iPhone 5 (вид как на 5S) золотисто-черная</t>
  </si>
  <si>
    <t>Шлейф для iPhone 7 / 8 / 7 Plus / 8 Plus + сенсорная кнопка Home (золото)</t>
  </si>
  <si>
    <t>Шлейф для iPhone 7 / 8 / 7 Plus / 8 Plus + сенсорная кнопка Home (розовое золото)</t>
  </si>
  <si>
    <t>Шлейф для iPhone 7 / 8 / 7 Plus / 8 Plus + сенсорная кнопка Home (серебро)</t>
  </si>
  <si>
    <t>Шлейф для iPhone 7 / 8 / 7 Plus / 8 Plus + сенсорная кнопка Home (черный)</t>
  </si>
  <si>
    <t>Шлейф для iPhone 7 / 8 / 7 Plus / 8 Plus + сенсорная кнопка Home (черный) Оригинал снятый</t>
  </si>
  <si>
    <t>Шлейф для iPhone 8 / 8 Plus + сенсорная кнопка Home (золото) Copy AAA</t>
  </si>
  <si>
    <t>Микросхемы для Apple</t>
  </si>
  <si>
    <t>U-SIM LTE 4G Pro Sim Overlay</t>
  </si>
  <si>
    <t>Микросхема BCM5976C1KUB6G Контроллер тачскрина для iPhone 5 / 5S / Iphone 6 / 6 Plus и др</t>
  </si>
  <si>
    <t>Микросхема зарядки U2 tristar для iPhone (36pin) (1610A1)</t>
  </si>
  <si>
    <t>Микросхема контроллер аудио для iPhone 6 (338S1202)</t>
  </si>
  <si>
    <t>Микросхема контроллер аудио для iPhone XR / XS / XS Max / 11 / 11 Pro / 11 Pro Max (338S00411)</t>
  </si>
  <si>
    <t>Микросхема контроллер зарядки Apple iPhone 6 IC U2 1608A2/A3B</t>
  </si>
  <si>
    <t>Микросхема управления звуком 338S1201 для Apple iPhone 5S, iPhone 6, iPhone 6 Plus</t>
  </si>
  <si>
    <t>Микросхема управления тачскрином (touch IC 343S0694 U2402) для iPhone 6 / 6 Plus</t>
  </si>
  <si>
    <t>Шлейф датчиков в сборе с динамиком верхним iPhone XS Max для программатора JCID</t>
  </si>
  <si>
    <t>Трафареты для Apple</t>
  </si>
  <si>
    <t>Трафарет BGA Qianli для iPhone X межплатный</t>
  </si>
  <si>
    <t>Трафарет BGA для iPhone 13 / 13 Pro / 13 Pro Max / 13 Mini</t>
  </si>
  <si>
    <t>Трафарет BGA для iPhone 6 Plus</t>
  </si>
  <si>
    <t>Трафарет BGA для iPhone 6S</t>
  </si>
  <si>
    <t>Трафарет BGA для iPhone 7</t>
  </si>
  <si>
    <t>Трафарет BGA для iPhone 7 Plus</t>
  </si>
  <si>
    <t>Трафарет BGA для iPhone X</t>
  </si>
  <si>
    <t>Трафарет BGA для iPhone Xs</t>
  </si>
  <si>
    <t>Трафарет BGA для iPhone Xs Max</t>
  </si>
  <si>
    <t>Запчасти для ноутбуков и ПК</t>
  </si>
  <si>
    <t>Вентиляторы, системы охлаждения</t>
  </si>
  <si>
    <t>Вентиляторы HP</t>
  </si>
  <si>
    <t>Вентилятор для ноутбука HP Pavilion G4, G6, G7 P/N 646578-001</t>
  </si>
  <si>
    <t>Жесткие диски</t>
  </si>
  <si>
    <t>SSD накопители</t>
  </si>
  <si>
    <t>Твердотельный накопитель 128ГБ SSD HEREYOU 2,5 '' SATA3</t>
  </si>
  <si>
    <t>Твердотельный накопитель 128ГБ SSD PHILIPS 2,5 '' SATA3</t>
  </si>
  <si>
    <t>Твердотельный накопитель 256ГБ SSD HEREYOU 2,5 '' SATA3</t>
  </si>
  <si>
    <t>Твердотельный накопитель 256ГБ SSD PHILIPS 2,5 '' SATA3</t>
  </si>
  <si>
    <t>Твердотельный накопитель 512ГБ SSD HEREYOU 2,5 '' SATA3</t>
  </si>
  <si>
    <t>Твердотельный накопитель 512ГБ SSD PHILIPS 2,5 '' SATA3</t>
  </si>
  <si>
    <t>Жесткие диски 3.5"</t>
  </si>
  <si>
    <t>Жесткий диск Toshiba MG07ACA12TE 12ТБ 3.5" 7200RPM 256MB SATA 512E</t>
  </si>
  <si>
    <t>Корпусные части</t>
  </si>
  <si>
    <t>Корпус ноутбука Irbis NB138 (синий) в сборе со шлейфами + матрица IPS 13.3" с крышкой + клавиатура</t>
  </si>
  <si>
    <t>Матрицы</t>
  </si>
  <si>
    <t>Матрица 15.6" N156BGA-EA2 30-pin Slim 1366*768 HD (матовая, Уши вверх/вниз) Б/У</t>
  </si>
  <si>
    <t>Матрица для ноутбука NT116WHM-N11 11.6", 1366x768 WXGA HD LED</t>
  </si>
  <si>
    <t>Оперативная память</t>
  </si>
  <si>
    <t>Оперативная память Veht SODIMM 4Gb DDR3 1333 МГц (PC3-10600) 1.5V</t>
  </si>
  <si>
    <t>Оперативная память Veht SODIMM 4Gb DDR3 1600 МГц (PC3-12800) 1.5V</t>
  </si>
  <si>
    <t>Оперативная память Veht SODIMM 8Gb DDR3 1333 МГц (PC3-10600) 1.5V</t>
  </si>
  <si>
    <t>Разъемы</t>
  </si>
  <si>
    <t>Слот / Разъем памяти DIMM DDR3 desktop 240pin 1.5v</t>
  </si>
  <si>
    <t>Разъемы зарядки для ноутбуков</t>
  </si>
  <si>
    <t>Разъем зарядки для Asus A52F K52 X53</t>
  </si>
  <si>
    <t>Разъем зарядки для Asus EEE PC 1001 / EEE PC 1005</t>
  </si>
  <si>
    <t>Разъем зарядки для Lenovo G400, G500, X1 Carbon (с кабелем)</t>
  </si>
  <si>
    <t>Разъем зарядки для Samsung 300V NP300E5A</t>
  </si>
  <si>
    <t>Разъем зарядки для Samsung N150 R560 R580</t>
  </si>
  <si>
    <t>Шлейфы</t>
  </si>
  <si>
    <t>Шлейфы для HP</t>
  </si>
  <si>
    <t>Шлейф матрицы для Lenovo V330-15, V330-15ikb (450.0DB07.0011)</t>
  </si>
  <si>
    <t>Запчасти для сотовых</t>
  </si>
  <si>
    <t>OCA-плёнки</t>
  </si>
  <si>
    <t>OCA плёнка для Huawei Honor 10 Lite / 10i / 20 Lite / 20i</t>
  </si>
  <si>
    <t>OCA пленка для IPhone XR / 11 (250 um)</t>
  </si>
  <si>
    <t>OCA пленка для IPhone XS Max / 11 Pro Max (250 um)</t>
  </si>
  <si>
    <t>OCA пленка для Samsung Galaxy A21s A217F (250 um)</t>
  </si>
  <si>
    <t>OCA плёнка для Samsung Galaxy A30 A305F / A50 A505F / A50S A507F / M21 M215F / M30 M305F / M30s M307</t>
  </si>
  <si>
    <t>OCA пленка для Samsung Galaxy A51 A515F (250 um)</t>
  </si>
  <si>
    <t>OCA пленка универсальная 12.3 дюймов (175 um)</t>
  </si>
  <si>
    <t>OCA пленка универсальная 6.5 дюймов (150 um)</t>
  </si>
  <si>
    <t>OCA пленка универсальная 6.8 дюймов (175 um)</t>
  </si>
  <si>
    <t>OCA пленка универсальная 6.8 дюймов (200 um)</t>
  </si>
  <si>
    <t>OCA пленка универсальная 6.8 дюймов (250 um)</t>
  </si>
  <si>
    <t>OCA пленка универсальная 7.0 дюймов (175 um)</t>
  </si>
  <si>
    <t>OCA пленка универсальная 7.0 дюймов (250 um)</t>
  </si>
  <si>
    <t>OCA пленка универсальная 8.0 дюймов (175 um)</t>
  </si>
  <si>
    <t>OCA пленка универсальная 8.0 дюймов (250 um)</t>
  </si>
  <si>
    <t>Поляризационная плёнка для IPhone 5 / IPhone 5s / IPhone 5C</t>
  </si>
  <si>
    <t>Поляризационная плёнка для IPhone 6 / IPhone 6s / IPhone 8</t>
  </si>
  <si>
    <t>Поляризационная плёнка для IPhone 6 Plus / IPhone 6s Plus / IPhone 8 Plus</t>
  </si>
  <si>
    <t>Поляризационная плёнка для IPhone 7</t>
  </si>
  <si>
    <t>Поляризационная плёнка для IPhone 7 Plus</t>
  </si>
  <si>
    <t>Поляризационная плёнка для IPhone XR / IPhone 11</t>
  </si>
  <si>
    <t>Болты</t>
  </si>
  <si>
    <t>Болты для Xiaomi POCO M3 (синий)</t>
  </si>
  <si>
    <t>Динамики, звонки</t>
  </si>
  <si>
    <t>Asus</t>
  </si>
  <si>
    <t>Динамик (Звонок) Asus ZD551KL (ZenFone Selfie)</t>
  </si>
  <si>
    <t>Динамик (Звонок) Asus ZE500CL Z00D</t>
  </si>
  <si>
    <t>Динамик (звонок) для Asus Zenfone Max (M2) (ZB633KL) Оригинал с разбора</t>
  </si>
  <si>
    <t>Google Pixel</t>
  </si>
  <si>
    <t>Виброзвонок для Google Pixel 4A (Оригинал снятый)</t>
  </si>
  <si>
    <t>Динамик (звонок) для Google Pixel 4A Оригинал снятый</t>
  </si>
  <si>
    <t>Динамик разговорный для Google Pixel 4A (Оригинал снятый)</t>
  </si>
  <si>
    <t>HTC</t>
  </si>
  <si>
    <t>Динамик (звонок) для HTC Wildfire E2 (Оригинал с разбора)</t>
  </si>
  <si>
    <t>Динамик разговорный для HTC Wildfire E2 (Оригинал с разбора)</t>
  </si>
  <si>
    <t>Huawei / Honor</t>
  </si>
  <si>
    <t>Виброзвонок для Huawei Honor 7A Pro Оригинал снятый</t>
  </si>
  <si>
    <t>Виброзвонок для Huawei Honor 9 Оригинал снятый</t>
  </si>
  <si>
    <t>Виброзвонок для Huawei Huawei Y8p Оригинал с разбора</t>
  </si>
  <si>
    <t>Виброзвонок для Huawei Nova Y70 (Оригинал снятый)</t>
  </si>
  <si>
    <t>Динамик (звонок) в сборе для Huawei Honor 10</t>
  </si>
  <si>
    <t>Динамик (звонок) в сборе для Huawei P40 Lite</t>
  </si>
  <si>
    <t>Динамик (звонок) для Honor 10X Lite Оригинал снятый</t>
  </si>
  <si>
    <t>Динамик (звонок) для Honor 50 Оригинал снятый</t>
  </si>
  <si>
    <t>Динамик (звонок) для Honor 8X (Оригинал снятый)</t>
  </si>
  <si>
    <t>Динамик (звонок) для Huawei Honor 20 Lite в сборе</t>
  </si>
  <si>
    <t>Динамик (звонок) для Huawei Honor 4C Pro в сборе</t>
  </si>
  <si>
    <t>Динамик (звонок) для Huawei Nova 2i в сборе</t>
  </si>
  <si>
    <t>Динамик (звонок) для Huawei Nova Y70 Оригинал снятый</t>
  </si>
  <si>
    <t>Динамик (звонок) для Huawei Nova в сборе</t>
  </si>
  <si>
    <t>Динамик (звонок) для Huawei P20 Lite в сборе с виброзвонком Оригинал снятый</t>
  </si>
  <si>
    <t>Динамик (звонок) для Huawei P30 Lite / Honor 20S в сборе</t>
  </si>
  <si>
    <t>Динамик (звонок) для Huawei P30 Pro в сборе</t>
  </si>
  <si>
    <t>Динамик (звонок) для Huawei P40 Lite в сборе</t>
  </si>
  <si>
    <t>Динамик (звонок) для Huawei Y5 2019/Honor 8S в сборе</t>
  </si>
  <si>
    <t>Динамик разговорный для Honor 10X Lite Оригинал снятый</t>
  </si>
  <si>
    <t>Динамик разговорный для Honor 20 Оригинал снятый</t>
  </si>
  <si>
    <t>Динамик разговорный для Honor 8 Lite Оригинал снятый</t>
  </si>
  <si>
    <t>Динамик разговорный для Honor 9 Lite</t>
  </si>
  <si>
    <t>Динамик разговорный для Huawei Honor 7A Pro Оригинал снятый</t>
  </si>
  <si>
    <t>Динамик разговорный для Huawei P20 Lite Оригинал снятый</t>
  </si>
  <si>
    <t>Динамик разговорный для Huawei Y8p Оригинал с разбора</t>
  </si>
  <si>
    <t>Meizu</t>
  </si>
  <si>
    <t>Динамик (звонок) в сборе для Meizu M3 mini M688U Оригинал</t>
  </si>
  <si>
    <t>Динамик разговорный для Meizu M3 mini M688U / Meizu M5s M612H Оригинал</t>
  </si>
  <si>
    <t>Realme</t>
  </si>
  <si>
    <t>Виброзвонок для Realme 10 Оригинал снятый</t>
  </si>
  <si>
    <t>Динамик (звонок) для Realme 8 Оригинал снятый</t>
  </si>
  <si>
    <t>Динамик (звонок) для Realme C25 / C25S Оригинал снятый</t>
  </si>
  <si>
    <t>Динамик разговорный для Realme 8 Оригинал снятый</t>
  </si>
  <si>
    <t>Динамик разговорный для Realme C21 / C21Y / C25 / C25S / C25Y / C11 2021 Оригинал снятый</t>
  </si>
  <si>
    <t>Динамик разговорный для Realme GT Master Edition (RMX3363) 5G Оригинал с разбора</t>
  </si>
  <si>
    <t>Samsung</t>
  </si>
  <si>
    <t>Виброзвонок для Samsung Galaxy A20 A205F Оригинал снятый</t>
  </si>
  <si>
    <t>Виброзвонок для Samsung Galaxy A3 2016 A310F</t>
  </si>
  <si>
    <t>Виброзвонок для Samsung Galaxy A30 A305F / A50 A505F / M31 M315F/ M21 M215F / M30s M307F</t>
  </si>
  <si>
    <t>Виброзвонок для Samsung Galaxy A31 A315F (оригинал с разбора)</t>
  </si>
  <si>
    <t>Виброзвонок для Samsung Galaxy A32 4G / A325F (Оригинал снятый)</t>
  </si>
  <si>
    <t>Виброзвонок для Samsung Galaxy A40 A405F Оригинал снятый</t>
  </si>
  <si>
    <t>Виброзвонок для Samsung Galaxy A52 A525F Оригинал сразбора</t>
  </si>
  <si>
    <t>Виброзвонок для Samsung Galaxy A6 2018 A600F</t>
  </si>
  <si>
    <t>Виброзвонок для Samsung Galaxy A70 A705F (Оригинал снятый)</t>
  </si>
  <si>
    <t>Виброзвонок для Samsung Galaxy A9 2018 A920F Оригинал с разбора</t>
  </si>
  <si>
    <t>Виброзвонок для Samsung Galaxy J2 2018 J250F (Оригинал снятый)</t>
  </si>
  <si>
    <t>Виброзвонок для Samsung Galaxy Note 10 Plus N975F Оригинал снятый</t>
  </si>
  <si>
    <t>Виброзвонок для Samsung Galaxy S10 G973  Оригинал снятый</t>
  </si>
  <si>
    <t>Виброзвонок для Samsung Galaxy S10 Plus G975  Оригинал снятый</t>
  </si>
  <si>
    <t>Виброзвонок для Samsung Galaxy S20 Plus / G985F (Оригинал снятый)</t>
  </si>
  <si>
    <t>Виброзвонок для Samsung Galaxy S7 G930F / S7 Edge G935F</t>
  </si>
  <si>
    <t>Виброзвонок для Samsung Galaxy S8 G950F / S8 Plus G955F Оригинал</t>
  </si>
  <si>
    <t>Виброзвонок для Xiaomi 11T (Оригинал с разбора)</t>
  </si>
  <si>
    <t>Диамик разговорный для Samsung Galaxy A6 2018 A600F Оригинал</t>
  </si>
  <si>
    <t>Динамик (звонок)  для Samsung Galaxy S21 5G (G991) Оригинал снятый</t>
  </si>
  <si>
    <t>Динамик (звонок) + комплект прижимных пластин для Samsung Galaxy S7 G930F (Оригинал снятый)</t>
  </si>
  <si>
    <t>Динамик (звонок) в сборе для Samsung Ativ S GT-I8750</t>
  </si>
  <si>
    <t>Динамик (звонок) для Samsung Galaxy A11 A115F в сборе</t>
  </si>
  <si>
    <t>Динамик (звонок) для Samsung Galaxy A20 A205F Оригинал снятый</t>
  </si>
  <si>
    <t>Динамик (звонок) для Samsung Galaxy A3 2017 A320F в сборе Оригинал</t>
  </si>
  <si>
    <t>Динамик (звонок) для Samsung Galaxy A40 A405F (оригинал снятый)</t>
  </si>
  <si>
    <t>Динамик (звонок) для Samsung Galaxy A50 A505F, оригинал</t>
  </si>
  <si>
    <t>Динамик (звонок) для Samsung Galaxy A51 A515F со шлейфом</t>
  </si>
  <si>
    <t>Динамик (звонок) для Samsung Galaxy A52 A525F (оригинал с разбора)</t>
  </si>
  <si>
    <t>Динамик (звонок) для Samsung Galaxy A53 A536F Оригинал снятый</t>
  </si>
  <si>
    <t>Динамик (звонок) для Samsung Galaxy A6 2018 A600F в сборе Оригинал</t>
  </si>
  <si>
    <t>Динамик (звонок) для Samsung Galaxy A6 Plus A605F Оригинал снятый</t>
  </si>
  <si>
    <t>Динамик (звонок) для Samsung Galaxy A72 A725F (Оригинал снятый)</t>
  </si>
  <si>
    <t>Динамик (звонок) для Samsung Galaxy A8 2018 A530F в сборе Оригинал</t>
  </si>
  <si>
    <t>Динамик (звонок) для Samsung Galaxy A9 2018 A920F Оригинал с разбора</t>
  </si>
  <si>
    <t>Динамик (звонок) для Samsung Galaxy J2 2018 J250F (Оригинал снятый)</t>
  </si>
  <si>
    <t>Динамик (звонок) для Samsung Galaxy J7 2017 J730F</t>
  </si>
  <si>
    <t>Динамик (звонок) для Samsung Galaxy S10 Lite G770F (Оригинал с разбора)</t>
  </si>
  <si>
    <t>Динамик (звонок) для Samsung Galaxy S10 Plus G975F Оригинал снятый</t>
  </si>
  <si>
    <t>Динамик (звонок) для Samsung Galaxy S10e G970F Оригинал снятый</t>
  </si>
  <si>
    <t>Динамик (звонок) для Samsung Galaxy S10e SM-G970F</t>
  </si>
  <si>
    <t>Динамик (звонок) для Samsung Galaxy S20 FE (Оригинал снятый)</t>
  </si>
  <si>
    <t>Динамик (звонок) для Samsung Galaxy S20 G980F / G981F (Оригинал с разбора)</t>
  </si>
  <si>
    <t>Динамик (звонок) для Samsung Galaxy S20 Plus / G985F (Оригинал снятый)</t>
  </si>
  <si>
    <t>Динамик (звонок) для Samsung Galaxy S21 Plus 5G G996B в сборе Оригинал</t>
  </si>
  <si>
    <t>Динамик (звонок) для Samsung Galaxy S7 Edge G935 G935F Оригинал</t>
  </si>
  <si>
    <t>Динамик (звонок) для Samsung Galaxy S7 G930F (Оригинал с разбора)</t>
  </si>
  <si>
    <t>Динамик (звонок) для Samsung Galaxy S8 G950F Оригинал</t>
  </si>
  <si>
    <t>Динамик (звонок) для Samsung Galaxy S8 Plus G955F Оригинал</t>
  </si>
  <si>
    <t>Динамик (звонок) для Samsung Galaxy S9 G960F Оригинал с разбора</t>
  </si>
  <si>
    <t>Динамик (звонок) для Samsung Galaxy Z Flip (SM-F700F) Оригинал снятый</t>
  </si>
  <si>
    <t>Динамик (звонок) для Samsung Galaxy Z Flip3 (F711B) Оригинал снятый</t>
  </si>
  <si>
    <t>Динамик (звонок) для Xiaomi 11T в сборе (Оригинал с разбора)</t>
  </si>
  <si>
    <t>Динамик Samsung Galaxy i9600/ G900/ S5</t>
  </si>
  <si>
    <t>Динамик разговорный  для Samsung Galaxy S21 5G (G991) Оригинал снятый</t>
  </si>
  <si>
    <t>Динамик разговорный для Samsung Ativ S GT-I8750 + виброзвонок</t>
  </si>
  <si>
    <t>Динамик разговорный для Samsung Galalxy S6 G920F + микрофон</t>
  </si>
  <si>
    <t>Динамик разговорный для Samsung Galaxy A205 / A305 / A405 / A505 / A515 / A705 / A715 / A125 / A013</t>
  </si>
  <si>
    <t>Динамик разговорный для Samsung Galaxy A3 2016 A310F</t>
  </si>
  <si>
    <t>Динамик разговорный для Samsung Galaxy A3 2017 A320F Оригинал</t>
  </si>
  <si>
    <t>Динамик разговорный для Samsung Galaxy A32 A325F Оригинал снятый</t>
  </si>
  <si>
    <t>Динамик разговорный для Samsung Galaxy A5 2017 A520F / A7 2017 A720F Оригинал снятый</t>
  </si>
  <si>
    <t>Динамик разговорный для Samsung Galaxy A6 Plus A605F (Оригинал снятый)</t>
  </si>
  <si>
    <t>Динамик разговорный для Samsung Galaxy A9 2018 A920F Оригинал с разбора</t>
  </si>
  <si>
    <t>Динамик разговорный для Samsung Galaxy J2 2018 J250F (Оригинал снятый)</t>
  </si>
  <si>
    <t>Динамик разговорный для Samsung Galaxy M31S M317F Оригинал снятый</t>
  </si>
  <si>
    <t>Динамик разговорный для Samsung Galaxy Note 10 Plus N975F Оригинал снятый</t>
  </si>
  <si>
    <t>Динамик разговорный для Samsung Galaxy Note 8 N950 Оригинал с разбора</t>
  </si>
  <si>
    <t>Динамик разговорный для Samsung Galaxy S10 G973 Оригинал снятый</t>
  </si>
  <si>
    <t>Динамик разговорный для Samsung Galaxy S10 Plus G975 Оригинал снятый</t>
  </si>
  <si>
    <t>Динамик разговорный для Samsung Galaxy S20 G980F / G981F (Оригинал с разбора)</t>
  </si>
  <si>
    <t>Динамик разговорный для Samsung Galaxy S21 Plus 5G G996B в сборе Оригинал</t>
  </si>
  <si>
    <t>Динамик разговорный для Samsung Galaxy S7 G930F / S7 Edge G935F (Оригинал с разбора)</t>
  </si>
  <si>
    <t>Динамик разговорный для Samsung Galaxy S8 G950F / S8 Plus G955F / Note 8 N950F / A8 A530F / A8 Plus</t>
  </si>
  <si>
    <t>Динамик разговорный для Samsung Galaxy S9 G960F Оригинал с разбора</t>
  </si>
  <si>
    <t>Динамик разговорный для Samsung Galaxy Z Flip (SM-F700F) Оригинал снятый</t>
  </si>
  <si>
    <t>Динамик разговорный для Xiaomi 11T (Оригинал с разбора)</t>
  </si>
  <si>
    <t>Динамики для Samsung Galaxy Tab 2 7.0 P3110</t>
  </si>
  <si>
    <t>Динамики для Samsung Galaxy Tab S6 Lite P610 / P615 Оригинал</t>
  </si>
  <si>
    <t>Звонок Samsung Galaxy i9500</t>
  </si>
  <si>
    <t>Звонок Samsung Galaxy i9600 / G900 / S5</t>
  </si>
  <si>
    <t>Звонок Samsung Galaxy S4 mini</t>
  </si>
  <si>
    <t>Sony Xperia</t>
  </si>
  <si>
    <t>Динамик (звонок) в сборе для Sony Xperia Z5 E6653 Оригинал с разбора</t>
  </si>
  <si>
    <t>Динамик (звонок) для Sony Xperia X F5121 / X Dual F5122</t>
  </si>
  <si>
    <t>Xiaomi</t>
  </si>
  <si>
    <t>Виброзвонок для Xiaomi Mi 11</t>
  </si>
  <si>
    <t>Виброзвонок для Xiaomi Mi 11 Lite Оригинал снятый</t>
  </si>
  <si>
    <t>Виброзвонок для Xiaomi POCO X3 / X3 Pro</t>
  </si>
  <si>
    <t>Виброзвонок для Xiaomi Redmi 10 Оригинал снятый</t>
  </si>
  <si>
    <t>Виброзвонок для Xiaomi Redmi 7A Оригинал</t>
  </si>
  <si>
    <t>Виброзвонок для Xiaomi Redmi 8 Оригинал с разбора</t>
  </si>
  <si>
    <t>Виброзвонок для Xiaomi Redmi 8A Оригинал с разбора</t>
  </si>
  <si>
    <t>Виброзвонок для Xiaomi Redmi 9 / Note 8 / Note 8T (Оригинал снятый)</t>
  </si>
  <si>
    <t>Виброзвонок для Xiaomi Redmi 9A / Redmi 9C</t>
  </si>
  <si>
    <t>Виброзвонок для Xiaomi Redmi 9A / Redmi 9C Оригинал снятый</t>
  </si>
  <si>
    <t>Виброзвонок для Xiaomi Redmi Note 10 / Note 10s (Оригинал снятый)</t>
  </si>
  <si>
    <t>Виброзвонок для Xiaomi Redmi Note 10 Pro (Оригинал снятый)</t>
  </si>
  <si>
    <t>Виброзвонок для Xiaomi Redmi Note 11 / Note 11S / Poco M4 Pro 5G</t>
  </si>
  <si>
    <t>Виброзвонок для Xiaomi Redmi Note 11 Pro Оригинал снятый</t>
  </si>
  <si>
    <t>Виброзвонок для Xiaomi Redmi Note 4</t>
  </si>
  <si>
    <t>Виброзвонок для Xiaomi Redmi Note 5 Оригинал снятый</t>
  </si>
  <si>
    <t>Виброзвонок для Xiaomi Redmi Note 8 (Оригинал снятый)</t>
  </si>
  <si>
    <t>Виброзвонок для Xiaomi Redmi Note 9 / Note 9 Pro</t>
  </si>
  <si>
    <t>Виброзвонок для Xiaomi Redmi Note 9 / Note 9 Pro Оригинал снятый</t>
  </si>
  <si>
    <t>Вибромотор для  Xiaomi Redmi Note 8 Pro (Оригинал с разбора)</t>
  </si>
  <si>
    <t>Вибромотор для Xiaomi Poco F3 на шлейфе (Оригинал с разбора)</t>
  </si>
  <si>
    <t>Динамик (звонок) для Xiaomi Mi 11  в сборе (Оригинал с разбора)</t>
  </si>
  <si>
    <t>Динамик (звонок) для Xiaomi Mi 11 Lite  в сборе</t>
  </si>
  <si>
    <t>Динамик (звонок) для Xiaomi Mi 11 Lite  в сборе Оригинал снятый</t>
  </si>
  <si>
    <t>Динамик (звонок) для Xiaomi Mi 5S в сборе</t>
  </si>
  <si>
    <t>Динамик (звонок) для Xiaomi Mi 5X / Mi A1 в сборе</t>
  </si>
  <si>
    <t>Динамик (звонок) для Xiaomi Mi 6 в сборе</t>
  </si>
  <si>
    <t>Динамик (звонок) для Xiaomi Mi 6X / Mi A2 в сборе</t>
  </si>
  <si>
    <t>Динамик (звонок) для Xiaomi Mi 8 Lite в сборе</t>
  </si>
  <si>
    <t>Динамик (звонок) для Xiaomi Mi 9  в сборе</t>
  </si>
  <si>
    <t>Динамик (звонок) для Xiaomi Mi 9 SE в сборе</t>
  </si>
  <si>
    <t>Динамик (звонок) для Xiaomi Mi Max 2 в сборе</t>
  </si>
  <si>
    <t>Динамик (звонок) для Xiaomi Mi Max 3 в сборе</t>
  </si>
  <si>
    <t>Динамик (звонок) для Xiaomi Mi Max в сборе</t>
  </si>
  <si>
    <t>Динамик (звонок) для Xiaomi Mi Mix 2 / Mi Mix 2S в сборе</t>
  </si>
  <si>
    <t>Динамик (звонок) для Xiaomi Mi Note 2 в сборе</t>
  </si>
  <si>
    <t>Динамик (звонок) для Xiaomi Mi Note 3 в сборе</t>
  </si>
  <si>
    <t>Динамик (звонок) для Xiaomi Poco F3 (Оригинал с разбора)</t>
  </si>
  <si>
    <t>Динамик (звонок) для Xiaomi POCO M3 / Redmi 9T в сборе</t>
  </si>
  <si>
    <t>Динамик (звонок) для Xiaomi POCO X3 / X3 Pro</t>
  </si>
  <si>
    <t>Динамик (звонок) для Xiaomi Redmi 10 Prime 5G</t>
  </si>
  <si>
    <t>Динамик (звонок) для Xiaomi Redmi 12C (Оригинал снятый)</t>
  </si>
  <si>
    <t>Динамик (звонок) для Xiaomi Redmi 3 / 3S / Note 3 / Note 4 в сборе</t>
  </si>
  <si>
    <t>Динамик (звонок) для Xiaomi Redmi 4 Pro / Prime в сборе</t>
  </si>
  <si>
    <t>Динамик (звонок) для Xiaomi Redmi 4 в сборе</t>
  </si>
  <si>
    <t>Динамик (звонок) для Xiaomi Redmi 4A Оригинал снятый</t>
  </si>
  <si>
    <t>Динамик (звонок) для Xiaomi Redmi 4X в сборе</t>
  </si>
  <si>
    <t>Динамик (звонок) для Xiaomi Redmi 5 Plus в сборе</t>
  </si>
  <si>
    <t>Динамик (звонок) для Xiaomi Redmi 5 в сборе</t>
  </si>
  <si>
    <t>Динамик (звонок) для Xiaomi Redmi 6 / Redmi 6A в сборе</t>
  </si>
  <si>
    <t>Динамик (звонок) для Xiaomi Redmi 6 Pro / Mi A2 Lite в сборе</t>
  </si>
  <si>
    <t>Динамик (звонок) для Xiaomi Redmi 7 Оригинал снятый</t>
  </si>
  <si>
    <t>Динамик (звонок) для Xiaomi Redmi 7A в сборе</t>
  </si>
  <si>
    <t>Динамик (звонок) для Xiaomi Redmi 8 Оригинал с разбора</t>
  </si>
  <si>
    <t>Динамик (звонок) для Xiaomi Redmi 8A Оригинал с разбора</t>
  </si>
  <si>
    <t>Динамик (звонок) для Xiaomi Redmi 9 в сборе (Оригинал снятый)</t>
  </si>
  <si>
    <t>Динамик (звонок) для Xiaomi Redmi 9A / Redmi 9C</t>
  </si>
  <si>
    <t>Динамик (звонок) для Xiaomi Redmi 9A / Redmi 9C Оригинал с разбора</t>
  </si>
  <si>
    <t>Динамик (звонок) для Xiaomi Redmi Go</t>
  </si>
  <si>
    <t>Динамик (звонок) для Xiaomi Redmi Note 10 / Note 10S в сборе</t>
  </si>
  <si>
    <t>Динамик (звонок) для Xiaomi Redmi Note 10 Pro (Оригинал с разбора)</t>
  </si>
  <si>
    <t>Динамик (звонок) для Xiaomi Redmi Note 11 Pro Оригинал снятый</t>
  </si>
  <si>
    <t>Динамик (звонок) для Xiaomi Redmi Note 12 (Оригинал снятый)</t>
  </si>
  <si>
    <t>Динамик (звонок) для Xiaomi Redmi Note 4 в сборе</t>
  </si>
  <si>
    <t>Динамик (звонок) для Xiaomi Redmi Note 4X в сборе</t>
  </si>
  <si>
    <t>Динамик (звонок) для Xiaomi Redmi Note 5 / Note 5 Pro в сборе</t>
  </si>
  <si>
    <t>Динамик (звонок) для Xiaomi Redmi Note 5 / Note 5 Pro Оригмнал снятый</t>
  </si>
  <si>
    <t>Динамик (звонок) для Xiaomi Redmi Note 5A / Note 5A Prime в сборе</t>
  </si>
  <si>
    <t>Динамик (звонок) для Xiaomi Redmi Note 6 Pro в сборе</t>
  </si>
  <si>
    <t>Динамик (звонок) для Xiaomi Redmi Note 7 / Redmi 7 / Mi A3 в сборе</t>
  </si>
  <si>
    <t>Динамик (звонок) для Xiaomi Redmi Note 7 / Redmi 7 / Mi A3 в сборе Оригинал с разбора</t>
  </si>
  <si>
    <t>Динамик (звонок) для Xiaomi Redmi Note 8 (Оригинал снятый)</t>
  </si>
  <si>
    <t>Динамик (звонок) для Xiaomi Redmi Note 8 Pro (Оригинал с разбора)</t>
  </si>
  <si>
    <t>Динамик (звонок) для Xiaomi Redmi Note 8 Pro оригинал</t>
  </si>
  <si>
    <t>Динамик (звонок) для Xiaomi Redmi Note 8T Оригинал с разбора</t>
  </si>
  <si>
    <t>Динамик (звонок) для Xiaomi Redmi Pro в сборе</t>
  </si>
  <si>
    <t>Динамик (звонок) для Xiaomi Redmi S2 в сборе</t>
  </si>
  <si>
    <t>Динамик (звонок) для Xiaomi Redmi S2 в сборе (Оригинал снятый)</t>
  </si>
  <si>
    <t>Динамик разговорный для Xiaomi Mi 11 Lite Оригинал снятый</t>
  </si>
  <si>
    <t>Динамик разговорный для Xiaomi Mi 4i</t>
  </si>
  <si>
    <t>Динамик разговорный для Xiaomi Mi 4S</t>
  </si>
  <si>
    <t>Динамик разговорный для Xiaomi Poco F3 (Оригинал с разбора)</t>
  </si>
  <si>
    <t>Динамик разговорный для Xiaomi Poco M3</t>
  </si>
  <si>
    <t>Динамик разговорный для Xiaomi POCO X3 / X3 Pro</t>
  </si>
  <si>
    <t>Динамик разговорный для Xiaomi POCO X3 / X3 Pro Оригинал снятый</t>
  </si>
  <si>
    <t>Динамик разговорный для Xiaomi Redmi 12C (Оригинал снятый)</t>
  </si>
  <si>
    <t>Динамик разговорный для Xiaomi Redmi 5 / Go / 7A / Note 9 / Mi 9T / 9T Pro</t>
  </si>
  <si>
    <t>Динамик разговорный для Xiaomi Redmi 5 Plus</t>
  </si>
  <si>
    <t>Динамик разговорный для Xiaomi Redmi 5 Plus Оригинал с разбора</t>
  </si>
  <si>
    <t>Динамик разговорный для Xiaomi Redmi 5A</t>
  </si>
  <si>
    <t>Динамик разговорный для Xiaomi Redmi 7 Оригинал снятый</t>
  </si>
  <si>
    <t>Динамик разговорный для Xiaomi Redmi 7A</t>
  </si>
  <si>
    <t>Динамик разговорный для Xiaomi Redmi 9A / Redmi 9C Оригинал с разбора</t>
  </si>
  <si>
    <t>Динамик разговорный для Xiaomi Redmi GO / Mi A1 / Mi 5X</t>
  </si>
  <si>
    <t>Динамик разговорный для Xiaomi Redmi Note 10 / Note 10S / Note 11 / Note 11S / Poco M5s</t>
  </si>
  <si>
    <t>Динамик разговорный для Xiaomi Redmi Note 10 Pro (Оригинал снятый)</t>
  </si>
  <si>
    <t>Динамик разговорный для Xiaomi Redmi Note 10s Оригинал с разбора</t>
  </si>
  <si>
    <t>Динамик разговорный для Xiaomi Redmi Note 11 / Note 11S / Poco M4 Pro 5G</t>
  </si>
  <si>
    <t>Динамик разговорный для Xiaomi Redmi Note 11 Pro Оригинал с разбора</t>
  </si>
  <si>
    <t>Динамик разговорный для Xiaomi Redmi Note 4</t>
  </si>
  <si>
    <t>Динамик разговорный для Xiaomi Redmi Note 4X / Mi Note 2</t>
  </si>
  <si>
    <t>Динамик разговорный для Xiaomi Redmi Note 5 Оригинал снятый</t>
  </si>
  <si>
    <t>Динамик разговорный для Xiaomi Redmi Note 7 / Redmi 7 / Mi A3 / Mi Play</t>
  </si>
  <si>
    <t>Динамик разговорный для Xiaomi Redmi Note 7 Оригинал с разбора</t>
  </si>
  <si>
    <t>Динамик разговорный для Xiaomi Redmi Note 8 / 8T / Note 9 Pro (оригинал)</t>
  </si>
  <si>
    <t>Динамик разговорный для Xiaomi Redmi Note 8 / Note 8T / Note 9 Pro (оригинал с разбора)</t>
  </si>
  <si>
    <t>Динамик разговорный для Xiaomi Redmi Note 9</t>
  </si>
  <si>
    <t>Динамик разговорный для Xiaomi Redmi Pro</t>
  </si>
  <si>
    <t>Динамик разговорный для Xiaomi Redmi S2 (Оригинал снятый)</t>
  </si>
  <si>
    <t>Разное</t>
  </si>
  <si>
    <t>Виброзвонок UMIDIGI Z2 Pro</t>
  </si>
  <si>
    <t>Виброзвонок для OPPO A3S</t>
  </si>
  <si>
    <t>Виброзвонок для Oppo F5 (Оригинал с разбора)</t>
  </si>
  <si>
    <t>Виброзвонок для Realme Narzo 30 4G</t>
  </si>
  <si>
    <t>Виброзвонок для ZTE Axon 30 5G (Оригинал снятый)</t>
  </si>
  <si>
    <t>Динамик (звонок) в сборе для Oppo Reno 4 Lite (CPH2125)</t>
  </si>
  <si>
    <t>Динамик (звонок) для BQ-5044 Strike LTE</t>
  </si>
  <si>
    <t>Динамик (звонок) для BQ-6000L AURORA (Оригинал снятый)</t>
  </si>
  <si>
    <t>Динамик (звонок) для Infinix Smart 6 Plus (Оригинал снятый)</t>
  </si>
  <si>
    <t>Динамик (звонок) для Leagoo S11 в сборе</t>
  </si>
  <si>
    <t>Динамик (звонок) для OPPO A3S в сборе</t>
  </si>
  <si>
    <t>Динамик (звонок) для Oppo A55 Оригинал с разбора</t>
  </si>
  <si>
    <t>Динамик (звонок) для Oppo A74 4G Оригинал снятый</t>
  </si>
  <si>
    <t>Динамик (звонок) для Oppo F5 в сборе (Оригинал с разбора)</t>
  </si>
  <si>
    <t>Динамик (звонок) для Realme 10 (Оригинал с разбора)</t>
  </si>
  <si>
    <t>Динамик (звонок) для Tecno Spark 9 Pro (Оригинал снятый)</t>
  </si>
  <si>
    <t>Динамик (звонок) для UMIDIGI Z2 Pro</t>
  </si>
  <si>
    <t>Динамик (звонок) для Vivo Y35 Оригинал с разбора</t>
  </si>
  <si>
    <t>Динамик (звонок) для ZTE Axon 30 5G Оригинал снятый</t>
  </si>
  <si>
    <t>Динамик разговорный Lenovo A316/A5000/A536</t>
  </si>
  <si>
    <t>Динамик разговорный для BQ-6040L Magic</t>
  </si>
  <si>
    <t>Динамик разговорный для Infinix Smart 6 Plus (Оригинал снятый)</t>
  </si>
  <si>
    <t>Динамик разговорный для Infinix Zero 30 5G (Оригинал снятый)</t>
  </si>
  <si>
    <t>Динамик разговорный для OPPO A3S</t>
  </si>
  <si>
    <t>Динамик разговорный для Oppo A74 4G (Оригинал снятый)</t>
  </si>
  <si>
    <t>Динамик разговорный для Oppo F5 (Оригинал с разбора)</t>
  </si>
  <si>
    <t>Динамик разговорный для Oppo Reno 4 Lite (CPH2125)</t>
  </si>
  <si>
    <t>Динамик разговорный для Realme 10 (Оригинал с разбора)</t>
  </si>
  <si>
    <t>Динамик разговорный для Realme Narzo 30 4G</t>
  </si>
  <si>
    <t>Динамик разговорный для Tecno Camon 19 (Оригинал снятый)</t>
  </si>
  <si>
    <t>Динамик разговорный для TECNO Spark 20 (Оригинал снятый)</t>
  </si>
  <si>
    <t>Динамик разговорный для Vivo Y35 (Оригинал снятый))</t>
  </si>
  <si>
    <t>Динамик разговорный для ZTE Axon 30 5G (Оригинал снятый)</t>
  </si>
  <si>
    <t>Динамик разговорный универсальный (15*6мм)</t>
  </si>
  <si>
    <t>Динамик разговорный универсальный (15*6мм) с проводами</t>
  </si>
  <si>
    <t>Динамик разговорный универсальный 12*6мм</t>
  </si>
  <si>
    <t>Динамик разговорный универсальный 9*8мм</t>
  </si>
  <si>
    <t>Сканер отпечатков пальцев для OPPO F5 (Оригинал с разбора)</t>
  </si>
  <si>
    <t>Дисплеи, дисплейные модули</t>
  </si>
  <si>
    <t>Alcatel</t>
  </si>
  <si>
    <t>Дисплей Alcatel 4010/4030/4012/МТС 970</t>
  </si>
  <si>
    <t>Дисплей Alcatel 5010D Pixi 4 (5)</t>
  </si>
  <si>
    <t>Дисплей Alcatel 5015D</t>
  </si>
  <si>
    <t>Дисплей Alcatel 6045Y Idol 3 + тачскрин (черный)</t>
  </si>
  <si>
    <t>Дисплей для Alcatel 4033/4033D/4035D</t>
  </si>
  <si>
    <t>Дисплей для Alcatel 5035</t>
  </si>
  <si>
    <t>Дисплей для Alcatel 5036X Pop C5/5038D Pop D5 (4.5'')</t>
  </si>
  <si>
    <t>Дисплей для Alcatel 6016X/OT6016D Idol 2 Mini (черный)</t>
  </si>
  <si>
    <t>Дисплей для Alcatel 7047D Pop C9</t>
  </si>
  <si>
    <t>Дисплей с тачскрином Alcatel Idol 2 Mini S 6036Y</t>
  </si>
  <si>
    <t>Дисплей Asus ME176/ME176CX (K013) MeMO Pad 7/ME375 /FE375CG/FE375CXG (K019) FonePad 7</t>
  </si>
  <si>
    <t>Дисплей для ASUS Fonepad 7 FE171MG FE171CG FE171 K01F K01N + тачскрин (черный)</t>
  </si>
  <si>
    <t>Дисплей для Asus Zenfone 2 + тачскрин (ZE551ML) (черный)</t>
  </si>
  <si>
    <t>Дисплей для Asus Zenfone 2 Laser (ZE500KG/ZE500KL) 5" + тачскрин (черный)</t>
  </si>
  <si>
    <t>Дисплей для Asus Zenfone Max Pro (M1) (ZB602KL/ZB601KL) + тачскрин (черный) Orig</t>
  </si>
  <si>
    <t>Дисплей для Asus Zenfone Max Pro (M1) (ZB602KL/ZB601KL) + тачскрин (черный) в рамке</t>
  </si>
  <si>
    <t>Дисплей для ASUS ZenPad Z300C, Z300CG, Z300CL, ZD300C (CLAA101WR61 зеленый шлейф) + тачскрин (белый)</t>
  </si>
  <si>
    <t>Blackview</t>
  </si>
  <si>
    <t>Дисплей для Blackview BV6600 Pro / BV6600 + тачскрин (черный)</t>
  </si>
  <si>
    <t>BQ</t>
  </si>
  <si>
    <t>Дисплей для BQ BQ-6001L Jumbo + тачскрин (черный)</t>
  </si>
  <si>
    <t>Дисплей для BQ BQS-5058 BQ-5058 Strike Power Easy</t>
  </si>
  <si>
    <t>Дисплей для BQ BQS-5065 Choice</t>
  </si>
  <si>
    <t>Explay</t>
  </si>
  <si>
    <t>Дисплей для Explay Rio</t>
  </si>
  <si>
    <t>Дисплей для Explay Vega</t>
  </si>
  <si>
    <t>Fly</t>
  </si>
  <si>
    <t>Дисплей Fly FS407</t>
  </si>
  <si>
    <t>Дисплей Fly FS451 + тачскрин (белый)</t>
  </si>
  <si>
    <t>Дисплей Fly FS501 Nimbus 3 + тачскрин (черный)</t>
  </si>
  <si>
    <t>Дисплей Fly FS507 + тачскрин черный</t>
  </si>
  <si>
    <t>Дисплей Fly IQ449</t>
  </si>
  <si>
    <t>Дисплей для Fly IQ235 Uno</t>
  </si>
  <si>
    <t>Дисплей для Fly IQ245 Wizard</t>
  </si>
  <si>
    <t>Дисплей для Fly IQ4410 Quad Phoenix + тачскрин (черный)</t>
  </si>
  <si>
    <t>Дисплей для Fly IQ4415/4416</t>
  </si>
  <si>
    <t>Дисплей для Fly IQ443 Trend</t>
  </si>
  <si>
    <t>Дисплей для Fly IQ450 (Horizon)</t>
  </si>
  <si>
    <t>Дисплей для Fly IQ4511 (Tornado One Octa) + тачскрин (Черный)</t>
  </si>
  <si>
    <t>Дисплей для Fly IQ4514 Evo Tech 4</t>
  </si>
  <si>
    <t>Дисплей для Google Pixel 6 + тачскрин (черный) ORIG</t>
  </si>
  <si>
    <t>Дисплей для Google Pixel 6A + тачскрин (черный) ORIG</t>
  </si>
  <si>
    <t>Дисплей HTC 8x (C620E) + тачскрин</t>
  </si>
  <si>
    <t>Дисплей HTC Desire 620+тачскрин (черный)</t>
  </si>
  <si>
    <t>Дисплей для HTC Desire 700 + тачскрин</t>
  </si>
  <si>
    <t>Дисплей для HTC One (M7 / 801e) + тачскрин</t>
  </si>
  <si>
    <t>Дисплей для HTC One S (Z520E) + тачскрин, черный</t>
  </si>
  <si>
    <t>Дисплей для HTC One V (T320E) + тачскрин</t>
  </si>
  <si>
    <t>Дисплей для HTC One X / One X Plus (S728e) / One XL (X325) + тачскрин</t>
  </si>
  <si>
    <t>Дисплей для HTC Sensation XE Lite + тачскрин</t>
  </si>
  <si>
    <t>Дисплей Honor X8a (CRT-LX1) /  Honor 90 Lite (CRT-NX1) + тасчкрин (черный) Orig</t>
  </si>
  <si>
    <t>Дисплей Huawei Enjoy 40 Plus / Honor X7A / X7 2023 + тачскрин (тачскрин)</t>
  </si>
  <si>
    <t>Дисплей Huawei Honor 4C + тачскрин (белый)</t>
  </si>
  <si>
    <t>Дисплей Huawei Honor 4C + тачскрин (золото)</t>
  </si>
  <si>
    <t>Дисплей Huawei Honor 4C Pro + тачскрин (черный)</t>
  </si>
  <si>
    <t>Дисплей Huawei Honor 8 Lite / P8 Lite 2017 (PRA-LX1) + тачскрин (черный) Сервисный оригинал</t>
  </si>
  <si>
    <t>Дисплей Huawei Honor 9 / 9 Premium + тачскрин (серый) (Copy)</t>
  </si>
  <si>
    <t>Дисплей Huawei Honor 9 + тачскрин (черный)</t>
  </si>
  <si>
    <t>Дисплей Huawei Mate 20 Pro + тачскрин (черный) Original</t>
  </si>
  <si>
    <t>Дисплей Huawei Nova Y61 + тачскрин (черный) в рамке со шлейфами и виброзвонком (Оригинал снятый)</t>
  </si>
  <si>
    <t>Дисплей Huawei P Smart Z/Honor 9X/Y9 Prime 2019 +тачскрин (черный) (Сервисный оригинал)</t>
  </si>
  <si>
    <t>Дисплей Huawei P Smart Z/Honor 9X/Y9 Prime 2019 +тачскрин (черный) GOG</t>
  </si>
  <si>
    <t>Дисплей Huawei Y9 2019 / Enjoy 9 Plus + тачскрин (черный)</t>
  </si>
  <si>
    <t>Дисплей для Honor 50 / Nova 9 + тачскрин (черный) Orig</t>
  </si>
  <si>
    <t>Дисплей для Honor 50 Lite / X20 / Nova 8i + тачскрин (черный) (Сервисный оригинал)</t>
  </si>
  <si>
    <t>Дисплей для Honor 50 Lite / X20 / Nova 8i + тачскрин + рамка + сканер отпечатка (серый) (с разбора)</t>
  </si>
  <si>
    <t>Дисплей для Honor 50 Lite + тачскрин (черный) в рамке Orig</t>
  </si>
  <si>
    <t>Дисплей для Honor 50 SE / Nova 9 SE + тачскрин (черный) Orig</t>
  </si>
  <si>
    <t>Дисплей для Honor 70 + тачскрин (черный) Orig</t>
  </si>
  <si>
    <t>Дисплей для Huawei  MediaPad M5 10.1 Lite BAH2-W09 + тачскрин (черный)</t>
  </si>
  <si>
    <t>Дисплей для Huawei Honor 10 + тачскрин + сканер отпечатка пальца (черный) (Сервисный оригинал)</t>
  </si>
  <si>
    <t>Дисплей для Huawei Honor 10 + тачскрин + сканер отпечатка пальца (черный) Оригинал</t>
  </si>
  <si>
    <t>Дисплей для Huawei Honor 10 + тачскрин + сканер отпечатка пальца (черный) Оригинал восстановленный</t>
  </si>
  <si>
    <t>Дисплей для Huawei Honor 10 + тачскрин без сканера отпечатка (черный) Оригинал восстановленный</t>
  </si>
  <si>
    <t>Дисплей для Huawei Honor 10 + тачскрин со сканером отпечатка пальца (черный) GOG</t>
  </si>
  <si>
    <t>Дисплей для Huawei Honor 10 Lite / 10i / 20 Lite / 20i + тачскрин (черный) (Сервисный оригинал)</t>
  </si>
  <si>
    <t>Дисплей для Huawei Honor 10 Lite / 10i / 20 Lite / 20i + тачскрин (черный) GOG</t>
  </si>
  <si>
    <t>Дисплей для Huawei Honor 10X lite / Huawei P Smart 2021 / Y7A + тачскрин (черный)</t>
  </si>
  <si>
    <t>Дисплей для Huawei Honor 10X lite / Huawei P Smart 2021 / Y7A + тачскрин (черный) (Сервисный ориг)</t>
  </si>
  <si>
    <t>Дисплей для Huawei Honor 20 / 20 Pro / Nova 5T + тачскрин (черный)</t>
  </si>
  <si>
    <t>Дисплей для Huawei Honor 20 / 20 Pro / Nova 5T + тачскрин (черный) (Сервисный оригинал)</t>
  </si>
  <si>
    <t>Дисплей для Huawei Honor 20 / 20 Pro / Nova 5T + тачскрин (черный) Orig</t>
  </si>
  <si>
    <t>Дисплей для Huawei Honor 30 / Nova 7 + тачскрин (черный) OLED</t>
  </si>
  <si>
    <t>Дисплей для Huawei Honor 30 / Nova 7 + тачскрин (черный) Orig</t>
  </si>
  <si>
    <t>Дисплей для Huawei Honor 30 Lite / Enjoy Z / Enjoy 20 Pro + тачскрин (черный) Orig</t>
  </si>
  <si>
    <t>Дисплей для Huawei Honor 30s / Nova7 SE / P40 Lite 5g + тачскрин (черный)</t>
  </si>
  <si>
    <t>Дисплей для Huawei Honor 6C Pro + тачскрин (черный)</t>
  </si>
  <si>
    <t>Дисплей для Huawei Honor 7A / Honor 7S / Huawei Y5 Prime 2018 + тачскрин (черный)</t>
  </si>
  <si>
    <t>Дисплей для Huawei Honor 7C (белый) Оригинал в рамке с динамиком, шлейфами, АКБ и корпусом</t>
  </si>
  <si>
    <t>Дисплей для Huawei Honor 7X + тачскрин белый Orig</t>
  </si>
  <si>
    <t>Дисплей для Huawei Honor 7X + тачскрин черный Orig</t>
  </si>
  <si>
    <t>Дисплей для Huawei Honor 7X 5,93 " + тачскрин черный Оригинал</t>
  </si>
  <si>
    <t>Дисплей для Huawei Honor 8 + тачскрин (белый)</t>
  </si>
  <si>
    <t>Дисплей для Huawei Honor 8 + тачскрин (золото)</t>
  </si>
  <si>
    <t>Дисплей для Huawei Honor 8 + тачскрин (синий)</t>
  </si>
  <si>
    <t>Дисплей для Huawei Honor 8 + тачскрин (черный)</t>
  </si>
  <si>
    <t>Дисплей для Huawei Honor 8C + тачскрин (черный)</t>
  </si>
  <si>
    <t>Дисплей для Huawei Honor 8S (черный) Rev 2.2 Оригинал в рамке с динамиком, шлейфом и АКБ</t>
  </si>
  <si>
    <t>Дисплей для Huawei Honor 8S / Y5 2019 + тачскрин (черный) Rev 2.2</t>
  </si>
  <si>
    <t>Дисплей для Huawei Honor 8S / Y5 2019 + тачскрин (черный) Rev 4.4</t>
  </si>
  <si>
    <t>Дисплей для Huawei Honor 8X / 9X Lite + тачскрин (черный)</t>
  </si>
  <si>
    <t>Дисплей для Huawei Honor 8X / 9X Lite + тачскрин (черный) (Сервисный оригинал)</t>
  </si>
  <si>
    <t>Дисплей для Huawei Honor 9 Lite + тачскрин (белый)</t>
  </si>
  <si>
    <t>Дисплей для Huawei Honor 9 Lite + тачскрин (серый) Orig</t>
  </si>
  <si>
    <t>Дисплей для Huawei Honor 9 Lite + тачскрин (синий)</t>
  </si>
  <si>
    <t>Дисплей для Huawei Honor 9 Lite + тачскрин (синий) Orig</t>
  </si>
  <si>
    <t>Дисплей для Huawei Honor 9 Lite + тачскрин (черный)</t>
  </si>
  <si>
    <t>Дисплей для Huawei Honor 9 Lite + тачскрин (черный) Orig</t>
  </si>
  <si>
    <t>Дисплей для Huawei Honor 9A / Huawei Y6P + тачскрин (черный) Copy</t>
  </si>
  <si>
    <t>Дисплей для Huawei Honor 9A / Huawei Y6P + тачскрин (черный) Orig</t>
  </si>
  <si>
    <t>Дисплей для Huawei Honor Play (2018) + тачскрин (черный)</t>
  </si>
  <si>
    <t>Дисплей для Huawei Honor V9 Play + тачскрин (черный)</t>
  </si>
  <si>
    <t>Дисплей для Huawei Honor View 20/Nova 4 + тачскрин (черный)</t>
  </si>
  <si>
    <t>Дисплей для Huawei Honor X10 / Y9A / Enjoy 20 Plus + тачскрин (черный)</t>
  </si>
  <si>
    <t>Дисплей для Huawei Honor X6 / X8 5G + тачскрин (черный) (Сервисный оригинал)</t>
  </si>
  <si>
    <t>Дисплей для Huawei Honor X6 / X8 5G + тачскрин (черный) Orig</t>
  </si>
  <si>
    <t>Дисплей для Huawei Honor X6 / X8 5G + тачскрин (черный) востановленный</t>
  </si>
  <si>
    <t>Дисплей для Huawei Honor X7 2022 / Play 6 / 30 Plus + тачскрин (черный)</t>
  </si>
  <si>
    <t>Дисплей для Huawei Honor X8 4G / X30i / Play 6T Pro + тачскрин (черный) (Сервисный оригинал)</t>
  </si>
  <si>
    <t>Дисплей для Huawei Honor X9 2022 4G + тачскрин (черный)</t>
  </si>
  <si>
    <t>Дисплей для Huawei Mate 10 Lite / Nova 2I + тачскрин (белый)</t>
  </si>
  <si>
    <t>Дисплей для Huawei Mate 20 Lite + тачскрин (черный)</t>
  </si>
  <si>
    <t>Дисплей для Huawei Mate 20 Lite + тачскрин (черный) Orig</t>
  </si>
  <si>
    <t>Дисплей для Huawei MatePad 10.4 BAH3-W09 KRJ-W09 + тачскрин (черный)</t>
  </si>
  <si>
    <t>Дисплей для Huawei Nova 11i + тачскрин (черный) COF</t>
  </si>
  <si>
    <t>Дисплей для Huawei Nova 11i + тачскрин (черный) COG</t>
  </si>
  <si>
    <t>Дисплей для Huawei Nova 2 + тачскрин (белый)</t>
  </si>
  <si>
    <t>Дисплей для Huawei Nova 2 + тачскрин (черный)</t>
  </si>
  <si>
    <t>Дисплей для Huawei Nova 3 + тачскрин (черный)</t>
  </si>
  <si>
    <t>Дисплей для Huawei Nova 3i / P Smart Plus + тачскрин (черный)</t>
  </si>
  <si>
    <t>Дисплей для Huawei Nova 9SE + тачскрин (черный) COG</t>
  </si>
  <si>
    <t>Дисплей для Huawei Nova 9SE + тачскрин (черный) Orig</t>
  </si>
  <si>
    <t>Дисплей для Huawei Nova Y70 / Y70 Plus / Maimang 11 / Enjoy 50 + тачскрин (черный) Orig</t>
  </si>
  <si>
    <t>Дисплей для Huawei Nova Y70 + тачскрин (черный) в рамке со шлейфами (Оригинал снятый)</t>
  </si>
  <si>
    <t>Дисплей для Huawei Nova Y91 + тачскрин (черный) Orig</t>
  </si>
  <si>
    <t>Дисплей для Huawei P Smart 2018 / Enjoy 7S + тачскрин (черный)</t>
  </si>
  <si>
    <t>Дисплей для Huawei P Smart 2019 / Enjoy 9s + тачскрин (черный)</t>
  </si>
  <si>
    <t>Дисплей для Huawei P Smart 2019 + тачскрин (черный) Оригинал</t>
  </si>
  <si>
    <t>Дисплей для Huawei P10 Lite + тачскрин (белый) Ориг</t>
  </si>
  <si>
    <t>Дисплей для Huawei P10 Lite + тачскрин (золото) Ориг</t>
  </si>
  <si>
    <t>Дисплей для Huawei P10 Lite + тачскрин (черный) Ориг</t>
  </si>
  <si>
    <t>Дисплей для Huawei P20 Lite / Nova 3e +тачскрин (черный)</t>
  </si>
  <si>
    <t>Дисплей для Huawei P20 Pro + тачскрин (черный) TFT</t>
  </si>
  <si>
    <t>Дисплей для Huawei P30 + тачскрин (черный) OLED</t>
  </si>
  <si>
    <t>Дисплей для Huawei P30 Lite / Nova 4e / Honor 20e / Honor 20S /Honor 20 Lite + тачскрин (черный) COG</t>
  </si>
  <si>
    <t>Дисплей для Huawei P30 Lite / Nova 4e / Honor 20e / Honor 20S/Honor 20 Lite + тачскрин (черный) Orig</t>
  </si>
  <si>
    <t>Дисплей для Huawei P30 Pro+тачскрин (черный) Oled</t>
  </si>
  <si>
    <t>Дисплей для Huawei P40 Lite / Nova 5i / Nova 6 SE / Nova 7i / P20 Lite 2019 + тачскрин (черный) Orig</t>
  </si>
  <si>
    <t>Дисплей для Huawei P40 Lite + тачскрин (черный) (Сервисный оригинал)</t>
  </si>
  <si>
    <t>Дисплей для Huawei P40 Lite E / Honor 9C/ Honor Play 3 / Y7p + тачскрин (черный)</t>
  </si>
  <si>
    <t>Дисплей для Huawei P50 Pro + тачскрин (черный) OLED</t>
  </si>
  <si>
    <t>Дисплей для Huawei U8815 Ascend G300/U8818</t>
  </si>
  <si>
    <t>Дисплей для Huawei Y3 2017 / Y5 Lite 2017 + тачскрин (черный)</t>
  </si>
  <si>
    <t>Дисплей для Huawei Y6 / Y6 Pro / Y6 Prime 2019 / Enjoy 9E / Honor 8A / 8A Pro + тачскрин (черный)</t>
  </si>
  <si>
    <t>Дисплей для Huawei Y6 / Y6 Pro / Y6 Prime 2019 / Enjoy 9E / Honor 8A + тачскрин (черный) Ориг</t>
  </si>
  <si>
    <t>Дисплей для Huawei Y6 / Y6 Pro / Y6 Prime 2019 / Honor 8A + тачскрин (черный) (Сервисный оригинал)</t>
  </si>
  <si>
    <t>Дисплей для Huawei Y6 2018 / Y6 Prime 2018 / Honor 7A Pro / 7C + тачскрин (белый)</t>
  </si>
  <si>
    <t>Дисплей для Huawei Y6 2018 / Y6 Prime 2018 / Honor 7A Pro / 7C + тачскрин (черный)</t>
  </si>
  <si>
    <t>Дисплей для Huawei Y6II / HONOR 5A PLAY + тачскрин (черный)</t>
  </si>
  <si>
    <t>Дисплей для Huawei Y7 2018 / Nova 2 lite /  Enjoy 8 / Honor 7C Pro + тачскрин (черный)</t>
  </si>
  <si>
    <t>Дисплей для Huawei Y7 2018 / Nova 2 lite / Enjoy 8 / Honor 7C Pro + тачскрин (белый)</t>
  </si>
  <si>
    <t>Дисплей для Huawei Y7 2019 / Enjoy 9 + тачскрин (черный)</t>
  </si>
  <si>
    <t>Дисплей для Huawei Y7 2019 / Enjoy 9 + тачскрин (черный) Orig</t>
  </si>
  <si>
    <t>Дисплей для Huawei Y8p 2020 / Play 4T pro / P smart S / Enjoy 10S / Honor 30i + тачскрин черный TFT</t>
  </si>
  <si>
    <t>Дисплей для Huawei Y9 2018 / Enjoy 8 Plus + тачскрин (черный)</t>
  </si>
  <si>
    <t>Дисплей для Huawei Y9 2018 / Enjoy 8 Plus + тачскрин (черный) Оригинал  уценка</t>
  </si>
  <si>
    <t>Поляризатор дисплея (подсветка) Honor 7C Pro</t>
  </si>
  <si>
    <t>Поляризатор дисплея (подсветка) Huawei Honor 10</t>
  </si>
  <si>
    <t>Поляризатор дисплея (подсветка) Huawei Honor 10i / 10 Lite</t>
  </si>
  <si>
    <t>Поляризатор дисплея (подсветка) Huawei Honor 20 / 20 Pro / Nova 5T</t>
  </si>
  <si>
    <t>Поляризатор дисплея (подсветка) Huawei Honor 6A</t>
  </si>
  <si>
    <t>Поляризатор дисплея (подсветка) Huawei Honor 7X</t>
  </si>
  <si>
    <t>Поляризатор дисплея (подсветка) Huawei Honor 8A / 8A Pro / Y6 2019 / Y6s</t>
  </si>
  <si>
    <t>Поляризатор дисплея (подсветка) Huawei Honor 8C</t>
  </si>
  <si>
    <t>Поляризатор дисплея (подсветка) Huawei Honor 8X</t>
  </si>
  <si>
    <t>Поляризатор дисплея (подсветка) Huawei Honor 9 Lite</t>
  </si>
  <si>
    <t>Поляризатор дисплея (подсветка) Huawei Nova 2i / Mate 10 Lite</t>
  </si>
  <si>
    <t>Поляризатор дисплея (подсветка) Huawei P Smart Z / Y9 Prime 2019 / Honor 9X</t>
  </si>
  <si>
    <t>Поляризатор дисплея (подсветка) Huawei P40 Lite</t>
  </si>
  <si>
    <t>Поляризатор дисплея (подсветка) Huawei P40 Lite E / Y7p / Honor 9C / Play 3</t>
  </si>
  <si>
    <t>Поляризатор дисплея (подсветка) Huawei Y6 2018 / Y6 Prime 2018 / Honor 7A Pro / 7C</t>
  </si>
  <si>
    <t>Поляризационная плёнка для Huawei Honor 10</t>
  </si>
  <si>
    <t>Поляризационная плёнка для Huawei Honor 10 Lite / 10i / 20 Lite / 20i</t>
  </si>
  <si>
    <t>Itel</t>
  </si>
  <si>
    <t>Дисплей для Itel P40 lite + тачскрин (черный)</t>
  </si>
  <si>
    <t>Lenovo</t>
  </si>
  <si>
    <t>Дисплей Lenovo K910 Vibe Z + тачскрин (черный)</t>
  </si>
  <si>
    <t>Дисплей Lenovo Tab M10 TB-X306F/ X30X / X306V + тачскрин (черный) 10.1</t>
  </si>
  <si>
    <t>Дисплей Lenovo Vibe P1m + тачскрин (черный)</t>
  </si>
  <si>
    <t>Дисплей для Lenovo A1010</t>
  </si>
  <si>
    <t>Дисплей для Lenovo A516</t>
  </si>
  <si>
    <t>Дисплей для Lenovo A526 / A328</t>
  </si>
  <si>
    <t>Дисплей для Lenovo A536</t>
  </si>
  <si>
    <t>Дисплей для Lenovo A800/A760</t>
  </si>
  <si>
    <t>Дисплей для Lenovo K12 Pro + тачскрин (черный) Оригинал восстановленный</t>
  </si>
  <si>
    <t>Дисплей для Lenovo K5 Pro + тачскрин (черный)</t>
  </si>
  <si>
    <t>Дисплей для Lenovo P780 + тачскрин (черный)</t>
  </si>
  <si>
    <t>Дисплей для Lenovo S850 + тачскрин (черный)</t>
  </si>
  <si>
    <t>Дисплей для Lenovo S920 + тачскрин (черный)</t>
  </si>
  <si>
    <t>Дисплей для Lenovo Vibe X2 + тачскрин (черный)</t>
  </si>
  <si>
    <t>Дисплей для Lenovo YOGA TABLET B8080-H в рамке (золото)</t>
  </si>
  <si>
    <t>Дисплей для планшета Lenovo A8-50 A5500 (CLAA080WQ05)</t>
  </si>
  <si>
    <t>LG</t>
  </si>
  <si>
    <t>Дисплей + тачскрин для LG G4 mini (черный)</t>
  </si>
  <si>
    <t>Дисплей LG F240 LCD</t>
  </si>
  <si>
    <t>Дисплей LG H422 Spirit + тачскрин (черный)</t>
  </si>
  <si>
    <t>Дисплей для LG G7 ThinQ / G7 One / G7 Fit (G710 G710EM G710PM G710N) + тачскрин (черный) в рамке</t>
  </si>
  <si>
    <t>Дисплей для LG K100DS K3 LTE + тачскрин (черный)</t>
  </si>
  <si>
    <t>Дисплей для LG K7 (2017) (X230) + тачскрин (черный)</t>
  </si>
  <si>
    <t>Дисплей для LG Optimus L7/L7 II (P705/P700/P713/P715)</t>
  </si>
  <si>
    <t>Дисплей для LG Optimus L70 Dual (D325)</t>
  </si>
  <si>
    <t>Дисплей для LG Optimus L9 (P760/P765/P768)</t>
  </si>
  <si>
    <t>Дисплей+тачскрин для LG Nexus5, черный</t>
  </si>
  <si>
    <t>Дисплей Meizu M3 Max S685 + тачскрин (черный)</t>
  </si>
  <si>
    <t>Дисплей Meizu M3 Note (M681H) + тачскрин (черный)</t>
  </si>
  <si>
    <t>Дисплей Meizu M5 + тачскрин (5.2") (черный)</t>
  </si>
  <si>
    <t>Дисплей для Meizu M3 mini M688U + тачскрин (черный) в рамке (Оригинал с разбора)</t>
  </si>
  <si>
    <t>Дисплей для Meizu M6 + тачскрин (черный) Ориг</t>
  </si>
  <si>
    <t>Motorola</t>
  </si>
  <si>
    <t>Дисплей для Motorola Moto E7 / E7 Power / E7i / E7i Power + тачскрин (черный)</t>
  </si>
  <si>
    <t>Дисплей для Motorola Moto E7 Plus XT2081 / G9 Play XT2083 + тачскрин (черный)</t>
  </si>
  <si>
    <t>Дисплей для Motorola Moto G Power 2021 XT2117 / G10 Play + тачскрин (черный)</t>
  </si>
  <si>
    <t>Дисплей для Motorola Moto G Power 2022 XT2165 + тачскрин (черный)</t>
  </si>
  <si>
    <t>Дисплей для Motorola Moto G10 / G30 / G10 + тачскрин (черный)</t>
  </si>
  <si>
    <t>Дисплей для Motorola Moto G60S + тачскрин (черный)</t>
  </si>
  <si>
    <t>Дисплей для Motorola Moto G7 Power XT1955 + тачскрин (черный)</t>
  </si>
  <si>
    <t>Дисплей для Motorola Moto G8 Power Lite XT2055-2 + тачскрин (черный)</t>
  </si>
  <si>
    <t>Дисплей для Motorola Moto G8 Power XT2041 + тачскрин (черный)</t>
  </si>
  <si>
    <t>Дисплей для Motorola Moto G9 Power XT2091 + тачскрин (черный)</t>
  </si>
  <si>
    <t>Nokia</t>
  </si>
  <si>
    <t>Дисплей Microsoft 430 Lumia в рамке + тачскрин (черный) RM-1099</t>
  </si>
  <si>
    <t>Дисплей Nokia 311 Asha</t>
  </si>
  <si>
    <t>Дисплей для Microsoft 535 Lumia (RM1090) + тачскрин, в рамке (черный)</t>
  </si>
  <si>
    <t>Дисплей для Microsoft 540 Lumia (RM1141) + тачскрин (черный)</t>
  </si>
  <si>
    <t>Дисплей для Microsoft Lumia 640 RM-1072 RM-1075 RM-1077 + тачскрин (черный)</t>
  </si>
  <si>
    <t>Дисплей для Nokia 1.4 + тачскрин (черный)</t>
  </si>
  <si>
    <t>Дисплей для Nokia 3110 Сlassic/3109/3500/2680S/7070/2323/2330</t>
  </si>
  <si>
    <t>Дисплей для Nokia 5 TA-1024 TA-1027 TA-1044 TA-1053 + тачскрин (черный)</t>
  </si>
  <si>
    <t>Дисплей для Nokia 5.3 + тачскрин (черный)</t>
  </si>
  <si>
    <t>Дисплей для Nokia 520/525/510</t>
  </si>
  <si>
    <t>Дисплей для Nokia 5800/N97(mini)/X6/5230/С5-03/C6-00/5235 Rev-5</t>
  </si>
  <si>
    <t>Дисплей для Nokia 700 + тачскрин (черный)</t>
  </si>
  <si>
    <t>Дисплей для Nokia 920 + тачскрин в сборе с рамкой (черный)</t>
  </si>
  <si>
    <t>Дисплей для Nokia C2 TA-1233 TA1204 + тачскрин (черный)</t>
  </si>
  <si>
    <t>Дисплей для Nokia C3-01/X3-02/300/202/203/515  A+</t>
  </si>
  <si>
    <t>Дисплей для Nokia C3-01/X3-02/300/202/206/203/301</t>
  </si>
  <si>
    <t>Дисплей для Nokia G10 / G20 + тачскрин (черный)</t>
  </si>
  <si>
    <t>Дисплей для Nokia X2 Dual sim в рамке + тачскрин</t>
  </si>
  <si>
    <t>Дисплей для Nokia X2-02/X2-05</t>
  </si>
  <si>
    <t>Дисплей для Nokia С5-00 ОРИГИНАЛ</t>
  </si>
  <si>
    <t>Дисплея для Nokia N8 + тачскрин (черный) с рамкой (серебро)</t>
  </si>
  <si>
    <t>Oppo / Realme</t>
  </si>
  <si>
    <t>Дисплей для OPPO A15 / A15S / A35 4G / Narzo 30A + тачскрин (черный)</t>
  </si>
  <si>
    <t>Дисплей для Oppo A16 / A16S / A56 4G / Realme C25S / C25 / Narzo 50A + тачскрин (черный)</t>
  </si>
  <si>
    <t>Дисплей для Oppo A16 / A16S/ Realme C25S / C25 / Narzo 50A + тачскрин (черный) Сервисный оригинал</t>
  </si>
  <si>
    <t>Дисплей для Oppo A17 / A17k / A57s / A57 + тачскрин (черный) Orig</t>
  </si>
  <si>
    <t>Дисплей для Oppo A5 / Oppo A3s / AX5 / R15 Neo / A12E / Realme 2 / C1 + тачскрин (черный)</t>
  </si>
  <si>
    <t>Дисплей для OPPO A52 / A72 / A92 + тачскрин (черный)</t>
  </si>
  <si>
    <t>Дисплей для OPPO A52 / A72 / A92 + тачскрин (черный) Сервисный оригинал</t>
  </si>
  <si>
    <t>Дисплей для OPPO A53 (2020) CPH2127 + тачскрин черный Сервисный оригинал</t>
  </si>
  <si>
    <t>Дисплей для OPPO A54 / A55 / A95 / OnePlus Nord N100 (CPH2239/CPH2325)+ тачскрин (черный) Orig</t>
  </si>
  <si>
    <t>Дисплей для OPPO A54 5G / A74 5G / A93 5G + тачскрин (черный)</t>
  </si>
  <si>
    <t>Дисплей для OPPO A55 + тачскрин (черный) Сервисный оригинал</t>
  </si>
  <si>
    <t>Дисплей для Oppo A7 / A5s / AX7 / A7n / AX5s / A12 / Realme 3 / 3i + тачскрин (черный)</t>
  </si>
  <si>
    <t>Дисплей для Oppo A7 / A5s / AX7 / A7n / AX5s / A12 / Realme 3 / 3i + тачскрин (черный) Orig</t>
  </si>
  <si>
    <t>Дисплей для OPPO A74 4G + тачскрин (черный) OLED</t>
  </si>
  <si>
    <t>Дисплей для OPPO A91 / OPPO Reno 3 + тачскрин (черный) TFT</t>
  </si>
  <si>
    <t>Дисплей для OPPO A91 / OPPO Reno 3 + тачскрин (черный) Оригинал восстановленный</t>
  </si>
  <si>
    <t>Дисплей для OPPO F9 / F9 Pro / A7X / Realme 2 Pro / U1 + тачскрин (черный)</t>
  </si>
  <si>
    <t>Дисплей для Oppo Reno 5 / 6 / 7 / Find X3 Lite + тачскрин (черный) TFT</t>
  </si>
  <si>
    <t>Дисплей для OPPO RX17 Neo + тачскрин (черный) OLED</t>
  </si>
  <si>
    <t>Дисплей для Realme 10 + тачскрин (черный) в рамке (Оригинал с разбора)</t>
  </si>
  <si>
    <t>Дисплей для Realme 3 Pro RMX1851RMX1853  / X Lite + тачскрин (черный)</t>
  </si>
  <si>
    <t>Дисплей для Realme 5 Pro / Realme Q + тачскрин (черный)</t>
  </si>
  <si>
    <t>Дисплей для Realme 5/ 5i/ 6i / 5S / C3 / Oppo A5 2020 / A8 / A9 2020 / A11 / A11X +тачскрин (черный)</t>
  </si>
  <si>
    <t>Дисплей для Realme 6 / 6s / 7 / OPPO A52 2020 + тачскрин (черный)</t>
  </si>
  <si>
    <t>Дисплей для Realme 7 Pro / 8 4G / 8 Pro / Oppo A74 4G / Reno 5 Lite + тачскрин (черный) OLED</t>
  </si>
  <si>
    <t>Дисплей для Realme 7 Pro / 8 4G / 8 Pro / Oppo A74 4G / Reno 5 Lite + тачскрин (черный) TFT</t>
  </si>
  <si>
    <t>Дисплей для Realme 8 / 8 Pro + тачскрин (черный) OLED в рамке</t>
  </si>
  <si>
    <t>Дисплей для Realme 8 5G / V13 5G / Q3i / Oppo A93s 5G / Narzo 30 5G + тачскрин (черный) Orig</t>
  </si>
  <si>
    <t>Дисплей для Realme 8i / 9i / OPPO A96 4G / Narzo 50 4G + тачскрин (черный) Orig</t>
  </si>
  <si>
    <t>Дисплей для Realme 9 4G / Realme 10 4G + тачскрин (черный) OLED</t>
  </si>
  <si>
    <t>Дисплей для Realme 9 Pro / Q3S / Q3T / Q5 / V25 / Oppo K9S / K10 + тачскрин (черный)</t>
  </si>
  <si>
    <t>Дисплей для Realme 9 Pro Plus / Reno 7se / 7 4G / Oppo F21 Pro 4G + тачскрин (черный) OLED</t>
  </si>
  <si>
    <t>Дисплей для Realme 9 Pro Plus / Reno 7se / 7 4G / Oppo F21 Pro 4G + тачскрин (черный) TFT</t>
  </si>
  <si>
    <t>Дисплей для Realme 9i + тачскрин (черный) в рамке</t>
  </si>
  <si>
    <t>Дисплей для Realme 9i 5G / Realme 10 5G / Realme 10S + тачскрин (черный)</t>
  </si>
  <si>
    <t>Дисплей для Realme C11 2020 + тачскрин (черный) в рамке</t>
  </si>
  <si>
    <t>Дисплей для Realme C11 2021 / C15 2021 / C20 / C21 / Narzo 50i + тачскрин (черный)</t>
  </si>
  <si>
    <t>Дисплей для Realme C11/ C12/ C15/ A15/ A15S/ A35/ V3/ Q2i/ Narzo 20 + тачскрин (черный)</t>
  </si>
  <si>
    <t>Дисплей для Realme C11/ C12/ C15/ A15/ A15S/ A35/ V3/ Q2i/ Narzo 20 + тачскрин черный (SERVICE PACK)</t>
  </si>
  <si>
    <t>Дисплей для Realme C2 / Oppo A1K + тачскрин (черный)</t>
  </si>
  <si>
    <t>Дисплей для Realme c21/с20/с11 (2021) + тачскрин (черный) SERVICE PACK</t>
  </si>
  <si>
    <t>Дисплей для Realme C21Y / C25Y + тачскрин (черный) Сервисный оригинал</t>
  </si>
  <si>
    <t>Дисплей для Realme C3 + тачскрин (черный) Сервисный оригинал</t>
  </si>
  <si>
    <t>Дисплей для Realme C30 / Realme C33 + тачскрин (черный) Orig</t>
  </si>
  <si>
    <t>Дисплей для Realme C30S + тачскрин (черный)</t>
  </si>
  <si>
    <t>Дисплей для Realme C30S + тачскрин (черный) Сервисный оригинал</t>
  </si>
  <si>
    <t>Дисплей для Realme C31 + тачскрин (черный)</t>
  </si>
  <si>
    <t>Дисплей для Realme C35 + тачскрин (черный)</t>
  </si>
  <si>
    <t>Дисплей для Realme C51 4G / C53 4G + тачскрин (черный) Orig</t>
  </si>
  <si>
    <t>Дисплей для Realme C55 + тачскрин (черный)</t>
  </si>
  <si>
    <t>Дисплей для Realme GT Master Edition + тачскрин (черный) OLED</t>
  </si>
  <si>
    <t>Дисплей для Realme GT Master Edition + тачскрин (черный) Оригинал</t>
  </si>
  <si>
    <t>Дисплей для Realme V23 / Realme Q5T /  Oppo A97 5G + тачскрин (черный)</t>
  </si>
  <si>
    <t>Дисплей для Realme X2 / Realme XT + тачскрин (черный) OLED</t>
  </si>
  <si>
    <t>Поляризатор дисплея (подсветка) Realme C11/ C12/ C15/ V3/ Q2i/ Narzo 20 / Oppo A15/ A15S/ A35</t>
  </si>
  <si>
    <t>Поляризатор дисплея (подсветка) Realme C21Y</t>
  </si>
  <si>
    <t>Поляризационная плёнка дисплея для Realme 8i / 9i</t>
  </si>
  <si>
    <t>Двухсторонний скотч для дисплея Samsung i9500</t>
  </si>
  <si>
    <t>Двухсторонний скотч для дисплея Samsung i9600</t>
  </si>
  <si>
    <t>Дисплей  + тачскрин для Samsung 9200 Galaxy Mega 6.3, белый</t>
  </si>
  <si>
    <t>Дисплей (LCD экран) для Samsung Star II Duos GT-C6712</t>
  </si>
  <si>
    <t>Дисплей + тачскрин для Samsung I8910, белый</t>
  </si>
  <si>
    <t>Дисплей Samsung Galaxy A21 A215F + тачскрин (черный)</t>
  </si>
  <si>
    <t>Дисплей Samsung Galaxy A21 A215F + тачскрин (черный) (качество оригинала)</t>
  </si>
  <si>
    <t>Дисплей Samsung Galaxy A5 (2015) A500F + тачскрин (тёмно-синий) OLED</t>
  </si>
  <si>
    <t>Дисплей Samsung Galaxy J3 2016 J320F + тачскрин (золото) Orig Ref.</t>
  </si>
  <si>
    <t>Дисплей Samsung Galaxy J3 2016 J320F + тачскрин (золото) TFT</t>
  </si>
  <si>
    <t>Дисплей Samsung Galaxy J3 2016 J320F + тачскрин (черный) Orig Ref.</t>
  </si>
  <si>
    <t>Дисплей Samsung Galaxy J3 2016 J320F + тачскрин (черный) TFT</t>
  </si>
  <si>
    <t>Дисплей Samsung Galaxy J5 2016 J510F + тачскрин (золото) Оригинал восстановленный</t>
  </si>
  <si>
    <t>Дисплей Samsung J400F Galaxy J4 (2018) + тачскрин (синий) (Матрица OLED)</t>
  </si>
  <si>
    <t>Дисплей для Samsung A530F Galaxy A8 (2018) + тачскрин  (Черный) OLED</t>
  </si>
  <si>
    <t>Дисплей для Samsung A6 2018 A600F + тачскрин (черный) OLED</t>
  </si>
  <si>
    <t>Дисплей для Samsung A6 2018 A600F + тачскрин (черный) Orig</t>
  </si>
  <si>
    <t>Дисплей для Samsung G355H Galaxy Core 2 Duos / G360 Galaxy Core Prime</t>
  </si>
  <si>
    <t>Дисплей для Samsung G900 Galaxy S5 i9600 + тачскрин (черный) (уценка, пузыри)</t>
  </si>
  <si>
    <t>Дисплей для Samsung Galaxy A01 A015F / M01 M015F + тачскрин (черный) (узкий коннектор)</t>
  </si>
  <si>
    <t>Дисплей для Samsung Galaxy A01 A015F / M01 M015F + тачскрин (черный) (широкий коннектор) Оригинал</t>
  </si>
  <si>
    <t>Дисплей для Samsung Galaxy A01 A015F + тачскрин (черный) (узкий коннектор) Оригинал восстановленный</t>
  </si>
  <si>
    <t>Дисплей для Samsung Galaxy A01 Core A013F / M01 Core M013F + тачскрин (черный)</t>
  </si>
  <si>
    <t>Дисплей для Samsung Galaxy A01 Core A013F + тачскрин (черный) Оригинал в рамке</t>
  </si>
  <si>
    <t>Дисплей для Samsung Galaxy A02 A022 / M02 M022 + тачскрин (черный) Orig в рамке</t>
  </si>
  <si>
    <t>Дисплей для Samsung Galaxy A02 A022G / A022F + тачскрин (черный) в рамке Сервисный оригинал</t>
  </si>
  <si>
    <t>Дисплей для Samsung Galaxy A02 A022G / M02 M022G + тачскрин (черный) Orig в рамке</t>
  </si>
  <si>
    <t>Дисплей для Samsung Galaxy A02s A025F + тачскрин (черный) (Сервисный оригинал)</t>
  </si>
  <si>
    <t>Дисплей для Samsung Galaxy A02s A025F + тачскрин (черный) Orig</t>
  </si>
  <si>
    <t>Дисплей для Samsung Galaxy A03 A035F + тачскрин (черный) Сервисный оригинал</t>
  </si>
  <si>
    <t>Дисплей для Samsung Galaxy A03 Core A032F + тачскрин (черный)</t>
  </si>
  <si>
    <t>Дисплей для Samsung Galaxy A03 Core A032F + тачскрин (черный) (Сервисный оригинал)</t>
  </si>
  <si>
    <t>Дисплей для Samsung Galaxy A03s A037F + тачскрин (черный) (Сервисный оригинал)</t>
  </si>
  <si>
    <t>Дисплей для Samsung Galaxy A03s A037F + тачскрин (черный) Оригинал</t>
  </si>
  <si>
    <t>Дисплей для Samsung Galaxy A03s A037F + тачскрин (черный) Оригинал в рамке</t>
  </si>
  <si>
    <t>Дисплей для Samsung Galaxy A04 A045F + тачскрин (черный) Сервисный оригинал</t>
  </si>
  <si>
    <t>Дисплей для Samsung Galaxy A04e A042F + тачскрин (черный) Сервисный оригинал</t>
  </si>
  <si>
    <t>Дисплей для Samsung Galaxy A04s A047F + тачскрин (черный) (Сервисный оригинал)</t>
  </si>
  <si>
    <t>Дисплей для Samsung Galaxy A10 2019 A105F / M10 2019 M105F+ тачскрин (черный) Orig</t>
  </si>
  <si>
    <t>Дисплей для Samsung Galaxy A10 2019 A105F / M10 2019 M105F+ тачскрин (черный) в рамке Оригинал Ref.</t>
  </si>
  <si>
    <t>Дисплей для Samsung Galaxy A10s A107F + тачскрин (черный)</t>
  </si>
  <si>
    <t>Дисплей для Samsung Galaxy A10s A107F + тачскрин (черный) ОРИГ</t>
  </si>
  <si>
    <t>Дисплей для Samsung Galaxy A11 A115F / M11 M115F + тачскрин (черный) (Сервисный оригинал)</t>
  </si>
  <si>
    <t>Дисплей для Samsung Galaxy A11 A115F / M11 M115F + тачскрин (черный) TFT</t>
  </si>
  <si>
    <t>Дисплей для Samsung Galaxy A12 A125F / A127F / A02 A022 / M02 M022 + тачскрин (черный)</t>
  </si>
  <si>
    <t>Дисплей для Samsung Galaxy A12 A125F / A127F / A02 A022 / M02 M022 + тачскрин (черный) incell JK</t>
  </si>
  <si>
    <t>Дисплей для Samsung Galaxy A12 A125F / A127F / A02 A022 / M02 M022 + тачскрин (черный) Orig</t>
  </si>
  <si>
    <t>Дисплей для Samsung Galaxy A12 A125F + тачскрин (черный) (Сервисный оригинал)</t>
  </si>
  <si>
    <t>Дисплей для Samsung Galaxy A12 A125F/ A32 5G / A326B / M12 / M127/ M32 5G + тачскрин (черный) Orig</t>
  </si>
  <si>
    <t>Дисплей для Samsung Galaxy A13 4G A135 / A23 4G A235 / M23 M236 / M33 M336B + тачскрин (черный)</t>
  </si>
  <si>
    <t>Дисплей для Samsung Galaxy A13 A135F + тачскрин (черный) (Сервисный оригинал)</t>
  </si>
  <si>
    <t>Дисплей для Samsung Galaxy A14 5G A146F + тачскрин (черный) Orig</t>
  </si>
  <si>
    <t>Дисплей для Samsung Galaxy A14 A145F + тачскрин (черный)</t>
  </si>
  <si>
    <t>Дисплей для Samsung Galaxy A14 A145F + тачскрин (черный) (Сервисный оригинал)</t>
  </si>
  <si>
    <t>Дисплей для Samsung Galaxy A14 A146B + тачскрин (черный) в рамке со шлейфами (Оригинал снятый)</t>
  </si>
  <si>
    <t>Дисплей для Samsung Galaxy A15 A155 + тачскрин (черный) Orig</t>
  </si>
  <si>
    <t>Дисплей для Samsung Galaxy A15 A155 + тачскрин (черный) Small Size</t>
  </si>
  <si>
    <t>Дисплей для Samsung Galaxy A2 Core A260F A260M + тачскрин (черный) (Сервисный оригинал)</t>
  </si>
  <si>
    <t>Дисплей для Samsung Galaxy A20 A205F + тачскрин (черный) OLED</t>
  </si>
  <si>
    <t>Дисплей для Samsung Galaxy A20 A205F + тачскрин (черный) Оригинал в рамке</t>
  </si>
  <si>
    <t>Дисплей для Samsung Galaxy A20 A205F + тачскрин (черный) Оригинал восстановленный</t>
  </si>
  <si>
    <t>Дисплей для Samsung Galaxy A20E A202F + тачскрин (черный)</t>
  </si>
  <si>
    <t>Дисплей для Samsung Galaxy A20s A207F + тачскрин (черный) IPS</t>
  </si>
  <si>
    <t>Дисплей для Samsung Galaxy A20s A207F + тачскрин (черный) Оригинал в рамке</t>
  </si>
  <si>
    <t>Дисплей для Samsung Galaxy A21S A217F + тачскрин (черный) Orig</t>
  </si>
  <si>
    <t>Дисплей для Samsung Galaxy A21S A217F + тачскрин (черный) TFT</t>
  </si>
  <si>
    <t>Дисплей для Samsung Galaxy A22 4G A225F + тачскрин (черный) Oled в рамке</t>
  </si>
  <si>
    <t>Дисплей для Samsung Galaxy A22 4G A225F + тачскрин (черный) в рамке Оригинал снятый (Уценка)</t>
  </si>
  <si>
    <t>Дисплей для Samsung Galaxy A22s 5G A226B + тачскрин (черный) (Сервисный оригинал)</t>
  </si>
  <si>
    <t>Дисплей для Samsung Galaxy A22s 5G A226B + тачскрин (черный) Orig</t>
  </si>
  <si>
    <t>Дисплей для Samsung Galaxy A22s 5G A226B + тачскрин (черный) Оригинал восстановленный</t>
  </si>
  <si>
    <t>Дисплей для Samsung Galaxy A24 4G + тачскрин (черный) в рамке OLED Small Size</t>
  </si>
  <si>
    <t>Дисплей для Samsung Galaxy A24 4G A245F + тачскрин (черный) в рамке Orig</t>
  </si>
  <si>
    <t>Дисплей для Samsung Galaxy A30 A305F / A50 A505F / A50s + тачскрин (черный) Оригинал восстановленный</t>
  </si>
  <si>
    <t>Дисплей для Samsung Galaxy A30 A305F / A50 A505F / A50s A507F + тачскрин (черный) OLED</t>
  </si>
  <si>
    <t>Дисплей для Samsung Galaxy A30 A305F + тачскрин (черный) OLED в рамке</t>
  </si>
  <si>
    <t>Дисплей для Samsung Galaxy A30 A305F + тачскрин (черный) Оригинал в рамке</t>
  </si>
  <si>
    <t>Дисплей для Samsung Galaxy A30S A307F + тачскрин (черный) OLED</t>
  </si>
  <si>
    <t>Дисплей для Samsung Galaxy A31 A315F + тачскрин (черный)  в рамке Оригинал восстановленный</t>
  </si>
  <si>
    <t>Дисплей для Samsung Galaxy A31 A315F + тачскрин (черный) OLED Big Size в рамке</t>
  </si>
  <si>
    <t>Дисплей для Samsung Galaxy A31 A315F + тачскрин (черный) OLED в рамке</t>
  </si>
  <si>
    <t>Дисплей для Samsung Galaxy A31 A315F + тачскрин (черный) Оригинал в рамке</t>
  </si>
  <si>
    <t>Дисплей для Samsung Galaxy A31 A315F + тачскрин (черный) Оригинал в рамке Уценка</t>
  </si>
  <si>
    <t>Дисплей для Samsung Galaxy A31 A315F + тачскрин (черный) Оригинал восстановленный</t>
  </si>
  <si>
    <t>Дисплей для Samsung Galaxy A32 4G / A325F + тачскрин (черный) в рамке Оригинал снятый</t>
  </si>
  <si>
    <t>Дисплей для Samsung Galaxy A32 4G A325F + тачскрин (черный) Oled в рамке</t>
  </si>
  <si>
    <t>Дисплей для Samsung Galaxy A32 4G A325F + тачскрин (черный) TFT в рамке</t>
  </si>
  <si>
    <t>Дисплей для Samsung Galaxy A32 4G A325F + тачскрин (черный) Оригинал в рамке</t>
  </si>
  <si>
    <t>Дисплей для Samsung Galaxy A33 A336B + тачскрин в рамке (золото) Сервисный оригинал</t>
  </si>
  <si>
    <t>Дисплей для Samsung Galaxy A40 A405F + тачскрин (черный) OLED в рамке</t>
  </si>
  <si>
    <t>Дисплей для Samsung Galaxy A40 A405F + тачскрин (черный) Оригинал снятый</t>
  </si>
  <si>
    <t>Дисплей для Samsung Galaxy A40s A407F + тачскрин (черный) OLED</t>
  </si>
  <si>
    <t>Дисплей для Samsung Galaxy A41 A415F + тачскрин (черный) In-Cell</t>
  </si>
  <si>
    <t>Дисплей для Samsung Galaxy A42 5G A426B + тачскрин в рамке (черный) Сервисный оригинал</t>
  </si>
  <si>
    <t>Дисплей для Samsung Galaxy A5 2017 A520F + тачскрин (белый) OLED</t>
  </si>
  <si>
    <t>Дисплей для Samsung Galaxy A5 2017 A520F + тачскрин (черный) OLED</t>
  </si>
  <si>
    <t>Дисплей для Samsung Galaxy A50 A505F + тачскрин (черный) OLED в рамке</t>
  </si>
  <si>
    <t>Дисплей для Samsung Galaxy A50 A505F + тачскрин (черный) TFT в рамке</t>
  </si>
  <si>
    <t>Дисплей для Samsung Galaxy A50 A505F + тачскрин (черный) TFT в рамке (Уценка)</t>
  </si>
  <si>
    <t>Дисплей для Samsung Galaxy A50 A505F + тачскрин (черный) Оригинал в рамке</t>
  </si>
  <si>
    <t>Дисплей для Samsung Galaxy A51 A515F / M31s M317F + тачскрин (черный) OLED</t>
  </si>
  <si>
    <t>Дисплей для Samsung Galaxy A51 A515F / M31s M317F + тачскрин (черный) Оригинал восстановленный</t>
  </si>
  <si>
    <t>Дисплей для Samsung Galaxy A51 A515F + тачскрин (черный) OLED в рамке Big Size</t>
  </si>
  <si>
    <t>Дисплей для Samsung Galaxy A51 A515F + тачскрин (черный) Orig в рамке</t>
  </si>
  <si>
    <t>Дисплей для Samsung Galaxy A51 A515F + тачскрин (черный) в рамке TFT</t>
  </si>
  <si>
    <t>Дисплей для Samsung Galaxy A51 A515F + тачскрин (черный) в рамке Оригинал восстановленный</t>
  </si>
  <si>
    <t>Дисплей для Samsung Galaxy A52 4G A525F + тачскрин (черный) OLED в рамке Small Size</t>
  </si>
  <si>
    <t>Дисплей для Samsung Galaxy A52 5G A526F + тачскрин (черный) Оригинал (Уценка - полоса слева)</t>
  </si>
  <si>
    <t>Дисплей для Samsung Galaxy A53 A536F + тачскрин (черный) Oled в рамке</t>
  </si>
  <si>
    <t>Дисплей для Samsung Galaxy A53 A536F в рамке (серебро) Оригинал снятый</t>
  </si>
  <si>
    <t>Дисплей для Samsung Galaxy A6 Plus A605F + тачскрин (черный) OLED</t>
  </si>
  <si>
    <t>Дисплей для Samsung Galaxy A7 2017 A720F + тачскрин (черный) OLED</t>
  </si>
  <si>
    <t>Дисплей для Samsung Galaxy A7 2018 A750F + тачскрин (черный) OLED</t>
  </si>
  <si>
    <t>Дисплей для Samsung Galaxy A70 A705F + тачскрин (черный) TFT</t>
  </si>
  <si>
    <t>Дисплей для Samsung Galaxy A70 A705F + тачскрин (черный) в рамке (Сервисный оригинал)</t>
  </si>
  <si>
    <t>Дисплей для Samsung Galaxy A70 A705F + тачскрин (черный) в рамке Oled Big Size</t>
  </si>
  <si>
    <t>Дисплей для Samsung Galaxy A70 A705F + тачскрин (черный) в рамке Оригинал снятый с царапинами</t>
  </si>
  <si>
    <t>Дисплей для Samsung Galaxy A71 A715F + тачскрин (черный) в рамке Oled Small Size</t>
  </si>
  <si>
    <t>Дисплей для Samsung Galaxy A71 A715F + тачскрин (черный) Оригинал восстановленный (полосит с краю)</t>
  </si>
  <si>
    <t>Дисплей для Samsung Galaxy A72 A725F + тачскрин (черный) в рамке Оригинал восстановленный</t>
  </si>
  <si>
    <t>Дисплей для Samsung Galaxy A72 A725F + тачскрин (черный) в рамке со шлейами Оригинал снятый</t>
  </si>
  <si>
    <t>Дисплей для Samsung Galaxy A72 A725F + тачскрин (черный) Оригинал в рамке</t>
  </si>
  <si>
    <t>Дисплей для Samsung Galaxy A72 A725F + тачскрин (черный) Оригинал восстановленный</t>
  </si>
  <si>
    <t>Дисплей для Samsung Galaxy A73 5G A736B + тачскрин (черный) Оригинал в рамке</t>
  </si>
  <si>
    <t>Дисплей для Samsung Galaxy A8 2018 A530F + тачскрин  (Черный) Оригинал восстановленный</t>
  </si>
  <si>
    <t>Дисплей для Samsung Galaxy A8+ 2018 A730F + тачскрин (черный) OLED</t>
  </si>
  <si>
    <t>Дисплей для Samsung Galaxy A8+ 2018 A730F + тачскрин (черный) TFT</t>
  </si>
  <si>
    <t>Дисплей для Samsung Galaxy A80 A805F + тачскрин (черный) Оригинал снятый</t>
  </si>
  <si>
    <t>Дисплей для Samsung Galaxy A9 2018 A920F + тачскрин (черный) в рамке (Оригинал с разбора, царапины)</t>
  </si>
  <si>
    <t>Дисплей для Samsung Galaxy A90 A905F + тачскрин (черный) Оригинал</t>
  </si>
  <si>
    <t>Дисплей для Samsung Galaxy J1 2016 J120F + тачскрин (белый) TFT</t>
  </si>
  <si>
    <t>Дисплей для Samsung Galaxy J1 2016 J120F + тачскрин (золото) TFT</t>
  </si>
  <si>
    <t>Дисплей для Samsung Galaxy J1 2016 J120F + тачскрин (черный) TFT</t>
  </si>
  <si>
    <t>Дисплей для Samsung Galaxy J2 Core 2018 J260F + тачскрин (черный) Orig Ref.</t>
  </si>
  <si>
    <t>Дисплей для Samsung Galaxy J2 Core 2018 J260F + тачскрин (черный) Сервисный оригинал</t>
  </si>
  <si>
    <t>Дисплей для Samsung Galaxy J3 2017 J330F + тачскрин (синий) Orig Ref.</t>
  </si>
  <si>
    <t>Дисплей для Samsung Galaxy J3 2017 J330F + тачскрин (черный) Orig Ref.</t>
  </si>
  <si>
    <t>Дисплей для Samsung Galaxy J5 2017 J530F + тачскрин (золото) OLED</t>
  </si>
  <si>
    <t>Дисплей для Samsung Galaxy J5 2017 J530F + тачскрин (черный) OLED</t>
  </si>
  <si>
    <t>Дисплей для Samsung Galaxy J5 Prime G570F + тачскрин (белый) Orig Ref.</t>
  </si>
  <si>
    <t>Дисплей для Samsung Galaxy J5 Prime G570F + тачскрин (золото) Orig Ref.</t>
  </si>
  <si>
    <t>Дисплей для Samsung Galaxy J5 Prime G570F + тачскрин (черный) Orig Ref.</t>
  </si>
  <si>
    <t>Дисплей для Samsung Galaxy M02s M025F + тачскрин (черный) Оригинал</t>
  </si>
  <si>
    <t>Дисплей для Samsung Galaxy M02s M025F + тачскрин (черный) Оригинал в рамке</t>
  </si>
  <si>
    <t>Дисплей для Samsung Galaxy M12 M127F + тачскрин (черный) в рамке Orig</t>
  </si>
  <si>
    <t>Дисплей для Samsung Galaxy M20 2019 M205F + тачскрин (черный) Orig</t>
  </si>
  <si>
    <t>Дисплей для Samsung Galaxy M21 / M30 / M30S / M31 M215F/M305F/M307F/M315F+ тачскрин (черный) OLED</t>
  </si>
  <si>
    <t>Дисплей для Samsung Galaxy M21 M215F + тачскрин (черный) Оригинал в рамке</t>
  </si>
  <si>
    <t>Дисплей для Samsung Galaxy M22 M225F + тачскрин (черный) Оригинал в рамке</t>
  </si>
  <si>
    <t>Дисплей для Samsung Galaxy M30S + тачскрин (черный) в рамке Оригинал восстановленный (Уценка)</t>
  </si>
  <si>
    <t>Дисплей для Samsung Galaxy M31 M315F+ тачскрин (черный) OLED в рамке</t>
  </si>
  <si>
    <t>Дисплей для Samsung Galaxy M31 M315F+ тачскрин (черный) OLED в рамке (уценка)</t>
  </si>
  <si>
    <t>Дисплей для Samsung Galaxy M31 M315F+ тачскрин (черный) Оригинал восстановленный (Уценка)</t>
  </si>
  <si>
    <t>Дисплей для Samsung Galaxy M53 5G M536B + тачскрин (черный) Оригинал в рамке</t>
  </si>
  <si>
    <t>Дисплей для Samsung Galaxy S10 Lite G770F (черный) в рамке Оригинал с разбора</t>
  </si>
  <si>
    <t>Дисплей для Samsung Galaxy S10e G970F + тачскрин (черный) в желтой рамке Оригинал снятый царапины</t>
  </si>
  <si>
    <t>Дисплей для Samsung Galaxy S10e G970F + тачскрин (черный) Оригинал (УЦЕНКА-небольшое черное пятно)</t>
  </si>
  <si>
    <t>Дисплей для Samsung Galaxy S20 FE G780F / S20 FE 5G G781B + тачскрин Оригинал  в рамке (красный)</t>
  </si>
  <si>
    <t>Дисплей для Samsung Galaxy S20 FE G780F / S20 FE 5G G781B в рамке (серебро) Оригинал снятый</t>
  </si>
  <si>
    <t>Дисплей для Samsung Galaxy S20 Plus G985F + тачскрин (черный) в рамке OLED</t>
  </si>
  <si>
    <t>Дисплей для Samsung Galaxy S21 5G (G991) + тачскрин (черный) в рамке серебро со шлейфами Снятый</t>
  </si>
  <si>
    <t>Дисплей для Samsung Galaxy S7 Edge G935F в рамке (серебро) со шлейфами Оригинал снятый</t>
  </si>
  <si>
    <t>Дисплей для Samsung Galaxy S7 G930F + тачскрин в сборе с рамкой (серебро) Оригинал с разбора</t>
  </si>
  <si>
    <t>Дисплей для Samsung Galaxy S9 G960F + тачскрин (черный) Original Ref.</t>
  </si>
  <si>
    <t>Дисплей для Samsung Galaxy S9 G960F + тачскрин (черный) в рамке Original</t>
  </si>
  <si>
    <t>Дисплей для Samsung Galaxy S9 Plus G965F + тачскрин (фиолетовый) в рамке Original (завод)</t>
  </si>
  <si>
    <t>Дисплей для Samsung Galaxy Tab 3 Lite 7.0" SM-T116 (черный) в рамке Оригинал с разбора</t>
  </si>
  <si>
    <t>Дисплей для Samsung Galaxy Tab 7.0 T211/T210/P3100/P3110/P3200/P3210/P6200/P6210</t>
  </si>
  <si>
    <t>Дисплей для Samsung Galaxy Tab A 8.0 2019 SM-T295 (белый)</t>
  </si>
  <si>
    <t>Дисплей для Samsung Galaxy Tab A 8.0 2019 SM-T295 (белый) Orig</t>
  </si>
  <si>
    <t>Дисплей для Samsung Galaxy Tab A 8.0 2019 SM-T295 (черный)</t>
  </si>
  <si>
    <t>Дисплей для Samsung Galaxy Tab A 8.0 2019 SM-T295 (черный) Orig</t>
  </si>
  <si>
    <t>Дисплей для Samsung Galaxy Tab A7 10.4 2020 T500 / T505 + таскрин (белый) Orig</t>
  </si>
  <si>
    <t>Дисплей для Samsung Galaxy Tab A7 10.4 2020 T500 / T505 + таскрин (черный) Orig</t>
  </si>
  <si>
    <t>Дисплей для Samsung Galaxy Tab A8 10.5" Wi-Fi, LTE X200, X205 + тачскрин (черный)</t>
  </si>
  <si>
    <t>Дисплей для Samsung Galaxy Trend S7390 / S7392</t>
  </si>
  <si>
    <t>Дисплей для Samsung i9003 Galaxy SL + тачскрин</t>
  </si>
  <si>
    <t>Дисплей для Samsung I9300, I9305 Galaxy S3 + тачскрин (белый) Оригинал снятый</t>
  </si>
  <si>
    <t>Дисплей для Samsung J730F Galaxy J7 (2017) + тачскрин (золото) OLED</t>
  </si>
  <si>
    <t>Дисплей для Samsung N7000 Note1 + тачскрин белый</t>
  </si>
  <si>
    <t>Дисплей для Samsung S5230</t>
  </si>
  <si>
    <t>Дисплей для Samsung S5260</t>
  </si>
  <si>
    <t>Дисплей для Samsung S5560</t>
  </si>
  <si>
    <t>Дисплей для Samsung S5570 (Galaxy mini)</t>
  </si>
  <si>
    <t>Дисплей для Samsung S5660 Galaxy Gio</t>
  </si>
  <si>
    <t>Дисплей для Samsung S5830i</t>
  </si>
  <si>
    <t>Дисплей для Samsung S7250 Wave M</t>
  </si>
  <si>
    <t>Дисплей для Samsung S7562 Galaxy S Duos</t>
  </si>
  <si>
    <t>Дисплей для Samsung S8530 (Wave II) + тачскрин</t>
  </si>
  <si>
    <t>Поляризатор дисплея (подсветка) Samsung Galaxy A02 A022F / M02 M022F / A12 A125F / M12 M127F</t>
  </si>
  <si>
    <t>Поляризатор дисплея (подсветка) Samsung Galaxy A10 A105F / M10 M105F</t>
  </si>
  <si>
    <t>Поляризатор дисплея (подсветка) Samsung Galaxy A21s A217F</t>
  </si>
  <si>
    <t>Поляризатор дисплея (подсветка) Samsung Galaxy M20 M205F</t>
  </si>
  <si>
    <t>Поляризационная плёнка для Samsung Galaxy A30 A305F / A50 A505F</t>
  </si>
  <si>
    <t>Поляризационная плёнка для Samsung Galaxy A6 Plus A605F / A7 2018 A750F / A8 Plus A730F</t>
  </si>
  <si>
    <t>Поляризационная плёнка для Samsung Galaxy A8 2018 A530F / A6 2018 A600F</t>
  </si>
  <si>
    <t>Скотч для проклейки дисплея Samsung A5 2015 A500F</t>
  </si>
  <si>
    <t>Двухсторонний скотч для дисплея Sony Xperia V (LT25)</t>
  </si>
  <si>
    <t>Двухсторонний скотч для дисплея Sony Xperia Z/L36H (кол-во комплектов)</t>
  </si>
  <si>
    <t>Двухсторонний скотч для дисплея Sony Xperia Z2</t>
  </si>
  <si>
    <t>Двухсторонний скотч для дисплея Sony Xperia Z3 compact</t>
  </si>
  <si>
    <t>Двухсторонний скотч для дисплея Sony Xperia Z3, цена за комплект (перед, зад)</t>
  </si>
  <si>
    <t>Дисплей Sony Ericsson Xperia Ray ST18i + тачскрин</t>
  </si>
  <si>
    <t>Дисплей Sony Xperia E3 (D2202, D2203, D2206, D2212) + тачскрин (белый)</t>
  </si>
  <si>
    <t>Дисплей Sony Xperia M4 Aqua + тачскрин (черный)</t>
  </si>
  <si>
    <t>Дисплей Sony Xperia Т2 Ultra (D5303/D5306) + тачскрин (черный)</t>
  </si>
  <si>
    <t>Дисплей для Sony Xperia E1</t>
  </si>
  <si>
    <t>Дисплей для Sony Xperia E3 + тачскрин (черный)</t>
  </si>
  <si>
    <t>Дисплей для Sony Xperia J (ST26i)</t>
  </si>
  <si>
    <t>Дисплей для Sony Xperia L (C2105)</t>
  </si>
  <si>
    <t>Дисплей для Sony Xperia S/SL (LT26i) + тачскрин</t>
  </si>
  <si>
    <t>Дисплей для Sony Xperia T3 (D5102/ D5103/ D5106/ M50w) + тачскрин (черный)</t>
  </si>
  <si>
    <t>Дисплей для Sony Xperia Tipo (ST21i)</t>
  </si>
  <si>
    <t>Дисплей для Sony Xperia Z1 Compact (D5503) + тачскрин черный</t>
  </si>
  <si>
    <t>Дисплей для Sony Xperia Z5 Green E6653 в сборе с корпусом и шлейфами, кнопками и виброзвонком</t>
  </si>
  <si>
    <t>Скотч для склейки дисплея Sony Z1 compact</t>
  </si>
  <si>
    <t>Скотч для склейки крышки Sony Z1 compact</t>
  </si>
  <si>
    <t>Скотч для склейки крышки Sony Z3 compact</t>
  </si>
  <si>
    <t>Tecno / Infinix</t>
  </si>
  <si>
    <t>Дисплей Infinix Hot 40 (X6836) / Hot 40 Pro (X6837) / Tecno Spark 20 Pro + тачскрин (черный)</t>
  </si>
  <si>
    <t>Дисплей Infinix Hot 40 (X6836) / Hot 40 Pro (X6837) / Tecno Spark 20 Pro + тачскрин (черный) Orig</t>
  </si>
  <si>
    <t>Дисплей Tecno Camon 20 / 20 Pro / 20 Pro 5G / 20 Premier 5G / Infinix Note 30 Pro /  Note 30 Vip TFT</t>
  </si>
  <si>
    <t>Дисплей Tecno Camon 20 / 20 Pro / 20 Pro 5G / 20 Premier 5G / Infinix Note 30 Pro / Note 30 Vip OLED</t>
  </si>
  <si>
    <t>Дисплей Tecno Spark 10 Pro / Pova 5 / Pova 5 Pro 5G / Infinix Hot 30 / Note 30 + тачскрин Orig</t>
  </si>
  <si>
    <t>Дисплей для Infinix Hot 10S (X689D) / Hot 10S NFC (X688C) + тачскрин (черный)</t>
  </si>
  <si>
    <t>Дисплей для Infinix Hot 11 (X689F) + тачскрин (черный)</t>
  </si>
  <si>
    <t>Дисплей для Infinix Hot 12 Play (X6816D) / Tecno Pova 4 (LG7n) + тачскрин (черный)</t>
  </si>
  <si>
    <t>Дисплей для Infinix Hot 12i (X665B) + тачскрин (черный)</t>
  </si>
  <si>
    <t>Дисплей для Infinix Hot 30 Play + тачскрин (черный)</t>
  </si>
  <si>
    <t>Дисплей для Infinix Hot 30i / Smart 7 Plus / Tecno Pop 7 + тачскрин (черный)</t>
  </si>
  <si>
    <t>Дисплей для Infinix Note 11 / Note 12 / Note 12 Pro + тачскрин (черный) OLED</t>
  </si>
  <si>
    <t>Дисплей для Infinix Note 11 / Note 12 / Note 12 Pro + тачскрин (черный) TFT</t>
  </si>
  <si>
    <t>Дисплей для Infinix Note 11 / Note 12 / Note 12 Pro + тачскрин (черный) в рамке OLED</t>
  </si>
  <si>
    <t>Дисплей для Infinix Note 11 / Note 12 / Note 12 Pro + тачскрин (черный) в рамкеTFT</t>
  </si>
  <si>
    <t>Дисплей для Infinix Zero 30 5G + тачскрин (черный) в рамке (золото) со шлейфами Оригинал снятый</t>
  </si>
  <si>
    <t>Дисплей для Tecno Camon 12 Air + тачскрин (черный)</t>
  </si>
  <si>
    <t>Дисплей для Tecno Camon 15 + тачскрин (черный)</t>
  </si>
  <si>
    <t>Дисплей для Tecno Camon 15 Air + тачскрин (черный)</t>
  </si>
  <si>
    <t>Дисплей для Tecno Camon 15 Pro + тачскрин (черный)</t>
  </si>
  <si>
    <t>Дисплей для Tecno Camon 18 / 18P / Infinix Hot 11S + тачскрин (черный)</t>
  </si>
  <si>
    <t>Дисплей для Tecno Camon 19 / 19 Pro + тачскрин (черный)</t>
  </si>
  <si>
    <t>Дисплей для Tecno Camon 19 / 19 Pro + тачскрин (черный) Orig</t>
  </si>
  <si>
    <t>Дисплей для Tecno Pop 6 Pro / Infinix Hot 12 Pro (X668C) + тачскрин (черный) Сервисный оригинал</t>
  </si>
  <si>
    <t>Дисплей для Tecno Pouvoir 4 + тачскрин (черный)</t>
  </si>
  <si>
    <t>Дисплей для Tecno Pova 2 / Pova 3 + тачскрин (черный)</t>
  </si>
  <si>
    <t>Дисплей для Tecno Pova 2 / Pova 3 + тачскрин (черный) Orig</t>
  </si>
  <si>
    <t>Дисплей для Tecno Spark 20 + тачскрин (черный) в рамке со шлейфами Оригинал снятый</t>
  </si>
  <si>
    <t>Дисплей для Tecno Spark 4 + тачскрин (черный)</t>
  </si>
  <si>
    <t>Дисплей для Tecno Spark 5 + тачскрин (черный)</t>
  </si>
  <si>
    <t>Дисплей для Tecno Spark 5 Air + тачскрин (черный)</t>
  </si>
  <si>
    <t>Дисплей для Tecno Spark 6 Go (KE5) / Infinix Hot 10 lite (X657B) / Smart 5 (X657C) + тачскрин</t>
  </si>
  <si>
    <t>Дисплей для Tecno Spark 7 + тачскрин (черный)</t>
  </si>
  <si>
    <t>Дисплей для Tecno Spark 8C + тачскрин (черный)</t>
  </si>
  <si>
    <t>Дисплей для Tecno Spark 8P/ Infinix Hot 11 + тачскрин (черный) Orig</t>
  </si>
  <si>
    <t>Дисплей для Tecno Spark 9 Pro + тачскрин (черный) Orig</t>
  </si>
  <si>
    <t>Дисплей для Tecno Spark 9 Pro + тачскрин (черный) в рамке со шлейфами Оригинал снятый</t>
  </si>
  <si>
    <t>Дисплей для Tecno Spark 9 Pro + тачскрин (черный) Сервисный Оригинал</t>
  </si>
  <si>
    <t>Дисплей для Tecno Spark GO 2022 + тачскрин (черный)</t>
  </si>
  <si>
    <t>Дисплей для Tecno Spark GO 2023 / Infinix Smart 7 (X6515) / Tecno Pop 7 + тачскрин (черный)</t>
  </si>
  <si>
    <t>Дисплей для Tecno Spark GO 2023 / Infinix Smart 7 (X6515) /Tecno Pop 7 + тачскрин (черный) Orig</t>
  </si>
  <si>
    <t>Дисплей для Tecno Spark GO 2024 + тачскрин (черный)</t>
  </si>
  <si>
    <t>Vivo</t>
  </si>
  <si>
    <t>Дисплей для Vivo V21e + тачскрин (черный) OLED</t>
  </si>
  <si>
    <t>Дисплей для Vivo Y20 / Y20i / Y20S / Y12A / Y12S / Y20SG / Y30 / Y30G / Y31S + тачскрин (черный)</t>
  </si>
  <si>
    <t>Дисплей для Vivo Y21 2021 / Vivo Y21S + тачскрин (черный) Сервисный оригинал</t>
  </si>
  <si>
    <t>Дисплей для Vivo Y35 4G + тачскрин (черный)</t>
  </si>
  <si>
    <t>Дисплей для Vivo Y35 5G + тачскрин (черный)</t>
  </si>
  <si>
    <t>Дисплей для VIVO Y91 / Y91C / Y91i / Y93 / Y93 Lite / Y95 + тачскрин (черный)</t>
  </si>
  <si>
    <t>Дисплей Xiaomi Redmi A1, A1+ Plus, A2, A2+ Plus, Poco C50, C51 + таскрин черный Сервисный оригинал</t>
  </si>
  <si>
    <t>Дисплей в сборе с тачскрином для Xiaomi Poco M3 черный с разбора 100</t>
  </si>
  <si>
    <t>Дисплей для Xiaomi Mi 10 Lite + тачскрин (черный) Oled Small Size</t>
  </si>
  <si>
    <t>Дисплей для Xiaomi MI 11 Lite + тачскрин (черный) Orig</t>
  </si>
  <si>
    <t>Дисплей для Xiaomi Mi 12 Lite NE / Mi 13 Lite / Civi 2 + тачскрин (черный) OLED</t>
  </si>
  <si>
    <t>Дисплей для Xiaomi Mi 12 Lite NE / Mi 13 Lite / Civi 2 + тачскрин (черный) Orig</t>
  </si>
  <si>
    <t>Дисплей для Xiaomi Mi 12T / Mi 12T Pro + тачскрин (черный) OLED</t>
  </si>
  <si>
    <t>Дисплей для Xiaomi Mi 6 + тачскрин (синий) + кнопка Home</t>
  </si>
  <si>
    <t>Дисплей для Xiaomi Mi 6 + тачскрин (черный) + кнопка Home</t>
  </si>
  <si>
    <t>Дисплей для Xiaomi Mi 6X / Mi A2 + тачскрин (белый)</t>
  </si>
  <si>
    <t>Дисплей для Xiaomi Mi 6X / Mi A2 + тачскрин (черный)</t>
  </si>
  <si>
    <t>Дисплей для Xiaomi Mi 8 + тачскрин (черный) OLED</t>
  </si>
  <si>
    <t>Дисплей для Xiaomi Mi 8 Lite + тачскрин (черный)</t>
  </si>
  <si>
    <t>Дисплей для Xiaomi Mi 9 + тачскрин (черный) OLED</t>
  </si>
  <si>
    <t>Дисплей для Xiaomi Mi 9 SE + тачскрин (черный) Orig</t>
  </si>
  <si>
    <t>Дисплей для Xiaomi Mi 9T / Mi 9T Pro / Redmi K20 / K20 Pro + тачскрин (черный) OLED</t>
  </si>
  <si>
    <t>Дисплей для Xiaomi Mi A1 / MI 5X+ тачскрин (белый) Orig</t>
  </si>
  <si>
    <t>Дисплей для Xiaomi Mi A1 / MI 5X+ тачскрин (черный) Orig</t>
  </si>
  <si>
    <t>Дисплей для Xiaomi Mi A3 / Mi CC9e + тачскрин (черный) Oled</t>
  </si>
  <si>
    <t>Дисплей для Xiaomi Mi A3 / Mi CC9e + тачскрин (черный) TFT</t>
  </si>
  <si>
    <t>Дисплей для Xiaomi Mi A3 Lite / Mi 9 Lite / Mi CC9 + тачскрин (черный) OLED</t>
  </si>
  <si>
    <t>Дисплей для Xiaomi Mi Max + тачскрин (белый)</t>
  </si>
  <si>
    <t>Дисплей для Xiaomi Mi Max + тачскрин (черный)</t>
  </si>
  <si>
    <t>Дисплей для Xiaomi Mi Max 3 + тачскрин (белый)</t>
  </si>
  <si>
    <t>Дисплей для Xiaomi Mi Max 3 + тачскрин (черный)</t>
  </si>
  <si>
    <t>Дисплей для Xiaomi Mi Mix 2 + тачскрин (черный)</t>
  </si>
  <si>
    <t>Дисплей для Xiaomi Mi Mix 2S + тачскрин (черный)</t>
  </si>
  <si>
    <t>Дисплей для Xiaomi Mi Note 10 / Mi Note 10 Pro / Mi Note 10 Lite + тачскрин (черный)</t>
  </si>
  <si>
    <t>Дисплей для Xiaomi Mi Play + тачскрин (черный)</t>
  </si>
  <si>
    <t>Дисплей для Xiaomi Poco F1 + тачскрин (черный)</t>
  </si>
  <si>
    <t>Дисплей для Xiaomi Poco F3 / Redmi K40S / K40 + тачскрин (черный) OLED</t>
  </si>
  <si>
    <t>Дисплей для Xiaomi Poco M5 / M4 5G / Redmi Note 11E / 11R / Redmi 10 Prime 5G черный в сборе Orig</t>
  </si>
  <si>
    <t>Дисплей для Xiaomi POCO X3 Pro + тачскрин (черный) в рамке бронза Оригинал снятый</t>
  </si>
  <si>
    <t>Дисплей для Xiaomi POCO X3 Pro + тачскрин (черный) в синей рамке (Оригинал снятый)</t>
  </si>
  <si>
    <t>Дисплей для Xiaomi Redmi 10 + тачскрин (черный) Orig</t>
  </si>
  <si>
    <t>Дисплей для Xiaomi Redmi 10 Prime 5G + тачскрин (черный) в рамке (Оригинал с разбора)</t>
  </si>
  <si>
    <t>Дисплей для Xiaomi Redmi 10C / Poco C40+ тачскрин (черный) Сервисный Оригинал</t>
  </si>
  <si>
    <t>Дисплей для Xiaomi Redmi 12 + тачскрин (черный) Orig</t>
  </si>
  <si>
    <t>Дисплей для Xiaomi Redmi 12C + тачскрин (черный)</t>
  </si>
  <si>
    <t>Дисплей для Xiaomi Redmi 4A + тачскрин (черный)</t>
  </si>
  <si>
    <t>Дисплей для Xiaomi Redmi 4X + тачскрин (белый)</t>
  </si>
  <si>
    <t>Дисплей для Xiaomi Redmi 4X + тачскрин (черный)</t>
  </si>
  <si>
    <t>Дисплей для Xiaomi Redmi 5 + тачскрин (белый) Copy</t>
  </si>
  <si>
    <t>Дисплей для Xiaomi Redmi 5 + тачскрин (белый) Orig</t>
  </si>
  <si>
    <t>Дисплей для Xiaomi Redmi 5 + тачскрин (черный) Orig</t>
  </si>
  <si>
    <t>Дисплей для Xiaomi Redmi 5 Plus + тачскрин (белый)</t>
  </si>
  <si>
    <t>Дисплей для Xiaomi Redmi 5 Plus + тачскрин (черный)</t>
  </si>
  <si>
    <t>Дисплей для Xiaomi Redmi 5A / Redmi GO + тачскрин (белый) Orig</t>
  </si>
  <si>
    <t>Дисплей для Xiaomi Redmi 5A / Redmi GO + тачскрин (белый) Оригинал восстановленный</t>
  </si>
  <si>
    <t>Дисплей для Xiaomi Redmi 5A / Redmi GO + тачскрин (черный) Orig</t>
  </si>
  <si>
    <t>Дисплей для Xiaomi Redmi 5A / Redmi GO + тачскрин (черный) Оригинал восстановленный</t>
  </si>
  <si>
    <t>Дисплей для Xiaomi Redmi 6 / Redmi 6A + тачскрин (белый)</t>
  </si>
  <si>
    <t>Дисплей для Xiaomi Redmi 6 / Redmi 6A + тачскрин (белый) Оригинал восстановленный</t>
  </si>
  <si>
    <t>Дисплей для Xiaomi Redmi 6 / Redmi 6A + тачскрин (черный)</t>
  </si>
  <si>
    <t>Дисплей для Xiaomi Redmi 6 / Redmi 6A + тачскрин (черный) в рамке (Оригинал с разбора)</t>
  </si>
  <si>
    <t>Дисплей для Xiaomi Redmi 6 / Redmi 6A + тачскрин (черный) в рамке (Сервисный оригинал)</t>
  </si>
  <si>
    <t>Дисплей для Xiaomi Redmi 6 / Redmi 6A + тачскрин (черный) Оригинал восстановленный</t>
  </si>
  <si>
    <t>Дисплей для Xiaomi Redmi 6 Pro / Mi A2 Lite + тачскрин (белый)</t>
  </si>
  <si>
    <t>Дисплей для Xiaomi Redmi 6 Pro / Mi A2 Lite + тачскрин (черный)</t>
  </si>
  <si>
    <t>Дисплей для Xiaomi Redmi 7 + тачскрин (черный) Copy</t>
  </si>
  <si>
    <t>Дисплей для Xiaomi Redmi 7 + тачскрин (черный) Orig</t>
  </si>
  <si>
    <t>Дисплей для Xiaomi Redmi 7A + тачскрин (черный) Orig</t>
  </si>
  <si>
    <t>Дисплей для Xiaomi Redmi 7A + тачскрин (черный) в рамке</t>
  </si>
  <si>
    <t>Дисплей для Xiaomi Redmi 8 / Redmi 8A + тачскрин (черный)</t>
  </si>
  <si>
    <t>Дисплей для Xiaomi Redmi 8 / Redmi 8A + тачскрин (черный) (Сервисный оригинал)</t>
  </si>
  <si>
    <t>Дисплей для Xiaomi Redmi 8 / Redmi 8A + тачскрин (черный) Оригинал в рамке</t>
  </si>
  <si>
    <t>Дисплей для Xiaomi Redmi 9 + тачскрин (черный) (Сервисный оригинал)</t>
  </si>
  <si>
    <t>Дисплей для Xiaomi Redmi 9 + тачскрин (черный) Orig</t>
  </si>
  <si>
    <t>Дисплей для Xiaomi Redmi 9 + тачскрин (черный) Оригинал восстановленный</t>
  </si>
  <si>
    <t>Дисплей для Xiaomi Redmi 9A / Redmi 9C / Redmi 10A + тачскрин (черный) (Сервисный оригинал)</t>
  </si>
  <si>
    <t>Дисплей для Xiaomi Redmi 9A + тачскрин (черный) в рамке со шлейфами Оригинал снятый</t>
  </si>
  <si>
    <t>Дисплей для Xiaomi Redmi 9T / POCO M3 + тачскрин (черный)</t>
  </si>
  <si>
    <t>Дисплей для Xiaomi Redmi 9T / POCO M3 + тачскрин (черный) Original</t>
  </si>
  <si>
    <t>Дисплей для Xiaomi Redmi K30 / Poco X2 + тачскрин (черный)</t>
  </si>
  <si>
    <t>Дисплей для Xiaomi Redmi Note 10 / Note 10S / Poco M5s + тачкрин (черный) Oled</t>
  </si>
  <si>
    <t>Дисплей для Xiaomi Redmi Note 10 / Note 10S / Poco M5s + тачкрин (черный) Orig</t>
  </si>
  <si>
    <t>Дисплей для Xiaomi Redmi Note 10 / Note 10S + тачкрин (черный) TFT</t>
  </si>
  <si>
    <t>Дисплей для Xiaomi Redmi Note 10 5G / Note 10T / Poco M3 Pro 5G + тачкрин (черный)</t>
  </si>
  <si>
    <t>Дисплей для Xiaomi Redmi Note 10 5G / Note 10T / Poco M3 Pro 5G + тачкрин (черный) Orig</t>
  </si>
  <si>
    <t>Дисплей для Xiaomi Redmi Note 10 Pro / Note 11 Pro / Poco X40 5G + тачскрин (черный) Oled</t>
  </si>
  <si>
    <t>Дисплей для Xiaomi Redmi Note 10 Pro 5G / Poco X3 GT + тачскрин (черный)</t>
  </si>
  <si>
    <t>Дисплей для Xiaomi Redmi Note 10 Pro/11 Pro 5G/Poco X4 Pro + тачскрин (черный) Orig</t>
  </si>
  <si>
    <t>Дисплей для Xiaomi Redmi Note 11 / Note 11S / Poco M4 Pro 4G + тачкрин (Оригинал восстановленный)</t>
  </si>
  <si>
    <t>Дисплей для Xiaomi Redmi Note 11 / Note 11S / Poco M4 Pro 4G + тачкрин (черный) OLED</t>
  </si>
  <si>
    <t>Дисплей для Xiaomi Redmi Note 11 / Note 11S / Poco M4 Pro 4G + тачкрин (черный) Orig</t>
  </si>
  <si>
    <t>Дисплей для Xiaomi Redmi Note 11 / Note 11S / Poco M4 Pro 4G + тачкрин (черный) Original</t>
  </si>
  <si>
    <t>Дисплей для Xiaomi Redmi Note 11 / Note 11S / Poco M4 Pro 4G + тачкрин (черный) TFT</t>
  </si>
  <si>
    <t>Дисплей для Xiaomi Redmi Note 12 + тачскрин (черный) OLED</t>
  </si>
  <si>
    <t>Дисплей для Xiaomi Redmi Note 12 + тачскрин (черный) ORIG</t>
  </si>
  <si>
    <t>Дисплей для Xiaomi Redmi Note 12 + тачскрин (черный) TFT</t>
  </si>
  <si>
    <t>Дисплей для Xiaomi Redmi Note 12 Pro / Note 12 Pro Plus / Poco X5 Pro + тачскрин (черный) OLED</t>
  </si>
  <si>
    <t>Дисплей для Xiaomi Redmi Note 12 Pro / Note 12 Pro Plus / Poco X5 Pro + тачскрин (черный) TFT</t>
  </si>
  <si>
    <t>Дисплей для Xiaomi Redmi Note 3 + тачскрин (белый)</t>
  </si>
  <si>
    <t>Дисплей для Xiaomi Redmi Note 4 / Note 4 Pro + тачскрин (белый)</t>
  </si>
  <si>
    <t>Дисплей для Xiaomi Redmi Note 4 / Note 4 Pro + тачскрин (черный)</t>
  </si>
  <si>
    <t>Дисплей для Xiaomi Redmi Note 4X + тачскрин (белый)</t>
  </si>
  <si>
    <t>Дисплей для Xiaomi Redmi Note 4X + тачскрин (черный)</t>
  </si>
  <si>
    <t>Дисплей для Xiaomi Redmi Note 5 / Note 5 Pro + тачскрин (белый)</t>
  </si>
  <si>
    <t>Дисплей для Xiaomi Redmi Note 5 / Note 5 Pro + тачскрин (белый) Оригинал восстановленный</t>
  </si>
  <si>
    <t>Дисплей для Xiaomi Redmi Note 5 / Note 5 Pro + тачскрин (черный)</t>
  </si>
  <si>
    <t>Дисплей для Xiaomi Redmi Note 5 / Note 5 Pro + тачскрин (черный) Оригинал восстановленный</t>
  </si>
  <si>
    <t>Дисплей для Xiaomi Redmi Note 5 + тачскрин (черный) в рамке Оригинал снятый</t>
  </si>
  <si>
    <t>Дисплей для Xiaomi Redmi Note 5A / Note 5A Prime + тачскрин (черный)</t>
  </si>
  <si>
    <t>Дисплей для Xiaomi Redmi Note 5A + тачскрин (белый)</t>
  </si>
  <si>
    <t>Дисплей для Xiaomi Redmi Note 5A + тачскрин (белый) Оригинал восстановленный</t>
  </si>
  <si>
    <t>Дисплей для Xiaomi Redmi Note 6 / Note 6 Pro + тачскрин (черный)</t>
  </si>
  <si>
    <t>Дисплей для Xiaomi Redmi Note 6 / Note 6 Pro + тачскрин (черный) Ориг</t>
  </si>
  <si>
    <t>Дисплей для Xiaomi Redmi Note 7 / Note 7 Pro / Note 7S + тачскрин (черный)</t>
  </si>
  <si>
    <t>Дисплей для Xiaomi Redmi Note 8 + тачскрин (черный)</t>
  </si>
  <si>
    <t>Дисплей для Xiaomi Redmi Note 8 + тачскрин (черный) (Оригинал снятый царапины</t>
  </si>
  <si>
    <t>Дисплей для Xiaomi Redmi Note 8 + тачскрин (черный) (Сервисный оригинал)</t>
  </si>
  <si>
    <t>Дисплей для Xiaomi Redmi Note 8 Pro + тачскрин (черный)</t>
  </si>
  <si>
    <t>Дисплей для Xiaomi Redmi Note 8 Pro + тачскрин (черный) COF</t>
  </si>
  <si>
    <t>Дисплей для Xiaomi Redmi Note 8T + тачскрин (черный)</t>
  </si>
  <si>
    <t>Дисплей для Xiaomi Redmi Note 8T + тачскрин (черный) Orig</t>
  </si>
  <si>
    <t>Дисплей для Xiaomi Redmi Note 8T + тачскрин (черный) Оригинал восстановленный</t>
  </si>
  <si>
    <t>Дисплей для Xiaomi Redmi Note 8T + тачскрин (черный) Сервисный оригинал</t>
  </si>
  <si>
    <t>Дисплей для Xiaomi Redmi Note 8T + тачскрин в рамке (серебро) (Оригинал с разбора)</t>
  </si>
  <si>
    <t>Дисплей для Xiaomi Redmi Note 9 Pro / Note 9S+ тачскрин (черный)</t>
  </si>
  <si>
    <t>Дисплей для Xiaomi Redmi Note 9 Pro / Note 9S+ тачскрин (черный) Ориг</t>
  </si>
  <si>
    <t>Дисплей для Xiaomi Redmi Note 9 Pro / Note 9S+ тачскрин (черный) Сервисный оригинал</t>
  </si>
  <si>
    <t>Дисплей для Xiaomi Redmi Note 9 Pro 5G / Poco X3 / X3 Pro / Mi 10t lite + тачскрин (черный)</t>
  </si>
  <si>
    <t>Дисплей для Xiaomi Redmi Note 9 Pro 5G / Poco X3 / X3 Pro / Mi 10t lite + тачскрин Orig</t>
  </si>
  <si>
    <t>Дисплей для Xiaomi Redmi Note 9T / Note 9 5G + тачскрин (черный) Ориг</t>
  </si>
  <si>
    <t>Дисплей для Xiaomi Redmi S2 + тачскрин (белый)</t>
  </si>
  <si>
    <t>Дисплей для Xiaomi Redmi S2 + тачскрин (черный)</t>
  </si>
  <si>
    <t>Дисплей для Xiaomi Redmi S2 + тачскрин (черный) в сборе с рамкой</t>
  </si>
  <si>
    <t>Поляризатор дисплея (подсветка) Xiaomi Poco X3 / X3 Pro</t>
  </si>
  <si>
    <t>Поляризатор дисплея (подсветка) Xiaomi Redmi 6 Pro / Mi A2 Lite</t>
  </si>
  <si>
    <t>Поляризатор дисплея (подсветка) Xiaomi Redmi 7A</t>
  </si>
  <si>
    <t>Поляризатор дисплея (подсветка) Xiaomi Redmi 9</t>
  </si>
  <si>
    <t>Поляризатор дисплея (подсветка) Xiaomi Redmi 9A / 9C</t>
  </si>
  <si>
    <t>Поляризационная плёнка дисплея для Xiaomi Redmi 7</t>
  </si>
  <si>
    <t>Поляризационная плёнка для Xiaomi Redmi 9</t>
  </si>
  <si>
    <t>Поляризационная плёнка для Xiaomi Redmi 9A / Redmi 9C</t>
  </si>
  <si>
    <t>Поляризационная плёнка для Xiaomi Redmi Note 4X</t>
  </si>
  <si>
    <t>ZTE</t>
  </si>
  <si>
    <t>Дисплей ZTE Blade A601 + тачскрин (черный)</t>
  </si>
  <si>
    <t>Дисплей ZTE Blade S6/ Q5 + тачскрин (белый)</t>
  </si>
  <si>
    <t>Дисплей ZTE Blade X7 / Z7 + тачскрин (черный)</t>
  </si>
  <si>
    <t>Дисплей в сборе с тачскрином для ZTE Nubia Z5 Mini</t>
  </si>
  <si>
    <t>Дисплей для ZTE Blade A7 2020 + тачскрин (черный) Orig</t>
  </si>
  <si>
    <t>Дисплей для ZTE Blade L210 + тачскрин (черный)</t>
  </si>
  <si>
    <t>Дисплей для ZTE Blade V10 Vita + тачскрин (черный)</t>
  </si>
  <si>
    <t>Дисплей для ZTE Blade V10 Vita + тачскрин (черный) в рамке</t>
  </si>
  <si>
    <t>Дисплей для ZTE Blade V2020 5G + тачскрин (черный)</t>
  </si>
  <si>
    <t>Дисплей для ZTE Blade V2020 Smart / V8010 + тачскрин (черный)</t>
  </si>
  <si>
    <t>Автосигнализации</t>
  </si>
  <si>
    <t>ЖК-дисплей для Starline A6 (на ножках)</t>
  </si>
  <si>
    <t>ЖК-дисплей для Starline A91 (на ножках)</t>
  </si>
  <si>
    <t>ЖК-дисплей для Starline A93 ver.1.0 (на ножках)</t>
  </si>
  <si>
    <t>ЖК-дисплей для Starline A93 ver.2.0 (на ножках)</t>
  </si>
  <si>
    <t>ЖК-дисплей для Starline B6</t>
  </si>
  <si>
    <t>ЖК-дисплей для Starline B9 (на ножках)</t>
  </si>
  <si>
    <t>ЖК-дисплей для Starline E60 / E85 / E90 / E95</t>
  </si>
  <si>
    <t>ЖК-дисплей для Tomahawk Z5</t>
  </si>
  <si>
    <t>Стекло для Starline A33 / A36 / A39 / A63 / A66 / A69 /A93</t>
  </si>
  <si>
    <t>Стекло для Starline E60 / E85 / E90 / E95</t>
  </si>
  <si>
    <t>Дисплеи. Разное.</t>
  </si>
  <si>
    <t>Дисплей Highscreen Omega Q</t>
  </si>
  <si>
    <t>Дисплей в сборе с корпусом для Prestigio Muze X5 LTE PSP5518 Duo (золото) Оригинал с разбора</t>
  </si>
  <si>
    <t>Дисплей для Geotel G1</t>
  </si>
  <si>
    <t>Дисплей для Highscreen Boost 2 + тачскрин</t>
  </si>
  <si>
    <t>Дисплей для Highscreen Boost 2 + тачскрин (FPC9169C-V3)</t>
  </si>
  <si>
    <t>Дисплей для Highscreen Power Five EVO + тачскрин (черный)</t>
  </si>
  <si>
    <t>Дисплей для Inoi 2 + тачскрин (белый) в рамке б/у с разбора</t>
  </si>
  <si>
    <t>Дисплей для Itel A48 (L6006) + тачскрин (черный)</t>
  </si>
  <si>
    <t>Дисплей для Micromax Canvas Magnus Q334 + тачскрин (черный) с рамкой (Оригинал с разбора)</t>
  </si>
  <si>
    <t>Дисплей для Motorola Moto C Plus XT1721 XT1722 XT1723 XT1724 + тачскрин (золото) б/у с разбора</t>
  </si>
  <si>
    <t>Дисплей для OnePlus Nord 2 5G (DN2103) + тачскрин (черный)</t>
  </si>
  <si>
    <t>Дисплей для Tecno Power 4 LC7 / 4 Pro LC8 + тачскрин (черный)</t>
  </si>
  <si>
    <t>Дисплей для Ulefone Future + тачскрин (черный)</t>
  </si>
  <si>
    <t>Дисплей для UMIDIGI Z2 Pro в сборе с корпусом Оригинал с разбора</t>
  </si>
  <si>
    <t>Дисплей теле2 LCD</t>
  </si>
  <si>
    <t>Для китайских  планшетов</t>
  </si>
  <si>
    <t>Дисплей Digma Plane 9507M 3G PS9079MG, 34pin</t>
  </si>
  <si>
    <t>Дисплей дла планшета Samsung GALAXY Tab 3 8.0 T331 LCD</t>
  </si>
  <si>
    <t>Дисплей для Explay Hit 3G (30pin) 070NJ01-A0-HDS-TN</t>
  </si>
  <si>
    <t>Дисплей для планшета CPT 7" LCD CLAA070ND36CW FPC 73001001911C</t>
  </si>
  <si>
    <t>Дисплей для планшета Irbis TZ737w/TZ737b</t>
  </si>
  <si>
    <t>Дисплей на планшет Ritmix RMD 1035 (AB0970001011, 426j01-1-006x3)</t>
  </si>
  <si>
    <t>Корпуса, клавиатуры, крышки</t>
  </si>
  <si>
    <t>Задняя крышка для Asus ZE500KL (черный)</t>
  </si>
  <si>
    <t>Задняя крышка для ASUS Zenfone 2 Laser ZE601KL (серый)</t>
  </si>
  <si>
    <t>Задняя крышка для Asus Zenfone Max (M2) (ZB633KL) (синий) + стекло камеры (Оригинал с разбора)</t>
  </si>
  <si>
    <t>Корпус для Blackview TAB 13 (2022) + АКБ + Задняя камера + антенны + динамики (Оригинал с разбора)</t>
  </si>
  <si>
    <t>Лоток SIM карты и карты памяти для Blackview TAB 13 (2022) (черный)</t>
  </si>
  <si>
    <t>Рамка дисплея для Blackview TAB 13 (2022) черная</t>
  </si>
  <si>
    <t>Верхняя антенна со средней частью корпуса для BQ-6040L Magic</t>
  </si>
  <si>
    <t>Задняя крышка для BQ BQ-4028 UP!</t>
  </si>
  <si>
    <t>Задняя крышка для BQ BQS-5065 Choice (черный) с разбора</t>
  </si>
  <si>
    <t>Задняя крышка для BQ-5044 Strike LTE (золото) б/у с разбора</t>
  </si>
  <si>
    <t>Задняя крышка со стеклом камеры для BQ -6000L AURORA (золото) с потертостями</t>
  </si>
  <si>
    <t>Лоток Sim-карты и карты памяти для BQ-6000L AURORA (золото) Оригинал снятый</t>
  </si>
  <si>
    <t>Рамка дисплея для BQ-6000L AURORA  (золото) Оригинал снятый</t>
  </si>
  <si>
    <t>Рамка дисплея для BQ-6040L Magic (черный) Оригинал с разбора</t>
  </si>
  <si>
    <t>Средняя часть корпуса для BQ-5044 Strike LTE</t>
  </si>
  <si>
    <t>Крышка Fly IQ 4415, черная</t>
  </si>
  <si>
    <t>Крышка Fly на подбор, черная</t>
  </si>
  <si>
    <t>Лоток SIM-карты и карты памяти для Google Pixel 4A (черный) Оригинал снятый</t>
  </si>
  <si>
    <t>Рамка дисплея для Google Pixel 4A (черный) Оригинал снятый</t>
  </si>
  <si>
    <t>Задняя крышка для HTC Wildfire E2 (черная) Оригинал с разбора с царапинами</t>
  </si>
  <si>
    <t>Крышка HTC черная</t>
  </si>
  <si>
    <t>Лоток SIM и карты памяти для HTC Wildfire E2 (черный) Оригинал с разбора</t>
  </si>
  <si>
    <t>Лоток для сим HTC desire 300</t>
  </si>
  <si>
    <t>Сим-коннекторы HTC Desire V</t>
  </si>
  <si>
    <t>Средняя часть корпуса со стеклом камеры для HTC Wildfire E2 (Оригинал с разбора)</t>
  </si>
  <si>
    <t>Боковые кнопки для Honor 50 Оригинал с разбора</t>
  </si>
  <si>
    <t>Задняя крышка для Honor 10X Lite (зеленый)</t>
  </si>
  <si>
    <t>Задняя крышка для Honor 50 (зеленый)</t>
  </si>
  <si>
    <t>Задняя крышка для Honor 50 Lite (черный)</t>
  </si>
  <si>
    <t>Задняя крышка для Huawei Honor 10 (зеленый)</t>
  </si>
  <si>
    <t>Задняя крышка для Huawei Honor 10 (синий)</t>
  </si>
  <si>
    <t>Задняя крышка для Huawei Honor 10 (черный)</t>
  </si>
  <si>
    <t>Задняя крышка для Huawei Honor 10 Lite (синий)</t>
  </si>
  <si>
    <t>Задняя крышка для Huawei Honor 10 Lite (черный)</t>
  </si>
  <si>
    <t>Задняя крышка для Huawei Honor 10i / 20 Lite (синий)</t>
  </si>
  <si>
    <t>Задняя крышка для Huawei Honor 10i / 20 Lite (черный)</t>
  </si>
  <si>
    <t>Задняя крышка для Huawei Honor 20 (зеленый)</t>
  </si>
  <si>
    <t>Задняя крышка для Huawei Honor 20 (Синий)</t>
  </si>
  <si>
    <t>Задняя крышка для Huawei Honor 20 (черный)</t>
  </si>
  <si>
    <t>Задняя крышка для Huawei Honor 20 Pro (Phantom Blue)</t>
  </si>
  <si>
    <t>Задняя крышка для Huawei Honor 20 Pro (фиолетовый)</t>
  </si>
  <si>
    <t>Задняя крышка для Huawei Honor 20i (черный)</t>
  </si>
  <si>
    <t>Задняя крышка для Huawei Honor 30 (черный)</t>
  </si>
  <si>
    <t>Задняя крышка для Huawei Honor 30 Pro (черный)</t>
  </si>
  <si>
    <t>Задняя крышка для Huawei Honor 8 (фиолетовый синий)</t>
  </si>
  <si>
    <t>Задняя крышка для Huawei Honor 8 (черный)</t>
  </si>
  <si>
    <t>Задняя крышка для Huawei Honor 8 Lite / P8 Lite 2017 (белый)</t>
  </si>
  <si>
    <t>Задняя крышка для Huawei Honor 8 Lite / P8 Lite 2017 (золото)</t>
  </si>
  <si>
    <t>Задняя крышка для Huawei Honor 8 Lite / P8 Lite 2017 (синий)</t>
  </si>
  <si>
    <t>Задняя крышка для Huawei Honor 8 Lite / P8 Lite 2017 (черный)</t>
  </si>
  <si>
    <t>Задняя крышка для Huawei Honor 8C (черный) в комплекте со стеклом камеры</t>
  </si>
  <si>
    <t>Задняя крышка для Huawei Honor 8X (красный)</t>
  </si>
  <si>
    <t>Задняя крышка для Huawei Honor 8X (синий)</t>
  </si>
  <si>
    <t>Задняя крышка для Huawei Honor 8X (черный)</t>
  </si>
  <si>
    <t>Задняя крышка для Huawei Honor 9 / Honor 9 Premium (черный)</t>
  </si>
  <si>
    <t>Задняя крышка для Huawei Honor 9 Lite (белый)</t>
  </si>
  <si>
    <t>Задняя крышка для Huawei Honor 9 Lite (серый)</t>
  </si>
  <si>
    <t>Задняя крышка для Huawei Honor 9 Lite (синий)</t>
  </si>
  <si>
    <t>Задняя крышка для Huawei Honor 9 Lite (черный)</t>
  </si>
  <si>
    <t>Задняя крышка для Huawei Honor 9X (синий) (без выреза для отпечатка)</t>
  </si>
  <si>
    <t>Задняя крышка для Huawei Honor 9X (черный) (без выреза для отпечатка)</t>
  </si>
  <si>
    <t>Задняя крышка для Huawei Mate 20 Pro зеленый</t>
  </si>
  <si>
    <t>Задняя крышка для Huawei Mate 20 Pro синий</t>
  </si>
  <si>
    <t>Задняя крышка для Huawei Mate 20 Pro фиолетово-черный градиент</t>
  </si>
  <si>
    <t>Задняя крышка для Huawei Mate 20 Pro черный</t>
  </si>
  <si>
    <t>Задняя крышка для Huawei Mate 30 Pro (серебро)</t>
  </si>
  <si>
    <t>Задняя крышка для Huawei Mate 30 Pro (сиреневый)</t>
  </si>
  <si>
    <t>Задняя крышка для Huawei Mate 30 Pro (черный)</t>
  </si>
  <si>
    <t>Задняя крышка для Huawei Nova 10SE со стеклом камеры (серебро) Оригинал снятый</t>
  </si>
  <si>
    <t>Задняя крышка для Huawei Nova 3 голубой</t>
  </si>
  <si>
    <t>Задняя крышка для Huawei Nova 3 желтый</t>
  </si>
  <si>
    <t>Задняя крышка для Huawei Nova 3 красный</t>
  </si>
  <si>
    <t>Задняя крышка для Huawei Nova 3 синий</t>
  </si>
  <si>
    <t>Задняя крышка для Huawei Nova 3 черный</t>
  </si>
  <si>
    <t>Задняя крышка для Huawei Nova Y70 (синий) Оригинал снятый</t>
  </si>
  <si>
    <t>Задняя крышка для Huawei P Smart 2019 Синий</t>
  </si>
  <si>
    <t>Задняя крышка для Huawei P Smart Z (зеленый)</t>
  </si>
  <si>
    <t>Задняя крышка для Huawei P20 Lite / Nova 3E (золото)</t>
  </si>
  <si>
    <t>Задняя крышка для Huawei P20 lite / Nova 3E (синий)</t>
  </si>
  <si>
    <t>Задняя крышка для Huawei P20 Lite / Nova 3E (черный)</t>
  </si>
  <si>
    <t>Задняя крышка для Huawei Y8p черный Оригинал с разбора</t>
  </si>
  <si>
    <t>Задняя крышка со стеклом камеры для Huawei Nova Y61 (черный) Оригинал снятый</t>
  </si>
  <si>
    <t>Качели боковых кнопок для Huawei Honor 10 Lite / 10i (синий)</t>
  </si>
  <si>
    <t>Корпус для Huawei MediaPad M5 lite 8" (JDN2-L09) + АКБ + динамики (темно-синий) Оригинал с разбора</t>
  </si>
  <si>
    <t>Лоток SIM для Huawei P20 Lite (черный)</t>
  </si>
  <si>
    <t>Лоток SIM и карты памяти для Honor 50 (черный)</t>
  </si>
  <si>
    <t>Лоток SIM и карты памяти для Honor 7A / Honor 7A Pro / 7C / Huawei Y6 2018 (черный)</t>
  </si>
  <si>
    <t>Лоток SIM и карты памяти для Honor 7X (синий)</t>
  </si>
  <si>
    <t>Лоток SIM и карты памяти для Honor 7X (черный)</t>
  </si>
  <si>
    <t>Лоток SIM и карты памяти для Honor 8X (синий) Оригинал снятый</t>
  </si>
  <si>
    <t>Лоток SIM и карты памяти для Honor 8X (черный)</t>
  </si>
  <si>
    <t>Лоток SIM и карты памяти для Honor 9 Lite (черный)</t>
  </si>
  <si>
    <t>Лоток SIM и карты памяти для Huawei Mate 20 Lite (золото)</t>
  </si>
  <si>
    <t>Лоток SIM и карты памяти для Huawei Mate 20 Lite (черный)</t>
  </si>
  <si>
    <t>Лоток SIM и карты памяти для Huawei P Smart 2019 (синий)</t>
  </si>
  <si>
    <t>Лоток SIM и карты памяти для Huawei P Smart 2019 (черный)</t>
  </si>
  <si>
    <t>Лоток SIM и карты памяти для Huawei P30 Lite / Honor 20s (синий)</t>
  </si>
  <si>
    <t>Лоток SIM и карты памяти для Huawei P30 Lite / Honor 20s (черный)</t>
  </si>
  <si>
    <t>Лоток SIM и карты памяти для Huawei View 10 (красный)</t>
  </si>
  <si>
    <t>Лоток SIM и карты памяти для Huawei Y8p (черный) Оригинал с разбора</t>
  </si>
  <si>
    <t>Лоток SIM-карты для Huawei P40 Pro (черный)</t>
  </si>
  <si>
    <t>Лоток SIM-карты и карты памяти для Huawei Nova Y70 (синий) Оригинал снятый</t>
  </si>
  <si>
    <t>Рамка дисплея для Honor 20 (черный)</t>
  </si>
  <si>
    <t>Рамка дисплея для Honor 30 (зеленый) Оригинал с разбора</t>
  </si>
  <si>
    <t>Рамка дисплея для Huawei Ascend P6</t>
  </si>
  <si>
    <t>Рамка дисплея для Huawei Honor 10i / Honor 10 Lite (красный)</t>
  </si>
  <si>
    <t>Рамка дисплея для Huawei Honor 10i / Honor 10 Lite (синий)</t>
  </si>
  <si>
    <t>Рамка дисплея для Huawei Honor 8X (синий)</t>
  </si>
  <si>
    <t>Рамка дисплея для Huawei Honor 9 Lite (синий) б/у, с разбора</t>
  </si>
  <si>
    <t>Рамка дисплея для Huawei Honor 9X (синий) (сканер сбоку)</t>
  </si>
  <si>
    <t>Рамка дисплея для Huawei Honor 9X (черный) (сканер сбоку)</t>
  </si>
  <si>
    <t>Рамка дисплея для Huawei P20 Lite (черный) Оригинал снятый</t>
  </si>
  <si>
    <t>Рамка дисплея для Huawei P20 Pro (сиреневый) Оригинал снятый</t>
  </si>
  <si>
    <t>Рамка дисплея для Huawei Y5 2019 / Honor 8S (черный)</t>
  </si>
  <si>
    <t>Рамка дисплея для Huawei Y7 2018 (белый)</t>
  </si>
  <si>
    <t>Рамка дисплея для Huawei Y8p (черный) Оригинал с разбора уценка</t>
  </si>
  <si>
    <t>Рамка дисплея с АКБ для Honor 10 (зеленый)</t>
  </si>
  <si>
    <t>Сетка динамика для Huawei Honor 20 / 20 Pro / Nova 5T</t>
  </si>
  <si>
    <t>Сетка динамика для Huawei Honor 8X / 9X Lite</t>
  </si>
  <si>
    <t>Сетка динамика для Huawei Honor P Smart Z / Y9s / Y9 Prime 2019 / Honor 9X</t>
  </si>
  <si>
    <t>Средняя часть корпуса для Honor 8X (синий) Оригинал снятый</t>
  </si>
  <si>
    <t>Средняя часть корпуса для Honor 9A</t>
  </si>
  <si>
    <t>Средняя часть корпуса для Huawei Nova Y70 (синий) Оригинал снятый</t>
  </si>
  <si>
    <t>Средняя часть корпуса для Huawei Y8p со стеклом камеры Оригинал с разбора</t>
  </si>
  <si>
    <t>Средняя часть корпуса с NFC для Honor 50 Оригинал снятый</t>
  </si>
  <si>
    <t>Толкатель боковых кнопок для Huawei Honor 9 (серый)</t>
  </si>
  <si>
    <t>Толкатель боковых кнопок для Huawei Honor 9 (синий)</t>
  </si>
  <si>
    <t>Толкатель боковых кнопок для Huawei Honor 9 (черный)</t>
  </si>
  <si>
    <t>Infinix</t>
  </si>
  <si>
    <t>Задняя крышка для Infinix Hot 10 (X682) зеленый</t>
  </si>
  <si>
    <t>Задняя крышка для Infinix Hot 10 (X682) серебро</t>
  </si>
  <si>
    <t>Задняя крышка для Infinix Hot 10 (X682) черный</t>
  </si>
  <si>
    <t>Задняя крышка для Infinix Hot 10S / 10T (X689) зеленый</t>
  </si>
  <si>
    <t>Задняя крышка для Infinix Hot 10S / 10T (X689) серый</t>
  </si>
  <si>
    <t>Задняя крышка для Infinix Hot 10S / 10T (X689) черный</t>
  </si>
  <si>
    <t>Задняя крышка для Infinix Hot 7 (X624) золото</t>
  </si>
  <si>
    <t>Задняя крышка для Infinix Hot 7 (X624) черно-фиолетовый градиент</t>
  </si>
  <si>
    <t>Задняя крышка для Infinix Hot 7 (X624) черный</t>
  </si>
  <si>
    <t>Задняя крышка для Infinix Hot 8 (X650) зеленый</t>
  </si>
  <si>
    <t>Задняя крышка для Infinix Hot 8 (X650) черно-синий градиент</t>
  </si>
  <si>
    <t>Задняя крышка для Infinix Hot 8 (X650) черно-фиолетовый градиент</t>
  </si>
  <si>
    <t>Задняя крышка для Infinix Hot 9 Play (X680) черно-зеленый градиент</t>
  </si>
  <si>
    <t>Задняя крышка для Infinix Hot 9 Play (X680) черно-синий градиент</t>
  </si>
  <si>
    <t>Задняя крышка для Infinix Hot 9 Play (X680) черный</t>
  </si>
  <si>
    <t>Задняя крышка для Infinix Note 7 (X690) белый</t>
  </si>
  <si>
    <t>Задняя крышка для Infinix Note 7 (X690) зеленый</t>
  </si>
  <si>
    <t>Задняя крышка для Infinix Note 7 (X690) темно-синий</t>
  </si>
  <si>
    <t>Задняя крышка для Infinix Note 8 (X692) синий</t>
  </si>
  <si>
    <t>Задняя крышка для Infinix Note 8 (X692) черный</t>
  </si>
  <si>
    <t>Задняя крышка для Infinix Note 8 (X692) ярко-синий</t>
  </si>
  <si>
    <t>Задняя крышка для Infinix S5 (X652) фиолетово-розовый градиент</t>
  </si>
  <si>
    <t>Задняя крышка для Infinix S5 (X652) черно-зеленый градиент</t>
  </si>
  <si>
    <t>Задняя крышка для Infinix S5 (X652) черно-синий градиент</t>
  </si>
  <si>
    <t>Задняя крышка для Infinix Smart 4 (X653) синий</t>
  </si>
  <si>
    <t>Задняя крышка для Infinix Smart 4 (X653) фиолетово-черный градиент</t>
  </si>
  <si>
    <t>Задняя крышка для Infinix Smart 4 (X653) черный</t>
  </si>
  <si>
    <t>Задняя крышка для Infinix Smart 6 Plus (черный) Оригинал снятый с царапинами</t>
  </si>
  <si>
    <t>Задняя крышка для Infinix Smart HD 2021 (X612) зеленый</t>
  </si>
  <si>
    <t>Задняя крышка для Infinix Smart HD 2021 (X612) синий</t>
  </si>
  <si>
    <t>Задняя крышка для Infinix Smart HD 2021 (X612) черный</t>
  </si>
  <si>
    <t>Задняя крышка для Infinix Zero 30 5G (зеленый) Оригинал снятый</t>
  </si>
  <si>
    <t>Задняя крышка со стеклом камеры для Infinix Hot 10 Lite (X657) зеленый</t>
  </si>
  <si>
    <t>Задняя крышка со стеклом камеры для Infinix Hot 10 Lite (X657) синий</t>
  </si>
  <si>
    <t>Задняя крышка со стеклом камеры для Infinix Hot 10 Lite (X657) черный</t>
  </si>
  <si>
    <t>Задняя крышка со стеклом камеры для Infinix Hot 10 Play (X688) зеленый</t>
  </si>
  <si>
    <t>Задняя крышка со стеклом камеры для Infinix Hot 10 Play (X688) серебрянно-синий градиент</t>
  </si>
  <si>
    <t>Задняя крышка со стеклом камеры для Infinix Hot 10 Play (X688) синий</t>
  </si>
  <si>
    <t>Задняя крышка со стеклом камеры для Infinix Hot 10 Play (X688) черный</t>
  </si>
  <si>
    <t>Задняя крышка со стеклом камеры для Infinix Hot 10i (X659) золото</t>
  </si>
  <si>
    <t>Задняя крышка со стеклом камеры для Infinix Hot 10i (X659) синий</t>
  </si>
  <si>
    <t>Задняя крышка со стеклом камеры для Infinix Hot 11 G70 (X662) зеленый</t>
  </si>
  <si>
    <t>Задняя крышка со стеклом камеры для Infinix Hot 11 G70 (X662) сиреневый</t>
  </si>
  <si>
    <t>Задняя крышка со стеклом камеры для Infinix Hot 11 G70 (X662) черный</t>
  </si>
  <si>
    <t>Задняя крышка со стеклом камеры для Infinix Hot 11S (X6812) серебрянно-зеленый градиент</t>
  </si>
  <si>
    <t>Задняя крышка со стеклом камеры для Infinix Hot 11S (X6812) сиреневый</t>
  </si>
  <si>
    <t>Задняя крышка со стеклом камеры для Infinix Hot 11S (X6812) черный</t>
  </si>
  <si>
    <t>Задняя крышка со стеклом камеры для Infinix Hot 6 (X606) золото</t>
  </si>
  <si>
    <t>Задняя крышка со стеклом камеры для Infinix Hot 6 (X606) красный</t>
  </si>
  <si>
    <t>Задняя крышка со стеклом камеры для Infinix Hot 6 (X606) синий</t>
  </si>
  <si>
    <t>Задняя крышка со стеклом камеры для Infinix Hot 9 (X655) зеленый</t>
  </si>
  <si>
    <t>Задняя крышка со стеклом камеры для Infinix Hot 9 (X655) синий</t>
  </si>
  <si>
    <t>Задняя крышка со стеклом камеры для Infinix Hot 9 (X655) черный</t>
  </si>
  <si>
    <t>Задняя крышка со стеклом камеры для Infinix Smart 7 HD (X6516) белый</t>
  </si>
  <si>
    <t>Задняя крышка со стеклом камеры для Infinix Smart 7 HD (X6516) синий</t>
  </si>
  <si>
    <t>Задняя крышка со стеклом камеры для Infinix Smart 7 HD (X6516) черный</t>
  </si>
  <si>
    <t>Лоток SIM и карты памяти для Infinix Smart 6 Plus (синий) Оригинал снятый</t>
  </si>
  <si>
    <t>Лоток SIM-карты и карты памяти для Infinix Zero 30 5G (золото) Оригинал снятый</t>
  </si>
  <si>
    <t>Средняя часть корпуса для Infinix Smart 6 Plus (Оригинал снятый)</t>
  </si>
  <si>
    <t>Крышка Lenovo S850, красная</t>
  </si>
  <si>
    <t>Сим слот для Lenovo Р780</t>
  </si>
  <si>
    <t>Корпус LG KP-105</t>
  </si>
  <si>
    <t>Верхняя антенна для Meizu M5s M612H</t>
  </si>
  <si>
    <t>Задняя крышка для Meizu M3 mini M688U (золото) со стеклом камеры б/у с разбора</t>
  </si>
  <si>
    <t>Качели боковых кнопок для Meizu M5s M612H</t>
  </si>
  <si>
    <t>Лоток SIM-карты и карты памяти для Meizu M3 mini M688U (золото) б/у с разбора</t>
  </si>
  <si>
    <t>Стекло камеры и стекло вспышки для Meizu M5s M612H</t>
  </si>
  <si>
    <t>Задняя крышка для Microsoft 535 (черный) RHG-9122</t>
  </si>
  <si>
    <t>Клавиатура Nokia 6131 черная</t>
  </si>
  <si>
    <t>Клавиатура Nokia N73 черная</t>
  </si>
  <si>
    <t>Клавиатура Nokia N95 черная</t>
  </si>
  <si>
    <t>Клавиатура Nokia X2 черная</t>
  </si>
  <si>
    <t>Клавиатурная мембрана для Nokia C3-01+sim+mem slot</t>
  </si>
  <si>
    <t>Клавиатурная мембрана для Nokia N81 (буквенно-цифровая часть)</t>
  </si>
  <si>
    <t>Комплект лотков Sim для Nokia 3 (серебро)</t>
  </si>
  <si>
    <t>Корпус 6500 оригинал</t>
  </si>
  <si>
    <t>Корпус AAA Nokia 5530 со средней частью белый</t>
  </si>
  <si>
    <t>Корпус AAA Nokia 6030 со средней частью черный</t>
  </si>
  <si>
    <t>Корпус AAA Nokia 6270 без средней части черный</t>
  </si>
  <si>
    <t>Корпус AAA Nokia x3-02 со средней частью белый</t>
  </si>
  <si>
    <t>Корпус AAA Nokia С2-00</t>
  </si>
  <si>
    <t>Корпус Nokia 200 Asha черный</t>
  </si>
  <si>
    <t>Корпус Nokia 5800ХМ черный + стилус</t>
  </si>
  <si>
    <t>Корпус Nokia Lumia 820 черный со средней частью черный, в сборе</t>
  </si>
  <si>
    <t>Корпус Nokia X6 со средней частью</t>
  </si>
  <si>
    <t>Крышка Nokia 5130 серая</t>
  </si>
  <si>
    <t>Крышка Nokia 6300 серебро метелл.</t>
  </si>
  <si>
    <t>Крышка Nokia 6300 черная метелл.</t>
  </si>
  <si>
    <t>Крышка Nokia 6700 металлическая серая</t>
  </si>
  <si>
    <t>Крышка Nokia 6700 черная</t>
  </si>
  <si>
    <t>Крышка Nokia 7230 малиновая</t>
  </si>
  <si>
    <t>Крышка для нокиа С5, стальная</t>
  </si>
  <si>
    <t>Крышка нокиа 500, черная</t>
  </si>
  <si>
    <t>Крышка Нокиа 6303 металлическая серая</t>
  </si>
  <si>
    <t>Крышка Нокиа 6303 металлическая черная</t>
  </si>
  <si>
    <t>Крышка Нокиа С5, черная</t>
  </si>
  <si>
    <t>Крышка Нокиа х2-00, серая</t>
  </si>
  <si>
    <t>Oppo, Realme</t>
  </si>
  <si>
    <t>Задняя крышка для OPPO A3S в сборе с кнопками и стеклом камеры (синий) Оригинал с разбора</t>
  </si>
  <si>
    <t>Задняя крышка для OPPO A53 (2020) CPH2127 (темно-синий) оригинал с разбора</t>
  </si>
  <si>
    <t>Задняя крышка для Oppo A55 (черный) Оригинал с разбора</t>
  </si>
  <si>
    <t>Задняя крышка для Oppo A74 (синий) Оригинал снятый с царапинами</t>
  </si>
  <si>
    <t>Задняя крышка для Oppo F5 (черный) + сканер отпечатка (Оригинал с разбора)</t>
  </si>
  <si>
    <t>Задняя крышка для Realme 10 (белая) со стеклом камеры Оригинал с разбора</t>
  </si>
  <si>
    <t>Задняя крышка для Realme 10 (черная) со стеклом камеры Оригинал с разбора</t>
  </si>
  <si>
    <t>Задняя крышка со стеклом камеры для Realme C25 / C25S (синий) Оригинал снятый</t>
  </si>
  <si>
    <t>Лоток SIM для Oppo F5 (черный) (Оригинал с разбора)</t>
  </si>
  <si>
    <t>Лоток SIM-карты и карты памяти для Oppo A74 4G (синий) Оригинал снятый</t>
  </si>
  <si>
    <t>Лоток Sim-карты и карты памяти для Realme 10 (белый)</t>
  </si>
  <si>
    <t>Лоток Sim-карты и карты памяти для Realme 6 Pro (черный)</t>
  </si>
  <si>
    <t>Рамка дисплея для Oppo F5 (Оригинал с разбора)</t>
  </si>
  <si>
    <t>Сетка динамика для Realme C21Y</t>
  </si>
  <si>
    <t>Средняя часть корпуса для Oppo A74 (синий) (б/у с разбора)</t>
  </si>
  <si>
    <t>Средняя часть корпуса для Realme 10 (серебро) Оригинал с разбора</t>
  </si>
  <si>
    <t>Средняя часть корпуса для Realme 10 (черный) Оригинал с разбора</t>
  </si>
  <si>
    <t>Стекло камеры для Realme Narzo 30 4G (Оригинал с разбора)</t>
  </si>
  <si>
    <t>Задняя крышка для Realme 8 (серебро) Оригинал снятый с царапинами</t>
  </si>
  <si>
    <t>Задняя крышка со стеклом камеры для Realme GT Master Edition (RMX3363) 5G серая Оригинал снятый</t>
  </si>
  <si>
    <t>Лоток SIM-карты и карты памяти для Realme 8 (серебро) Оригинал снятый</t>
  </si>
  <si>
    <t>Средняя часть корпуса для Realme 8 (серебро) Оригинал снятый</t>
  </si>
  <si>
    <t>Средняя часть корпуса для Realme GT Master Edition (RMX3363) 5G серебро Оригинал снятый</t>
  </si>
  <si>
    <t>Боковые кнопки для  Samsung Galaxy Note 10 Plus N975F (черный) Оригинал снятый</t>
  </si>
  <si>
    <t>Верхняя антенна для Samsung Galaxy S20 G980F / G981F (Оригинал с разбора)</t>
  </si>
  <si>
    <t>Внешний экран с крышкой для Samsung Galaxy Z Flip3 (F711B) белый Оригинал снятый</t>
  </si>
  <si>
    <t>Задняя крышка Samsung 5830 (белый цвет)</t>
  </si>
  <si>
    <t>Задняя крышка Samsung A310 Galaxy A3 (2016) (белый) A+</t>
  </si>
  <si>
    <t>Задняя крышка Samsung A750F A7 2018 (золото)</t>
  </si>
  <si>
    <t>Задняя крышка Samsung A750F A7 2018 (синий)</t>
  </si>
  <si>
    <t>Задняя крышка Samsung A750F A7 2018 (черный)</t>
  </si>
  <si>
    <t>Задняя крышка Samsung Galaxy A3 2016 A310F (золото) (б/у с разбора)</t>
  </si>
  <si>
    <t>Задняя крышка Samsung Galaxy S5 (черный цвет)</t>
  </si>
  <si>
    <t>Задняя крышка Samsung Galaxy S8 G950 (золото)</t>
  </si>
  <si>
    <t>Задняя крышка Samsung Galaxy S8 G950 (серебро)</t>
  </si>
  <si>
    <t>Задняя крышка Samsung Galaxy S8 G950 (синий)</t>
  </si>
  <si>
    <t>Задняя крышка Samsung J320F Galaxy J3 (2016) (белый)</t>
  </si>
  <si>
    <t>Задняя крышка Samsung J320F Galaxy J3 (2016) (золото)</t>
  </si>
  <si>
    <t>Задняя крышка для Samsung Galaxy A02s A025F (черный)</t>
  </si>
  <si>
    <t>Задняя крышка для Samsung Galaxy A10 2019 A105F (красный)</t>
  </si>
  <si>
    <t>Задняя крышка для Samsung Galaxy A10 2019 A105F (синий)</t>
  </si>
  <si>
    <t>Задняя крышка для Samsung Galaxy A10 2019 A105F (черный)</t>
  </si>
  <si>
    <t>Задняя крышка для Samsung Galaxy A10S A107F (красный)</t>
  </si>
  <si>
    <t>Задняя крышка для Samsung Galaxy A10S A107F (синий)</t>
  </si>
  <si>
    <t>Задняя крышка для Samsung Galaxy A10S A107F (черный)</t>
  </si>
  <si>
    <t>Задняя крышка для Samsung Galaxy A11 A115F (синий)</t>
  </si>
  <si>
    <t>Задняя крышка для Samsung Galaxy A12 A125F (белый) со стеклом камеры</t>
  </si>
  <si>
    <t>Задняя крышка для Samsung Galaxy A12 A125F (красный) со стеклом камеры</t>
  </si>
  <si>
    <t>Задняя крышка для Samsung Galaxy A12 A125F (синий) со стеклом камеры</t>
  </si>
  <si>
    <t>Задняя крышка для Samsung Galaxy A145F (зеленый) Оригинал снятый</t>
  </si>
  <si>
    <t>Задняя крышка для Samsung Galaxy A21s A217F (красный)</t>
  </si>
  <si>
    <t>Задняя крышка для Samsung Galaxy A21s A217F (черный)</t>
  </si>
  <si>
    <t>Задняя крышка для Samsung Galaxy A22s 5G A226 (сиреневый) Оригинал снятый</t>
  </si>
  <si>
    <t>Задняя крышка для Samsung Galaxy A30s A307F (синий)</t>
  </si>
  <si>
    <t>Задняя крышка для Samsung Galaxy A30s A307F (черный)</t>
  </si>
  <si>
    <t>Задняя крышка для Samsung Galaxy A31 A315F (красный)</t>
  </si>
  <si>
    <t>Задняя крышка для Samsung Galaxy A31 A315F (синий)</t>
  </si>
  <si>
    <t>Задняя крышка для Samsung Galaxy A31 A315F (черный)</t>
  </si>
  <si>
    <t>Задняя крышка для Samsung Galaxy A32 4G A325F (белый)</t>
  </si>
  <si>
    <t>Задняя крышка для Samsung Galaxy A32 4G A325F (синий)</t>
  </si>
  <si>
    <t>Задняя крышка для Samsung Galaxy A32 4G A325F (черный)</t>
  </si>
  <si>
    <t>Задняя крышка для Samsung Galaxy A40 A405F (белый)</t>
  </si>
  <si>
    <t>Задняя крышка для Samsung Galaxy A40 A405F (черный)</t>
  </si>
  <si>
    <t>Задняя крышка для Samsung Galaxy A41 A415F (белый)</t>
  </si>
  <si>
    <t>Задняя крышка для Samsung Galaxy A41 A415F (черный)</t>
  </si>
  <si>
    <t>Задняя крышка для Samsung Galaxy A5 2016 A510 (черный)</t>
  </si>
  <si>
    <t>Задняя крышка для Samsung Galaxy A50 A505F (белый)</t>
  </si>
  <si>
    <t>Задняя крышка для Samsung Galaxy A50 A505F (синий)</t>
  </si>
  <si>
    <t>Задняя крышка для Samsung Galaxy A50 A505F (черный)</t>
  </si>
  <si>
    <t>Задняя крышка для Samsung Galaxy A50S A507F (зеленый)</t>
  </si>
  <si>
    <t>Задняя крышка для Samsung Galaxy A51 A515F (белый)</t>
  </si>
  <si>
    <t>Задняя крышка для Samsung Galaxy A51 A515F (бирюзовый)</t>
  </si>
  <si>
    <t>Задняя крышка для Samsung Galaxy A51 A515F (перламутровый черный)</t>
  </si>
  <si>
    <t>Задняя крышка для Samsung Galaxy A52 A525 A526 (белый)</t>
  </si>
  <si>
    <t>Задняя крышка для Samsung Galaxy A52 A525 A526 (синий)</t>
  </si>
  <si>
    <t>Задняя крышка для Samsung Galaxy A52 A525 A526 (черный)</t>
  </si>
  <si>
    <t>Задняя крышка для Samsung Galaxy A7 2016 A710 (белый)</t>
  </si>
  <si>
    <t>Задняя крышка для Samsung Galaxy A70 A705F (белый)</t>
  </si>
  <si>
    <t>Задняя крышка для Samsung Galaxy A70 A705F (синий)</t>
  </si>
  <si>
    <t>Задняя крышка для Samsung Galaxy A70 A705F (черный)</t>
  </si>
  <si>
    <t>Задняя крышка для Samsung Galaxy A71 A715F (бирюзовый)</t>
  </si>
  <si>
    <t>Задняя крышка для Samsung Galaxy A8 2018 A530F (золото)</t>
  </si>
  <si>
    <t>Задняя крышка для Samsung Galaxy A8 2018 A530F (серебро)</t>
  </si>
  <si>
    <t>Задняя крышка для Samsung Galaxy A8 2018 A530F (синий)</t>
  </si>
  <si>
    <t>Задняя крышка для Samsung Galaxy A8 Plus A730F (синий)</t>
  </si>
  <si>
    <t>Задняя крышка для Samsung Galaxy A8 Plus A730F (черный)</t>
  </si>
  <si>
    <t>Задняя крышка для Samsung Galaxy G985F S20 Plus Черная+скотч проклейки</t>
  </si>
  <si>
    <t>Задняя крышка для Samsung Galaxy M31 M315F (красный)</t>
  </si>
  <si>
    <t>Задняя крышка для Samsung Galaxy M31 M315F (синий)</t>
  </si>
  <si>
    <t>Задняя крышка для Samsung Galaxy M31 M315F (черный)</t>
  </si>
  <si>
    <t>Задняя крышка для Samsung Galaxy M31s M317F (синий)</t>
  </si>
  <si>
    <t>Задняя крышка для Samsung Galaxy M31s M317F (черный)</t>
  </si>
  <si>
    <t>Задняя крышка для Samsung Galaxy Note 10 Lite N770 (черный)</t>
  </si>
  <si>
    <t>Задняя крышка для Samsung Galaxy Note 10 Lite N770F (белый)</t>
  </si>
  <si>
    <t>Задняя крышка для Samsung Galaxy Note 10 Lite N770F (красный)</t>
  </si>
  <si>
    <t>Задняя крышка для Samsung Galaxy Note 10 Lite N770F (черный)</t>
  </si>
  <si>
    <t>Задняя крышка для Samsung Galaxy Note 10 Plus N975F (аура, перламутровый)</t>
  </si>
  <si>
    <t>Задняя крышка для Samsung Galaxy Note 10 Plus N975F (розовый)</t>
  </si>
  <si>
    <t>Задняя крышка для Samsung Galaxy Note 10 Plus N975F (черный)</t>
  </si>
  <si>
    <t>Задняя крышка для Samsung Galaxy S10 Lite G770F (белый)</t>
  </si>
  <si>
    <t>Задняя крышка для Samsung Galaxy S10 Lite G770F (синий)</t>
  </si>
  <si>
    <t>Задняя крышка для Samsung Galaxy S10 Plus G975F (Flamingo Pink)</t>
  </si>
  <si>
    <t>Задняя крышка для Samsung Galaxy S20 / G980F (белый)</t>
  </si>
  <si>
    <t>Задняя крышка для Samsung Galaxy S20 / G980F (синий)</t>
  </si>
  <si>
    <t>Задняя крышка для Samsung Galaxy S20 / G980F (черный)</t>
  </si>
  <si>
    <t>Задняя крышка для Samsung Galaxy S20 G980F (розовый) Оригинал снятый</t>
  </si>
  <si>
    <t>Задняя крышка для Samsung Galaxy S20 Plus / G985F (красный)</t>
  </si>
  <si>
    <t>Задняя крышка для Samsung Galaxy S20 Plus / G985F (черный)</t>
  </si>
  <si>
    <t>Задняя крышка для Samsung Galaxy S20 Plus G985F со стеклом камеры (серая) Оригинал снятый</t>
  </si>
  <si>
    <t>Задняя крышка для Samsung Galaxy S20 Ultra / G988U (белый)</t>
  </si>
  <si>
    <t>Задняя крышка для Samsung Galaxy S20 Ultra / G988U (черный)</t>
  </si>
  <si>
    <t>Задняя крышка для Samsung Galaxy S21 5G G991 (белый)</t>
  </si>
  <si>
    <t>Задняя крышка для Samsung Galaxy S21 5G G991 (розовый)</t>
  </si>
  <si>
    <t>Задняя крышка для Samsung Galaxy S21 5G G991 (черный)</t>
  </si>
  <si>
    <t>Задняя крышка для Samsung Galaxy S21 FE 5G G990 (белый)</t>
  </si>
  <si>
    <t>Задняя крышка для Samsung Galaxy S21 FE 5G G990 (фиолетовый)</t>
  </si>
  <si>
    <t>Задняя крышка для Samsung Galaxy S21 Plus G996 (золото)</t>
  </si>
  <si>
    <t>Задняя крышка для Samsung Galaxy S21 Plus G996 (красный)</t>
  </si>
  <si>
    <t>Задняя крышка для Samsung Galaxy S21 Plus G996 (фиолетовый)</t>
  </si>
  <si>
    <t>Задняя крышка для Samsung Galaxy S21 Ultra G998 (белый)</t>
  </si>
  <si>
    <t>Задняя крышка для Samsung Galaxy S21 Ultra G998 (красный)</t>
  </si>
  <si>
    <t>Задняя крышка для Samsung Galaxy S21 Ultra G998 (фиолетовый)</t>
  </si>
  <si>
    <t>Задняя крышка для Samsung Galaxy S21 Ultra G998 (черный)</t>
  </si>
  <si>
    <t>Задняя крышка для Samsung Galaxy S8 Plus G955 (синий)</t>
  </si>
  <si>
    <t>Задняя крышка для Samsung Galaxy S8 Plus G955F (золото)</t>
  </si>
  <si>
    <t>Задняя крышка для Samsung Galaxy S8 Plus G955F (серебро)</t>
  </si>
  <si>
    <t>Задняя крышка для Samsung Galaxy S8 Plus G955F (черный)</t>
  </si>
  <si>
    <t>Задняя крышка для Samsung Galaxy S9 G960 (серый)</t>
  </si>
  <si>
    <t>Задняя крышка для Samsung Galaxy S9 G960F (золото)</t>
  </si>
  <si>
    <t>Задняя крышка для Samsung Galaxy S9 G960F (серебро)</t>
  </si>
  <si>
    <t>Задняя крышка для Samsung Galaxy S9 G960F (синий)</t>
  </si>
  <si>
    <t>Задняя крышка для Samsung Galaxy S9 G960F (фиолетовый)</t>
  </si>
  <si>
    <t>Задняя крышка для Samsung Galaxy S9 G960F (черный)</t>
  </si>
  <si>
    <t>Задняя крышка для Samsung Galaxy Z Flip (SM-F700F) сиреневая Оригинал снятый</t>
  </si>
  <si>
    <t>Задняя крышка для Samsung Galaxy Z Flip (SM-F700F) черная Оригинал снятый</t>
  </si>
  <si>
    <t>Задняя крышка для Samsung i9300 (серый)</t>
  </si>
  <si>
    <t>Задняя крышка для Samsung i9300 (синий)</t>
  </si>
  <si>
    <t>Задняя крышка со средней частью для Samsung Galaxy J6 2018 J600F (золото без стекла камеры и кнопок)</t>
  </si>
  <si>
    <t>Задняя крышка со стеклом камеры для Samsung A5 2017 A520F (черный) Оригинал снятый</t>
  </si>
  <si>
    <t>Задняя крышка со стеклом камеры для Samsung G935F Galaxy S7 Edge (черный) Оригинал снятый</t>
  </si>
  <si>
    <t>Задняя крышка со стеклом камеры для Samsung Galaxy A32 5G / A326B (черный) Оригинал снятый</t>
  </si>
  <si>
    <t>Задняя крышка со стеклом камеры для Samsung Galaxy A51 A515F (красный) Оригинал снятый</t>
  </si>
  <si>
    <t>Задняя крышка со стеклом камеры для Samsung Galaxy A53 A536F (белый) Оригинал снятый</t>
  </si>
  <si>
    <t>Задняя крышка со стеклом камеры для Samsung Galaxy A70 A705F (синий) Оригинал снятый</t>
  </si>
  <si>
    <t>Задняя крышка со стеклом камеры для Samsung Galaxy A70 A705F (черный) Оригинал снятый</t>
  </si>
  <si>
    <t>Задняя крышка со стеклом камеры для Samsung Galaxy A72 A725F (черный) Оригинал снятый</t>
  </si>
  <si>
    <t>Задняя крышка со стеклом камеры для Samsung Galaxy S10 Lite G770F (черный) Оригинал снятый</t>
  </si>
  <si>
    <t>Задняя крышка со стеклом камеры для Samsung Galaxy S20 FE G780F (белый) Оригинал снятый</t>
  </si>
  <si>
    <t>Задняя крышка со стеклом камеры для Samsung Galaxy S21 5G (G991) белый (Оригинал снятый)</t>
  </si>
  <si>
    <t>Задняя крышка со стеклом камеры для Samsung Galaxy S21 5G (G991) розовый фантом Оригинал снятый</t>
  </si>
  <si>
    <t>Задняя крышка со стеклом камеры для Samsung Galaxy S7 G930F (серебро) Оригинал снятый</t>
  </si>
  <si>
    <t>Задняя крышка со шлейфами / стеклом камеры / дисплеем для Samsung Galaxy Z Flip (SM-F700F) Оригинал</t>
  </si>
  <si>
    <t>Качели боковых кнопок для Samsung Galaxy A30 A305F / A50 A505F (голубой)</t>
  </si>
  <si>
    <t>Качели боковых кнопок для Samsung Galaxy M21 M215F / M30s M307F</t>
  </si>
  <si>
    <t>Клавиатура Samsung GT-C3520 (красный)</t>
  </si>
  <si>
    <t>Кнопка HOME (золото) для Samsung Galaxy J2 2018 J250F (Оригинал снятый)</t>
  </si>
  <si>
    <t>Кнопка включения для Samsung Р3110</t>
  </si>
  <si>
    <t>Корпус AAA для Samsung D880 черный</t>
  </si>
  <si>
    <t>Корпус AAA для Samsung S5230 черный</t>
  </si>
  <si>
    <t>Корпус AAA для Samsung S5250 черный</t>
  </si>
  <si>
    <t>Корпус для Samsung A5/A500F черный</t>
  </si>
  <si>
    <t>Корпус для Samsung Galaxy A6 Plus A605F со стеклом камеры и шлейфами (черный) Оригинал снятый</t>
  </si>
  <si>
    <t>Корпус для Samsung Galaxy S7 G930F (серебро) (б/у с разбора)</t>
  </si>
  <si>
    <t>Корпус для Samsung Galaxy Tab S6 Lite P610 + Аккумулятор EB-BT725ABU (Оригинал с разбора)</t>
  </si>
  <si>
    <t>Корпус для Samsung i8000 black</t>
  </si>
  <si>
    <t>Корпус для Samsung S5230 (красный)</t>
  </si>
  <si>
    <t>Корпус Самсунг 9001 черная</t>
  </si>
  <si>
    <t>Корпус Самсунг Е1080</t>
  </si>
  <si>
    <t>Крышка Samsung Galaxy S4 (стальной цвет)</t>
  </si>
  <si>
    <t>Крышка Samsung Galaxy S4 mini / 9192 (белый цвет), без логотипа</t>
  </si>
  <si>
    <t>Крышка Samsung Galaxy S4 mini / 9192 (черный цвет), без логотипа</t>
  </si>
  <si>
    <t>Крышка на тел. Samsung GT-S3300 (белая)</t>
  </si>
  <si>
    <t>Крышка на тел. Samsung GT-S3650 (черная)</t>
  </si>
  <si>
    <t>Крышка Самсунг 5230 новая белая</t>
  </si>
  <si>
    <t>Крышка Самсунг 5230 новая розовая</t>
  </si>
  <si>
    <t>Крышка Самсунг 5230 новая черная</t>
  </si>
  <si>
    <t>Лотки SIM-карты и карты памяти (комплект) для Samsung Galaxy A3 2015 / A5 2015 / A7 2017 (белый)</t>
  </si>
  <si>
    <t>Лотки SIM-карты и карты памяти (комплект) для Samsung Galaxy J7 2017 J730F</t>
  </si>
  <si>
    <t>Лотки Sim-карты и карты памяти для Samsung A5 2017 SM-A520F / A7 2017 A720F (синий)</t>
  </si>
  <si>
    <t>Лотки Sim-карты и карты памяти для Samsung Galaxy A8 2018 A530F (золото) Оригинал снятый</t>
  </si>
  <si>
    <t>Лотки SIM-карты и карты памяти для для Samsung Galaxy A6 2018 A600F (черный)</t>
  </si>
  <si>
    <t>Лоток SIM для Samsung Galaxy Note 8 N950 (черный)</t>
  </si>
  <si>
    <t>Лоток SIM для Samsung Galaxy S21 5G (G991) розовый фантом Оригинал снятый</t>
  </si>
  <si>
    <t>Лоток SIM для Samsung Galaxy S21 5G (G991) серебро (Оригинал снятый)</t>
  </si>
  <si>
    <t>Лоток SIM для Samsung Galaxy S7 Edge Dual SIM G935F (золото)</t>
  </si>
  <si>
    <t>Лоток SIM для Samsung Galaxy S7 Edge Dual SIM G935F (серебро)</t>
  </si>
  <si>
    <t>Лоток SIM для Samsung Galaxy S8 G950F / Galaxy S8 Plus G955F (серебро) (Dual SIM)</t>
  </si>
  <si>
    <t>Лоток SIM для Samsung Galaxy S8 G950F / Galaxy S8 Plus G955F (черный) (Dual SIM)</t>
  </si>
  <si>
    <t>Лоток Sim-карты и карты памяти для Samsung A20 A205F / A30 A305F / A50 A505F / A70 A705F (голубой)</t>
  </si>
  <si>
    <t>Лоток Sim-карты и карты памяти для Samsung A20 A205F / A30 A305F / A50 A505F / A70 A705F (синий)</t>
  </si>
  <si>
    <t>Лоток Sim-карты и карты памяти для Samsung A20 A205F / A30 A305F / A50 A505F / A70 A705F (черный)</t>
  </si>
  <si>
    <t>Лоток Sim-карты и карты памяти для Samsung A31 A315F (черный)</t>
  </si>
  <si>
    <t>Лоток Sim-карты и карты памяти для Samsung A32 5G / A326B (черный) Оригинал снятый</t>
  </si>
  <si>
    <t>Лоток Sim-карты и карты памяти для Samsung A5 2017 A520F (черный) Оригинал снятый</t>
  </si>
  <si>
    <t>Лоток Sim-карты и карты памяти для Samsung A5 2017 A520F / A7 2017 A720F (черный) Оригинал снятый</t>
  </si>
  <si>
    <t>Лоток Sim-карты и карты памяти для Samsung A7 2018 A750F (черный)</t>
  </si>
  <si>
    <t>Лоток Sim-карты и карты памяти для Samsung A9 2018 A920F (белый)</t>
  </si>
  <si>
    <t>Лоток Sim-карты и карты памяти для Samsung A9 2018 A920F (синий)</t>
  </si>
  <si>
    <t>Лоток SIM-карты и карты памяти для Samsung Galaxy A01 A015F (красный)</t>
  </si>
  <si>
    <t>Лоток SIM-карты и карты памяти для Samsung Galaxy A01 A015F (черный)</t>
  </si>
  <si>
    <t>Лоток SIM-карты и карты памяти для Samsung Galaxy A02s A025F (черный)</t>
  </si>
  <si>
    <t>Лоток SIM-карты и карты памяти для Samsung Galaxy A10 2019 A105F (черный)</t>
  </si>
  <si>
    <t>Лоток Sim-карты и карты памяти для Samsung Galaxy A11 A115F (черный)</t>
  </si>
  <si>
    <t>Лоток Sim-карты и карты памяти для Samsung Galaxy A12 A125F (черный)</t>
  </si>
  <si>
    <t>Лоток SIM-карты и карты памяти для Samsung Galaxy A14 A145F (зеленый) Оригинал снятый</t>
  </si>
  <si>
    <t>Лоток SIM-карты и карты памяти для Samsung Galaxy A20s A207F (черный)</t>
  </si>
  <si>
    <t>Лоток SIM-карты и карты памяти для Samsung Galaxy A21s A217F (черный)</t>
  </si>
  <si>
    <t>Лоток SIM-карты и карты памяти для Samsung Galaxy A3 2016 A310F (золото)</t>
  </si>
  <si>
    <t>Лоток SIM-карты и карты памяти для Samsung Galaxy A3 2016 A310F (серебро)</t>
  </si>
  <si>
    <t>Лоток SIM-карты и карты памяти для Samsung Galaxy A32 4G A325F (черный)</t>
  </si>
  <si>
    <t>Лоток SIM-карты и карты памяти для Samsung Galaxy A40 A405F (белый) Оригинал снятый</t>
  </si>
  <si>
    <t>Лоток SIM-карты и карты памяти для Samsung Galaxy A51 A515F / A71 A715F (черный)</t>
  </si>
  <si>
    <t>Лоток SIM-карты и карты памяти для Samsung Galaxy A53 A536F (серебро) Оригинал снятый</t>
  </si>
  <si>
    <t>Лоток SIM-карты и карты памяти для Samsung Galaxy A53 A536F (черный) Оригинал снятый</t>
  </si>
  <si>
    <t>Лоток SIM-карты и карты памяти для Samsung Galaxy A6 Plus A605F (черный) Оригинал снятый)</t>
  </si>
  <si>
    <t>Лоток Sim-карты и карты памяти для Samsung Galaxy A7 2018 A750F (розовый)</t>
  </si>
  <si>
    <t>Лоток SIM-карты и карты памяти для Samsung Galaxy A72 A725F (черный) Оригинал снятый</t>
  </si>
  <si>
    <t>Лоток SIM-карты и карты памяти для Samsung Galaxy M21 M215F / M30s M317F (черный)</t>
  </si>
  <si>
    <t>Лоток SIM-карты и карты памяти для Samsung Galaxy S10 Plus G975 (серебро) Оригинал снятый</t>
  </si>
  <si>
    <t>Лоток SIM-карты и карты памяти для Samsung Galaxy S10 Plus G975 (черный) Оригинал снятый</t>
  </si>
  <si>
    <t>Лоток SIM-карты и карты памяти для Samsung Galaxy S10e G970F (желтый) Оригинал снятый</t>
  </si>
  <si>
    <t>Лоток SIM-карты и карты памяти для Samsung Galaxy S10e G970F (серебро) Оригинал снятый</t>
  </si>
  <si>
    <t>Лоток SIM-карты и карты памяти для Samsung Galaxy S20 FE G780F (серебро) Оригинал снятый</t>
  </si>
  <si>
    <t>Лоток SIM-карты и карты памяти для Samsung Galaxy S20 G980F (розовый) Оригинал снятый</t>
  </si>
  <si>
    <t>Лоток SIM-карты и карты памяти для Samsung Galaxy S20 G980F / G981F (голубой)</t>
  </si>
  <si>
    <t>Лоток SIM-карты и карты памяти для Samsung Galaxy S20 Plus G985F (серебро)</t>
  </si>
  <si>
    <t>Лоток SIM-карты и карты памяти для Samsung Galaxy S20 Plus G985F (черный)</t>
  </si>
  <si>
    <t>Лоток SIM-карты и карты памяти для Samsung Galaxy S7 G930F (серебро) Оригинал снятый</t>
  </si>
  <si>
    <t>Лоток SIM-карты и карты памяти для Samsung Galaxy S9 G960F (фиолетовый)</t>
  </si>
  <si>
    <t>Лоток SIM-карты и карты памяти для Samsung Galaxy S9 G960F (черный)</t>
  </si>
  <si>
    <t>Лоток SIM-карты и карты памяти для Samsung Galaxy S9 G960F (черный) Оригинал снятый</t>
  </si>
  <si>
    <t>Лоток SIM-карты и карты памяти для Samsung Galaxy Tab S6 Lite P610 (черный)</t>
  </si>
  <si>
    <t>Набор винтов для Samsung Galaxy A14 A145F / A146B</t>
  </si>
  <si>
    <t>Прижимная пластина на плату Samsung Galaxy S20 Plus G985F Оригинал снятый</t>
  </si>
  <si>
    <t>Прижимная пластина на плату для Samsung galaxy A72 A725F (Оригинал снятый)</t>
  </si>
  <si>
    <t>Рамка дисплея для Samsung Galaxy A10 A105F (черный)</t>
  </si>
  <si>
    <t>Рамка дисплея для Samsung Galaxy A21S 217F (черный)</t>
  </si>
  <si>
    <t>Рамка дисплея для Samsung Galaxy A21s A217F (черный)</t>
  </si>
  <si>
    <t>Рамка дисплея для Samsung Galaxy A30s A307F (черный)</t>
  </si>
  <si>
    <t>Рамка дисплея для Samsung Galaxy A31 A315F (черный)</t>
  </si>
  <si>
    <t>Рамка дисплея для Samsung Galaxy A40 A405F (черный)</t>
  </si>
  <si>
    <t>Рамка дисплея для Samsung Galaxy A5 2017 A520F (черный) Оригинал снятый</t>
  </si>
  <si>
    <t>Рамка дисплея для Samsung Galaxy A50 A505F (б/у с разбора)</t>
  </si>
  <si>
    <t>Рамка дисплея для Samsung Galaxy A50 A505F (черный)</t>
  </si>
  <si>
    <t>Рамка дисплея для Samsung Galaxy A51 A515F (черный)</t>
  </si>
  <si>
    <t>Рамка дисплея для Samsung Galaxy A51 A515F (черный) Оригинал снятый</t>
  </si>
  <si>
    <t>Рамка дисплея для Samsung Galaxy A6 Plus A605F (черный) Оригинал снятый</t>
  </si>
  <si>
    <t>Рамка дисплея для Samsung Galaxy A7 2018 A750F (б/у)</t>
  </si>
  <si>
    <t>Рамка дисплея для Samsung Galaxy A70 A705F (черный)</t>
  </si>
  <si>
    <t>Рамка дисплея для Samsung Galaxy A71 A715F (черный)</t>
  </si>
  <si>
    <t>Рамка дисплея для Samsung Galaxy A8 2018 (A530Fзолото) Оригинал снятый</t>
  </si>
  <si>
    <t>Рамка дисплея для Samsung Galaxy S20 Plus / G985F (черный) Оригинал снятый</t>
  </si>
  <si>
    <t>Рамка дисплея для Samsung Galaxy S20 Ultra 5G G988 (серый) б/у  с разбора</t>
  </si>
  <si>
    <t>Рамка дисплея для Samsung Galaxy S9 G960F (фиолетовый) б/у с разбора</t>
  </si>
  <si>
    <t>Рамка дисплея для Samsung Galaxy Z Flip3 (F711B) золото со шлейфами Оригинал снятый</t>
  </si>
  <si>
    <t>Рамка дисплея для Xiaomi Redmi Note 10 Pro (черный) Оригинал снятый</t>
  </si>
  <si>
    <t>Рамка для Samsung i9300 (серебро)</t>
  </si>
  <si>
    <t>Рамка складная со шлейфами для Samsung Galaxy Z Flip (SM-F700F) сиреневый Оригинал снятый</t>
  </si>
  <si>
    <t>Рамка складная со шлейфами для Samsung Galaxy Z Flip (SM-F700F) черная Оригинал снятый</t>
  </si>
  <si>
    <t>Сетка динамика для Samsung Galaxy A3 2016 A310F</t>
  </si>
  <si>
    <t>Сетка динамика для Samsung Galaxy A3 2017 A320F (золото)</t>
  </si>
  <si>
    <t>Сетка динамика для Samsung Galaxy S7 G930F</t>
  </si>
  <si>
    <t>Скотч для проклейки дисплея Samsung Galaxy Note 8 N950</t>
  </si>
  <si>
    <t>Скотч для проклейки дисплея Samsung Galaxy S7 Edge G935F</t>
  </si>
  <si>
    <t>Скотч для проклейки дисплея Samsung Galaxy S8 G950F</t>
  </si>
  <si>
    <t>Скотч для проклейки дисплея Samsung Galaxy S9 G960F</t>
  </si>
  <si>
    <t>Скотч задней крышки для Samsung Galaxy S8 G950F</t>
  </si>
  <si>
    <t>Скотч задней крышки для Samsung Galaxy S9 G960F</t>
  </si>
  <si>
    <t>Средняя часть корпуса для Samsung Galalxy S6 G920F (серебро) (б/у с разбора) + Динамик (звонок)</t>
  </si>
  <si>
    <t>Средняя часть корпуса для Samsung Galaxy A3 2016 A310F (б/у с разбора)</t>
  </si>
  <si>
    <t>Средняя часть корпуса для Samsung Galaxy A30 A305F (синий) (б/у с разбора)</t>
  </si>
  <si>
    <t>Средняя часть корпуса для Samsung Galaxy A32 4G / A325F Оригинал снятый</t>
  </si>
  <si>
    <t>Средняя часть корпуса для Samsung Galaxy A32 5G / A326B (черный) Оригинал с разбора</t>
  </si>
  <si>
    <t>Средняя часть корпуса для Samsung Galaxy A5 2015 A500F</t>
  </si>
  <si>
    <t>Средняя часть корпуса для Samsung Galaxy A53 A536F Оригинал снятый</t>
  </si>
  <si>
    <t>Средняя часть корпуса для Samsung Galaxy A6 2018 A600F с разбора</t>
  </si>
  <si>
    <t>Средняя часть корпуса для Samsung Galaxy A7 2018 A750F (розовый) (Оригинал с разбора)</t>
  </si>
  <si>
    <t>Средняя часть корпуса для Samsung Galaxy A70 A705F (синий) Оригинал снятый</t>
  </si>
  <si>
    <t>Средняя часть корпуса для Samsung Galaxy A70 A705F (черный) Оригинал снятый</t>
  </si>
  <si>
    <t>Средняя часть корпуса для Samsung Galaxy A9 2018 A920F (синий) + NFC + шлейф кнопок (с разбора)</t>
  </si>
  <si>
    <t>Средняя часть корпуса для Samsung Galaxy A9 2018 A920F (черный) + NFC (с разбора)</t>
  </si>
  <si>
    <t>Средняя часть корпуса для Samsung Galaxy M21 M215F / M30s M307F</t>
  </si>
  <si>
    <t>Средняя часть корпуса для Samsung Galaxy S10 Lite G770F + NFC (Оригинал с разбора)</t>
  </si>
  <si>
    <t>Средняя часть корпуса с антенной, NFC и разговорный динамик для Samsung Galaxy A52 A525F</t>
  </si>
  <si>
    <t>Средняя часть корпуса со стеклом камеры для Samsung Galaxy A03 Core A032F</t>
  </si>
  <si>
    <t>Средняя часть корпуса со стеклом камеры для Samsung Galaxy A22s 5G A226 (сиреневый) Оригинал снятый</t>
  </si>
  <si>
    <t>Стекло камеры в рамке для Samsung Galaxy S20 G980F (розовый) Оригинал снятый</t>
  </si>
  <si>
    <t>Толкатель боковых кнопок для Samsung Galaxy S10 Plus G975 (серебро) Оригинал снятый</t>
  </si>
  <si>
    <t>Толкатель боковых кнопок для Samsung Galaxy S20 Plus G985F (черный) Оригинал снятый</t>
  </si>
  <si>
    <t>Толкатель боковых кнопок для Samsung Galaxy S9 G960 (черный) Оригинал снятый</t>
  </si>
  <si>
    <t>Толкатель кнопки Home для Samsung Galaxy A3 2016 A310F (золото/черный)</t>
  </si>
  <si>
    <t>Толкатель кнопки Home для Samsung Galaxy A3 2016 A310F (серебро/черный)</t>
  </si>
  <si>
    <t>Двухсторонний скотч для задней крышки Sony Xperia Z3</t>
  </si>
  <si>
    <t>Заглушка AUX Sony Xperia Z, C6602, C6603, черный, оригинал</t>
  </si>
  <si>
    <t>Заглушка SD карты Sony Xperia Z, C6602, C6603, черная, оригинал</t>
  </si>
  <si>
    <t>Заглушка SD карты Sony Xperia Z1, C6902, C6903, C6906, C6943, L39h, черный, оригинал</t>
  </si>
  <si>
    <t>Заглушка SD карты Sony Xperia Z2, D6502, D6503, черный, оригинал</t>
  </si>
  <si>
    <t>Заглушка SD карты Sony Xperia Z3 Compact, D5803, D5833, белый, оригинал</t>
  </si>
  <si>
    <t>Заглушка SD карты Sony Xperia Z3, D6603, D6616, D6643, D6653, белый, оригинал</t>
  </si>
  <si>
    <t>Заглушка SD карты Sony Xperia Z3, D6603, D6616, D6643, D6653, черный, оригинал</t>
  </si>
  <si>
    <t>Заглушка SIM карты Sony Xperia Z, C6602, C6603, черная, оригинал</t>
  </si>
  <si>
    <t>Заглушка SIM карты Sony Xperia Z1, C6902, C6903, C6906, C6943, L39h, черный, оригинал</t>
  </si>
  <si>
    <t>Заглушка SIM карты Sony Xperia Z3 Compact, D5803, D5833, белый, оригинал</t>
  </si>
  <si>
    <t>Заглушка SIM карты Sony Xperia Z3 Dual SIM, D6633, белый, оригинал</t>
  </si>
  <si>
    <t>Заглушка SIM карты Sony Xperia Z3 Dual SIM, D6633, черный, оригинал</t>
  </si>
  <si>
    <t>Задняя крышка Sony Xperia C3 (D2533/D2502) (черный)</t>
  </si>
  <si>
    <t>Задняя крышка для Sony Xperia XA/XA Dual (F3111/F3112) (черная)</t>
  </si>
  <si>
    <t>Задняя крышка для Sony Xperia Z1 compact (желтый)</t>
  </si>
  <si>
    <t>Задняя крышка для Sony Xperia Z1 compact (черный)</t>
  </si>
  <si>
    <t>Задняя крышка для Sony Xperia Z5 E6653 (зеленый) со стеклом камеры и  модулем NFC Оригинал с разбора</t>
  </si>
  <si>
    <t>Качели боковых кнопок для Sony Xperia XA1 Plus G3421 / XA1 Plus Dual G3412</t>
  </si>
  <si>
    <t>Клавиатурная мембрана для Sony Ericsson K550/W610</t>
  </si>
  <si>
    <t>Клавиатурная мембрана для Sony Ericsson W595 низ</t>
  </si>
  <si>
    <t>Корпус AAA для Sony Ericsson K550 черный</t>
  </si>
  <si>
    <t>Корпус для Sony Ericsson Xperia X10 с тачскрином и дисплеем в сборе, черный</t>
  </si>
  <si>
    <t>Корпус с крышкой  для Sony Xperia Z1 C6902/C6903 (черный)</t>
  </si>
  <si>
    <t>Крышка Sony Ericsson на подбор черная</t>
  </si>
  <si>
    <t>Крышка Sony Xperia  Z2 (белая)</t>
  </si>
  <si>
    <t>Крышка Sony Xperia Z (фиолетовый)</t>
  </si>
  <si>
    <t>Крышка Sony Xperia Z Ultra (черный цвет)</t>
  </si>
  <si>
    <t>Крышка Sony Xperia Z3 (D6603) зеленый цвет</t>
  </si>
  <si>
    <t>Крышка Sony Xperia Z3 Compact (белый цвет)</t>
  </si>
  <si>
    <t>Крышка Sony Xperia Z3 Compact (черный цвет)</t>
  </si>
  <si>
    <t>Лоток SIM Sony Xperia Z3/Z3 compact/Z5 compact (D5803/D6603/D6633/E5823)</t>
  </si>
  <si>
    <t>Лоток SIM для Sony Xperia X F5121 / X Dual F5122</t>
  </si>
  <si>
    <t>Лоток Sim для Sony Xperia XA1 Plus Dual G3412 (черный)</t>
  </si>
  <si>
    <t>Лоток SIM для Sony Xperia Z1(C6903/C6902/C6906/C6943/L39H) (черный)</t>
  </si>
  <si>
    <t>Лоток SIM для Sony Xperia Z2 (D6503)</t>
  </si>
  <si>
    <t>Разъем aux Sony Xperia Z3 compact</t>
  </si>
  <si>
    <t>Средняя часть корпуса со стеклом камеры для Sony Xperia XA1 Plus G3421 / XA1 Plus Dual G3412</t>
  </si>
  <si>
    <t>Tecno</t>
  </si>
  <si>
    <t>Задняя крышка для Tecno Camon 19 Pro белый</t>
  </si>
  <si>
    <t>Задняя крышка для Tecno Camon 19 Pro полярный синий</t>
  </si>
  <si>
    <t>Задняя крышка для Tecno Camon 19 Pro черный</t>
  </si>
  <si>
    <t>Задняя крышка для Tecno Camon 20 Pro зеленый</t>
  </si>
  <si>
    <t>Задняя крышка для Tecno Camon 20 Pro синий</t>
  </si>
  <si>
    <t>Задняя крышка для Tecno Camon 20 белый</t>
  </si>
  <si>
    <t>Задняя крышка для Tecno Camon 20 зеленый</t>
  </si>
  <si>
    <t>Задняя крышка для Tecno Camon 20 синий</t>
  </si>
  <si>
    <t>Задняя крышка для Tecno POP 2F золото</t>
  </si>
  <si>
    <t>Задняя крышка для Tecno POP 2F синий</t>
  </si>
  <si>
    <t>Задняя крышка для Tecno POP 2F черный</t>
  </si>
  <si>
    <t>Задняя крышка для Tecno POP 7 синий</t>
  </si>
  <si>
    <t>Задняя крышка для Tecno POP 7 сиреневый</t>
  </si>
  <si>
    <t>Задняя крышка для Tecno POP 7 черный</t>
  </si>
  <si>
    <t>Задняя крышка для Tecno Spark 10 белый</t>
  </si>
  <si>
    <t>Задняя крышка для Tecno Spark 10 синий</t>
  </si>
  <si>
    <t>Задняя крышка для Tecno Spark 10 сиреневый</t>
  </si>
  <si>
    <t>Задняя крышка для Tecno Spark 6 GO серебро</t>
  </si>
  <si>
    <t>Задняя крышка для Tecno Spark 6 GO синий</t>
  </si>
  <si>
    <t>Задняя крышка для Tecno Spark 6 GO черно-зеленый градиент</t>
  </si>
  <si>
    <t>Задняя крышка для Tecno Spark 8 Pro зеленый</t>
  </si>
  <si>
    <t>Задняя крышка для Tecno Spark 8 Pro оранжево-синий градиент</t>
  </si>
  <si>
    <t>Задняя крышка для Tecno Spark 8 Pro черный</t>
  </si>
  <si>
    <t>Задняя крышка для Tecno Spark 8C (оригинал с разбора)</t>
  </si>
  <si>
    <t>Задняя крышка для Tecno Spark GO золото</t>
  </si>
  <si>
    <t>Задняя крышка для Tecno Spark GO серебристо-синий градиент</t>
  </si>
  <si>
    <t>Задняя крышка для Tecno Spark GO черный</t>
  </si>
  <si>
    <t>Задняя крышка со стеклом камеры для Tecno Spark 10C синий</t>
  </si>
  <si>
    <t>Задняя крышка со стеклом камеры для Tecno Spark 10C черный</t>
  </si>
  <si>
    <t>Задняя крышка со стеклом камеры для Tecno Spark 20 (черный) Оригинал снятый</t>
  </si>
  <si>
    <t>Задняя крышка со стеклом камеры для Tecno Spark 7 зеленый</t>
  </si>
  <si>
    <t>Задняя крышка со стеклом камеры для Tecno Spark 7 синий</t>
  </si>
  <si>
    <t>Задняя крышка со стеклом камеры для Tecno Spark 7 черный</t>
  </si>
  <si>
    <t>Задняя крышка со стеклом камеры для Tecno Spark 8C зеленый</t>
  </si>
  <si>
    <t>Задняя крышка со стеклом камеры для Tecno Spark 8C серый</t>
  </si>
  <si>
    <t>Задняя крышка со стеклом камеры для Tecno Spark 8C черный</t>
  </si>
  <si>
    <t>Задняя крышка со стеклом камеры для Tecno Spark Pop 5 Lite голубой</t>
  </si>
  <si>
    <t>Задняя крышка со стеклом камеры для Tecno Spark Pop 5 Lite зеленый</t>
  </si>
  <si>
    <t>Задняя крышка со стеклом камеры для Tecno Spark Pop 5 Lite синий</t>
  </si>
  <si>
    <t>Лоток SIM-карты и карты памяти для Tecno Camon 19 (черный) Оригинал снятый</t>
  </si>
  <si>
    <t>Лоток SIM-карты и карты памяти для TECNO Spark 20 (черный) Оригинал снятый</t>
  </si>
  <si>
    <t>Прижимная пластина на плату со стеклом камеры + NFC (Оригинал снятый)</t>
  </si>
  <si>
    <t>Средняя часть корпуса с NFC для TECNO Spark 20 (черный) Оригинал снятый</t>
  </si>
  <si>
    <t>Рамка дисплея для Vivo Y35 (черная) Оригинал снятый</t>
  </si>
  <si>
    <t>Антенна верхняя Xiaomi Redmi 5 Plus (X4LMB)</t>
  </si>
  <si>
    <t>Верхняя антенна для Xiaomi Redmi 8</t>
  </si>
  <si>
    <t>Верхняя антенна для Xiaomi Redmi Note 7</t>
  </si>
  <si>
    <t>Верхняя антенна со средней частью корпуса для Xiaomi POCO X3 / X3 Pro</t>
  </si>
  <si>
    <t>Задняя крышка Xiaomi POCO M3 (синий) Оригинал 100</t>
  </si>
  <si>
    <t>Задняя крышка для Xiaomi Mi 10 Lite (синий)</t>
  </si>
  <si>
    <t>Задняя крышка для Xiaomi Mi 11 (черный) (Оригнал с разбора)</t>
  </si>
  <si>
    <t>Задняя крышка для Xiaomi Mi 11 Lite (зеленый)</t>
  </si>
  <si>
    <t>Задняя крышка для Xiaomi Mi 11 Lite (розовый)</t>
  </si>
  <si>
    <t>Задняя крышка для Xiaomi Mi 11 Lite (синий)</t>
  </si>
  <si>
    <t>Задняя крышка для Xiaomi Mi 11 Lite (черный)</t>
  </si>
  <si>
    <t>Задняя крышка для Xiaomi Mi 11 Lite со стеклом камеры (черный) Оригинал снятый</t>
  </si>
  <si>
    <t>Задняя крышка для Xiaomi Mi 4C (белый)</t>
  </si>
  <si>
    <t>Задняя крышка для Xiaomi Mi 4C (черный)</t>
  </si>
  <si>
    <t>Задняя крышка для Xiaomi Mi 4S (белый)</t>
  </si>
  <si>
    <t>Задняя крышка для Xiaomi Mi Note 10 Lite (белый)</t>
  </si>
  <si>
    <t>Задняя крышка для Xiaomi Mi Note 10 Lite (синий)</t>
  </si>
  <si>
    <t>Задняя крышка для Xiaomi Mi Note 10 Lite (черный)</t>
  </si>
  <si>
    <t>Задняя крышка для Xiaomi Note (белый)</t>
  </si>
  <si>
    <t>Задняя крышка для Xiaomi Note (черный)</t>
  </si>
  <si>
    <t>Задняя крышка для Xiaomi POCO F3 (аврора)</t>
  </si>
  <si>
    <t>Задняя крышка для Xiaomi POCO F3 (белый)</t>
  </si>
  <si>
    <t>Задняя крышка для Xiaomi POCO F3 (белый) Оригинал с разбора</t>
  </si>
  <si>
    <t>Задняя крышка для Xiaomi POCO F3 (черный)</t>
  </si>
  <si>
    <t>Задняя крышка для Xiaomi POCO M3 (желтый)</t>
  </si>
  <si>
    <t>Задняя крышка для Xiaomi POCO M3 (желтый) Оригинал с разбора</t>
  </si>
  <si>
    <t>Задняя крышка для Xiaomi POCO M3 (синий)</t>
  </si>
  <si>
    <t>Задняя крышка для Xiaomi POCO M3 (черный)</t>
  </si>
  <si>
    <t>Задняя крышка для Xiaomi Redmi 12C (черный) Оригинал снятый</t>
  </si>
  <si>
    <t>Задняя крышка для Xiaomi Redmi 1S (белый)</t>
  </si>
  <si>
    <t>Задняя крышка для Xiaomi Redmi 1S (черный)</t>
  </si>
  <si>
    <t>Задняя крышка для Xiaomi Redmi 2 / 2A (белый)</t>
  </si>
  <si>
    <t>Задняя крышка для Xiaomi Redmi 2S (белый)</t>
  </si>
  <si>
    <t>Задняя крышка для Xiaomi Redmi 2S (черный)</t>
  </si>
  <si>
    <t>Задняя крышка для Xiaomi Redmi 4X (золото)</t>
  </si>
  <si>
    <t>Задняя крышка для Xiaomi Redmi 5 (розовый)</t>
  </si>
  <si>
    <t>Задняя крышка для Xiaomi Redmi 5 (черный)</t>
  </si>
  <si>
    <t>Задняя крышка для Xiaomi Redmi 5 Plus (черный)</t>
  </si>
  <si>
    <t>Задняя крышка для Xiaomi Redmi 7A (черный) Оригинал с разбора, со стеклом камеры</t>
  </si>
  <si>
    <t>Задняя крышка для Xiaomi Redmi 8 (черный)</t>
  </si>
  <si>
    <t>Задняя крышка для Xiaomi Redmi 8A (синий)</t>
  </si>
  <si>
    <t>Задняя крышка для Xiaomi Redmi 9 (зеленый) Оригинал снятый</t>
  </si>
  <si>
    <t>Задняя крышка для Xiaomi Redmi 9A (зеленый)</t>
  </si>
  <si>
    <t>Задняя крышка для Xiaomi Redmi 9A (синий)</t>
  </si>
  <si>
    <t>Задняя крышка для Xiaomi Redmi 9A (черный)</t>
  </si>
  <si>
    <t>Задняя крышка для Xiaomi Redmi 9T (зеленый)</t>
  </si>
  <si>
    <t>Задняя крышка для Xiaomi Redmi 9T (красный)</t>
  </si>
  <si>
    <t>Задняя крышка для Xiaomi Redmi 9T (синий)</t>
  </si>
  <si>
    <t>Задняя крышка для Xiaomi Redmi Go (синий)</t>
  </si>
  <si>
    <t>Задняя крышка для Xiaomi Redmi K30 (белый)</t>
  </si>
  <si>
    <t>Задняя крышка для Xiaomi Redmi K30 (красный)</t>
  </si>
  <si>
    <t>Задняя крышка для Xiaomi Redmi K30 (синий)</t>
  </si>
  <si>
    <t>Задняя крышка для Xiaomi Redmi K30 (сиреневый)</t>
  </si>
  <si>
    <t>Задняя крышка для Xiaomi Redmi Note 10 Pro (бронза)</t>
  </si>
  <si>
    <t>Задняя крышка для Xiaomi Redmi Note 10 Pro (голубой)</t>
  </si>
  <si>
    <t>Задняя крышка для Xiaomi Redmi Note 10 Pro (зеленый)</t>
  </si>
  <si>
    <t>Задняя крышка для Xiaomi Redmi Note 10 Pro (синий)</t>
  </si>
  <si>
    <t>Задняя крышка для Xiaomi Redmi Note 10 Pro (черный)</t>
  </si>
  <si>
    <t>Задняя крышка для Xiaomi Redmi Note 11 5G (зеленый)</t>
  </si>
  <si>
    <t>Задняя крышка для Xiaomi Redmi Note 12 (черный) Оригинал снятый</t>
  </si>
  <si>
    <t>Задняя крышка для Xiaomi Redmi Note 3 (серебро)</t>
  </si>
  <si>
    <t>Задняя крышка для Xiaomi Redmi Note 4 (серый)</t>
  </si>
  <si>
    <t>Задняя крышка для Xiaomi Redmi Note 4X 4/64 GB с процессором MediaTek (черный)</t>
  </si>
  <si>
    <t>Задняя крышка для Xiaomi Redmi Note 5 (красный со стеклом камеры</t>
  </si>
  <si>
    <t>Задняя крышка для Xiaomi Redmi Note 5 (черный)</t>
  </si>
  <si>
    <t>Задняя крышка для Xiaomi Redmi Note 7 (красный)</t>
  </si>
  <si>
    <t>Задняя крышка для Xiaomi Redmi Note 7 (черный)</t>
  </si>
  <si>
    <t>Задняя крышка для Xiaomi Redmi Note 8 (белый)</t>
  </si>
  <si>
    <t>Задняя крышка для Xiaomi Redmi Note 8 (черный)</t>
  </si>
  <si>
    <t>Задняя крышка для Xiaomi Redmi Note 8 Pro (белый)</t>
  </si>
  <si>
    <t>Задняя крышка для Xiaomi Redmi Note 8 Pro (красный) Оригинал с разбора</t>
  </si>
  <si>
    <t>Задняя крышка для Xiaomi Redmi Note 8 Pro (черный)</t>
  </si>
  <si>
    <t>Задняя крышка для Xiaomi Redmi Note 8 Pro (черный) Оригинал с разбора</t>
  </si>
  <si>
    <t>Задняя крышка для Xiaomi Redmi Note 9 Pro (бежевый)</t>
  </si>
  <si>
    <t>Задняя крышка для Xiaomi Redmi Note 9 Pro (белый)</t>
  </si>
  <si>
    <t>Задняя крышка для Xiaomi Redmi Note 9 Pro (зеленый)</t>
  </si>
  <si>
    <t>Задняя крышка для Xiaomi Redmi Note 9 Pro (синий)</t>
  </si>
  <si>
    <t>Задняя крышка для Xiaomi Redmi Note 9 Pro (темно-синий)</t>
  </si>
  <si>
    <t>Задняя крышка для Xiaomi Redmi Note 9 Pro (черный)</t>
  </si>
  <si>
    <t>Задняя крышка для Xiaomi Redmi Note 9 Pro 5G (белый)</t>
  </si>
  <si>
    <t>Задняя крышка для Xiaomi Redmi Note 9 Pro 5G (голубой )</t>
  </si>
  <si>
    <t>Задняя крышка для Xiaomi Redmi Note 9 Pro 5G (синий)</t>
  </si>
  <si>
    <t>Задняя крышка для Xiaomi Redmi Note 9 Pro 5G (черный)</t>
  </si>
  <si>
    <t>Задняя крышка для Xiaomi Redmi Note10s (черный) Оригинал с разбора с царапинами</t>
  </si>
  <si>
    <t>Задняя крышка со стеклом камеры для Xiaomi Redmi 4A (черный) Оригинал снятый</t>
  </si>
  <si>
    <t>Качели боковых кнопок для Xiaomi POCO X3 Pro (черные)</t>
  </si>
  <si>
    <t>Качели боковых кнопок для Xiaomi Redmi 6 / Redmi 6A (синий)</t>
  </si>
  <si>
    <t>Качели боковых кнопок для Xiaomi Redmi 7A (синий)</t>
  </si>
  <si>
    <t>Лоток SIM-карты для Xiaomi 11T (черный) Оригинал снятый</t>
  </si>
  <si>
    <t>Лоток SIM-карты для Xiaomi Mi 11 (черный)</t>
  </si>
  <si>
    <t>Лоток SIM-карты для Xiaomi Mi A2 (черный)</t>
  </si>
  <si>
    <t>Лоток SIM-карты для Xiaomi Poco F3 (серебро)</t>
  </si>
  <si>
    <t>Лоток SIM-карты для Xiaomi Poco F3 (черный)</t>
  </si>
  <si>
    <t>Лоток SIM-карты и карты памяти для Xiaomi Mi 11 Lite (розовый) Оригинал снятый</t>
  </si>
  <si>
    <t>Лоток SIM-карты и карты памяти для Xiaomi Mi 11 Lite (черный) Оригинал снятый</t>
  </si>
  <si>
    <t>Лоток SIM-карты и карты памяти для Xiaomi POCO X3 Pro (синий) Оригинал снятый</t>
  </si>
  <si>
    <t>Лоток SIM-карты и карты памяти для Xiaomi Redmi 10X 4G (черный)</t>
  </si>
  <si>
    <t>Лоток SIM-карты и карты памяти для Xiaomi Redmi 7 (черный)</t>
  </si>
  <si>
    <t>Лоток SIM-карты и карты памяти для Xiaomi Redmi 7 (черный) Оригинал снятый</t>
  </si>
  <si>
    <t>Лоток SIM-карты и карты памяти для Xiaomi Redmi 7A (черный)</t>
  </si>
  <si>
    <t>Лоток SIM-карты и карты памяти для Xiaomi Redmi 8 (синий)</t>
  </si>
  <si>
    <t>Лоток SIM-карты и карты памяти для Xiaomi Redmi 8 (черный)</t>
  </si>
  <si>
    <t>Лоток SIM-карты и карты памяти для Xiaomi Redmi 8A (черный)</t>
  </si>
  <si>
    <t>Лоток SIM-карты и карты памяти для Xiaomi Redmi 9 (зеленый) Оригинал снятый</t>
  </si>
  <si>
    <t>Лоток SIM-карты и карты памяти для Xiaomi Redmi 9 (синий)</t>
  </si>
  <si>
    <t>Лоток SIM-карты и карты памяти для Xiaomi Redmi 9 (черный)</t>
  </si>
  <si>
    <t>Лоток SIM-карты и карты памяти для Xiaomi Redmi 9A / Redmi 9C (черный)</t>
  </si>
  <si>
    <t>Лоток SIM-карты и карты памяти для Xiaomi Redmi Note 10 Pro (бронза) Оригинал снятый</t>
  </si>
  <si>
    <t>Лоток SIM-карты и карты памяти для Xiaomi Redmi Note 10 Pro (синий) Оригинал с разбора</t>
  </si>
  <si>
    <t>Лоток SIM-карты и карты памяти для Xiaomi Redmi Note 10 Pro (черный)</t>
  </si>
  <si>
    <t>Лоток SIM-карты и карты памяти для Xiaomi Redmi Note 12 (черный) Оригинал снятый</t>
  </si>
  <si>
    <t>Лоток SIM-карты и карты памяти для Xiaomi Redmi Note 5 (красный)</t>
  </si>
  <si>
    <t>Лоток SIM-карты и карты памяти для Xiaomi Redmi Note 5 (серебро)</t>
  </si>
  <si>
    <t>Лоток SIM-карты и карты памяти для Xiaomi Redmi Note 7 (синий)</t>
  </si>
  <si>
    <t>Лоток SIM-карты и карты памяти для Xiaomi Redmi Note 7 (черный)</t>
  </si>
  <si>
    <t>Лоток SIM-карты и карты памяти для Xiaomi Redmi Note 8 (серебро)</t>
  </si>
  <si>
    <t>Лоток SIM-карты и карты памяти для Xiaomi Redmi Note 8 (черный) Оригинал снятый</t>
  </si>
  <si>
    <t>Лоток SIM-карты и карты памяти для Xiaomi Redmi Note 8 Pro (зеленый) (Оригинал с разбора)</t>
  </si>
  <si>
    <t>Лоток SIM-карты и карты памяти для Xiaomi Redmi Note 8 Pro (красный) (Оригинал с разбора)</t>
  </si>
  <si>
    <t>Лоток SIM-карты и карты памяти для Xiaomi Redmi Note 8 Pro (серебро) (Оригинал с разбора)</t>
  </si>
  <si>
    <t>Лоток SIM-карты и карты памяти для Xiaomi Redmi Note 8 Pro (черный)</t>
  </si>
  <si>
    <t>Лоток SIM-карты и карты памяти для Xiaomi Redmi Note 8 Pro (черный) (Оригинал с разбора)</t>
  </si>
  <si>
    <t>Лоток SIM-карты и карты памяти для Xiaomi Redmi Note 8T (черный)</t>
  </si>
  <si>
    <t>Лоток SIM-карты и карты памяти для Xiaomi Redmi Note 9 (синий)</t>
  </si>
  <si>
    <t>Лоток SIM-карты и карты памяти для Xiaomi Redmi Note 9S (синий)</t>
  </si>
  <si>
    <t>Лоток SIM-карты и карты памяти для Xiaomi Redmi S2 (розовый)</t>
  </si>
  <si>
    <t>Лоток SIM-карты и картыяти для Xiaomi Redmi Note 10s (черный) с разбора</t>
  </si>
  <si>
    <t>Лоток SIM-карты и картыяти для Xiaomi Redmi Note 11 Pro (черный) Оригинал снятый</t>
  </si>
  <si>
    <t>Обоима стекла камеры Xiaomi Redmi Note 8 (серый)</t>
  </si>
  <si>
    <t>Обоима стекла камеры Xiaomi Redmi Note 8 (синий)</t>
  </si>
  <si>
    <t>Прижимная пластина на плату для Xiaomi Mi 11 Lite (Оригинал снятый)</t>
  </si>
  <si>
    <t>Прижимная пластина на плату со стеклом камеры для Xiaomi Redmi 9A Оригинал снятый</t>
  </si>
  <si>
    <t>Рамка дисплея для Xiaomi Mi 11 (черный) + сканер отпечатка Оригинал с разбора</t>
  </si>
  <si>
    <t>Рамка дисплея для Xiaomi Redmi 5 (белый)</t>
  </si>
  <si>
    <t>Рамка дисплея для Xiaomi Redmi 5 (черный)</t>
  </si>
  <si>
    <t>Рамка дисплея для Xiaomi Redmi 5 Plus (белый)</t>
  </si>
  <si>
    <t>Рамка дисплея для Xiaomi Redmi 5A (белый)</t>
  </si>
  <si>
    <t>Рамка дисплея для Xiaomi Redmi 5A (черный)</t>
  </si>
  <si>
    <t>Рамка дисплея для Xiaomi Redmi 6 / 6A (белый)</t>
  </si>
  <si>
    <t>Рамка дисплея для Xiaomi Redmi 6 / 6A (белый) Оригинал с разбора</t>
  </si>
  <si>
    <t>Рамка дисплея для Xiaomi Redmi 6 / 6A (черный)</t>
  </si>
  <si>
    <t>Рамка дисплея для Xiaomi Redmi 6 Pro / Mi A2 Lite (черный)</t>
  </si>
  <si>
    <t>Рамка дисплея для Xiaomi Redmi 8A (черный) Оригинал с разбора</t>
  </si>
  <si>
    <t>Рамка дисплея для Xiaomi Redmi 9A / Redmi 9C (черный)</t>
  </si>
  <si>
    <t>Рамка дисплея для Xiaomi Redmi 9T / Poco M3 (черный) уценка</t>
  </si>
  <si>
    <t>Рамка дисплея для Xiaomi Redmi Note 11 (черный)</t>
  </si>
  <si>
    <t>Рамка дисплея для Xiaomi Redmi Note 11 Pro (черный)</t>
  </si>
  <si>
    <t>Рамка дисплея для Xiaomi Redmi Note 5A (черный)</t>
  </si>
  <si>
    <t>Рамка дисплея для Xiaomi Redmi Note 5A Prime (белый)</t>
  </si>
  <si>
    <t>Рамка дисплея для Xiaomi Redmi Note 6 (черный)</t>
  </si>
  <si>
    <t>Рамка дисплея для Xiaomi Redmi Note 6 Pro (черный)</t>
  </si>
  <si>
    <t>Рамка дисплея для Xiaomi Redmi Note 8 (серебро) Оригинал с разбора (потертости)</t>
  </si>
  <si>
    <t>Рамка дисплея для Xiaomi Redmi Note 8 Pro (красный) Оригинал снятый</t>
  </si>
  <si>
    <t>Рамка дисплея для Xiaomi Redmi Note 8 Pro (серебро) Оригинал снятый</t>
  </si>
  <si>
    <t>Сканер отпечатков для Xiaomi Redmi 8 (синий) Оригинал с разбора</t>
  </si>
  <si>
    <t>Средняя часть корпуса для Xiaomi 11T + вспышка + NFC (Оригинал с разбора)</t>
  </si>
  <si>
    <t>Средняя часть корпуса для Xiaomi Mi 11 + NFC антенна</t>
  </si>
  <si>
    <t>Средняя часть корпуса для Xiaomi Mi 11 Lite (черный) + сканер отпечатка Оригинал снятый</t>
  </si>
  <si>
    <t>Средняя часть корпуса для Xiaomi Poco F3 + микрофон + вспышка</t>
  </si>
  <si>
    <t>Средняя часть корпуса для Xiaomi Redmi 7A</t>
  </si>
  <si>
    <t>Средняя часть корпуса для Xiaomi Redmi Note 10 (Оригинал снятый)</t>
  </si>
  <si>
    <t>Средняя часть корпуса для Xiaomi Redmi Note 10 Pro (бронза) + стекло камеры (Оригинал снятый)</t>
  </si>
  <si>
    <t>Средняя часть корпуса для Xiaomi Redmi Note 10 Pro (синий) + стекло камеры (Оригинал с разбора)</t>
  </si>
  <si>
    <t>Средняя часть корпуса для Xiaomi Redmi Note 10 Pro (черный) Оригинал снятый</t>
  </si>
  <si>
    <t>Средняя часть корпуса для Xiaomi Redmi Note 10s</t>
  </si>
  <si>
    <t>Средняя часть корпуса для Xiaomi Redmi Note 11 Pro Оригинал снятый</t>
  </si>
  <si>
    <t>Средняя часть корпуса для Xiaomi Redmi Note 12 (черный) Оригинал снятый</t>
  </si>
  <si>
    <t>Средняя часть корпуса для Xiaomi Redmi Note 8</t>
  </si>
  <si>
    <t>Средняя часть корпуса для Xiaomi Redmi Note 8 Pro (Оригинал с разбора)</t>
  </si>
  <si>
    <t>Средняя часть корпуса для Xiaomi Redmi Note 8 Pro + Антенна NFC+отпечаток+стекло камеры Оригинал</t>
  </si>
  <si>
    <t>Средняя часть корпуса для Xiaomi Redmi S2 (Оригинал снятый)</t>
  </si>
  <si>
    <t>Средняя часть корпуса с антеннами для Xiaomi Redmi 10 Prime 5G (серебро) (Оригинал с разбора)</t>
  </si>
  <si>
    <t>Средняя часть корпуса со стеклом камеры для Xiaomi POCO M3 Оригинал с разбора</t>
  </si>
  <si>
    <t>Средняя часть корпуса со стеклом камеры для Xiaomi Redmi 8A (Оригинал с разбора)</t>
  </si>
  <si>
    <t>Средняя часть корпуса со стеклом камеры для Xiaomi Redmi 9 Оригинал с разбора + сканер отпечатков</t>
  </si>
  <si>
    <t>Средняя часть корпуса со стеклом камеры для Xiaomi Redmi Note 8 (Оригинал снятый)</t>
  </si>
  <si>
    <t>Средняя часть корпуса со стеклом камеры для Xiaomi Redmi Note 9</t>
  </si>
  <si>
    <t>Стекло камеры для Xiaomi Redmi 10 Prime 5G (Оригинал с разбора)</t>
  </si>
  <si>
    <t>Стекло камеры с рамкой для Xiaomi 11T (Оригинал с разбора)</t>
  </si>
  <si>
    <t>Толкатель боковых кнопок для Xiaomi Redmi 7 (черный) Оригинал снятый</t>
  </si>
  <si>
    <t>Уплотнитель боковых кнопок для Xiaomi POCO X3 / X3 Pro</t>
  </si>
  <si>
    <t>Задняя крышка для ZTE Axon 30 5G (черный) Оригинал снятый</t>
  </si>
  <si>
    <t>Лоток SIM-карты и карты памяти для ZTE Axon 30 5G (черный) Оригинал снятый</t>
  </si>
  <si>
    <t>Рамка дисплея ZTE Axon 30 5G (черный) Оригинал снятый</t>
  </si>
  <si>
    <t>Средняя часть корпуса для ZTE Axon 30 5G (черный) Оригинал снятый</t>
  </si>
  <si>
    <t>Боковая рамка для Vivo Y35 (золото) Оригинал с разбора (потертости)</t>
  </si>
  <si>
    <t>Верхняя антенна со средней частью корпуса для Leagoo S11 + сканер отпечатка</t>
  </si>
  <si>
    <t>Держатель SIM для Meizu M5c (черный)</t>
  </si>
  <si>
    <t>Задняя крышка Dexp ES1050 золото (уценка, б/у)</t>
  </si>
  <si>
    <t>Задняя крышка для Inoi 2 (золото) б/у с разбора</t>
  </si>
  <si>
    <t>Задняя крышка для Leagoo S11 (черный) Оригинал с разбора</t>
  </si>
  <si>
    <t>Задняя крышка для Prestigio Muze X5 LTE PSP5518 Duo (золото) Оригинал с разбора</t>
  </si>
  <si>
    <t>Задняя крышка для Realme 8i фиолетовая</t>
  </si>
  <si>
    <t>Задняя крышка для Vivo Y35 (черная) Оригинал снятый</t>
  </si>
  <si>
    <t>Лоток SIM и microSD UMIDIGI Z2 Pro (черный)</t>
  </si>
  <si>
    <t>Лоток Sim-карты и карты памяти для Vivo Y35 (золото)</t>
  </si>
  <si>
    <t>Лоток Sim-карты и карты памяти для Vivo Y35 (черный)</t>
  </si>
  <si>
    <t>Рамка дисплея для Leagoo M9 Pro (Оригинал снятый)</t>
  </si>
  <si>
    <t>Рамка дисплея для Leagoo S11 Оригинал с разбора</t>
  </si>
  <si>
    <t>Средняя часть корпуса + сканер для Vivo Y35 Оригинал с разбора</t>
  </si>
  <si>
    <t>Средняя часть корпуса UMIDIGI Z2 Pro (черный)</t>
  </si>
  <si>
    <t>Средняя часть корпуса для Inoi 2 Оригинал с разбора</t>
  </si>
  <si>
    <t>Микросхемы</t>
  </si>
  <si>
    <t>Контроллер питания Qualcomm PM8916 Asus / Lenovo / Samsung</t>
  </si>
  <si>
    <t>Контроллер питания Xiaomi / Meizu / LG / ZTE MT6353V</t>
  </si>
  <si>
    <t>Микросхема 358S 1947 (Контроллер питания Asus / Samsung)</t>
  </si>
  <si>
    <t>Микросхема 358S 2225 (Контроллер питания Asus)</t>
  </si>
  <si>
    <t>Микросхема HISILICON HI6422 GWCV210 - Контроллер питания Huawei</t>
  </si>
  <si>
    <t>Микросхема im 8996 Xiaomi</t>
  </si>
  <si>
    <t>Микросхема Mediatek MT6176V контроллер питания</t>
  </si>
  <si>
    <t>Микросхема Mediatek MT6370P контроллер питания</t>
  </si>
  <si>
    <t>Микросхема MT6177WV Контроллер питания</t>
  </si>
  <si>
    <t>Микросхема MT6332P Контроллер питания Xiaomi / Meizu / Mediatek</t>
  </si>
  <si>
    <t>Микросхема MT6336WP контроллер питания для Meizu Pro 7 Plus</t>
  </si>
  <si>
    <t>Микросхема MT6355W Контроллер питания</t>
  </si>
  <si>
    <t>Микросхема PM845 002 контроллер питания для Samsung / Xiaomi</t>
  </si>
  <si>
    <t>Микросхема PM8956 Контроллер питания Xiaomi Redmi Note 3 Pro</t>
  </si>
  <si>
    <t>Микросхема PMI 8994 (rev 002) Контроллер питания</t>
  </si>
  <si>
    <t>Микросхема PMI8940 контроллер питания</t>
  </si>
  <si>
    <t>Микросхема PMI8952 контроллер питания для Xiaomi</t>
  </si>
  <si>
    <t>Микросхема PMI8998 003 контроллер питания</t>
  </si>
  <si>
    <t>Микросхема S555 Контроллер питания</t>
  </si>
  <si>
    <t>Микросхема SM5720 Контроллер зарядки для Samsung S8 / S8+ / G950F / G955F</t>
  </si>
  <si>
    <t>Микросхема SMB1381 контроллер питания для Xiaomi Redmi Note 6 / LG H860N G5</t>
  </si>
  <si>
    <t>Микросхема WCD9326 Аудиокодек Qualcomm</t>
  </si>
  <si>
    <t>Микросхема Аудио Xiaomi WCD09310</t>
  </si>
  <si>
    <t>Трафарет BGA для Huawei (A492)</t>
  </si>
  <si>
    <t>Разъемы, кнопки (под пайку)</t>
  </si>
  <si>
    <t>Кнопки</t>
  </si>
  <si>
    <t>Тактильный кнопочный переключатель SMD (кнопка) 1,5*2,5*0,65 мм 4-pin</t>
  </si>
  <si>
    <t>Тактильный кнопочный переключатель SMD (кнопка) 2,4*2,8*0,6 мм 4-pin</t>
  </si>
  <si>
    <t>Коннекторы LCD</t>
  </si>
  <si>
    <t>Коннектор дисплея для Honor 10 lite / Huawei Enjoy 9s</t>
  </si>
  <si>
    <t>Коннектор дисплея для Samsung  A01 A015F</t>
  </si>
  <si>
    <t>Коннектор дисплея для Samsung A01 A015F/ M01 M015F (узкий)</t>
  </si>
  <si>
    <t>Коннектор дисплея для Samsung A51 A515F</t>
  </si>
  <si>
    <t>Коннектор дисплея для Xiaomi Redmi 9A</t>
  </si>
  <si>
    <t>Коннектор дисплея для Xiaomi Redmi Note 7</t>
  </si>
  <si>
    <t>Разъемы SIM, microSD</t>
  </si>
  <si>
    <t>Коннектор microSD для Samsung 5200/P5210/T110/T111/T310/T311/T320/T321/T325/T331/T530/T531/G357F</t>
  </si>
  <si>
    <t>Коннектор SIM для Samsung Galaxy A10 A105F</t>
  </si>
  <si>
    <t>Коннектор SIM для Samsung Galaxy A3 2017 A320F / A5 2017 A520F / A7 2017 A720F / N920C (без рамки)</t>
  </si>
  <si>
    <t>Коннектор SIM для Samsung Galaxy A3 2017 A320F / A5 2017 A520F / A7 2017 A720F / N920C (с рамкой)</t>
  </si>
  <si>
    <t>Считыватель Sim / карты памяти для Huawei P9 / P9 Lite / P9 Plus / Honor 7 / Honor 8</t>
  </si>
  <si>
    <t>Разъемы зарядки Micro USB</t>
  </si>
  <si>
    <t>Разъем micro USB для Asus ME103K / K01E / ME103 / K01</t>
  </si>
  <si>
    <t>Разъем micro USB для Honor 6A</t>
  </si>
  <si>
    <t>Разъем micro USB для Honor 7</t>
  </si>
  <si>
    <t>Разъем micro USB для HUAWEI Ascend Y600 / Lenovo P70</t>
  </si>
  <si>
    <t>Разъем micro USB для Huawei Askend G7</t>
  </si>
  <si>
    <t>Разъем micro USB для Huawei Honor 3C</t>
  </si>
  <si>
    <t>Разъем micro USB для Huawei Y6 / Y7 2018</t>
  </si>
  <si>
    <t>Разъем micro USB для Lenovo A708T</t>
  </si>
  <si>
    <t>Разъем micro USB для Lenovo A850 / S720 / P780 / P770 / A830 / S820 / S880 / A800 / A590</t>
  </si>
  <si>
    <t>Разъем Micro USB для Lenovo C8500 / C8600 / U8150 / U8800 / C8300 / T8300</t>
  </si>
  <si>
    <t>Разъем micro USB для Lenovo IdeaTab A1000</t>
  </si>
  <si>
    <t>Разъем micro USB для Oppo A3s</t>
  </si>
  <si>
    <t>Разъем micro USB для Oppo R11 / R11s / R7</t>
  </si>
  <si>
    <t>Разъем micro USB для Samsung Galaxy A10S</t>
  </si>
  <si>
    <t>Разъем micro USB для Samsung Galaxy G350 / G7102 / S7580</t>
  </si>
  <si>
    <t>Разъем micro USB ТИП-1 (Nokia 535)</t>
  </si>
  <si>
    <t>Разъем micro USB ТИП-10 (Honor 6/6 Plus)</t>
  </si>
  <si>
    <t>Разъем micro USB ТИП-11 (Lenovo A5000/A3000H/A3300/A7000/A370/A10-70/A788T/S930/S910/A656/A7600)</t>
  </si>
  <si>
    <t>Разъем micro USB ТИП-13 (Lenovo S850/Vibe X2)</t>
  </si>
  <si>
    <t>Разъем micro USB ТИП-14 (Lenovo S90/A536/A319/A630/A2010/S860/S580/S856)</t>
  </si>
  <si>
    <t>Разъем micro USB ТИП-15 (LG D380/D335/H324/H422/H502/H540/H961S/K100DS/K130E/K350E/K410/K430DS)</t>
  </si>
  <si>
    <t>Разъем micro USB ТИП-17 (Meizu M2 Note/U20)</t>
  </si>
  <si>
    <t>Разъем micro USB ТИП-18 (Meizu M5)</t>
  </si>
  <si>
    <t>Разъем micro USB ТИП-19 (Meizu MX4/MX4 Pro/M3 Note)</t>
  </si>
  <si>
    <t>Разъем micro USB ТИП-2 (Sony XA Ultra)</t>
  </si>
  <si>
    <t>Разъем micro USB ТИП-20 (3300/S5600/i9100/S5600/C3300i/S7070)</t>
  </si>
  <si>
    <t>Разъем micro USB ТИП-21 (Samsung A310F/A510F/G928F/G920F)</t>
  </si>
  <si>
    <t>Разъем micro USB ТИП-22 (Samsung i5700/S7350/S7550/S8000/S8300)</t>
  </si>
  <si>
    <t>Разъем micro USB ТИП-23 (Samsung i8190 Galaxy S3 mini/S7562/S7530)</t>
  </si>
  <si>
    <t>Разъем micro USB ТИП-24 (Samsung i8910/i9000/S7220)</t>
  </si>
  <si>
    <t>Разъем micro USB ТИП-25 (Samsung i9300/i9205/i9305/i8580)</t>
  </si>
  <si>
    <t>Разъем micro USB ТИП-26 (Samsung i9500 Galaxy S4 / N7100 Note 2)</t>
  </si>
  <si>
    <t>Разъем micro USB ТИП-27 (Samsung J100F/J320F/G570F/J330/J530/J730/J250/J400/J415/J600/J610J810/A600)</t>
  </si>
  <si>
    <t>Разъем micro USB ТИП-28 (Samsung S6810/ S5282/ S7710/ S6790/ S7390/ S7262/ S7392/G313/ C3592/J105)</t>
  </si>
  <si>
    <t>Разъем micro USB ТИП-29 (Sony Xperia C (C2305))</t>
  </si>
  <si>
    <t>Разъем micro USB ТИП-30 (Sony Xperia C4/C4 Dual (E5303/E5333))</t>
  </si>
  <si>
    <t>Разъем micro USB ТИП-31 (Sony Xperia M (C1905/C1904/C2004/C2005))</t>
  </si>
  <si>
    <t>Разъем micro USB ТИП-32 (Sony Xperia M4 (E2303/E2312/E2333))</t>
  </si>
  <si>
    <t>Разъем micro USB ТИП-33 (Sony Xperia Z1(C6903)/ZR(C5502)/T2/LT22)</t>
  </si>
  <si>
    <t>Разъем micro USB ТИП-34 (Xiaomi Mi 2/Mi 2A/Mi 2S/Mi 3/Redmi 1S/2A/2S)</t>
  </si>
  <si>
    <t>Разъем micro USB ТИП-36 (Xiaomi Redmi 7)</t>
  </si>
  <si>
    <t>Разъем micro USB ТИП-4 (Honor 7C / 7A Pro / 10 Lite / 10i)</t>
  </si>
  <si>
    <t>Разъем micro USB ТИП-40 (Asus ME301/ ME173X/ ME372)</t>
  </si>
  <si>
    <t>Разъем micro USB ТИП-41 (Asus MeMO Pad 7 ME170)</t>
  </si>
  <si>
    <t>Разъем micro USB ТИП-42 (Lenovo IdeaTab A5500)</t>
  </si>
  <si>
    <t>Разъем micro USB ТИП-43 (Samsung A015F)</t>
  </si>
  <si>
    <t>Разъем micro USB ТИП-44 (Honor 8 Lite)</t>
  </si>
  <si>
    <t>Разъем micro USB ТИП-45 (Honor 3X)</t>
  </si>
  <si>
    <t>Разъем micro USB ТИП-46 (Honor 4X)</t>
  </si>
  <si>
    <t>Разъем micro USB ТИП-47 (Honor 7X)</t>
  </si>
  <si>
    <t>Разъем micro USB ТИП-48 (Nokia 6)</t>
  </si>
  <si>
    <t>Разъем micro USB ТИП-49 (Xiaomi Redmi 7A)</t>
  </si>
  <si>
    <t>Разъем micro USB ТИП-5 (Samsung i8160)</t>
  </si>
  <si>
    <t>Разъем micro USB ТИП-6 (Samsung i9082/i9060/G360/T110/T111/i8552)</t>
  </si>
  <si>
    <t>Разъем micro USB ТИП-7 (Honor 4C)</t>
  </si>
  <si>
    <t>Разъем micro USB ТИП-8 (Honor 4X/P8/P8 Lite/Y5 II/5A/Y6 Pro/Y520/4C/Y3 2017)</t>
  </si>
  <si>
    <t>Разъем micro USB ТИП-9 (Honor 5/5A (5,5'')/5X/7/7i)</t>
  </si>
  <si>
    <t>Разъемы зарядки Type-C</t>
  </si>
  <si>
    <t>Разъем Type-C Meizu Melian X</t>
  </si>
  <si>
    <t>Разъем Type-C для Samsung A20 A205F/ A30 A305F / A40 A405F / A50 A505F / A70 A705F</t>
  </si>
  <si>
    <t>Разъем Type-C для Samsung Galaxy A12 A125F / A127F A32 A325F</t>
  </si>
  <si>
    <t>Разъем Type-C ТИП-1 (Samsung A3 2017 A320F / A5 2017 A520F / A7 2017 A720F)</t>
  </si>
  <si>
    <t>Разъем Type-C ТИП-11</t>
  </si>
  <si>
    <t>Разъем Type-C ТИП-13</t>
  </si>
  <si>
    <t>Разъем Type-C ТИП-14</t>
  </si>
  <si>
    <t>Разъем Type-C ТИП-15</t>
  </si>
  <si>
    <t>Разъем Type-C ТИП-16 (LEECOO X527)</t>
  </si>
  <si>
    <t>Разъем Type-C ТИП-18 (Honor 10/20/Honor Play/Mate 20 Lite/P30 Lite/P20 Lite/Nova 3)</t>
  </si>
  <si>
    <t>Разъем Type-C ТИП-19 Sony Xperia XA1 Ultra/XA1 Ultra Dual (G3221/G3212)</t>
  </si>
  <si>
    <t>Разъем Type-C ТИП-2</t>
  </si>
  <si>
    <t>Разъем Type-C ТИП-20 (Xiaomi Redmi Note 7 / Note 7 Pro / Note 8T)</t>
  </si>
  <si>
    <t>Разъем Type-C ТИП-21 (Huawei View 10)</t>
  </si>
  <si>
    <t>Разъем Type-C ТИП-22 (Samsung A525F/A725F)</t>
  </si>
  <si>
    <t>Разъем Type-C ТИП-3</t>
  </si>
  <si>
    <t>Разъем Type-C ТИП-5</t>
  </si>
  <si>
    <t>Разъем Type-C ТИП-6</t>
  </si>
  <si>
    <t>Разъем Type-C ТИП-7</t>
  </si>
  <si>
    <t>Штекер Type-C  6-pin (под пайку)</t>
  </si>
  <si>
    <t>Штекер Type-C с проводом 2-pin (под пайку)</t>
  </si>
  <si>
    <t>Разъемы наушников 3,5 мм</t>
  </si>
  <si>
    <t>Аудио разъем для Xiaomi Redmi 4X</t>
  </si>
  <si>
    <t>Аудио разъем для Xiaomi Redmi Note 3 Pro</t>
  </si>
  <si>
    <t>Стёкла</t>
  </si>
  <si>
    <t>Стекла для Google Pixel</t>
  </si>
  <si>
    <t>Стекло модуля для Google Pixel 5A + OCA black оригинал</t>
  </si>
  <si>
    <t>Стекло модуля для Google Pixel 6A + OCA black оригинал</t>
  </si>
  <si>
    <t>Стекла для Huawei / Honor</t>
  </si>
  <si>
    <t>Стекло модуля для Honor 50 SE / Huawei Nova 9 SE (черный) + OCA</t>
  </si>
  <si>
    <t>Стекло модуля для Honor 70 (черный) + OCA</t>
  </si>
  <si>
    <t>Стекло модуля для Huawei Honor 10 Lite / 10i / 20 Lite / 20i (черный) + OCA</t>
  </si>
  <si>
    <t>Стекло модуля для Huawei Honor 10X lite / P Smart 2021 / Y7A (черный) + OCA</t>
  </si>
  <si>
    <t>Стекло модуля для Huawei Honor 20 / 20 Pro / Nova 5T (черный) с окошком камеры</t>
  </si>
  <si>
    <t>Стекло модуля для Huawei Honor 20 / 20 Pro / Nova 5T (черный) с окошком камеры + OCA</t>
  </si>
  <si>
    <t>Стекло модуля для Huawei Honor 30S (черный) + OCA</t>
  </si>
  <si>
    <t>Стекло модуля для Huawei Honor 50 Lite / X20 / Nova 8i (черный) + OCA</t>
  </si>
  <si>
    <t>Стекло модуля для Huawei Honor 50 Pro (черный) + OCA</t>
  </si>
  <si>
    <t>Стекло модуля для Huawei Honor 8C (черный) + OCA</t>
  </si>
  <si>
    <t>Стекло модуля для Huawei Honor 8X / 9X Lite (черный)</t>
  </si>
  <si>
    <t>Стекло модуля для Huawei Honor 8X / 9X Lite (черный) + OCA</t>
  </si>
  <si>
    <t>Стекло модуля для Huawei Honor 9 (белый)</t>
  </si>
  <si>
    <t>Стекло модуля для Huawei Honor 9A / Huawei Y6P (черный) + OCA</t>
  </si>
  <si>
    <t>Стекло модуля для Huawei Honor X10 (черный) + OCA</t>
  </si>
  <si>
    <t>Стекло модуля для Huawei Honor X10 Max (черный) + OCA</t>
  </si>
  <si>
    <t>Стекло модуля для Huawei Honor X8 (черный) + OCA</t>
  </si>
  <si>
    <t>Стекло модуля для Huawei Mate 20 Pro (черный) + OCA</t>
  </si>
  <si>
    <t>Стекло модуля для Huawei MatePad 10.4 BAH3-W09 (белый) + OCA</t>
  </si>
  <si>
    <t>Стекло модуля для Huawei MatePad 10.4 BAH3-W09 (черный)</t>
  </si>
  <si>
    <t>Стекло модуля для Huawei MatePad T10s 10.1 / HonorPad X8 (белый)</t>
  </si>
  <si>
    <t>Стекло модуля для Huawei MatePad T10s 10.1 / HonorPad X8 (черный)</t>
  </si>
  <si>
    <t>Стекло модуля для Huawei MediaPad T5 AGS2-L09 AGS2-W09 AGS2-L03 AGS2-W19 (черный)</t>
  </si>
  <si>
    <t>Стекло модуля для Huawei Nova 11i (черный) + OCA</t>
  </si>
  <si>
    <t>Стекло модуля для Huawei Nova 2 (белый)</t>
  </si>
  <si>
    <t>Стекло модуля для Huawei Nova 2 (черный)</t>
  </si>
  <si>
    <t>Стекло модуля для Huawei Nova 2 Plus (черный)</t>
  </si>
  <si>
    <t>Стекло модуля для Huawei Nova 2S (белый)</t>
  </si>
  <si>
    <t>Стекло модуля для Huawei Nova 2S (черный)</t>
  </si>
  <si>
    <t>Стекло модуля для Huawei Nova 3 / Nova 3i / P Smart Plus 2018 (черный) + OCA</t>
  </si>
  <si>
    <t>Стекло модуля для Huawei Nova 4 / View 20 (черный)</t>
  </si>
  <si>
    <t>Стекло модуля для Huawei Nova Y70 / Y70 Plus / Maimang 11 / Enjoy 50 (черный) + OCA</t>
  </si>
  <si>
    <t>Стекло модуля для Huawei P Smart Z / Honor 9X / Y9 Prime 2019 (черный) + OCA</t>
  </si>
  <si>
    <t>Стекло модуля для Huawei P10 Plus (черный)</t>
  </si>
  <si>
    <t>Стекло модуля для Huawei P20 (черный) + OCA</t>
  </si>
  <si>
    <t>Стекло модуля для Huawei P20 Pro (черный) + OCA</t>
  </si>
  <si>
    <t>Стекло модуля для Huawei P30 (черный) + OCA</t>
  </si>
  <si>
    <t>Стекло модуля для Huawei P30 Lite / Nova 4e / Honor 20e / Honor 20S / Honor 20 Lite (черный) + OCA</t>
  </si>
  <si>
    <t>Стекло модуля для Huawei P40 Lite / Nova 5i / Nova 6 SE / Nova 7i (черный) + OCA</t>
  </si>
  <si>
    <t>Стекло модуля для Huawei P40 Lite / Nova 6 SE (черный)</t>
  </si>
  <si>
    <t>Стекло модуля для Huawei P40 Lite E / Honor 9C / Honor Play 3 / Y7p (черный)</t>
  </si>
  <si>
    <t>Стекло модуля для Huawei P50 (черный) + OCA</t>
  </si>
  <si>
    <t>Стекло модуля для Huawei View 10 (черный) + OCA</t>
  </si>
  <si>
    <t>Стекло модуля для Huawei Y7 2017 / Nova Lite Plus (белый)</t>
  </si>
  <si>
    <t>Стекло модуля для Huawei Y7 2017 / Nova Lite Plus (черный)</t>
  </si>
  <si>
    <t>Стекло модуля для Huawei Y8p / Honor 30i / Enjoy 10s / Play 4T pro / P Smart S (черный) + OCA</t>
  </si>
  <si>
    <t>Стекла для Infinix</t>
  </si>
  <si>
    <t>Стекло модуля для Infinix Hot 10 (682) + OCA</t>
  </si>
  <si>
    <t>Стекло модуля для Infinix Hot 10 Play / Hot 11 Play + OCA</t>
  </si>
  <si>
    <t>Стекло модуля для Infinix Hot 10i (X659) + OCA</t>
  </si>
  <si>
    <t>Стекло модуля для Infinix Hot 11 (X662) + OCA</t>
  </si>
  <si>
    <t>Стекло модуля для Infinix Hot 20S (X6827) + OCA</t>
  </si>
  <si>
    <t>Стекло модуля для Infinix Hot 6 (X606) + OCA</t>
  </si>
  <si>
    <t>Стекло модуля для Infinix Hot 6 Pro (X608) + OCA</t>
  </si>
  <si>
    <t>Стекло модуля для Infinix Hot 6X (X623) + OCA</t>
  </si>
  <si>
    <t>Стекло модуля для Infinix Hot 7 (X624) + OCA</t>
  </si>
  <si>
    <t>Стекло модуля для Infinix HOT 7 Pro (X625) + OCA</t>
  </si>
  <si>
    <t>Стекло модуля для Infinix Hot 8 (X650) + OCA</t>
  </si>
  <si>
    <t>Стекло модуля для Infinix Hot 9 (X655) + OCA</t>
  </si>
  <si>
    <t>Стекло модуля для Infinix Hot 9 Play (X680) + OCA</t>
  </si>
  <si>
    <t>Стекло модуля для Infinix Hot S3 (X573) + OCA</t>
  </si>
  <si>
    <t>Стекло модуля для Infinix Hot S4 (X626) + OCA</t>
  </si>
  <si>
    <t>Стекло модуля для Infinix Note 10 (X693) + OCA</t>
  </si>
  <si>
    <t>Стекло модуля для Infinix Note 5 (X604) + OCA</t>
  </si>
  <si>
    <t>Стекло модуля для Infinix Note 7 (X690) + OCA</t>
  </si>
  <si>
    <t>Стекло модуля для Infinix NOTE 8 (X692) + OCA</t>
  </si>
  <si>
    <t>Стекло модуля для Infinix S5 / S5 Lite (X652) / TECNO Camon 12 Air + OCA</t>
  </si>
  <si>
    <t>Стекло модуля для Infinix S5 Pro (X660) + OCA</t>
  </si>
  <si>
    <t>Стекло модуля для Infinix Smart 2 HD 2018 (X609) + OCA</t>
  </si>
  <si>
    <t>Стекло модуля для Infinix Smart 4 (X653) + OCA</t>
  </si>
  <si>
    <t>Стекло модуля для Infinix Smart 6 (X6511) + OCA</t>
  </si>
  <si>
    <t>Стекло модуля для Infinix Smart HD 2021 (X612) + OCA</t>
  </si>
  <si>
    <t>Стекло модуля для Infinix Zero 6 Pro (X620) + OCA</t>
  </si>
  <si>
    <t>Стекло модуля для Infinix Zero 8 / Zero 8i (X687) + OCA</t>
  </si>
  <si>
    <t>Стекло модуля для Infinix ZERO X Pro (X6811) + OCA</t>
  </si>
  <si>
    <t>Стекла для Itel</t>
  </si>
  <si>
    <t>Стекло модуля для Itel P36 Play + OCA</t>
  </si>
  <si>
    <t>Стекла для Lenovo</t>
  </si>
  <si>
    <t>Стекло модуля для Lenovo K12 Pro (черный) + OCA</t>
  </si>
  <si>
    <t>Стекло модуля для Lenovo Tab M10 Plus TB-X606F 10.3" (черный) + OCA</t>
  </si>
  <si>
    <t>Стекла для LG</t>
  </si>
  <si>
    <t>Стекло модуля для LG K7 (X210DS) (черный)</t>
  </si>
  <si>
    <t>Стекло модуля для LG K8 LTE (K350e) (черный)</t>
  </si>
  <si>
    <t>Стекло модуля для LG Leon H324 (черный)</t>
  </si>
  <si>
    <t>Стекла для Nokia</t>
  </si>
  <si>
    <t>Cтекло модуля для Nokia 6 (черный)</t>
  </si>
  <si>
    <t>Стёкла для OnePlus</t>
  </si>
  <si>
    <t>Стекло модуля для OnePlus 7 Pro (черный)</t>
  </si>
  <si>
    <t>Стёкла для Oppo / Realme</t>
  </si>
  <si>
    <t>Стекло модуля для Oppo A16 / A16S / Realme C25 / C25S (черный) + OCA</t>
  </si>
  <si>
    <t>Стекло модуля для Oppo A32 / A33 2020 / A53 / A53S / Realme 7i / C17 / N100 (черный) +OCA</t>
  </si>
  <si>
    <t>Стекло модуля для Oppo A5 2020 (черный) + OCA</t>
  </si>
  <si>
    <t>Стекло модуля для Oppo A52 / A72 / A92 (черный) + OCA</t>
  </si>
  <si>
    <t>Стекло модуля для Oppo A74 / A94 / Reno 5 (черный) + OCA</t>
  </si>
  <si>
    <t>Стекло модуля для Oppo Reno 3 / A91 / K7 (черный) Orig + OCA</t>
  </si>
  <si>
    <t>Стекло модуля для Oppo RX17 Neo / RX17 Pro (черный) + OCA</t>
  </si>
  <si>
    <t>Стекло модуля для Realme 10 (черный) + OCA</t>
  </si>
  <si>
    <t>Стекло модуля для Realme 2 / C1 / OPPO / A3S / A5 / AX5 / R15 Neo / A12E (черный) + OCA</t>
  </si>
  <si>
    <t>Стекло модуля для Realme 3 / 3i / OPPO A7 / A5s / AX7 / A7n / AX5s / A12 (черный) + OCA</t>
  </si>
  <si>
    <t>Стекло модуля для Realme 8i / 9i (черный) + OCA Copy</t>
  </si>
  <si>
    <t>Стекло модуля для Realme 8i / 9i (черный) + OCA Orig</t>
  </si>
  <si>
    <t>Стекло модуля для Realme 9 Pro / Q3S / Q3T / Q5 / V25 / Oppo K9S / K10 (черный) + OCA</t>
  </si>
  <si>
    <t>Стекло модуля для Realme C21 (черный)</t>
  </si>
  <si>
    <t>Стекло модуля для Realme C3 (черный) + OCA</t>
  </si>
  <si>
    <t>Стекло модуля для Realme C30 / C30S Orig (черный) + OCA</t>
  </si>
  <si>
    <t>Стекло модуля для Realme C35 (черный) Orig + OCA</t>
  </si>
  <si>
    <t>Стекло модуля для Realme Pad 10.4 (черный) + OCA</t>
  </si>
  <si>
    <t>Стекло модуля для Realme Pad mini 8.7 (черный) + OCA</t>
  </si>
  <si>
    <t>Стекло модуля для Realme V3 5G / Realme C11 / Oppo A15 (черный)</t>
  </si>
  <si>
    <t>Стекло модуля для Realme X (черный) + OCA</t>
  </si>
  <si>
    <t>Стекло модуля для Realme X Lite (черный) + OCA</t>
  </si>
  <si>
    <t>Стекло модуля для Realme X2 (черный) + OCA</t>
  </si>
  <si>
    <t>Стекло модуля для Realme X2 Pro (черный) + OCA</t>
  </si>
  <si>
    <t>Стекло модуля для Realme X3 (черный) + OCA</t>
  </si>
  <si>
    <t>Стекло модуля для Realme X50 5G (черный) + OCA</t>
  </si>
  <si>
    <t>Стекло модуля для Realme X50 Pro (черный) + OCA</t>
  </si>
  <si>
    <t>Стекло модуля для Realme X50 Pro 5G (черный) + OCA</t>
  </si>
  <si>
    <t>Стекло модуля для Realme X7 5G (черный) + OCA</t>
  </si>
  <si>
    <t>Стекло модуля для Realme X7 Pro 5G (черный) + OCA</t>
  </si>
  <si>
    <t>Стекла для Samsung</t>
  </si>
  <si>
    <t>Стекло внешнего модуля для Samsung Galaxy Z Fold 3 F926 + OCA</t>
  </si>
  <si>
    <t>Стекло модуля для Samsung A5 2017 A520F (черный) + OCA</t>
  </si>
  <si>
    <t>Стекло модуля для Samsung G850 Galaxy Alpha (черный)</t>
  </si>
  <si>
    <t>Стекло модуля для Samsung G900 Galaxy S5 (белый)</t>
  </si>
  <si>
    <t>Стекло модуля для Samsung G935 S7 edge, белое (запчасть)</t>
  </si>
  <si>
    <t>Стекло модуля для Samsung G935 S7 edge, серебро (запчасть)</t>
  </si>
  <si>
    <t>Стекло модуля для Samsung G935 S7 edge, синее (запчасть)</t>
  </si>
  <si>
    <t>Стекло модуля для Samsung Galaxy A01 Core A013F / M01 Core M013F (черный)</t>
  </si>
  <si>
    <t>Стекло модуля для Samsung Galaxy A01 Core A013F / M01 Core M013F (черный) + OCA</t>
  </si>
  <si>
    <t>Стекло модуля для Samsung Galaxy A02 A022F / M02 M022F / A12 A125F / M12 M127F (черный)</t>
  </si>
  <si>
    <t>Стекло модуля для Samsung Galaxy A02 A022F / M02 M022F / A12 A125F / M12 M127F (черный) + OCA</t>
  </si>
  <si>
    <t>Стекло модуля для Samsung Galaxy A10 2019 A105F (черное)</t>
  </si>
  <si>
    <t>Стекло модуля для Samsung Galaxy A10 2019 A105F / M10 2019 M105F (черное) + OCA</t>
  </si>
  <si>
    <t>Стекло модуля для Samsung Galaxy A10S A107F (черный)</t>
  </si>
  <si>
    <t>Стекло модуля для Samsung Galaxy A10S A107F (черный) + OCA</t>
  </si>
  <si>
    <t>Стекло модуля для Samsung Galaxy A11 A115F (черный)</t>
  </si>
  <si>
    <t>Стекло модуля для Samsung Galaxy A11 A115F / M11 M115F (черный) + OCA</t>
  </si>
  <si>
    <t>Стекло модуля для Samsung Galaxy A20 A205F / A30s A307F / M30s M307F (черный) + OCA</t>
  </si>
  <si>
    <t>Стекло модуля для Samsung Galaxy A20s A207F (черный)</t>
  </si>
  <si>
    <t>Стекло модуля для Samsung Galaxy A20s A207F (черный) + OCA</t>
  </si>
  <si>
    <t>Стекло модуля для Samsung Galaxy A21s A217F (черный)</t>
  </si>
  <si>
    <t>Стекло модуля для Samsung Galaxy A21s A217F (черный) + OCA</t>
  </si>
  <si>
    <t>Стекло модуля для Samsung Galaxy A22 4G A225F / A31 A315F (черный) + OCA</t>
  </si>
  <si>
    <t>Стекло модуля для Samsung Galaxy A22s 5G A226B (черный) + OCA</t>
  </si>
  <si>
    <t>Стекло модуля для Samsung Galaxy A3 2017 A320F (белый) + OCA</t>
  </si>
  <si>
    <t>Стекло модуля для Samsung Galaxy A3 2017 A320F (золото) + OCA</t>
  </si>
  <si>
    <t>Стекло модуля для Samsung Galaxy A3 2017 A320F (черный) + OCA</t>
  </si>
  <si>
    <t>Стекло модуля для Samsung Galaxy A30 A305F / A50 A505F / A50S A507F / M31 M315F (черное) + OCA</t>
  </si>
  <si>
    <t>Стекло модуля для Samsung Galaxy A30 A305F / A50 A505F / A50S A507F / M31 M315F (черное) Orig + OCA</t>
  </si>
  <si>
    <t>Стекло модуля для Samsung Galaxy A32 4G A325F (черный)</t>
  </si>
  <si>
    <t>Стекло модуля для Samsung Galaxy A32 4G A325F (черный) + OCA</t>
  </si>
  <si>
    <t>Стекло модуля для Samsung Galaxy A32 5G A326F(черный)</t>
  </si>
  <si>
    <t>Стекло модуля для Samsung Galaxy A40 2019 A405F (черное)</t>
  </si>
  <si>
    <t>Стекло модуля для Samsung Galaxy A40 2019 A405F (черное) + OCA</t>
  </si>
  <si>
    <t>Стекло модуля для Samsung Galaxy A40s A407F (черный)</t>
  </si>
  <si>
    <t>Стекло модуля для Samsung Galaxy A41 A415F (черный) + OCA</t>
  </si>
  <si>
    <t>Стекло модуля для Samsung Galaxy A42 A425F / M42 M425F (черный) + OCA</t>
  </si>
  <si>
    <t>Стекло модуля для Samsung Galaxy A51 A515F / M31s M317F (черный) + OCA</t>
  </si>
  <si>
    <t>Стекло модуля для Samsung Galaxy A6 2018 A600F (черный) + OCA</t>
  </si>
  <si>
    <t>Стекло модуля для Samsung Galaxy A6 Plus A605F (черный) + OCA</t>
  </si>
  <si>
    <t>Стекло модуля для Samsung Galaxy A7 2018 A750F (черный) + OCA</t>
  </si>
  <si>
    <t>Стекло модуля для Samsung Galaxy A70 2019 A705F (черный) + OCA</t>
  </si>
  <si>
    <t>Стекло модуля для Samsung Galaxy A70s 2019 A707F (черный)</t>
  </si>
  <si>
    <t>Стекло модуля для Samsung Galaxy A71 A715F / A91 A915F (черный)</t>
  </si>
  <si>
    <t>Стекло модуля для Samsung Galaxy A71 A715F / A91 A915F / M51 M515F / M62 M625F (черный) + OCA</t>
  </si>
  <si>
    <t>Стекло модуля для Samsung Galaxy A72 A725F(черный)</t>
  </si>
  <si>
    <t>Стекло модуля для Samsung Galaxy A72 A725F(черный) + OCA</t>
  </si>
  <si>
    <t>Стекло модуля для Samsung Galaxy A8 2018 A530F (черный) + OCA</t>
  </si>
  <si>
    <t>Стекло модуля для Samsung Galaxy A8 Plus A730F (черный) + OCA</t>
  </si>
  <si>
    <t>Стекло модуля для Samsung Galaxy A80 A805F (черный) + OCA</t>
  </si>
  <si>
    <t>Стекло модуля для Samsung Galaxy A90 A905F (черный) + OCA</t>
  </si>
  <si>
    <t>Стекло модуля для Samsung Galaxy J2 Core (2018) J260F (черный)</t>
  </si>
  <si>
    <t>Стекло модуля для Samsung Galaxy J3 2017 J330F (черный) + OCA</t>
  </si>
  <si>
    <t>Стекло модуля для Samsung Galaxy J4 Plus J415F / J6 Plus J610F (черный) + OCA</t>
  </si>
  <si>
    <t>Стекло модуля для Samsung Galaxy J5 Prime SM-G570F (белый)</t>
  </si>
  <si>
    <t>Стекло модуля для Samsung Galaxy J5 Prime SM-G570F (золото)</t>
  </si>
  <si>
    <t>Стекло модуля для Samsung Galaxy J5 Prime SM-G570F (черный)</t>
  </si>
  <si>
    <t>Стекло модуля для Samsung Galaxy J6 2018 J600F (черный)</t>
  </si>
  <si>
    <t>Стекло модуля для Samsung Galaxy J6 2018 J600F (черный) + OCA</t>
  </si>
  <si>
    <t>Стекло модуля для Samsung Galaxy J7 2017 J730F (синий)</t>
  </si>
  <si>
    <t>Стекло модуля для Samsung Galaxy J7 2017 J730F (черный)</t>
  </si>
  <si>
    <t>Стекло модуля для Samsung Galaxy Note 10 N970F (черный) + OCA</t>
  </si>
  <si>
    <t>Стекло модуля для Samsung Galaxy Note 10 Plus N975F (черный) + OCA</t>
  </si>
  <si>
    <t>Стекло модуля для Samsung Galaxy Note 8 N950F (черный) + OCA</t>
  </si>
  <si>
    <t>Стекло модуля для Samsung Galaxy Note 9 N960F (черный) + OCA</t>
  </si>
  <si>
    <t>Стекло модуля для Samsung Galaxy S10 G973F (черный)</t>
  </si>
  <si>
    <t>Стекло модуля для Samsung Galaxy S10 Lite G770F (черный)</t>
  </si>
  <si>
    <t>Стекло модуля для Samsung Galaxy S10 Lite G770F (черный) + OCA</t>
  </si>
  <si>
    <t>Стекло модуля для Samsung Galaxy S10 Plus G975F (черный) + OCA</t>
  </si>
  <si>
    <t>Стекло модуля для Samsung Galaxy S10e G970F (черный) + OCA</t>
  </si>
  <si>
    <t>Стекло модуля для Samsung Galaxy S20 G980F (черный) + OCA</t>
  </si>
  <si>
    <t>Стекло модуля для Samsung Galaxy S20 Plus G985F (черный) + OCA</t>
  </si>
  <si>
    <t>Стекло модуля для Samsung Galaxy S20 Ultra G988B (черный) + OCA</t>
  </si>
  <si>
    <t>Стекло модуля для Samsung Galaxy S21 5G G991B (черный) + OCA</t>
  </si>
  <si>
    <t>Стекло модуля для Samsung Galaxy S21 FE 5G G990E (черный) + OCA</t>
  </si>
  <si>
    <t>Стекло модуля для Samsung Galaxy S21 Plus 5G G996B (черный) + OCA</t>
  </si>
  <si>
    <t>Стекло модуля для Samsung Galaxy S21 Ultra G998B (черный) + OCA</t>
  </si>
  <si>
    <t>Стекло модуля для Samsung Galaxy S7 Edge G935F (черный)</t>
  </si>
  <si>
    <t>Стекло модуля для Samsung Galaxy S8 G950F (черный) + OCA</t>
  </si>
  <si>
    <t>Стекло модуля для Samsung Galaxy S8 Plus G955F (черный) + OCA</t>
  </si>
  <si>
    <t>Стекло модуля для Samsung Galaxy S9 G960F (черный)</t>
  </si>
  <si>
    <t>Стекло модуля для Samsung Galaxy S9 G960F (черный) + OCA</t>
  </si>
  <si>
    <t>Стекло модуля для Samsung Galaxy S9+ G965F (черный)</t>
  </si>
  <si>
    <t>Стекло модуля для Samsung Galaxy S9+ G965F (черный) + OCA</t>
  </si>
  <si>
    <t>Стекло модуля для Samsung Galaxy Tab A 10.1 (2019) T510 / T515 (черный)</t>
  </si>
  <si>
    <t>Стекло модуля для Samsung Galaxy Tab A 8.0 2019 SM-T290 SM-T295 (белый) + OCA</t>
  </si>
  <si>
    <t>Стекло модуля для Samsung Galaxy Tab A 8.0 2019 SM-T290 SM-T295 (черный) + OCA</t>
  </si>
  <si>
    <t>Стекло модуля для Samsung Galaxy Tab A8 SM-X200 / X205 + OCA</t>
  </si>
  <si>
    <t>Стекло модуля для Samsung Galaxy Tab S 8.4 SM-T700 (черный)</t>
  </si>
  <si>
    <t>Стекло модуля для Samsung Galaxy Tab S 8.4 SM-T705 / SM-T707 (белый)</t>
  </si>
  <si>
    <t>Стекло модуля для Samsung Galaxy Tab S 8.4 SM-T705 / SM-T707 (зеленый)</t>
  </si>
  <si>
    <t>Стекло модуля для Samsung Galaxy А3 2015 A300F (черный)</t>
  </si>
  <si>
    <t>Стекло модуля для Samsung i8190 Galaxy S3 mini (красный)</t>
  </si>
  <si>
    <t>Стекло модуля для Samsung i9100 (черный)</t>
  </si>
  <si>
    <t>Стекло модуля для Samsung i9100 Galaxy S2 (белый)</t>
  </si>
  <si>
    <t>Стекло модуля для для Samsung Galaxy Tab A7 10.4 T500 / Galaxy Tab A7 10.4 T505 (белый) + OCA</t>
  </si>
  <si>
    <t>Стекло модуля для для Samsung Galaxy Tab A7 10.4 T500 / Galaxy Tab A7 10.4 T505 (черный) + OCA</t>
  </si>
  <si>
    <t>Стекла для Tecno</t>
  </si>
  <si>
    <t>Стекло модуля для TECNO Camon 16 Pro (CE8) + OCA</t>
  </si>
  <si>
    <t>Стекло модуля для TECNO Camon 17 Pro + OCA</t>
  </si>
  <si>
    <t>Стекло модуля для TECNO Camon 19 + OCA</t>
  </si>
  <si>
    <t>Стекло модуля для TECNO Camon 19 Pro + OCA</t>
  </si>
  <si>
    <t>Стекло модуля для TECNO Camon 20 4G / 20 Pro 4G + OCA</t>
  </si>
  <si>
    <t>Стекло модуля для TECNO Camon X (CA7) + OCA</t>
  </si>
  <si>
    <t>Стекло модуля для TECNO Camon X Pro (CA8) + OCA</t>
  </si>
  <si>
    <t>Стекло модуля для TECNO Phantom 9 (AB7) + OCA</t>
  </si>
  <si>
    <t>Стекло модуля для TECNO Pouvoir 2 (LA7) + OCA</t>
  </si>
  <si>
    <t>Стекло модуля для TECNO Pouvoir 3 (LB7) + OCA</t>
  </si>
  <si>
    <t>Стекло модуля для TECNO Pouvoir 3 Plus (LB8) + OCA</t>
  </si>
  <si>
    <t>Стекло модуля для TECNO Spark 3 / Camon 11 (CF7) + OCA</t>
  </si>
  <si>
    <t>Стекло модуля для TECNO Spark 3 Pro (KB8) + OCA</t>
  </si>
  <si>
    <t>Стекло модуля для TECNO Spark 6 GO (KE5) / Infrinix Hot 10 lite (X657B) + OCA</t>
  </si>
  <si>
    <t>Стекло модуля для TECNO Spark 8C + ОСА</t>
  </si>
  <si>
    <t>Стекло модуля для TECNO Spark Power 2 (LC8) + OCA</t>
  </si>
  <si>
    <t>Стекла для Vivo</t>
  </si>
  <si>
    <t>Стекло модуля для Vivo V17 / V17 Neo / Y7s / Z5 (черный) Orig + OCA</t>
  </si>
  <si>
    <t>Стекло модуля для Vivo Y11 (черный)</t>
  </si>
  <si>
    <t>Стекло модуля для Vivo Y15 (черный)</t>
  </si>
  <si>
    <t>Стекло модуля для Vivo Y20 (черный) + OCA</t>
  </si>
  <si>
    <t>Стекло модуля для Vivo Y30 (черный)</t>
  </si>
  <si>
    <t>Стекло модуля для Vivo Y91 (черный) + OCA</t>
  </si>
  <si>
    <t>Стекло модуля для Vivo Y93 (черный)</t>
  </si>
  <si>
    <t>Стекла для Xiaomi</t>
  </si>
  <si>
    <t>Стекло модуля для Xiaomi Mi 11 Lite 4G / Mi 11 Lite 5G (черный) + OCA</t>
  </si>
  <si>
    <t>Стекло модуля для Xiaomi Mi 12T + OCA</t>
  </si>
  <si>
    <t>Стекло модуля для Xiaomi Mi 8 (черный) + OCA</t>
  </si>
  <si>
    <t>Стекло модуля для Xiaomi MI 8 Lite (черный)</t>
  </si>
  <si>
    <t>Стекло модуля для Xiaomi Mi 8 Lite / Redmi Note 6 (черный) + OCA</t>
  </si>
  <si>
    <t>Стекло модуля для Xiaomi Mi 8 SE (черный) + OCA</t>
  </si>
  <si>
    <t>Стекло модуля для Xiaomi Mi 9 Lite / CC9 (черный) + OCA</t>
  </si>
  <si>
    <t>Стекло модуля для Xiaomi Mi 9T / Mi 9T Pro / Redmi K20 / K20 Pro (черный) + OCA</t>
  </si>
  <si>
    <t>Стекло модуля для Xiaomi MI A2 / Redmi 6X (белый) + OCA</t>
  </si>
  <si>
    <t>Стекло модуля для Xiaomi MI A2 / Redmi 6X (черный) + OCA</t>
  </si>
  <si>
    <t>Стекло модуля для Xiaomi Mi Mix 2 (черный) + OCA</t>
  </si>
  <si>
    <t>Стекло модуля для Xiaomi Mi Mix 2S (черный) + OCA</t>
  </si>
  <si>
    <t>Стекло модуля для Xiaomi Mi Mix 3 (черный) + OCA</t>
  </si>
  <si>
    <t>Стекло модуля для Xiaomi Mi Note 3 со сканером отпачатков (черный)</t>
  </si>
  <si>
    <t>Стекло модуля для Xiaomi Poco F1 (черный) + OCA</t>
  </si>
  <si>
    <t>Стекло модуля для Xiaomi POCO X3 (черный)</t>
  </si>
  <si>
    <t>Стекло модуля для XIAOMI Poco X3 (черный) + OCA</t>
  </si>
  <si>
    <t>Стекло модуля для Xiaomi Redmi 10C / Poco C40 (черный) Copy + OCA</t>
  </si>
  <si>
    <t>Стекло модуля для Xiaomi Redmi 10C / Poco C40 (черный) Orig + OCA</t>
  </si>
  <si>
    <t>Стекло модуля для Xiaomi Redmi 10X (черный)</t>
  </si>
  <si>
    <t>Стекло модуля для Xiaomi Redmi 10X 4G (черный) + OCA</t>
  </si>
  <si>
    <t>Стекло модуля для Xiaomi Redmi 10X 5G (черный) + OCA</t>
  </si>
  <si>
    <t>Стекло модуля для Xiaomi Redmi 12 + OCA</t>
  </si>
  <si>
    <t>Стекло модуля для Xiaomi Redmi 5 (белый)</t>
  </si>
  <si>
    <t>Стекло модуля для Xiaomi Redmi 5 (белый) + OCA</t>
  </si>
  <si>
    <t>Стекло модуля для Xiaomi Redmi 5 (черный)</t>
  </si>
  <si>
    <t>Стекло модуля для Xiaomi Redmi 5 Plus (белый) + OCA</t>
  </si>
  <si>
    <t>Стекло модуля для Xiaomi Redmi 5 Plus (черный) + OCA</t>
  </si>
  <si>
    <t>Стекло модуля для Xiaomi Redmi 8 / Redmi 8A (черный)</t>
  </si>
  <si>
    <t>Стекло модуля для Xiaomi Redmi 8 / Redmi 8A (черный) + OCA</t>
  </si>
  <si>
    <t>Стекло модуля для Xiaomi Redmi 9 (черный) + OCA</t>
  </si>
  <si>
    <t>Стекло модуля для Xiaomi Redmi 9T / Poco M3 (черный) + OCA</t>
  </si>
  <si>
    <t>Стекло модуля для Xiaomi Redmi K30 / K30i / Poco F2 / Poco X2 (черный) + OCA</t>
  </si>
  <si>
    <t>Стекло модуля для Xiaomi Redmi K30s (черный) + OCA</t>
  </si>
  <si>
    <t>Стекло модуля для Xiaomi Redmi K40 / K40 Pro / Poco F3 / Mi 11i (черный) + OCA</t>
  </si>
  <si>
    <t>Стекло модуля для Xiaomi Redmi Note 10 4G / Note 10s / Note 11s / Poco M4 Pro 4g (черный)</t>
  </si>
  <si>
    <t>Стекло модуля для Xiaomi Redmi Note 10 4G / Note 10s / Note 11s / Poco M4 Pro 4g (черный) + OCA</t>
  </si>
  <si>
    <t>Стекло модуля для Xiaomi Redmi Note 10 5G / Note 11 4G / Redmi 10 / M3 Pro (черный) Orig + OCA</t>
  </si>
  <si>
    <t>Стекло модуля для Xiaomi Redmi Note 10 5G / Note 11 4G / Redmi 10 / Poco M3 Pro (черный) Copy + OCA</t>
  </si>
  <si>
    <t>Стекло модуля для Xiaomi Redmi Note 10 Pro 5G / Poco X3 GT / Poco X4 Pro (черный) Orig + OCA</t>
  </si>
  <si>
    <t>Стекло модуля для Xiaomi Redmi Note 12 (черный) Orig + OCA</t>
  </si>
  <si>
    <t>Стекло модуля для Xiaomi Redmi Note 12 4G / 5G (черный) + OCA</t>
  </si>
  <si>
    <t>Стекло модуля для Xiaomi Redmi Note 12 Pro Plus (черный) Orig + OCA</t>
  </si>
  <si>
    <t>Стекло модуля для Xiaomi Redmi Note 5 / Note 5 Pro (белый)</t>
  </si>
  <si>
    <t>Стекло модуля для Xiaomi Redmi Note 5 / Note 5 Pro (белый) + OCA</t>
  </si>
  <si>
    <t>Стекло модуля для Xiaomi Redmi Note 5 / Note 5 Pro (черный) + OCA</t>
  </si>
  <si>
    <t>Стекло модуля для Xiaomi Redmi Note 6 Pro (черный)</t>
  </si>
  <si>
    <t>Стекло модуля для Xiaomi Redmi Note 6 Pro / Mi 8X (черный) + OCA</t>
  </si>
  <si>
    <t>Стекло модуля для Xiaomi Redmi Note 7 / Note 7 Pro / Note 7S (черный)</t>
  </si>
  <si>
    <t>Стекло модуля для Xiaomi Redmi Note 7 / Note 7 Pro / Note 7S (черный) + OCA</t>
  </si>
  <si>
    <t>Стекло модуля для Xiaomi Redmi Note 8 (черный) + OCA</t>
  </si>
  <si>
    <t>Стекло модуля для Xiaomi Redmi Note 8 Pro (черный) + OCA</t>
  </si>
  <si>
    <t>Стекло модуля для Xiaomi Redmi Note 8T (черный) + OCA</t>
  </si>
  <si>
    <t>Стекло модуля для Xiaomi Redmi Note 9 (черный) + OCA</t>
  </si>
  <si>
    <t>Стекло модуля для Xiaomi Redmi Note 9 5G / Note 9T 5G (черный) + OCA</t>
  </si>
  <si>
    <t>Стекло модуля для Xiaomi Redmi Note 9 Pro / Note 9s / Note 10 Lite (черный) + OCA</t>
  </si>
  <si>
    <t>Стекло модуля для Xiaomi Redmi Pad 10.6 (черный) + OCA</t>
  </si>
  <si>
    <t>Стекло модуля со сканером отпечатков для Xiaomi Mi 6 (белый)</t>
  </si>
  <si>
    <t>Стекло модуля со сканером отпечатков для Xiaomi Mi 6 (синий)</t>
  </si>
  <si>
    <t>Стекло модуля со сканером отпечатков для Xiaomi Mi 6 (черный)</t>
  </si>
  <si>
    <t>Стёкла камер</t>
  </si>
  <si>
    <t>Стекло камеры в сборе для Google Pixel 4A (Оригинал снятый)</t>
  </si>
  <si>
    <t>Стекло камеры в обойме для Honor 10X Lite Оригинал снятый</t>
  </si>
  <si>
    <t>Стекло камеры в рамке (синий) для Huawei Nova Y70 (Оригинал снятый)</t>
  </si>
  <si>
    <t>Стекло камеры для Honor 10</t>
  </si>
  <si>
    <t>Стекло камеры для Honor 10 + рамка (черный)</t>
  </si>
  <si>
    <t>Стекло камеры для Honor 20 / Nova 5T (черный)</t>
  </si>
  <si>
    <t>Стекло камеры для Honor 20 Lite (черный)</t>
  </si>
  <si>
    <t>Стекло камеры для Honor 50</t>
  </si>
  <si>
    <t>Стекло камеры для Honor 7A (AUM-TL20)</t>
  </si>
  <si>
    <t>Стекло камеры для Honor 8X</t>
  </si>
  <si>
    <t>Стекло камеры для Honor 9X</t>
  </si>
  <si>
    <t>Стекло камеры для Honor 9X Lite</t>
  </si>
  <si>
    <t>Стекло камеры для Huawei Mate 30</t>
  </si>
  <si>
    <t>Стекло камеры для Huawei Mate 30 Pro</t>
  </si>
  <si>
    <t>Стекло камеры для Huawei Nova 3i (черный)</t>
  </si>
  <si>
    <t>Стекло камеры для Huawei Nova Y70</t>
  </si>
  <si>
    <t>Стекло камеры для Huawei P20 (черный)</t>
  </si>
  <si>
    <t>Стекло камеры для Huawei P30 (черный)</t>
  </si>
  <si>
    <t>Стекло камеры для Huawei P40 (черный)</t>
  </si>
  <si>
    <t>Стекло камеры для Huawei Y6 2019</t>
  </si>
  <si>
    <t>Стекло камеры для Huawei Y7 Prime / Honor 7C Pro (черный)</t>
  </si>
  <si>
    <t>Стекло камеры в рамке (золото) для Infinix Zero 30 5G Оригинал снятый</t>
  </si>
  <si>
    <t>Стекло камеры в обойме (серебро) для Realme 8 Оригинал снятый</t>
  </si>
  <si>
    <t>Стекло камеры в обойме для Oppo A74 4G (Оригинал снятый)</t>
  </si>
  <si>
    <t>Стекло камеры для Realme C11</t>
  </si>
  <si>
    <t>Стекло камеры для Realme C11 2021</t>
  </si>
  <si>
    <t>Стекло камеры для Realme C21</t>
  </si>
  <si>
    <t>Стекло камеры в обойме для Samsung Galaxy A32 4G / A325F Оригинал снятый</t>
  </si>
  <si>
    <t>Стекло камеры в обойме для Samsung Galaxy S7 Edge G935F (синий)</t>
  </si>
  <si>
    <t>Стекло камеры в рамке для Samsung Galaxy A14 A145F (Оригинал снятый)</t>
  </si>
  <si>
    <t>Стекло камеры в рамке для Samsung Galazy S20 Plus / G985F в рамке Оригинал снятый</t>
  </si>
  <si>
    <t>Стекло камеры для Samsung Galalxy S6 G920F (б/у с разбора)</t>
  </si>
  <si>
    <t>Стекло камеры для Samsung Galaxy A02s A025F</t>
  </si>
  <si>
    <t>Стекло камеры для Samsung Galaxy A11 A115F</t>
  </si>
  <si>
    <t>Стекло камеры для Samsung Galaxy A12 A125F / Galaxy A12 Nacho A127F / Galaxy M12 M127F</t>
  </si>
  <si>
    <t>Стекло камеры для Samsung Galaxy A22 A225F (белый)</t>
  </si>
  <si>
    <t>Стекло камеры для Samsung Galaxy A30 A305F (черный)</t>
  </si>
  <si>
    <t>Стекло камеры для Samsung Galaxy A51 A515F (черный)</t>
  </si>
  <si>
    <t>Стекло камеры для Samsung Galaxy M21 M215F / M30s M307F</t>
  </si>
  <si>
    <t>Стекло камеры для Samsung Galaxy S10 G973F (Оригинал с разбора)</t>
  </si>
  <si>
    <t>Стекло камеры для Samsung Galaxy S10 G973F (черный)</t>
  </si>
  <si>
    <t>Стекло камеры для Samsung Galaxy S10 Plus G975 в обойме (Оригинал снятый)</t>
  </si>
  <si>
    <t>Стекло камеры для Samsung Galaxy S10e G970F (черный)</t>
  </si>
  <si>
    <t>Стекло камеры для Samsung Galaxy S10e G970F в желтой рамке (Оригинал снятый)</t>
  </si>
  <si>
    <t>Стекло камеры для Samsung Galaxy S21 Plus 5G G996B</t>
  </si>
  <si>
    <t>Стекло камеры для Samsung Galaxy S21 Plus 5G G996B + рамка (серебро) б/у с разбора</t>
  </si>
  <si>
    <t>Стекло камеры для Samsung Galaxy S7 G930F (б/у с разбора)</t>
  </si>
  <si>
    <t>Стекло камеры для Samsung Galaxy S9 G960F</t>
  </si>
  <si>
    <t>Стекло камеры для Samsung Galaxy S9 G960F (фиолетовый) б/у с разбора</t>
  </si>
  <si>
    <t>Стекло камеры с обоимой для Samsung Galaxy A6 2018 A600F</t>
  </si>
  <si>
    <t>Стекло камеры с обоимой для Samsung Galaxy A7 2018 A750F (Оригинал с разбора)</t>
  </si>
  <si>
    <t>Стекло камеры с обоимой для Samsung Galaxy A9 2018 A920F (синий) (Оригинал с разбора)</t>
  </si>
  <si>
    <t>Стекло камеры с обоимой для Samsung Galaxy A9 2018 A920F (черный) (Оригинал с разбора)</t>
  </si>
  <si>
    <t>Стекло камеры с обоимой для Samsung Galaxy S20 G980F / G981F голубой (Оригинал с разбора)</t>
  </si>
  <si>
    <t>Стекло камеры для Vivo X70 Pro Plus</t>
  </si>
  <si>
    <t>Стекло камеры для Vivo Y12</t>
  </si>
  <si>
    <t>Стекло камеры для Vivo Y21</t>
  </si>
  <si>
    <t>Стекло камеры для Vivo Y33s</t>
  </si>
  <si>
    <t>Стекло камеры для Vivo Y35 в обойме (Оригинал снятый)</t>
  </si>
  <si>
    <t>Стекло камеры для Vivo Y53s</t>
  </si>
  <si>
    <t>Стекло камеры Xiaomi Redmi Note 10 / Note 10S / Poco M5s в рамке</t>
  </si>
  <si>
    <t>Стекло камеры Xiaomi Redmi Note 8 Pro со сканером отпечатка (оригинал с разбора)</t>
  </si>
  <si>
    <t>Стекло камеры в обойме для Xiaomi Redmi Note10s с разбора</t>
  </si>
  <si>
    <t>Стекло камеры в рамке (черный) для Xiaomi Redmi Note 12 (Оригинал снятый)</t>
  </si>
  <si>
    <t>Стекло камеры для Pocophone F1 (черный)</t>
  </si>
  <si>
    <t>Стекло камеры для Xiaomi Mi 10 (черный)</t>
  </si>
  <si>
    <t>Стекло камеры для Xiaomi Mi 11 Lite (черный)</t>
  </si>
  <si>
    <t>Стекло камеры для Xiaomi Mi 11 Lite в обойме (розовый) Оригинал снятый</t>
  </si>
  <si>
    <t>Стекло камеры для Xiaomi Mi 11T (черный)</t>
  </si>
  <si>
    <t>Стекло камеры для Xiaomi Mi 5X / Mi A1 (черный)</t>
  </si>
  <si>
    <t>Стекло камеры для Xiaomi Mi 8 (черный)</t>
  </si>
  <si>
    <t>Стекло камеры для Xiaomi Mi 8 Lite (черный)</t>
  </si>
  <si>
    <t>Стекло камеры для Xiaomi Mi 8 SE (черный)</t>
  </si>
  <si>
    <t>Стекло камеры для Xiaomi Mi 9 (черный)</t>
  </si>
  <si>
    <t>Стекло камеры для Xiaomi Mi A2 (черный)</t>
  </si>
  <si>
    <t>Стекло камеры для Xiaomi Mi A2 Lite / Redmi 6 Pro (черный)</t>
  </si>
  <si>
    <t>Стекло камеры для Xiaomi Mi A3 (черный)</t>
  </si>
  <si>
    <t>Стекло камеры для Xiaomi Poco M3 Pro (черный)</t>
  </si>
  <si>
    <t>Стекло камеры для Xiaomi Poco M4 Pro (черный)</t>
  </si>
  <si>
    <t>Стекло камеры для Xiaomi Poco M4 Pro 5G (черный)</t>
  </si>
  <si>
    <t>Стекло камеры для Xiaomi Poco X3 (черный)</t>
  </si>
  <si>
    <t>Стекло камеры для Xiaomi Redmi 10C</t>
  </si>
  <si>
    <t>Стекло камеры для Xiaomi Redmi 5 (черный)</t>
  </si>
  <si>
    <t>Стекло камеры для Xiaomi Redmi 6A (черный)</t>
  </si>
  <si>
    <t>Стекло камеры для Xiaomi Redmi 7 (черный)</t>
  </si>
  <si>
    <t>Стекло камеры для Xiaomi Redmi 7A (черный)</t>
  </si>
  <si>
    <t>Стекло камеры для Xiaomi Redmi 8A (черный)</t>
  </si>
  <si>
    <t>Стекло камеры для Xiaomi Redmi 9 (черный)</t>
  </si>
  <si>
    <t>Стекло камеры для Xiaomi Redmi 9C (черный)</t>
  </si>
  <si>
    <t>Стекло камеры для Xiaomi Redmi Note 10</t>
  </si>
  <si>
    <t>Стекло камеры для Xiaomi Redmi Note 10 5G</t>
  </si>
  <si>
    <t>Стекло камеры для Xiaomi Redmi Note 10 Pro</t>
  </si>
  <si>
    <t>Стекло камеры для Xiaomi Redmi Note 11S</t>
  </si>
  <si>
    <t>Стекло камеры для Xiaomi Redmi Note 6 (черный)</t>
  </si>
  <si>
    <t>Стекло камеры для Xiaomi Redmi Note 8 / Note 8T / Note 8 Pro (черный)</t>
  </si>
  <si>
    <t>Стекло камеры для Xiaomi Redmi Note 9 (черный)</t>
  </si>
  <si>
    <t>Стекло камеры для Xiaomi Redmi S2 (черный)</t>
  </si>
  <si>
    <t>Стекло камеры с обоимой для Xiaomi Poco X3 Pro (черный) Оригинал с разбора</t>
  </si>
  <si>
    <t>Стекло камеры с обоимой для Xiaomi Redmi 7A (черный) Оригинал б/у</t>
  </si>
  <si>
    <t>Стекло камеры для ZTE Axon 30 5G в рамке (Оригинал снятый)</t>
  </si>
  <si>
    <t>Тачскрины</t>
  </si>
  <si>
    <t>Тачскрин для Alcatel 4013 (черный)</t>
  </si>
  <si>
    <t>Тачскрин для Alcatel 5025D, черный</t>
  </si>
  <si>
    <t>Тачскрин для Alcatel 6035R Idol S (черный)</t>
  </si>
  <si>
    <t>Тачскрин для Alcatel 6037Y Idol 2 (черный)</t>
  </si>
  <si>
    <t>Тачскрин для Alcatel 7025/7025D Snap (черный)</t>
  </si>
  <si>
    <t>Тачскрин Asus ZenFone С (ZC451CG) (черный)</t>
  </si>
  <si>
    <t>Тачскрин для ASUS Z30 черный</t>
  </si>
  <si>
    <t>Тачскрин BQ BQS-5058 (золото)</t>
  </si>
  <si>
    <t>Тачскрин BQ BQS-5058 (черный)</t>
  </si>
  <si>
    <t>Тачскрин BQ BQS-5065 черный</t>
  </si>
  <si>
    <t>Тачскрин BQ-4585 Fox View (черный)</t>
  </si>
  <si>
    <t>Тачскрин BQ-5011G Fox View / BQ-5015L First черный</t>
  </si>
  <si>
    <t>Тачскрин BQ-5044 Strike LTE (золото)</t>
  </si>
  <si>
    <t>Тачскрин для BQ BQ-5008L Brave (черный)</t>
  </si>
  <si>
    <t>Тачскрин для BQ BQ-5707G Next Music BQ 5707G BQ5707G (черный)</t>
  </si>
  <si>
    <t>Тачскрин для BQ BQS-5050 Strike Selfie (белый)</t>
  </si>
  <si>
    <t>Тачскрин для BQ BQS-5050 Strike Selfie (золото)</t>
  </si>
  <si>
    <t>Тачскрин для BQ BQS-5054 Crystal</t>
  </si>
  <si>
    <t>Тачскрин для BQ BQS-5505 Amsterdam (черный)</t>
  </si>
  <si>
    <t>Тачскрин для BQ-5005L Intense (черный)</t>
  </si>
  <si>
    <t>Тачскрин для BQ-5522 Next (черный)</t>
  </si>
  <si>
    <t>Dexp</t>
  </si>
  <si>
    <t>Тачскрин DEXP Ixion MS350</t>
  </si>
  <si>
    <t>Тачскрин для DEXP Ixion ES2 (черный)</t>
  </si>
  <si>
    <t>Тачскрин для Dexp Ixion ES255 (черный)</t>
  </si>
  <si>
    <t>Тачскрин для DEXP Ixion ES950 (черный)</t>
  </si>
  <si>
    <t>Тачскрин Explay Vega/Micromax A106 (черный)</t>
  </si>
  <si>
    <t>Тачскрин для Explay Atom (черный)</t>
  </si>
  <si>
    <t>Тачскрин для Explay Onyx (черный)</t>
  </si>
  <si>
    <t>Тачскрин для Explay Tornado (черный)</t>
  </si>
  <si>
    <t>Тачскрин Fly FS454 (черный)</t>
  </si>
  <si>
    <t>Тачскрин Fly FS527 (черный)</t>
  </si>
  <si>
    <t>Тачскрин Fly IQ4411 Quad Energie 2 (черный) A+</t>
  </si>
  <si>
    <t>Тачскрин Fly IQ4505 Quad Era Life 7 (белый)</t>
  </si>
  <si>
    <t>Тачскрин Fly IQ4514 Evo Tech 4 (белый)</t>
  </si>
  <si>
    <t>Тачскрин Fly IQ456 Era Life 2</t>
  </si>
  <si>
    <t>Тачскрин для Fly FS403 (черный) A+</t>
  </si>
  <si>
    <t>Тачскрин для Fly FS451 (белый) A+</t>
  </si>
  <si>
    <t>Тачскрин для Fly FS452 Nimbus 2 (черный)</t>
  </si>
  <si>
    <t>Тачскрин для Fly FS457 Nimbus 15 (черный)</t>
  </si>
  <si>
    <t>Тачскрин для Fly IQ238 Jazz (белый) A+</t>
  </si>
  <si>
    <t>Тачскрин для Fly IQ245 Wizard (черный) A+</t>
  </si>
  <si>
    <t>Тачскрин для Fly IQ436 Era Nano 3 (черный)</t>
  </si>
  <si>
    <t>Тачскрин для Fly IQ4404 Spark (белый)</t>
  </si>
  <si>
    <t>Тачскрин для Fly IQ4404 Spark (черный)</t>
  </si>
  <si>
    <t>Тачскрин для Fly IQ4406 ERA Nano 6 (черный)</t>
  </si>
  <si>
    <t>Тачскрин для Fly IQ4416 Era Life 5 (белый)</t>
  </si>
  <si>
    <t>Тачскрин для Fly IQ442 Miracle Quad 2 (белый)</t>
  </si>
  <si>
    <t>Тачскрин для Fly IQ447 Era Life 1 (черный) A+</t>
  </si>
  <si>
    <t>Тачскрин для Fly IQ449 Pronto (белый)</t>
  </si>
  <si>
    <t>Highscreen</t>
  </si>
  <si>
    <t>Тачскрин Highscreen Zera F (версия S) , черный</t>
  </si>
  <si>
    <t>Тачскрин для Huawei Ascend Y3 II (LTE) (черный)</t>
  </si>
  <si>
    <t>Тачскрин для Huawei Honor 10 (белый) (без сканера отпечатков) + OCA</t>
  </si>
  <si>
    <t>Тачскрин для Huawei Honor 10 (черный) (без сканера отпечатков) + OCA</t>
  </si>
  <si>
    <t>Тачскрин для Huawei Honor 10 (черный) (со сканером отпечатка)</t>
  </si>
  <si>
    <t>Тачскрин для Huawei Honor 5C (золото)</t>
  </si>
  <si>
    <t>Тачскрин для Huawei Honor 5C (черный)</t>
  </si>
  <si>
    <t>Тачскрин для Huawei Honor 6A (черный)</t>
  </si>
  <si>
    <t>Тачскрин для Huawei Honor 6X (белый)</t>
  </si>
  <si>
    <t>Тачскрин для Huawei Honor 6X (черный)</t>
  </si>
  <si>
    <t>Тачскрин для Huawei Honor 7X (белый)</t>
  </si>
  <si>
    <t>Тачскрин для Huawei Honor 7X (черный)</t>
  </si>
  <si>
    <t>Тачскрин для Huawei Honor 8 Lite / P8 Lite 2017 / P9 Lite 2017 / Nova Lite 3 (черный) + OCA</t>
  </si>
  <si>
    <t>Тачскрин для Huawei Honor 9 Lite (белый "Honor") + OCA</t>
  </si>
  <si>
    <t>Тачскрин для Huawei Honor 9 Lite (белый)</t>
  </si>
  <si>
    <t>Тачскрин для Huawei Honor 9 Lite (золото "Honor") + OCA</t>
  </si>
  <si>
    <t>Тачскрин для Huawei Honor 9 Lite (золото)</t>
  </si>
  <si>
    <t>Тачскрин для Huawei Honor 9 Lite (серый "Honor") + OCA</t>
  </si>
  <si>
    <t>Тачскрин для Huawei Honor 9 Lite (синий "Honor") + OCA</t>
  </si>
  <si>
    <t>Тачскрин для Huawei Honor 9 Lite (синий)</t>
  </si>
  <si>
    <t>Тачскрин для Huawei Honor 9 Lite (черный "Honor") + OCA</t>
  </si>
  <si>
    <t>Тачскрин для Huawei Honor 9 Lite (черный)</t>
  </si>
  <si>
    <t>Тачскрин для Huawei Mate 10 (черный) + OCA</t>
  </si>
  <si>
    <t>Тачскрин для Huawei Mate 10 Lite / Nova 2i (белый)</t>
  </si>
  <si>
    <t>Тачскрин для Huawei Mate 10 Lite / Nova 2i (черный)</t>
  </si>
  <si>
    <t>Тачскрин для Huawei Mate 10 Lite / Nova 2i (черный) + OCA</t>
  </si>
  <si>
    <t>Тачскрин для Huawei Mate 20 Pro (черный)</t>
  </si>
  <si>
    <t>Тачскрин для HUAWEI MediaPad M3 Lite 10.1 BAH-AL00 (белый)</t>
  </si>
  <si>
    <t>Тачскрин для HUAWEI MediaPad M3 Lite 10.1 BAH-AL00 (черный)</t>
  </si>
  <si>
    <t>Тачскрин для Huawei MediaPad M5 lite 10.1" (BAH2-W19) (белый)</t>
  </si>
  <si>
    <t>Тачскрин для Huawei MediaPad M5 lite 10.1" (BAH2-W19) (черный)</t>
  </si>
  <si>
    <t>Тачскрин для Huawei MediaPad T3 10 AGS-L09 AGS-W0 AGS-L03 (белый)</t>
  </si>
  <si>
    <t>Тачскрин для Huawei MediaPad T3 10 AGS-L09 AGS-W0 AGS-L03 (черный)</t>
  </si>
  <si>
    <t>Тачскрин для Huawei MediaPad T3 8.0 (KOB-L09) черный</t>
  </si>
  <si>
    <t>Тачскрин для Huawei P Smart 2018 / Honor 7S (черный)</t>
  </si>
  <si>
    <t>Тачскрин для Huawei P Smart 2018 / Honor 7S (черный) + OCA</t>
  </si>
  <si>
    <t>Тачскрин для Huawei P20 Lite / Nova 3e (белый)</t>
  </si>
  <si>
    <t>Тачскрин для Huawei P20 Lite / Nova 3e (черный) + OCA</t>
  </si>
  <si>
    <t>Тачскрин для Huawei P30 Pro (черный) с поляризационной пленкой</t>
  </si>
  <si>
    <t>Тачскрин для Huawei Y5 2018 / Y5 Prime 2018 / Honor 7A (черный, без надписей) + OCA</t>
  </si>
  <si>
    <t>Тачскрин для Huawei Y5p 2020 (черный) + OCA</t>
  </si>
  <si>
    <t>Тачскрин для Huawei Y6 2018 / Honor 7A Pro / Honor 7C (белый "Huawei")</t>
  </si>
  <si>
    <t>Тачскрин для Huawei Y6 2018 / Honor 7A Pro / Honor 7C (белый, без надписей)</t>
  </si>
  <si>
    <t>Тачскрин для Huawei Y6 2018 / Honor 7A Pro / Honor 7C (черный, без надписей)</t>
  </si>
  <si>
    <t>Тачскрин для Huawei Y6 2018 / Honor 7A Pro / Honor 7C (черный, без надписей) + OCA</t>
  </si>
  <si>
    <t>Тачскрин для Huawei Y6 2019 / Y6 Prime 2019 / Y6 Pro 2019 / Honor 8A (черный, без надписей) + OCA</t>
  </si>
  <si>
    <t>Тачскрин для Huawei Y7 2018 / Honor 7C Pro (черный, "Huawei") + OCA</t>
  </si>
  <si>
    <t>Тачскрин для Huawei Y7 2019 / Y7 Prime 2019 / Y7 Pro 2019 (черный) + OCA</t>
  </si>
  <si>
    <t>Тачскрин для Huawei Y9 2018 FLA-LX1 (белый)</t>
  </si>
  <si>
    <t>Тачскрин для Huawei Y9 2018 FLA-LX1 (черный)</t>
  </si>
  <si>
    <t>Тачскрин для Lenovo A328 (белый)</t>
  </si>
  <si>
    <t>Тачскрин для Lenovo A526 (черный)</t>
  </si>
  <si>
    <t>Тачскрин для Lenovo A536 (белый)</t>
  </si>
  <si>
    <t>Тачскрин для Lenovo A806 (белый)</t>
  </si>
  <si>
    <t>Тачскрин для Lenovo A806 (черный)</t>
  </si>
  <si>
    <t>Тачскрин для Lenovo Tab 2 10.1 X30L / X30F / A10-30 (белый)</t>
  </si>
  <si>
    <t>Тачскрин для Lenovo Tab 2 10.1 X30L / X30F / A10-30 (черный)</t>
  </si>
  <si>
    <t>Тачскрин для Lenovo Tab10 TB-X103F 10.1" (черный)</t>
  </si>
  <si>
    <t>Тачскрин LG GT540 белый</t>
  </si>
  <si>
    <t>Тачскрин для LG L65 (D285) (черный)</t>
  </si>
  <si>
    <t>Тачскрин для LG L70 (D325) черный</t>
  </si>
  <si>
    <t>Тачскрин для LG Optimus L3 E400 (черный)</t>
  </si>
  <si>
    <t>Тачскрин для LG Optimus L9 (P765) (черный)</t>
  </si>
  <si>
    <t>Micromax</t>
  </si>
  <si>
    <t>Тачскрин Micromax A114 Canvas 2.2 (белый)</t>
  </si>
  <si>
    <t>Тачскрин Micromax A114 Canvas 2.2 (черный)</t>
  </si>
  <si>
    <t>Тачскрин Micromax AQ5001 Canvas Power Черный</t>
  </si>
  <si>
    <t>Тачскрин Micromax IQ334, черный</t>
  </si>
  <si>
    <t>Тачскрин Micromax Q351, черный</t>
  </si>
  <si>
    <t>Тачскрин для Micromax Q462 Canvas 5 Lite (черный)</t>
  </si>
  <si>
    <t>Тачскрин Nokia Lumia 620 черный</t>
  </si>
  <si>
    <t>Тачскрин Nokia Lumia 620 черный ОРИГИНАЛ</t>
  </si>
  <si>
    <t>Тачскрин Nokia Lumia 625 черный, 1-я категория (качество Тайвань)</t>
  </si>
  <si>
    <t>Тачскрин Nokia X3-02 A+</t>
  </si>
  <si>
    <t>Тачскрин для Nokia 1520 (RM-937) (черный)</t>
  </si>
  <si>
    <t>Тачскрин для Nokia 305/306 (Asha) (черный) A+</t>
  </si>
  <si>
    <t>Тачскрин для Nokia 530 (черный) ориг A+</t>
  </si>
  <si>
    <t>Тачскрин для Nokia 920 (черный)</t>
  </si>
  <si>
    <t>Тачскрин для Nokia Microsoft 535 Lumia (RM1090) (1607) CT2C1607FPC-A1-E</t>
  </si>
  <si>
    <t>Тачскрин для Nokia X2 (черный) A+</t>
  </si>
  <si>
    <t>Philips</t>
  </si>
  <si>
    <t>Тачскрин для Philips Xenium V387 (черный)</t>
  </si>
  <si>
    <t>Realme / Oppo</t>
  </si>
  <si>
    <t>Тачскрин для Realme C2 / Oppo A1K (черный)</t>
  </si>
  <si>
    <t>Тачскрин для Realme C2 / Oppo A1K (черный) + OCA</t>
  </si>
  <si>
    <t>Тачскрин Samsung G386F Galaxy Core LTE (черный)</t>
  </si>
  <si>
    <t>Тачскрин Samsung G7102 Galaxy Grand 2 Duos / G7106 (белый)</t>
  </si>
  <si>
    <t>Тачскрин Samsung GALAXY Tab 3 8.0 T331/ Т335 (черный)</t>
  </si>
  <si>
    <t>Тачскрин Samsung i8262 Galaxy Core (синий) A+</t>
  </si>
  <si>
    <t>Тачскрин Samsung i900 черный</t>
  </si>
  <si>
    <t>Тачскрин Samsung S3650</t>
  </si>
  <si>
    <t>Тачскрин Samsung S5830i (S5830G) (белый) Galaxy Ace A+</t>
  </si>
  <si>
    <t>Тачскрин Samsung S8000 черный</t>
  </si>
  <si>
    <t>Тачскрин Samsung Star 3 Duos 5222, черный</t>
  </si>
  <si>
    <t>Тачскрин для Samsung G313 GALAXY Ace 4 Lite (белый)</t>
  </si>
  <si>
    <t>Тачскрин для Samsung G530H / G531 Galaxy Grand Prime (белый)</t>
  </si>
  <si>
    <t>Тачскрин для Samsung G530H / G531 Galaxy Grand Prime (золото)</t>
  </si>
  <si>
    <t>Тачскрин для Samsung G530H / G531 Galaxy Grand Prime (серый)</t>
  </si>
  <si>
    <t>Тачскрин для Samsung G532F Galaxy J2 Prime (белый)</t>
  </si>
  <si>
    <t>Тачскрин для Samsung G532F Galaxy J2 Prime (золото)</t>
  </si>
  <si>
    <t>Тачскрин для Samsung G532F Galaxy J2 Prime (розовое золото)</t>
  </si>
  <si>
    <t>Тачскрин для Samsung G532F Galaxy J2 Prime (серый)</t>
  </si>
  <si>
    <t>Тачскрин для Samsung G7102 Galaxy Grand 2 Duos / G7106 (белый)</t>
  </si>
  <si>
    <t>Тачскрин для Samsung G7102 Galaxy Grand 2 Duos / G7106 (черный)</t>
  </si>
  <si>
    <t>Тачскрин для Samsung Galaxy A01 A015F / M01 M015F (черный)</t>
  </si>
  <si>
    <t>Тачскрин для Samsung Galaxy A01 A015F / M01 M015F (черный) + OCA</t>
  </si>
  <si>
    <t>Тачскрин для Samsung Galaxy Tab A 10.1 2019 T515 (черный) + OCA</t>
  </si>
  <si>
    <t>Тачскрин для Samsung i8160 Galaxy ace 2 (белый)</t>
  </si>
  <si>
    <t>Тачскрин для Samsung i8552 Galaxy Win Duos (белый) A+</t>
  </si>
  <si>
    <t>Тачскрин для Samsung i9082 Galaxy Grand (белый)</t>
  </si>
  <si>
    <t>Тачскрин для Samsung i9082 Galaxy Grand (синий)</t>
  </si>
  <si>
    <t>Тачскрин для Samsung J100F Galaxy J1 (белый)</t>
  </si>
  <si>
    <t>Тачскрин для Samsung J105F Galaxy J1 mini / J106F (белый)</t>
  </si>
  <si>
    <t>Тачскрин для Samsung J105F Galaxy J1 mini / J106F (черный)</t>
  </si>
  <si>
    <t>Тачскрин для Samsung S5380 Wave Y черный</t>
  </si>
  <si>
    <t>Тачскрин для Samsung S6102 Galaxy Y (черный)</t>
  </si>
  <si>
    <t>Тачскрин для Samsung S7582 Galaxy S Duos 2 (черный)</t>
  </si>
  <si>
    <t>Тачскрин Sony Xperia E (C1505)/Xperia E Dual (C1605) (черный)</t>
  </si>
  <si>
    <t>Тачскрин Sony Xperia SP (C5302/C5303) (черный)</t>
  </si>
  <si>
    <t>Тачскрин Sony-Ericsson U8i</t>
  </si>
  <si>
    <t>Тачскрин для Sony Xperia miro (ST23) (черный)</t>
  </si>
  <si>
    <t>Тачскрин для Sony Xperia Z C6603 (черный)</t>
  </si>
  <si>
    <t>Тачскрин для Sony Xperia Z1 C6903 (черный)</t>
  </si>
  <si>
    <t>Тачскрин для Sony XPERIA Z1 Compact D5503 (черный)</t>
  </si>
  <si>
    <t>Тачскрин для Sony Xperia Z2 D6503 (черный)</t>
  </si>
  <si>
    <t>Тачскрин для Sony XPERIA Z3 Compact D5803 (белый)</t>
  </si>
  <si>
    <t>Тачскрин для Sony XPERIA Z3 Compact D5803 (черный)</t>
  </si>
  <si>
    <t>Тачскрин для Sony Xperia Z3 D6603 / Xperia Z3 Dual D6633 (черный)</t>
  </si>
  <si>
    <t>Тачскрин для Xiaomi Mi A1 / Mi 5X (белый) + OCA</t>
  </si>
  <si>
    <t>Тачскрин для Xiaomi Mi A1 / Mi 5X (золото) + OCA</t>
  </si>
  <si>
    <t>Тачскрин для Xiaomi Mi A1 / Mi 5X (черный)</t>
  </si>
  <si>
    <t>Тачскрин для Xiaomi Mi A1 / Mi 5X (черный) + OCA</t>
  </si>
  <si>
    <t>Тачскрин для Xiaomi Mi Max 2 (черный)</t>
  </si>
  <si>
    <t>Тачскрин для Xiaomi Mi Max 3 (белый)</t>
  </si>
  <si>
    <t>Тачскрин для Xiaomi Mi Max 3 (черный)</t>
  </si>
  <si>
    <t>Тачскрин для Xiaomi Mi Max 3(черный) Orig</t>
  </si>
  <si>
    <t>Тачскрин для Xiaomi Mi Play (черный) + OCA</t>
  </si>
  <si>
    <t>Тачскрин для Xiaomi Redmi 4 Pro / Prime (золото) + OCA</t>
  </si>
  <si>
    <t>Тачскрин для Xiaomi Redmi 4 Pro / Prime (черный)</t>
  </si>
  <si>
    <t>Тачскрин для Xiaomi Redmi 4 Pro / Prime (черный) + OCA</t>
  </si>
  <si>
    <t>Тачскрин для Xiaomi Redmi 4A (белый)</t>
  </si>
  <si>
    <t>Тачскрин для Xiaomi Redmi 4A (черный)</t>
  </si>
  <si>
    <t>Тачскрин для Xiaomi Redmi 4X (белый)</t>
  </si>
  <si>
    <t>Тачскрин для Xiaomi Redmi 4X (белый) + OCA</t>
  </si>
  <si>
    <t>Тачскрин для Xiaomi Redmi 4X (черный) + OCA</t>
  </si>
  <si>
    <t>Тачскрин для Xiaomi Redmi 5A (белый)</t>
  </si>
  <si>
    <t>Тачскрин для Xiaomi Redmi 5A (белый) + OCA</t>
  </si>
  <si>
    <t>Тачскрин для Xiaomi Redmi 5A (черный) + OCA</t>
  </si>
  <si>
    <t>Тачскрин для Xiaomi Redmi 6 / Redmi 6A (белый) + OCA</t>
  </si>
  <si>
    <t>Тачскрин для Xiaomi Redmi 6 / Redmi 6A (черный) + OCA</t>
  </si>
  <si>
    <t>Тачскрин для Xiaomi Redmi 6 Pro / Mi A2 Lite (черный)</t>
  </si>
  <si>
    <t>Тачскрин для Xiaomi Redmi 6 Pro / Mi A2 Lite (черный) + OCA</t>
  </si>
  <si>
    <t>Тачскрин для Xiaomi Redmi 7 (черный)</t>
  </si>
  <si>
    <t>Тачскрин для Xiaomi Redmi 7 (черный) + OCA</t>
  </si>
  <si>
    <t>Тачскрин для Xiaomi Redmi 7A (черный) + OCA</t>
  </si>
  <si>
    <t>Тачскрин для Xiaomi Redmi Note 4 (белый)</t>
  </si>
  <si>
    <t>Тачскрин для Xiaomi Redmi Note 4 (белый) + OCA</t>
  </si>
  <si>
    <t>Тачскрин для Xiaomi Redmi Note 4 (золото) + OCA</t>
  </si>
  <si>
    <t>Тачскрин для Xiaomi Redmi Note 4 (черный)</t>
  </si>
  <si>
    <t>Тачскрин для Xiaomi Redmi Note 4 (черный) + OCA</t>
  </si>
  <si>
    <t>Тачскрин для Xiaomi Redmi Note 4X (белый)</t>
  </si>
  <si>
    <t>Тачскрин для Xiaomi Redmi Note 4X (черный) + OCA</t>
  </si>
  <si>
    <t>Тачскрин для Xiaomi Redmi S2 (белый) + OCA</t>
  </si>
  <si>
    <t>Тачскрин для Xiaomi Redmi S2 (черный) + OCA</t>
  </si>
  <si>
    <t>Тачскрин для ZTE Blade A465 (черный)</t>
  </si>
  <si>
    <t>Тачскрин для ZTE Blade A5 2019 (черный)</t>
  </si>
  <si>
    <t>Тачскрин для ZTE Blade L2 (черный)</t>
  </si>
  <si>
    <t>Тачскрин для ZTE Blade V10 Vita (черный)</t>
  </si>
  <si>
    <t>Тачскрин для ZTE V881 Blade+</t>
  </si>
  <si>
    <t>Для китайских планшетов</t>
  </si>
  <si>
    <t>Тачскрин (сенсор) для Digma Optima 7.21 TT7021PG черный (FPC-FC70S706-01)</t>
  </si>
  <si>
    <t>Тачскрин 7.0" 5 pin MIPI (187x115mm) RS7F271_V1.1 черный/ Doo!</t>
  </si>
  <si>
    <t>Тачскрин 7.0" ДЛЯ PRESTIGIO PMT3777, черный (PB70A2616)</t>
  </si>
  <si>
    <t>Тачскрин 7.0" для TurboKids S4 TurboPad (черный)</t>
  </si>
  <si>
    <t>Тачскрин 7.0", MTCTP-70566-B / PM1552170P70BV00</t>
  </si>
  <si>
    <t>Тачскрин 7.0", черный L20160611 (HK70DR2009-V02)</t>
  </si>
  <si>
    <t>Тачскрин Digma 7.4/ 04-0700-0866/ FM710301KA/ FM710101KB/ YTGP70028-F1 v1.0 (Возможные совместимости</t>
  </si>
  <si>
    <t>Тачскрин Digma iDs D10" 3G белый (QSD E-C97011-03 LLT 1211)</t>
  </si>
  <si>
    <t>Тачскрин Digma plane 7700 / PS ll27pl (WJ1588 -FPS), черный</t>
  </si>
  <si>
    <t>Тачскрин Explay Navigator (черный)</t>
  </si>
  <si>
    <t>Тачскрин PB70PGJ3613-R2 Irbis TZ736/ TZ730/ TZ731/ TZ732/ TZ734/ TZ735/ TZ736/ TZ737/ TZ738/ TZ742</t>
  </si>
  <si>
    <t>Тачскрин для 4Good Light AT200 / China Tab 7.0'' XC-PG0700-197-FPC-A0 (185*111 мм) (черный)</t>
  </si>
  <si>
    <t>Тачскрин для China 7 дюймов fpc-fc70s706-00 fpc-fc70s706-01 (черный)</t>
  </si>
  <si>
    <t>Тачскрин для Dexp 375 / Ursus 7E 3G 7.0", VTC5070A54-4.0 (черный)</t>
  </si>
  <si>
    <t>Тачскрин для Dexp Ursus TS310 (черный)</t>
  </si>
  <si>
    <t>Тачскрин для Digma Optima 10.7 3G TT1007AW черный</t>
  </si>
  <si>
    <t>Тачскрин для DIGMA OPTIMA 7306S 7701B TS7089PL / IRBIS TZ791 HSCTP-827-8-V1</t>
  </si>
  <si>
    <t>Тачскрин для Digma Optima 8006S / Plane 8533T / Plane 8549S / Irbis TZ857 HSCTP-852B-8-V0 (черный)</t>
  </si>
  <si>
    <t>Тачскрин для Explay Hit 7" / Digma TT7007MG / Supra M727G / Explay S02 3G / Surfer 7.34 3G / Leader</t>
  </si>
  <si>
    <t>Тачскрин для Prestigio MultiPad Wize PMT3151 3G / PMT3161 3G / PMT3171 (черный)</t>
  </si>
  <si>
    <t>Тачскрин для Prestigio PAP5300, черный</t>
  </si>
  <si>
    <t>Тачскрин для паншета 10.1" HSCTP-493-10.1-V3 (черный)</t>
  </si>
  <si>
    <t>Тачскрин для планшета 8,0" HK80DR2798-V01 HK80DR2840 HK80DR2891 (черный)</t>
  </si>
  <si>
    <t>Тачскрин для планшета DXP2-0331-080A-FPC (белый) 7,9" 204*118мм</t>
  </si>
  <si>
    <t>Тачскрин для планшета Irbis TZ781 7,0 184*114мм (черный)</t>
  </si>
  <si>
    <t>Тачскрин для планшета Nomi C070010 Corsa 3G (PB70PGJ3535) (белый) 51-pin</t>
  </si>
  <si>
    <t>Тачскрин для планшета Nomi C070010 Corsa 3G (PB70PGJ3535) (черный) 51-pin</t>
  </si>
  <si>
    <t>Тачскрин для планшета Supra m726g m720g Zld0700270716-f-a zld0700270716-f-b pm1552170p70bv00/fpc-753</t>
  </si>
  <si>
    <t>Тачскрин для планшета WGJ1084-J-V4 / 10,1" Panasonic, белый</t>
  </si>
  <si>
    <t>Тачскрин для планшета для RoverPad Air 8.0 3G FPC-FC80J091 (C81)-03  (черный)</t>
  </si>
  <si>
    <t>Тачскрин для планшета маркировка C177114a1 drfpc053t-v2.0</t>
  </si>
  <si>
    <t>Тачскрин для планшета маркировка NS070099, FM710301KA, NJG070099JEG0B-V0, 362-A для Digma optima 7.5</t>
  </si>
  <si>
    <t>Для навигаторов</t>
  </si>
  <si>
    <t>Тачскрин Navi 52 шлейф внизу в центре (119х72,7)</t>
  </si>
  <si>
    <t>Тачскрин для навигатора GPS 161*97 BB529B BD529B</t>
  </si>
  <si>
    <t>НТС</t>
  </si>
  <si>
    <t>Тачскрин HTC Desire 516</t>
  </si>
  <si>
    <t>Тачскрин HTC Touch Dimond2 T5353+стекло (черный)</t>
  </si>
  <si>
    <t>Тачскрин для HTC Desire C (A320E)</t>
  </si>
  <si>
    <t>Тачскрин для HTC Desire C (A320E) A+</t>
  </si>
  <si>
    <t>Тачскрин для HTC one X (S720) (черный)</t>
  </si>
  <si>
    <t>Тачскрин Ark Benefit M5 Черный</t>
  </si>
  <si>
    <t>Тачскрин Ark Benefit S502 Plus Черный</t>
  </si>
  <si>
    <t>тачскрин Doogee Turbo DG2014 (черный)</t>
  </si>
  <si>
    <t>Тачскрин Leagoo S11 (черный)</t>
  </si>
  <si>
    <t>Тачскрин для Acer Liquid Z530 (черный)</t>
  </si>
  <si>
    <t>Тачскрин для Blackview A60 / A60 Pro (черный)</t>
  </si>
  <si>
    <t>Тачскрин для Homtom HT16 (черный)</t>
  </si>
  <si>
    <t>Тачскрин для Inoi 2 2018 / Inoi 2 Lite 2018 (черный)</t>
  </si>
  <si>
    <t>Тачскрин для Inoi 5i (черный)</t>
  </si>
  <si>
    <t>Тачскрин для Jiayu G2 (черный)</t>
  </si>
  <si>
    <t>Тачскрин для Leagoo T5C (черный)</t>
  </si>
  <si>
    <t>Тачскрин для Motorola Moto 6G (черный)</t>
  </si>
  <si>
    <t>Тачскрин для Oukitel U15 Pro (белый)</t>
  </si>
  <si>
    <t>Тачскрин для планшета  CX017D-FPC-001-V02 (черный)</t>
  </si>
  <si>
    <t>Тачскрин для планшета CX18A-098 (черный)</t>
  </si>
  <si>
    <t>Тачскрин для планшета DH-10267A1-GG-FPC630-V3.0 (черный)</t>
  </si>
  <si>
    <t>Тачскрин для планшета FHF070041 (черный)</t>
  </si>
  <si>
    <t>Тачскрин для планшета HZYCTR-102074A (черный)</t>
  </si>
  <si>
    <t>Тачскрин для планшета Kingvina-PG794-B (черный)</t>
  </si>
  <si>
    <t>Тачскрин для планшета MF-872-101F FPC 20160702 (черный)</t>
  </si>
  <si>
    <t>Тачскрин для планшета MJK-1358-FPC 2019 (черный)</t>
  </si>
  <si>
    <t>Тачскрин для планшета XC-GG1068 (черный)</t>
  </si>
  <si>
    <t>Шлейфы, платы</t>
  </si>
  <si>
    <t>Шлейфы Google Pixel</t>
  </si>
  <si>
    <t>Антена GSM для Google Pixel 4A</t>
  </si>
  <si>
    <t>Задняя камера для Google Pixel 4A (Оригинал снятый)</t>
  </si>
  <si>
    <t>Коаксиальный кабель для Google Pixel 4A (Оригинал снятый)</t>
  </si>
  <si>
    <t>Материнская плата для Google Pixel 4A (возможен пароль)</t>
  </si>
  <si>
    <t>Прижимная пластина на плату для Google Pixel 4A (Оригинал снятый)</t>
  </si>
  <si>
    <t>Фронтальная камера для Google Pixel 4A (Оригинал снятый)</t>
  </si>
  <si>
    <t>Шлейф с кнопками громкости и включения для Google Pixel 4A (Оригинал снятый)</t>
  </si>
  <si>
    <t>Шлейф с разъемом гарнитуры для Google Pixel 4A (Оригинал снятый)</t>
  </si>
  <si>
    <t>Шлейф с разъемом зарядки для Google Pixel 4A (Оригинал снятый)</t>
  </si>
  <si>
    <t>Шлейф со сканером отпечатка для Google Pixel 4A (черный) Оригинал снятый</t>
  </si>
  <si>
    <t>Шлейфы для Alcatel</t>
  </si>
  <si>
    <t>Задняя камера для Alcatel One Touch Idol Ultra OT 6033 6033X</t>
  </si>
  <si>
    <t>Системная плата Alcatel Idol 2S 6050Y</t>
  </si>
  <si>
    <t>Системная плата для Alcatel One Touch Idol Ultra OT 6033</t>
  </si>
  <si>
    <t>Фронтальная камера для Alcatel One Touch Idol Ultra OT 6033 6033X</t>
  </si>
  <si>
    <t>Шлейф Alcatel Idol 2S 6050Y (Датчик света)</t>
  </si>
  <si>
    <t>Шлейф для Alcatel One Touch Idol Ultra OT 6033 6033X звонок и антенна</t>
  </si>
  <si>
    <t>Шлейф межплатный Alcatel Idol 2S 6050Y</t>
  </si>
  <si>
    <t>Шлейф на микрофон и вибро+сенсорные кнопки для Alcatel One Touch Idol Ultra OT 6033 6033X</t>
  </si>
  <si>
    <t>Шлейф с кнопками громкости для Alcatel One Touch Idol Ultra OT 6033 6033X</t>
  </si>
  <si>
    <t>Шлейф с кнопкой включения для Alcatel One Touch Idol Ultra OT 6033 6033X</t>
  </si>
  <si>
    <t>Шлейфы для Asus</t>
  </si>
  <si>
    <t>Задняя камера для Asus Zenfone Max (M2) (ZB633KL) (Оригинал с разбора)</t>
  </si>
  <si>
    <t>Коаксиальный кабель для Asus Zenfone Max (M2) (ZB633KL)</t>
  </si>
  <si>
    <t>Материнская плата для Asus Zenfone Max (M2) (ZB633KL) под восстановление</t>
  </si>
  <si>
    <t>Межплатный шлейф для Asus Zenfone Max (M2) (ZB633KL)</t>
  </si>
  <si>
    <t>Разъем зарядки для Asus Zenfone 4</t>
  </si>
  <si>
    <t>Фронтальная камера для Asus Zenfone Max (M2) (ZB633KL) (Оригинал с разбора)</t>
  </si>
  <si>
    <t>Шлейф Asus ZenFone 2 Laser (ZE550KL) с разъемом для зарядки</t>
  </si>
  <si>
    <t>Шлейф для Asus ZenFone 2 (ZE550ML/ZE551ML) + разъем сим/карты памяти</t>
  </si>
  <si>
    <t>Шлейф для Asus ZenFone 3 Max (ZC553KL) + системный разъем + микрофон</t>
  </si>
  <si>
    <t>Шлейф для Asus Zenfone 5 (A500CG/A501CG) + считыватель сим</t>
  </si>
  <si>
    <t>Шлейф для Asus ZenFone Go (ZB500KL/ZB500KG) + системный разъем + микрофон</t>
  </si>
  <si>
    <t>Шлейф для Asus Zenfone Live (ZB501KL) + системный разъем + микрофон</t>
  </si>
  <si>
    <t>Шлейф для Asus Zenfone Live L1 (ZA550KL) + системный разъем + микрофон</t>
  </si>
  <si>
    <t>Шлейф для Asus Zenfone Max (M2) (ZB633KL) + системный разъем + микрофон (Оригинал с разбора)</t>
  </si>
  <si>
    <t>Шлейф для Asus ZenFone Zoom (ZX551ML) + кнопка включения + кнопки громкости</t>
  </si>
  <si>
    <t>Шлейфы для Blackview</t>
  </si>
  <si>
    <t>Межплатный шлейф дисплея для Blackview Tab 13</t>
  </si>
  <si>
    <t>Фронтальная камера для Blackview TAB 13 (2022) (Оригинал с разбора)</t>
  </si>
  <si>
    <t>Шлейф для Blackview TAB 13 (2022) + SIM коннектор + микрофон TP737_DK(039) (Оригинал с разбора)</t>
  </si>
  <si>
    <t>Шлейфы для BQ</t>
  </si>
  <si>
    <t>Датчик приближения (света) для BQ-6000L AURORA (Оригинал снятый)</t>
  </si>
  <si>
    <t>Задняя камера BQ BQS-5065 Choice</t>
  </si>
  <si>
    <t>Задняя камера для BQ-5044 Strike LTE</t>
  </si>
  <si>
    <t>Задняя камера для BQ-6000L AURORA Оригинал снятый</t>
  </si>
  <si>
    <t>Задняя камера для BQ-6040L Magic Оригинал с разбора</t>
  </si>
  <si>
    <t>Коаксиальный кабель для BQ-5044 Strike LTE</t>
  </si>
  <si>
    <t>Коаксиальный кабель для BQ-6000L AURORA (Оригинал снятый)</t>
  </si>
  <si>
    <t>Коаксиальный кабель для BQ-6040L Magic</t>
  </si>
  <si>
    <t>Межплатный шлейф для BQ-6000L AURORA (Оригинал снятый)</t>
  </si>
  <si>
    <t>Нижняя плата для BQ-5044 Strike LTE (микрофон, антенна, виброзвонок) Оригинал с разбора</t>
  </si>
  <si>
    <t>Нижняя плата с разъемом зарядки и микрофоном для BQ-6040L Magic Оригинал с разбора</t>
  </si>
  <si>
    <t>Фронтальная камера BQ BQS-5065 Choice</t>
  </si>
  <si>
    <t>Фронтальная камера для BQ-5044 Strike LTE</t>
  </si>
  <si>
    <t>Фронтальная камера для BQ-6000L AURORA (Оригинал снятый)</t>
  </si>
  <si>
    <t>Фронтальная камера для BQ-6040L Magic Оригинал с разбора</t>
  </si>
  <si>
    <t>Шлейф (плата) для BQ-6000L AURORA (разъем зарядки + микрофон + разъем гарнитуры) Оригинал снятый</t>
  </si>
  <si>
    <t>Шлейф с кнопками включения и громкости BQ BQS-5065 Choice</t>
  </si>
  <si>
    <t>Шлейф с кнопками включения и громкости BQ-6000L AURORA Оригинал снятый</t>
  </si>
  <si>
    <t>Шлейф с микрофоном BQ BQS-5065 Choice</t>
  </si>
  <si>
    <t>Шлейф со сканером отпечатка для BQ-6040L Magic (черный) Оригинал с разбора</t>
  </si>
  <si>
    <t>Шлейфы для DEXP</t>
  </si>
  <si>
    <t>Задняя камера DEXP Ixion M LTE 5</t>
  </si>
  <si>
    <t>Камера задняя для DEXP ES1050</t>
  </si>
  <si>
    <t>Камера фронтальная для DEXP ES1050</t>
  </si>
  <si>
    <t>Коаксиальный кабель DEXP Ixion M LTE 5</t>
  </si>
  <si>
    <t>Материнская плата DEXP Ixion M LTE 5 (M54T)</t>
  </si>
  <si>
    <t>Межплатный шлейф DEXP Ixion M LTE 5</t>
  </si>
  <si>
    <t>Нижняя плата DEXP Ixion M LTE 5 (микрофон, виброзвонок)</t>
  </si>
  <si>
    <t>Фронтальная камера DEXP Ixion M LTE 5</t>
  </si>
  <si>
    <t>Шлейфы для Fly</t>
  </si>
  <si>
    <t>Плата FLY IQ434</t>
  </si>
  <si>
    <t>Шлейфы для Highscreen</t>
  </si>
  <si>
    <t>Задняя камера для Highscreen Bay</t>
  </si>
  <si>
    <t>Материнская плата для Highscreen Alpha Rage (все разъемы, sim, SD, динамики и т.д.)</t>
  </si>
  <si>
    <t>Системная плата для Highscreen Bay</t>
  </si>
  <si>
    <t>Фронтальная камера для Highscreen Bay</t>
  </si>
  <si>
    <t>Шлейф дисплея для Highscreen Bay</t>
  </si>
  <si>
    <t>Шлейф межплатный для Highscreen Bay</t>
  </si>
  <si>
    <t>Шлейф с кнопками громкости и включения для Highscreen Bay</t>
  </si>
  <si>
    <t>Шлейфы для HTC</t>
  </si>
  <si>
    <t>Задняя камера для HTC Wildfire E2 (Оригинал с разбора)</t>
  </si>
  <si>
    <t>Коаксиальный кабель для HTC Wildfire E2 (Оригинал с разбора)</t>
  </si>
  <si>
    <t>Материнская плата для HTC Wildfire E2 под распайку</t>
  </si>
  <si>
    <t>Нижняя антена для HTC Wildfire E2 (Оригинал с разбора)</t>
  </si>
  <si>
    <t>Фронтальная камера для HTC Wildfire E2 (Оригинал с разбора)</t>
  </si>
  <si>
    <t>Шлейф для HTC Wildfire E2 (разъем зарядки + микрофон) Оригинал с разбора</t>
  </si>
  <si>
    <t>Шлейф кнопок громсти и включения для HTC Wildfire E2 (Оригинал с разбора)</t>
  </si>
  <si>
    <t>Шлейфы для Huawei / Honor</t>
  </si>
  <si>
    <t>Задняя камера для Honor 50 Lite (оригинал с разбора)</t>
  </si>
  <si>
    <t>Лоток  SIM  для Honor 50 Lite (серебристо-фиолетовый) (оригинал с разбора)</t>
  </si>
  <si>
    <t>Фронтальная камера для Honor 50 Lite (оригинал с разбора)</t>
  </si>
  <si>
    <t>Датчик приближения (света) для Honor 8 lite</t>
  </si>
  <si>
    <t>Датчик приближения (света) для Huawei Honor 7A Pro</t>
  </si>
  <si>
    <t>Датчик приближения (света) для Huawei Honor 9</t>
  </si>
  <si>
    <t>Датчик приближения (света) для Huawei Honor 9 Оригинал снятый</t>
  </si>
  <si>
    <t>Датчик приближения (света) для Huawei P20 Lite Оригинал снятый</t>
  </si>
  <si>
    <t>Датчик приближения (света) для Huawei Y6 2018 / Honor 8A</t>
  </si>
  <si>
    <t>Датчик приближения (света) для Huawei Y8p Оригинал с разбора</t>
  </si>
  <si>
    <t>Динамик (звонок) для Honor 50 Lite (оригинал с разбора)</t>
  </si>
  <si>
    <t>Задняя камера (комплект) для Honor 10X Lite Оригинал снятый</t>
  </si>
  <si>
    <t>Задняя камера (комплект) для Huawei Nova Y61 Оригинал снятый</t>
  </si>
  <si>
    <t>Задняя камера (комплект) для Huawei Nova Y70 (Оригинал снятый)</t>
  </si>
  <si>
    <t>Задняя камера для Honor 7A (Оригинал с разбора)</t>
  </si>
  <si>
    <t>Задняя камера для Honor 8X / Honor 10 Lite / Honor 10i / Mate 20 Lite</t>
  </si>
  <si>
    <t>Задняя камера для Honor 8X / Honor 10 Lite / Honor 10i / Mate 20 Lite Оригинал снятый</t>
  </si>
  <si>
    <t>Задняя камера для Huawei MediaPad M5 lite 8" (JDN2-L09) Оригинал</t>
  </si>
  <si>
    <t>Задняя камера для Huawei P20 lite Оригинал снятый</t>
  </si>
  <si>
    <t>Задняя камера для Huawei Y8p Оригинал с разбора</t>
  </si>
  <si>
    <t>Коаксиальный кабель для Honor 10 Lite</t>
  </si>
  <si>
    <t>Коаксиальный кабель для Honor 50 Lite (оригинал с разбора)</t>
  </si>
  <si>
    <t>Коаксиальный кабель для Honor 50 Оригинал снятый</t>
  </si>
  <si>
    <t>Коаксиальный кабель для Honor 8x (Оригинал снятый)</t>
  </si>
  <si>
    <t>Коаксиальный кабель для Huawei MediaPad M5 lite 8" (JDN2-L09)</t>
  </si>
  <si>
    <t>Коаксиальный кабель для Huawei Nova 10SE (Оригинал снятый)</t>
  </si>
  <si>
    <t>Коаксиальный кабель для Huawei Nova Y61 Оригинал снятый</t>
  </si>
  <si>
    <t>Коаксиальный кабель для Huawei Nova Y70 (Оригинал снятый)</t>
  </si>
  <si>
    <t>Коаксиальный кабель для Huawei P20 Lite Оригинал снятый</t>
  </si>
  <si>
    <t>Коаксиальный кабель для Huawei Y5 2018 / Honor 7A</t>
  </si>
  <si>
    <t>Коаксиальный кабель для Huawei Y6 2018 / Honor 7A Pro / Honor 7C Оригинал снятый</t>
  </si>
  <si>
    <t>Коаксиальный кабель для Huawei Y8p Оригинал с разбора</t>
  </si>
  <si>
    <t>Материнская плата для Honor 8x (под свап)</t>
  </si>
  <si>
    <t>Межплатный шлейф для Honor 20 / 20 Pro / Huawei Nova 5T</t>
  </si>
  <si>
    <t>Межплатный шлейф для Honor 30 (оригинал с разбора)</t>
  </si>
  <si>
    <t>Межплатный шлейф для Honor 30 Lite</t>
  </si>
  <si>
    <t>Межплатный шлейф для Honor 50</t>
  </si>
  <si>
    <t>Межплатный шлейф для Honor 50 Lite</t>
  </si>
  <si>
    <t>Межплатный шлейф для Honor 50 Lite (оригинал с разбора)</t>
  </si>
  <si>
    <t>Межплатный шлейф для Honor 50 SE</t>
  </si>
  <si>
    <t>Межплатный шлейф для Honor 9A Оригинал с разбора</t>
  </si>
  <si>
    <t>Межплатный шлейф для Huawei Honor 10 Lite</t>
  </si>
  <si>
    <t>Межплатный шлейф для Huawei Honor 10 Lite Оригинал снятый</t>
  </si>
  <si>
    <t>Межплатный шлейф для Huawei Honor 10x Lite / P Smart 2021</t>
  </si>
  <si>
    <t>Межплатный шлейф для Huawei Honor 10x Lite / P Smart 2021 Оригинал с разбора</t>
  </si>
  <si>
    <t>Межплатный шлейф для Huawei Honor 8</t>
  </si>
  <si>
    <t>Межплатный шлейф для Huawei Honor 8 Lite</t>
  </si>
  <si>
    <t>Межплатный шлейф для Huawei Honor 8X / P9 Prime 2019</t>
  </si>
  <si>
    <t>Межплатный шлейф для Huawei Honor 8X / P9 Prime 2019 (Оригинал снятый)</t>
  </si>
  <si>
    <t>Межплатный шлейф для Huawei Honor 9</t>
  </si>
  <si>
    <t>Межплатный шлейф для Huawei Honor 9 Lite</t>
  </si>
  <si>
    <t>Межплатный шлейф для Huawei Honor 9 Оригинал снятый</t>
  </si>
  <si>
    <t>Межплатный шлейф для Huawei Honor 9X / P Smart Z / Y9s / Y9 Prime 2019</t>
  </si>
  <si>
    <t>Межплатный шлейф для Huawei Mate 20</t>
  </si>
  <si>
    <t>Межплатный шлейф для Huawei Mate 20 Lite</t>
  </si>
  <si>
    <t>Межплатный шлейф для Huawei Mate 30 Pro</t>
  </si>
  <si>
    <t>Межплатный шлейф для Huawei Mate 40</t>
  </si>
  <si>
    <t>Межплатный шлейф для Huawei MediaPad M5 lite 8" (JDN2-L09)</t>
  </si>
  <si>
    <t>Межплатный шлейф для Huawei Nova 10SE (Оригинал снятый)</t>
  </si>
  <si>
    <t>Межплатный шлейф для Huawei Nova 3e</t>
  </si>
  <si>
    <t>Межплатный шлейф для Huawei Nova 3i</t>
  </si>
  <si>
    <t>Межплатный шлейф для Huawei Nova 4</t>
  </si>
  <si>
    <t>Межплатный шлейф для Huawei Nova 7</t>
  </si>
  <si>
    <t>Межплатный шлейф для Huawei Nova 8 Pro</t>
  </si>
  <si>
    <t>Межплатный шлейф для Huawei P Smart 2018</t>
  </si>
  <si>
    <t>Межплатный шлейф для Huawei P Smart 2019</t>
  </si>
  <si>
    <t>Межплатный шлейф для Huawei P20 Lite</t>
  </si>
  <si>
    <t>Межплатный шлейф для Huawei P20 Lite (Оригинал снятый)</t>
  </si>
  <si>
    <t>Межплатный шлейф для Huawei P30</t>
  </si>
  <si>
    <t>Межплатный шлейф для Huawei P30 Lite / Honor 20s / Nova 4e</t>
  </si>
  <si>
    <t>Межплатный шлейф для Huawei Y5 2017</t>
  </si>
  <si>
    <t>Межплатный шлейф для Huawei Y5P / Honor 7A / 9S</t>
  </si>
  <si>
    <t>Межплатный шлейф для Huawei Y6 2018 / Honor 7A Pro / 7C</t>
  </si>
  <si>
    <t>Межплатный шлейф для Huawei Y6 2019 / Honor 8A</t>
  </si>
  <si>
    <t>Межплатный шлейф для Huawei Y6P / Honor 9A</t>
  </si>
  <si>
    <t>Межплатный шлейф для Huawei Y7</t>
  </si>
  <si>
    <t>Межплатный шлейф для Huawei Y7a</t>
  </si>
  <si>
    <t>Межплатный шлейф для Huawei Y8p Оригинал с разбора</t>
  </si>
  <si>
    <t>Межплатный шлейф для Huawei Y9 2018 / Enjoy 8 Plus</t>
  </si>
  <si>
    <t>Прижимная пластина для динамика Huawei P20 Lite Оригинал снятый</t>
  </si>
  <si>
    <t>Прижимная пластина платы для Huawei Nova 10SE (Оригинал снятый)</t>
  </si>
  <si>
    <t>Прижимная пластина со стеклом + NFC для Honor 50 Lite</t>
  </si>
  <si>
    <t>Светочувствительный элемент для Huawei P8 Lite / Honor 8 Lite</t>
  </si>
  <si>
    <t>Сканер отпечатка для Huawei Honor 10 lite (синий) Оригинал снятый</t>
  </si>
  <si>
    <t>Сканер отпечатка для Huawei Huawei P20 Lite (черный) Оригинал снятый</t>
  </si>
  <si>
    <t>Толкатель кнопок для Honor 8 Lite (синий)</t>
  </si>
  <si>
    <t>Фронтальная камера для Honor 10 Lite / Honor 10i</t>
  </si>
  <si>
    <t>Фронтальная камера для Honor 10X Lite Оригинал снятый</t>
  </si>
  <si>
    <t>Фронтальная камера для Honor 8X</t>
  </si>
  <si>
    <t>Фронтальная камера для Honor 8X (Оригинал снятый)</t>
  </si>
  <si>
    <t>Фронтальная камера для Honor 9A (Оригинал с разбора)</t>
  </si>
  <si>
    <t>Фронтальная камера для Huawei MediaPad M5 lite 8" (JDN2-L09) Оригинал</t>
  </si>
  <si>
    <t>Фронтальная камера для Huawei Nova 10SE (Оригинал снятый)</t>
  </si>
  <si>
    <t>Фронтальная камера для Huawei Nova 5T / Honor 20 Оригинал</t>
  </si>
  <si>
    <t>Фронтальная камера для Huawei Nova Y61 Оригинал снятый</t>
  </si>
  <si>
    <t>Фронтальная камера для Huawei Nova Y70 (Оригинал снятый)</t>
  </si>
  <si>
    <t>Фронтальная камера для Huawei P20 Lite Оригинал снятый</t>
  </si>
  <si>
    <t>Фронтальная камера для Huawei Y8p Оригинал с разбора</t>
  </si>
  <si>
    <t>Шлейф (датчик приближения) для Huawei Mate 30</t>
  </si>
  <si>
    <t>Шлейф (датчик приближения) для Huawei Mate 30 Pro</t>
  </si>
  <si>
    <t>Шлейф (плата) для Honor 50 Lite (разъем зарядки + микрофон + SIM коннектор)</t>
  </si>
  <si>
    <t>Шлейф (плата) для Honor 50 Lite (разъем зарядки + микрофон + SIM коннектор) (оригинал с разбора)</t>
  </si>
  <si>
    <t>Шлейф (плата) для Honor 50 SE (разъем зарядки + микрофон)</t>
  </si>
  <si>
    <t>Шлейф (плата) для Huawei Honor 10 + системный разъем + микрофон</t>
  </si>
  <si>
    <t>Шлейф (плата) для Huawei Honor 10 Lite + системный разъем + микрофон</t>
  </si>
  <si>
    <t>Шлейф (плата) для Huawei Honor 10X Lite + системный разъем + микрофон Оригинал снятый</t>
  </si>
  <si>
    <t>Шлейф (плата) для Huawei Honor 20 + системный разъем + микрофон</t>
  </si>
  <si>
    <t>Шлейф (плата) для Huawei Honor 20i + системный разъем + микрофон</t>
  </si>
  <si>
    <t>Шлейф (плата) для Huawei Honor 30 Pro системный разъем / микрофон</t>
  </si>
  <si>
    <t>Шлейф (плата) для Huawei Honor 30S системный разъем / микрофон</t>
  </si>
  <si>
    <t>Шлейф (плата) для Huawei Honor 4C Pro + разъем зарядки + микрофон</t>
  </si>
  <si>
    <t>Шлейф (плата) для Huawei Honor 50 + системный разъем + микрофон</t>
  </si>
  <si>
    <t>Шлейф (плата) для Huawei Honor 50 Lite системный разъем / микрофон</t>
  </si>
  <si>
    <t>Шлейф (плата) для Huawei Honor 50 SE системный разъем / микрофон</t>
  </si>
  <si>
    <t>Шлейф (плата) для Huawei Honor 50 системный разъем / микрофон</t>
  </si>
  <si>
    <t>Шлейф (плата) для Huawei Honor 6C Pro системный разъем / микрофон</t>
  </si>
  <si>
    <t>Шлейф (плата) для Huawei Honor 7A Pro / Honor 7C / Y6 2018 + разъем зарядки + микрофон</t>
  </si>
  <si>
    <t>Шлейф (плата) для Huawei Honor 8 Lite / P8 Lite 2017 + системный разъем + микрофон</t>
  </si>
  <si>
    <t>Шлейф (плата) для Huawei Honor 8 системный разъем / микрофон</t>
  </si>
  <si>
    <t>Шлейф (плата) для Huawei Honor 8A / 8A Pro + системный разъем + микрофон</t>
  </si>
  <si>
    <t>Шлейф (плата) для Huawei Honor 8X / 9X Lite / Y9 2019 + разъем зарядки + разъем гарнитуры + микрофон</t>
  </si>
  <si>
    <t>Шлейф (плата) для Huawei Honor 8X / 9X Lite + разъем зарядки + разъем гарнитуры + микрофон Оригинал</t>
  </si>
  <si>
    <t>Шлейф (плата) для Huawei Honor 8X Max + системный разъем + микрофон</t>
  </si>
  <si>
    <t>Шлейф (плата) для Huawei Honor 9 (разъем зарядки + микрофон) Copy</t>
  </si>
  <si>
    <t>Шлейф (плата) для Huawei Honor 9 (разъем зарядки + микрофон) Orig</t>
  </si>
  <si>
    <t>Шлейф (плата) для Huawei Honor 9 Lite + системный разъем + микрофон</t>
  </si>
  <si>
    <t>Шлейф (плата) для Huawei Honor 9A + системный разъем + микрофон</t>
  </si>
  <si>
    <t>Шлейф (плата) для Huawei Honor 9X / 9X Pro (разъем зарядки + микрофон)</t>
  </si>
  <si>
    <t>Шлейф (плата) для Huawei Honor V20 + системный разъем + микрофон</t>
  </si>
  <si>
    <t>Шлейф (плата) для Huawei Honor X10 + системный разъем + микрофон</t>
  </si>
  <si>
    <t>Шлейф (плата) для Huawei Mate 20 + системный разъем + микрофон</t>
  </si>
  <si>
    <t>Шлейф (плата) для Huawei Mate 20 Lite + системный разъем + микрофон</t>
  </si>
  <si>
    <t>Шлейф (плата) для Huawei Mate 30 + системный разъем</t>
  </si>
  <si>
    <t>Шлейф (плата) для Huawei Mate 30 Pro + системный разъем</t>
  </si>
  <si>
    <t>Шлейф (плата) для Huawei Mate 40 + системный разъем</t>
  </si>
  <si>
    <t>Шлейф (плата) для Huawei Mate 40 Pro + системный разъем</t>
  </si>
  <si>
    <t>Шлейф (плата) для Huawei Nova + системный разъем + микрофон</t>
  </si>
  <si>
    <t>Шлейф (плата) для Huawei Nova 10SE системный разъем + микрофон (Оригинал снятый)</t>
  </si>
  <si>
    <t>Шлейф (плата) для Huawei Nova 2i + системный разъем + микрофон</t>
  </si>
  <si>
    <t>Шлейф (плата) для Huawei Nova 3E + системный разъем + микрофон</t>
  </si>
  <si>
    <t>Шлейф (плата) для Huawei Nova 3i + системный разъем + микрофон</t>
  </si>
  <si>
    <t>Шлейф (плата) для Huawei Nova 4E + системный разъем + микрофон</t>
  </si>
  <si>
    <t>Шлейф (плата) для Huawei Nova 5 + системный разъем + микрофон</t>
  </si>
  <si>
    <t>Шлейф (плата) для Huawei Nova 5 Pro + системный разъем + микрофон</t>
  </si>
  <si>
    <t>Шлейф (плата) для Huawei Nova 5i + разъем зарядки + разъем гарнитуры + микрофон</t>
  </si>
  <si>
    <t>Шлейф (плата) для Huawei Nova 5T / Honor 20 / 20 Pro + системный разъем + микрофон</t>
  </si>
  <si>
    <t>Шлейф (плата) для Huawei Nova 6 + системный разъем</t>
  </si>
  <si>
    <t>Шлейф (плата) для Huawei Nova 7 + системный разъем + микрофон + разъем SIM</t>
  </si>
  <si>
    <t>Шлейф (плата) для Huawei Nova 7 Pro + системный разъем + микрофон + разъем SIM</t>
  </si>
  <si>
    <t>Шлейф (плата) для Huawei Nova 7 SE + системный разъем + микрофон</t>
  </si>
  <si>
    <t>Шлейф (плата) для Huawei Nova 8 Pro + системный разъем</t>
  </si>
  <si>
    <t>Шлейф (плата) для Huawei Nova 8 SE + системный разъем</t>
  </si>
  <si>
    <t>Шлейф (плата) для Huawei Nova Lite 2017 / P9 Lite mini / Y6 Pro 2017 + системный разъем + микрофон</t>
  </si>
  <si>
    <t>Шлейф (плата) для Huawei Nova Y70 + системный разъем + микрофон (Оригинал снятый)</t>
  </si>
  <si>
    <t>Шлейф (плата) для Huawei P Smart 2018 + разъем зарядки + микрофон</t>
  </si>
  <si>
    <t>Шлейф (плата) для Huawei P Smart 2019 / Y5P 2020 / Y9S системный разъем + микрофон</t>
  </si>
  <si>
    <t>Шлейф (плата) для Huawei P Smart 2020 + разъем зарядки + микрофон</t>
  </si>
  <si>
    <t>Шлейф (плата) для Huawei P Smart 2021 / Honor 10X Lite + разъем зарядки + микрофон</t>
  </si>
  <si>
    <t>Шлейф (плата) для Huawei P Smart Pro + разъем зарядки + микрофон</t>
  </si>
  <si>
    <t>Шлейф (плата) для Huawei P Smart Z / Honor 9X / 9X Premium + системный разъем + микрофон</t>
  </si>
  <si>
    <t>Шлейф (плата) для Huawei P20 + разъем зарядки + микрофон</t>
  </si>
  <si>
    <t>Шлейф (плата) для Huawei P20 Lite + разъем зарядки + разъем гарнитуры + микрофон</t>
  </si>
  <si>
    <t>Шлейф (плата) для Huawei P20 Lite + разъем зарядки + разъем гарнитуры + микрофон Оригинал снятый</t>
  </si>
  <si>
    <t>Шлейф (плата) для Huawei P20 Pro + разъем зарядки + микрофон</t>
  </si>
  <si>
    <t>Шлейф (плата) для Huawei P30 + разъем зарядки + микрофон</t>
  </si>
  <si>
    <t>Шлейф (плата) для Huawei P30 Lite / Honor 20s + разъем зарядки + разъем гарнитуры + микрофон</t>
  </si>
  <si>
    <t>Шлейф (плата) для Huawei P40 Lite E / Honor 9C системный разъем / микрофон</t>
  </si>
  <si>
    <t>Шлейф (плата) для Huawei Y5 2017 + разъем зарядки + микрофон</t>
  </si>
  <si>
    <t>Шлейф (плата) для Huawei Y5 2019 / Honor 8S + разъем зарядки + микрофон</t>
  </si>
  <si>
    <t>Шлейф (плата) для Huawei Y5P / Honor 9S системный разъем / микрофон</t>
  </si>
  <si>
    <t>Шлейф (плата) для Huawei Y6 Pro TIT-U02 / Enjoy 5 + системный разъем + микрофон</t>
  </si>
  <si>
    <t>Шлейф (плата) для Huawei Y6P / Honor 9A системный разъем + микрофон</t>
  </si>
  <si>
    <t>Шлейф (плата) для Huawei Y7 2019 / Y7 Prime 2019 + системный разъем + микрофон Copy</t>
  </si>
  <si>
    <t>Шлейф (плата) для Huawei Y7 2019 / Y7 Prime 2019 + системный разъем + микрофон Orig</t>
  </si>
  <si>
    <t>Шлейф (плата) для Huawei Y7a системный разъем + микрофон</t>
  </si>
  <si>
    <t>Шлейф (плата) для Huawei Y7P системный разъем + микрофон</t>
  </si>
  <si>
    <t>Шлейф (плата) для Huawei Y8p /Honor 30i + разъем зарядки + микрофон Оригинал с разбора</t>
  </si>
  <si>
    <t>Шлейф (плата) для Huawei Y8s системный разъем + микрофон</t>
  </si>
  <si>
    <t>Шлейф (плата) для Huawei Y9 2018 / Enjoy 8 Plus + системный разъем + микрофон</t>
  </si>
  <si>
    <t>Шлейф (плата) для Huawei Y9a системный разъем + микрофон</t>
  </si>
  <si>
    <t>Шлейф (плата) с микрофонами для Huawei MediaPad M5 lite 8" (JDN2-L09)</t>
  </si>
  <si>
    <t>Шлейф Huawei Honor View 20 на сканер отпечатка пальцев</t>
  </si>
  <si>
    <t>Шлейф дисплейный для Huawei Y8p Оригинал с разбора</t>
  </si>
  <si>
    <t>Шлейф для сканера отпечатка Honor 10 lite Оригинал снятый</t>
  </si>
  <si>
    <t>Шлейф для сканера отпечатка Huawei P20 Lite Оригинал снятый</t>
  </si>
  <si>
    <t>Шлейф кнопки Home c функцией отпечатка пальца для Huawei Honor 9 (серый)</t>
  </si>
  <si>
    <t>Шлейф кнопки Home c функцией отпечатка пальца для Huawei Honor 9 (черный)</t>
  </si>
  <si>
    <t>Шлейф с кнопками громкости и включения для Honor 10X Lite Оригинал снятый</t>
  </si>
  <si>
    <t>Шлейф с кнопками громкости и включения для Honor 20 / Nova 5T</t>
  </si>
  <si>
    <t>Шлейф с кнопками громкости и включения для Honor 50 Lite</t>
  </si>
  <si>
    <t>Шлейф с кнопками громкости и включения для Huawei Honor 10 Lite / 10i</t>
  </si>
  <si>
    <t>Шлейф с кнопками громкости и включения для Huawei Honor 10X</t>
  </si>
  <si>
    <t>Шлейф с кнопками громкости и включения для Huawei Honor 20 Lite</t>
  </si>
  <si>
    <t>Шлейф с кнопками громкости и включения для Huawei Honor 20i</t>
  </si>
  <si>
    <t>Шлейф с кнопками громкости и включения для Huawei Honor 30</t>
  </si>
  <si>
    <t>Шлейф с кнопками громкости и включения для Huawei Honor 30 Lite</t>
  </si>
  <si>
    <t>Шлейф с кнопками громкости и включения для Huawei Honor 30s</t>
  </si>
  <si>
    <t>Шлейф с кнопками громкости и включения для Huawei Honor 50</t>
  </si>
  <si>
    <t>Шлейф с кнопками громкости и включения для Huawei Honor 50 Lite</t>
  </si>
  <si>
    <t>Шлейф с кнопками громкости и включения для Huawei Honor 50 SE</t>
  </si>
  <si>
    <t>Шлейф с кнопками громкости и включения для Huawei Honor 8</t>
  </si>
  <si>
    <t>Шлейф с кнопками громкости и включения для Huawei Honor 8s</t>
  </si>
  <si>
    <t>Шлейф с кнопками громкости и включения для Huawei Honor 8X / P9 Prime</t>
  </si>
  <si>
    <t>Шлейф с кнопками громкости и включения для Huawei Honor 8X Max</t>
  </si>
  <si>
    <t>Шлейф с кнопками громкости и включения для Huawei Honor 9</t>
  </si>
  <si>
    <t>Шлейф с кнопками громкости и включения для Huawei Honor 9 lite</t>
  </si>
  <si>
    <t>Шлейф с кнопками громкости и включения для Huawei Honor 9 Оригинал снятый</t>
  </si>
  <si>
    <t>Шлейф с кнопками громкости и включения для Huawei Honor 9A / Y6P</t>
  </si>
  <si>
    <t>Шлейф с кнопками громкости и включения для Huawei Honor 9X / 9X Pro / P Smart Z / Y9S</t>
  </si>
  <si>
    <t>Шлейф с кнопками громкости и включения для Huawei Mate 20</t>
  </si>
  <si>
    <t>Шлейф с кнопками громкости и включения для Huawei Mate 20 Lite</t>
  </si>
  <si>
    <t>Шлейф с кнопками громкости и включения для Huawei Mate 30</t>
  </si>
  <si>
    <t>Шлейф с кнопками громкости и включения для Huawei Mate 40</t>
  </si>
  <si>
    <t>Шлейф с кнопками громкости и включения для Huawei Nova 3e</t>
  </si>
  <si>
    <t>Шлейф с кнопками громкости и включения для Huawei Nova 3i</t>
  </si>
  <si>
    <t>Шлейф с кнопками громкости и включения для Huawei Nova 4</t>
  </si>
  <si>
    <t>Шлейф с кнопками громкости и включения для Huawei Nova 4e</t>
  </si>
  <si>
    <t>Шлейф с кнопками громкости и включения для Huawei Nova 5</t>
  </si>
  <si>
    <t>Шлейф с кнопками громкости и включения для Huawei Nova 5 Pro</t>
  </si>
  <si>
    <t>Шлейф с кнопками громкости и включения для Huawei Nova 5i</t>
  </si>
  <si>
    <t>Шлейф с кнопками громкости и включения для Huawei Nova 7</t>
  </si>
  <si>
    <t>Шлейф с кнопками громкости и включения для Huawei Nova 7 Pro</t>
  </si>
  <si>
    <t>Шлейф с кнопками громкости и включения для Huawei Nova 7 SE</t>
  </si>
  <si>
    <t>Шлейф с кнопками громкости и включения для Huawei Nova 7i</t>
  </si>
  <si>
    <t>Шлейф с кнопками громкости и включения для Huawei Nova 8</t>
  </si>
  <si>
    <t>Шлейф с кнопками громкости и включения для Huawei Nova 8 Pro</t>
  </si>
  <si>
    <t>Шлейф с кнопками громкости и включения для Huawei P Smart 2018</t>
  </si>
  <si>
    <t>Шлейф с кнопками громкости и включения для Huawei P Smart 2019</t>
  </si>
  <si>
    <t>Шлейф с кнопками громкости и включения для Huawei P Smart 2020</t>
  </si>
  <si>
    <t>Шлейф с кнопками громкости и включения для Huawei P20</t>
  </si>
  <si>
    <t>Шлейф с кнопками громкости и включения для Huawei P20 Lite Оригинал снятый</t>
  </si>
  <si>
    <t>Шлейф с кнопками громкости и включения для Huawei P20 Pro</t>
  </si>
  <si>
    <t>Шлейф с кнопками громкости и включения для Huawei P30</t>
  </si>
  <si>
    <t>Шлейф с кнопками громкости и включения для Huawei P30 Lite / Honor 20S</t>
  </si>
  <si>
    <t>Шлейф с кнопками громкости и включения для Huawei P40 Lite</t>
  </si>
  <si>
    <t>Шлейф с кнопками громкости и включения для Huawei P50 / P50 Pro</t>
  </si>
  <si>
    <t>Шлейф с кнопками громкости и включения для Huawei P8 Lite / Honor 8 Lite</t>
  </si>
  <si>
    <t>Шлейф с кнопками громкости и включения для Huawei View 20 / Honor V20</t>
  </si>
  <si>
    <t>Шлейф с кнопками громкости и включения для Huawei Y5 2017/ Y6 2017</t>
  </si>
  <si>
    <t>Шлейф с кнопками громкости и включения для Huawei Y5 2018 / Honor 7A / 7S / Y5P</t>
  </si>
  <si>
    <t>Шлейф с кнопками громкости и включения для Huawei Y5 2019 / Honor 8S</t>
  </si>
  <si>
    <t>Шлейф с кнопками громкости и включения для Huawei Y6 2018 / Honor 7A Pro / Honor 7C</t>
  </si>
  <si>
    <t>Шлейф с кнопками громкости и включения для Huawei Y6 2018 / Honor 7A Pro / Honor 7C Оригинал снятый</t>
  </si>
  <si>
    <t>Шлейф с кнопками громкости и включения для Huawei Y7A</t>
  </si>
  <si>
    <t>Шлейф с кнопками громкости и включения для Huawei Y8p / Honor 30i Оригинал с разбора</t>
  </si>
  <si>
    <t>Шлейф с кнопками громкости и включения для Huawei Y9 Prime 2019</t>
  </si>
  <si>
    <t>Шлейф с нижними кнопками для Honor 9</t>
  </si>
  <si>
    <t>Шлейф с нижними сенсорными кнопками для Honor 9 Оригинал снятый</t>
  </si>
  <si>
    <t>Шлейф со сканером отпечатка для Honor 10</t>
  </si>
  <si>
    <t>Шлейф со сканером отпечатка для Honor 50 Оригинал снятый</t>
  </si>
  <si>
    <t>Шлейф со сканером отпечатка для Honor 6C Pro (серебро)</t>
  </si>
  <si>
    <t>Шлейф со сканером отпечатка для Huawei Honor 7A Pro (синий)</t>
  </si>
  <si>
    <t>Шлейф со сканером отпечатка для Huawei Honor 8 Lite / 9 Lite / P8 Lite 2017 / P20 Lite (серый)</t>
  </si>
  <si>
    <t>Шлейф со сканером отпечатка для Huawei Honor 8 Lite / 9 Lite / P8 Lite 2017 / P20 Lite (синий)</t>
  </si>
  <si>
    <t>Шлейф со сканером отпечатка для Huawei Honor 8 Lite/9 Lite/P8 Lite 2017/P20 Lite/Nova 3E (черный)</t>
  </si>
  <si>
    <t>Шлейф со сканером отпечатка для Huawei Honor 8X (синий)</t>
  </si>
  <si>
    <t>Шлейф со сканером отпечатка для Huawei Honor 9 (серый) Оригинал снятый</t>
  </si>
  <si>
    <t>Шлейф со сканером отпечатка для Huawei Honor 9 (синий) Оригинал снятый</t>
  </si>
  <si>
    <t>Шлейф со сканером отпечатка для Huawei Honor 9 (черный) Оригинал снятый</t>
  </si>
  <si>
    <t>Шлейф со сканером отпечатка для Huawei Honor 9X China / 9X Pro (красный) боковой</t>
  </si>
  <si>
    <t>Шлейф со сканером отпечатка для Huawei Honor 9X China / 9X Pro (серый) боковой</t>
  </si>
  <si>
    <t>Шлейф со сканером отпечатка для Huawei Honor 9X China / 9X Pro (синий) боковой</t>
  </si>
  <si>
    <t>Шлейф со сканером отпечатка для Huawei Honor 9X China / 9X Pro (черный) боковой</t>
  </si>
  <si>
    <t>Шлейф со сканером отпечатка для Huawei Nova 10SE (серебро) Оригинал снятый</t>
  </si>
  <si>
    <t>Шлейф со сканером отпечатка для Huawei Nova 4 (черный)</t>
  </si>
  <si>
    <t>Шлейф со сканером отпечатка для Huawei Nova 5T / Honor 20 / Honor 20 Pro (синий) Оригинал снятый</t>
  </si>
  <si>
    <t>Шлейф со сканером отпечатка для Huawei Nova Y61 (черный) Оригинал снятый</t>
  </si>
  <si>
    <t>Шлейф со сканером отпечатка для Huawei Nova Y70 (синий) Оригинал снятый</t>
  </si>
  <si>
    <t>Шлейф со сканером отпечатка для Huawei P Smart Plus / Nova 3i (белый)</t>
  </si>
  <si>
    <t>Шлейф со сканером отпечатка для Huawei P Smart Plus / Nova 3i (синий)</t>
  </si>
  <si>
    <t>Шлейф со сканером отпечатка для Huawei P Smart Plus / Nova 3i (черный)</t>
  </si>
  <si>
    <t>Шлейф со сканером отпечатка для Huawei P20 Pro (черный) Оригинал снятый</t>
  </si>
  <si>
    <t>Шлейф со сканером отпечатка для Huawei Y8p / Honor 30i с оригинал с разбора</t>
  </si>
  <si>
    <t>Шлейф со сканером отпечатка для Huawei Y9S (черный)</t>
  </si>
  <si>
    <t>Шлейфы для Infinix</t>
  </si>
  <si>
    <t>Антенна нижней платы для Infinix Zero 30 5G (Оригинал снятый)</t>
  </si>
  <si>
    <t>Задняя камера (комплект) для Infinix Zero 30 5G (Оригинал снятый)</t>
  </si>
  <si>
    <t>Задняя камера для Infinix Smart 6 Plus (Оригинал снятый)</t>
  </si>
  <si>
    <t>Коаксиальный кабель для Infinix Smart 6 Plus (Оригинал снятый)</t>
  </si>
  <si>
    <t>Коаксиальный кабель для Infinix Zero 30 5G (Оригинал снятый)</t>
  </si>
  <si>
    <t>Материнская плата для Infinix Smart 6 Plus</t>
  </si>
  <si>
    <t>Материнская плата для Infinix Zero 30 5G (перезагружается)</t>
  </si>
  <si>
    <t>Межплатный шлейф для Infinix Zero 30 5G (Оригинал снятый)</t>
  </si>
  <si>
    <t>Прижимная пластина на плату для Infinix Zero 30 5G (Оригинал снятый)</t>
  </si>
  <si>
    <t>Фронтальная камера для Infinix Smart 6 Plus (Оригинал снятый)</t>
  </si>
  <si>
    <t>Фронтальная камера для Infinix Zero 30 5G (Оригинал снятый)</t>
  </si>
  <si>
    <t>Шлейф (разъем зарядки + микрофон + виброзвонок) для Infinix Smart 6 Plus (Оригинал снятый)</t>
  </si>
  <si>
    <t>Шлейф (разъем зарядки + микрофон + разъем гарнитуры) для  Infinix Hot 10 Lite (X657)</t>
  </si>
  <si>
    <t>Шлейф (разъем зарядки + микрофон + разъем гарнитуры) для Infinix Hot 10 (X682)</t>
  </si>
  <si>
    <t>Шлейф (разъем зарядки + микрофон + разъем гарнитуры) для Infinix Hot 10 Play / Hot 11 Play (X688)</t>
  </si>
  <si>
    <t>Шлейф (разъем зарядки + микрофон + разъем гарнитуры) для Infinix Hot 10i (X659)</t>
  </si>
  <si>
    <t>Шлейф (разъем зарядки + микрофон + разъем гарнитуры) для Infinix Hot 10S (X689D)</t>
  </si>
  <si>
    <t>Шлейф (разъем зарядки + микрофон + разъем гарнитуры) для Infinix Hot 11 (X662)</t>
  </si>
  <si>
    <t>Шлейф (разъем зарядки + микрофон + разъем гарнитуры) для Infinix Hot 11S (X6812)</t>
  </si>
  <si>
    <t>Шлейф (разъем зарядки + микрофон + разъем гарнитуры) для Infinix Hot 6 (X606)</t>
  </si>
  <si>
    <t>Шлейф (разъем зарядки + микрофон + разъем гарнитуры) для Infinix Hot 8 (X650)</t>
  </si>
  <si>
    <t>Шлейф (разъем зарядки + микрофон + разъем гарнитуры) для Infinix Hot 9 (X655)</t>
  </si>
  <si>
    <t>Шлейф (разъем зарядки + микрофон + разъем гарнитуры) для Infinix Hot 9 Play (X680)</t>
  </si>
  <si>
    <t>Шлейф (разъем зарядки + микрофон + разъем гарнитуры) для Infinix Note 7 (X690)</t>
  </si>
  <si>
    <t>Шлейф (разъем зарядки + микрофон + разъем гарнитуры) для Infinix Note 8 (X692)</t>
  </si>
  <si>
    <t>Шлейф (разъем зарядки + микрофон + разъем гарнитуры) для Infinix S5 / S5 Lite (X652)</t>
  </si>
  <si>
    <t>Шлейф (разъем зарядки + микрофон + разъем гарнитуры) для Infinix Smart 4 (X653)</t>
  </si>
  <si>
    <t>Шлейф (разъем зарядки + микрофон + разъем гарнитуры) для Infinix Smart 7 HD (X6516)</t>
  </si>
  <si>
    <t>Шлейф (разъем зарядки + микрофон) для Infinix  Smart HD 2021 (X612)</t>
  </si>
  <si>
    <t>Шлейф (разъем зарядки + микрофон) для Infinix Hot 5 (X559)</t>
  </si>
  <si>
    <t>Шлейф (разъем зарядки + микрофон) для Infinix Hot 7 / Hot 7 Pro (X624)</t>
  </si>
  <si>
    <t>Шлейф (разъем зарядки + микрофон) для Infinix Zero 30 5G Оригинал снятый</t>
  </si>
  <si>
    <t>Шлейф кнопок включения и громкости для Infinix Smart 6 Plus (Оригинал снятый)</t>
  </si>
  <si>
    <t>Шлейф со сканером отпечатка для Infinix Smart 6 Plus сиреневый (Оригинал снятый)</t>
  </si>
  <si>
    <t>Шлейф со сканером отпечатка для Infinix Smart 6 Plus черный  (Оригинал снятый)</t>
  </si>
  <si>
    <t>Шлейф со сканером отпечатка для Infinix Zero 30 5G (Оригинал снятый)</t>
  </si>
  <si>
    <t>Шлейфы для Inoi</t>
  </si>
  <si>
    <t>Материнская плата Inoi 2 в сборе с динамиками, шлейфами и виброзвонком</t>
  </si>
  <si>
    <t>Шлейфы для Keneksi</t>
  </si>
  <si>
    <t>Нижняя плата, шлейф, кабель  Keneksi Zeta</t>
  </si>
  <si>
    <t>Системная плата Keneksi zeta</t>
  </si>
  <si>
    <t>Шлейфы для Leagoo</t>
  </si>
  <si>
    <t>Задняя камера для Leagoo M9 Pro Оригинал снятый</t>
  </si>
  <si>
    <t>Задняя камера для Leagoo S11 Оригинал с разбора</t>
  </si>
  <si>
    <t>Коаксиальный кабель для Leagoo M9 Pro (Оригинал снятый)</t>
  </si>
  <si>
    <t>Коаксиальный кабель для Leagoo S11</t>
  </si>
  <si>
    <t>Материнская плата для Leagoo M9 Pro (возможно на пароле)</t>
  </si>
  <si>
    <t>Материнская плата для Leagoo S11</t>
  </si>
  <si>
    <t>Фронтальная камера для Leagoo M9 Pro (Оригинал снятый)</t>
  </si>
  <si>
    <t>Фронтальная камера для Leagoo S11 Оригинал с разбора</t>
  </si>
  <si>
    <t>Шлейф кнопок громкости и включения для Leagoo M9 Pro (Оригинал снятый)</t>
  </si>
  <si>
    <t>Шлейф межплатный для Leagoo S11 Оригинал с разбора</t>
  </si>
  <si>
    <t>Шлейф с датчиками света и приближения для Leagoo S11 Оригинал с разбора</t>
  </si>
  <si>
    <t>Шлейф с разъемом зарядки и микрофоном для Leagoo M9 Pro (Оригинал снятый)</t>
  </si>
  <si>
    <t>Шлейф со сканером отпечатка для Leagoo M9 Pro (черный) Оригинал снятый</t>
  </si>
  <si>
    <t>Шлейфы для Lenovo</t>
  </si>
  <si>
    <t>Задняя камера для Lenovo Vibe K5 A6020a40</t>
  </si>
  <si>
    <t>Межплатный шлейф для Lenovo YOGA Tablet B8080-H</t>
  </si>
  <si>
    <t>Нижняя плата, Lenovo A859</t>
  </si>
  <si>
    <t>Плата с SIM и SD для планшета Lenovo YOGA B8080-H</t>
  </si>
  <si>
    <t>Фронтальная камера для Lenovo Vibe K5 A6020a40</t>
  </si>
  <si>
    <t>Шлейф Lenovo S60 + разъем зарядки</t>
  </si>
  <si>
    <t>Шлейф Lenovo Vibe S1 + разъем зарядки + микрофон</t>
  </si>
  <si>
    <t>Шлейф Lenovo Р770</t>
  </si>
  <si>
    <t>Шлейф дисплея для Lenovo YOGA B8080-H</t>
  </si>
  <si>
    <t>Шлейфы для LG</t>
  </si>
  <si>
    <t>Шлейф LG X230 K7 2017 кнопки громкости</t>
  </si>
  <si>
    <t>Шлейф для LG D320 (L70) + системный разъем</t>
  </si>
  <si>
    <t>Шлейфы для Meizu</t>
  </si>
  <si>
    <t>Задняя камера для Meizu M3 mini M688U</t>
  </si>
  <si>
    <t>Задняя камера для Meizu M5s M612H Оригинал</t>
  </si>
  <si>
    <t>Коаксиальный кабель для Meizu M3 mini M688U</t>
  </si>
  <si>
    <t>Коаксиальный кабель для Meizu M5s M612H</t>
  </si>
  <si>
    <t>Межплатный шлейф для Meizu M3 mini M688U</t>
  </si>
  <si>
    <t>Нижняя плата для Meizu M3 mini M688U (разъем зарядки, микрофон, виброзвонок)</t>
  </si>
  <si>
    <t>Нижняя плата для Meizu M5s M612H (разъем зарядки, микрофон и виброзвонок)</t>
  </si>
  <si>
    <t>Разъем наушников для для Meizu M3 mini M688U (белый)</t>
  </si>
  <si>
    <t>Фронтальная камера для Meizu M3 mini M688U</t>
  </si>
  <si>
    <t>Шлейф для Meizu M3 Note M681h (разъем зарядки, микрофон)</t>
  </si>
  <si>
    <t>Шлейф для Meizu M5 (разъем зарядки, микрофон)</t>
  </si>
  <si>
    <t>Шлейф для Meizu M5 Note (разъем зарядки, микрофон)</t>
  </si>
  <si>
    <t>Шлейф для Meizu Pro 6 (разъем зарядки, микрофон)</t>
  </si>
  <si>
    <t>Шлейф для Meizu U10 (разъем зарядки, микрофон)</t>
  </si>
  <si>
    <t>Шлейф для Meizu U20 (разъем зарядки, микрофон)</t>
  </si>
  <si>
    <t>Шлейф межплатный для Meizu M5s M612H (Z193-MAIN-FPC-V1.0)</t>
  </si>
  <si>
    <t>Шлейф с кнопками громкости включения для Meizu M5s M612H</t>
  </si>
  <si>
    <t>Шлейф с кнопками громкости и включения для Meizu M3 mini M688U</t>
  </si>
  <si>
    <t>Шлейф с кнопкой Home для Meizu M3 mini M688U (черный) + держатель</t>
  </si>
  <si>
    <t>Шлейф с кнопкой Home для Meizu M5s M612H (белый) + держатель</t>
  </si>
  <si>
    <t>Шлейфы для Motorola</t>
  </si>
  <si>
    <t>Плата Sim и microSD для Motorola G3 XL1540/XL1541/XL1548</t>
  </si>
  <si>
    <t>Шлейфы для Nokia</t>
  </si>
  <si>
    <t>Шлейф (плата) для Nokia 5 (TA-1053) + системный разъем + микрофон</t>
  </si>
  <si>
    <t>Шлейф (плата) для Nokia 5.1 (разъем зарядки, микрофон) Copy</t>
  </si>
  <si>
    <t>Шлейф (плата) для Nokia 5.1 Plus TA-1105 (разъем зарядки, микрофон) Copy</t>
  </si>
  <si>
    <t>Шлейф (плата) для Nokia 6 + системный разъем + микрофон Copy</t>
  </si>
  <si>
    <t>Шлейф (плата) для Nokia 6.1 + системный разъем + микрофон Copy</t>
  </si>
  <si>
    <t>Шлейф (плата) для Nokia 6.1 Plus (TA-1116) + системный разъем + микрофон Copy</t>
  </si>
  <si>
    <t>Шлейф (плата) для Nokia 7 Plus TA-1046 ( разъем зарядки, микрофон) Copy</t>
  </si>
  <si>
    <t>Шлейф (плата) для Nokia 7.1 TA-1095 ( разъем зарядки, микрофон) Copy</t>
  </si>
  <si>
    <t>Шлейф (плата) для Nokia 7.1 TA-1095 ( разъем зарядки, микрофон) Orig</t>
  </si>
  <si>
    <t>Шлейф (плата) для Nokia 8 ( разъем зарядки, микрофон) Orig</t>
  </si>
  <si>
    <t>Шлейф (плата) для Nokia 8.1 TA-1119 ( разъем зарядки, микрофон) Copy</t>
  </si>
  <si>
    <t>Шлейф Nokia 5200/5300 класс А с компонентами</t>
  </si>
  <si>
    <t>Шлейф Nokia 7370 межплатный</t>
  </si>
  <si>
    <t>Шлейф для Microsoft 535 + разъем зарядки + микрофон</t>
  </si>
  <si>
    <t>Шлейф для Nokia 6111 с компонентами</t>
  </si>
  <si>
    <t>Шлейф для Nokia 7020 с компонентами</t>
  </si>
  <si>
    <t>Шлейф для Nokia 7610Sn с коннекторами)+мембрана</t>
  </si>
  <si>
    <t>Шлейф для Nokia C2-03 (с компонентами)</t>
  </si>
  <si>
    <t>Шлейф для Nokia Lumia 720 (нижняя плата + разъем зарядки + микрофон)</t>
  </si>
  <si>
    <t>Шлейф для Nokia X3 межплатный</t>
  </si>
  <si>
    <t>Шлейфы для Oppo, Realme</t>
  </si>
  <si>
    <t>Датчик приближения (света) для Realme 10 Оригинал снятый</t>
  </si>
  <si>
    <t>Задняя камера (комплект) для Oppo A55 Оригинал с разбора</t>
  </si>
  <si>
    <t>Задняя камера для OPPO A3S Оригинал с разбора</t>
  </si>
  <si>
    <t>Задняя камера для Oppo A74 4G (Оригинал снятый)</t>
  </si>
  <si>
    <t>Задняя камера для Oppo F5 (Оригинал с разбора)</t>
  </si>
  <si>
    <t>Задняя камера для Realme C25 / C25S (Оригинал снятый)</t>
  </si>
  <si>
    <t>Коаксиальный кабель для OPPO A3S</t>
  </si>
  <si>
    <t>Коаксиальный кабель для Oppo A55</t>
  </si>
  <si>
    <t>Коаксиальный кабель для Oppo A74 4G (Оригинал снятый)</t>
  </si>
  <si>
    <t>Коаксиальный кабель для Oppo F5</t>
  </si>
  <si>
    <t>Коаксиальный кабель для Oppo F5 (Оригинал с разбора)</t>
  </si>
  <si>
    <t>Коаксиальный кабель для Oppo Reno 4 Lite (CPH2125)</t>
  </si>
  <si>
    <t>Коаксиальный кабель для Realme 10 (Оригинал с разбора)</t>
  </si>
  <si>
    <t>Коаксиальный кабель для Realme 6 Pro</t>
  </si>
  <si>
    <t>Коаксиальный кабель для Realme C25 / C25S (Оригинал снятый)</t>
  </si>
  <si>
    <t>Коаксиальный кабель для Realme Narzo 30 4G</t>
  </si>
  <si>
    <t>Материнская плата Oppo A74 б/у</t>
  </si>
  <si>
    <t>Материнская плата для Oppo A55 Оригинал под восстановление</t>
  </si>
  <si>
    <t>Материнская плата для Oppo F5 (Оригинал с разбора)</t>
  </si>
  <si>
    <t>Межплатный шлейф дисплея для Oppo Reno 4 Lite (CPH2125)</t>
  </si>
  <si>
    <t>Межплатный шлейф дисплея для Realme 10 Оригинал с празбора</t>
  </si>
  <si>
    <t>Межплатный шлейф для Oppo A16</t>
  </si>
  <si>
    <t>Межплатный шлейф для Oppo A55</t>
  </si>
  <si>
    <t>Межплатный шлейф для Oppo A55 Оригинал с разбора</t>
  </si>
  <si>
    <t>Межплатный шлейф для Oppo A74</t>
  </si>
  <si>
    <t>Межплатный шлейф для Oppo Reno 5 Lite</t>
  </si>
  <si>
    <t>Межплатный шлейф для Oppo Reno 6 Pro</t>
  </si>
  <si>
    <t>Межплатный шлейф для Realme 10 Оригинал с разбора</t>
  </si>
  <si>
    <t>Межплатный шлейф для Realme 6 Pro</t>
  </si>
  <si>
    <t>Межплатный шлейф с разъемом зарядки для OPPO A3S</t>
  </si>
  <si>
    <t>Мемплатный шлейф дисплея для Oppo A74 4G (Оригинал снятый)</t>
  </si>
  <si>
    <t>Мемплатный шлейф для Oppo A74 4G (Оригинал снятый)</t>
  </si>
  <si>
    <t>Стекло камеры для Oppo F5 черное (Оригинал с разбора)</t>
  </si>
  <si>
    <t>Фронтальная камера (комплект) камера для Realme 6 Pro (Оригинал с разбора)</t>
  </si>
  <si>
    <t>Фронтальная камера для OPPO A3S оригинал с разбора</t>
  </si>
  <si>
    <t>Фронтальная камера для OPPO A53 (2020) CPH2127</t>
  </si>
  <si>
    <t>Фронтальная камера для Oppo A55 Оригинал с разбора</t>
  </si>
  <si>
    <t>Фронтальная камера для Oppo A74 4G (Оригинал снятый)</t>
  </si>
  <si>
    <t>Фронтальная камера для Oppo F5 (Оригинал с разбора)</t>
  </si>
  <si>
    <t>Фронтальная камера для Realme C25 / C25S (Оригинал снятый)</t>
  </si>
  <si>
    <t>Фронтальня камера для Realme 10 (Оригинал с разбора)</t>
  </si>
  <si>
    <t>Шлейф (кнопка включения) для Oppo A16</t>
  </si>
  <si>
    <t>Шлейф (кнопка включения) для Oppo A55</t>
  </si>
  <si>
    <t>Шлейф (кнопка включения) для Oppo A74</t>
  </si>
  <si>
    <t>Шлейф (кнопка включения) для Oppo Reno 4 Lite (CPH2125)</t>
  </si>
  <si>
    <t>Шлейф (кнопка включения) для Oppo Reno 5 Lite</t>
  </si>
  <si>
    <t>Шлейф (кнопка включения) для Oppo Reno 6</t>
  </si>
  <si>
    <t>Шлейф (кнопка включения) для Oppo Reno 6 Pro</t>
  </si>
  <si>
    <t>Шлейф (плата) для Realme C25 / C25S разъем зарядки / гарнитуры + микрофон (Оригинал снятый)</t>
  </si>
  <si>
    <t>Шлейф для Oppo A16 (разъем зарядки, микрофон)</t>
  </si>
  <si>
    <t>Шлейф для OPPO A5 2020 (разъем зарядки, микрофон)</t>
  </si>
  <si>
    <t>Шлейф для Oppo A55 (разъем зарядки, микрофон, разъем наушников) Оригинал с разбора</t>
  </si>
  <si>
    <t>Шлейф для Oppo A55 (разъем зарядки, микрофон)</t>
  </si>
  <si>
    <t>Шлейф для Oppo A5s (разъем зарядки, микрофон)</t>
  </si>
  <si>
    <t>Шлейф для Oppo A74 (разъем зарядки, микрофон)</t>
  </si>
  <si>
    <t>Шлейф для Oppo A74 4G (разъем зарядки, микрофон, разъем наушников) Оригинал снятый</t>
  </si>
  <si>
    <t>Шлейф для Oppo F5 микрофон, разъем наушников (Оригинал с разбора)</t>
  </si>
  <si>
    <t>Шлейф для Oppo F5 разъем зарядки (Оригинал с разбора)</t>
  </si>
  <si>
    <t>Шлейф для Oppo Reno 5 Lite (разъем зарядки, микрофон)</t>
  </si>
  <si>
    <t>Шлейф для Oppo Reno 6 (разъем зарядки)</t>
  </si>
  <si>
    <t>Шлейф для Oppo Reno 6 Pro (разъем зарядки, микрофон)</t>
  </si>
  <si>
    <t>Шлейф для Realme 10 ( разъем зарядки, микрофон) Оригинал с разбора</t>
  </si>
  <si>
    <t>Шлейф для Realme 3i ( разъем зарядки, микрофон) Copy</t>
  </si>
  <si>
    <t>Шлейф для Realme C12 ( разъем зарядки, микрофон) Copy</t>
  </si>
  <si>
    <t>Шлейф для Realme C21 ( разъем зарядки, микрофон) Copy</t>
  </si>
  <si>
    <t>Шлейф для Realme X50 ( разъем зарядки) Copy</t>
  </si>
  <si>
    <t>Шлейф для Realme X7 ( разъем зарядки, микрофон) Copy</t>
  </si>
  <si>
    <t>Шлейф на Sim-коннектор для Oppo Reno 6 5G</t>
  </si>
  <si>
    <t>Шлейф с кнопками громкости для OPPO A3S</t>
  </si>
  <si>
    <t>Шлейф с кнопками громкости для Realme 6 Pro</t>
  </si>
  <si>
    <t>Шлейф с кнопками громкости и включения для Realme 10 Оригинал снятый</t>
  </si>
  <si>
    <t>Шлейф с кнопками громкости и включения для Realme C11</t>
  </si>
  <si>
    <t>Шлейф с кнопками громкости и включения для Realme C12</t>
  </si>
  <si>
    <t>Шлейф с кнопками громкости и включения для Realme C15</t>
  </si>
  <si>
    <t>Шлейф с кнопкой включения для OPPO A3S</t>
  </si>
  <si>
    <t>Шлейф с кнопкой включения для Realme 3i</t>
  </si>
  <si>
    <t>Шлейф со сканером отпечатка для Oppo A55 (черный) Оригинал с разбора</t>
  </si>
  <si>
    <t>Шлейф со сканером отпечатка для Oppo A74 4G (Оригинал снятый)</t>
  </si>
  <si>
    <t>Шлейф со сканером отпечатка для Realme 10 (Оригинал с разбора) серебро</t>
  </si>
  <si>
    <t>Шлейф со сканером отпечатка для Realme 10 (Оригинал с разбора) черный</t>
  </si>
  <si>
    <t>Шлейф со сканером отпечатка для Realme C25S (синий) Оригинал снятый</t>
  </si>
  <si>
    <t>Шлейф со сканером отпечатков для OPPO A53 (2020) CPH2127</t>
  </si>
  <si>
    <t>Шлейфы для Philips</t>
  </si>
  <si>
    <t>Камера задняя Philips S337</t>
  </si>
  <si>
    <t>Камера фронтальная Philips S337</t>
  </si>
  <si>
    <t>Шлейф межплатный Philips S337</t>
  </si>
  <si>
    <t>Шлейф с кнопкой включения Philips S337</t>
  </si>
  <si>
    <t>Шлейфы для Prestigio</t>
  </si>
  <si>
    <t>Задняя камера для Prestigio Muze X5 LTE PSP5518 Duo Оригинал с разбора</t>
  </si>
  <si>
    <t>Фронтальная камера для Prestigio Muze X5 LTE PSP5518 Duo Оригинал с разбора</t>
  </si>
  <si>
    <t>Шлейф (кнопка включения и кнопки громкости) для Prestigio Muze X5 LTE PSP5518 Duo</t>
  </si>
  <si>
    <t>Шлейфы для Realme</t>
  </si>
  <si>
    <t>Датчик приближения (света) для Realme GT Master Edition (RMX3363) 5G Оригинал снятый</t>
  </si>
  <si>
    <t>Задняя камера (комплект) для Realme GT Master Edition (RMX3363) 5G Оригинал снятый</t>
  </si>
  <si>
    <t>Коаксиальный кабель для Realme 8 Оригинал снятый</t>
  </si>
  <si>
    <t>Коаксиальный кабель для Realme GT Master Edition (RMX3363) 5G Оригинал снятый</t>
  </si>
  <si>
    <t>Межплатный шлейф дисплея для Realme 8 Оригинал снятый</t>
  </si>
  <si>
    <t>Межплатный шлейф дисплея для Realme GT Master Edition (RMX3363) 5G Оригинал снятый</t>
  </si>
  <si>
    <t>Межплатный шлейф для Realme 8 Оригинал снятый</t>
  </si>
  <si>
    <t>Межплатный шлейф для Realme GT Master Edition (RMX3363) 5G Оригинал снятый</t>
  </si>
  <si>
    <t>Прижимная пластина на плату для Realme C25 / C25S (Оригинал снятый)</t>
  </si>
  <si>
    <t>Прижимная плата на звонок для Realme 10 Оригинал снятый</t>
  </si>
  <si>
    <t>Сканер отпечатка пальца для Realme 8 Оригинал снятый</t>
  </si>
  <si>
    <t>Фронтальная камера для Realme GT Master Edition (RMX3363) 5G Оригинал снятый</t>
  </si>
  <si>
    <t>Шлейф динамика для Realme 8 Оригинал снятый</t>
  </si>
  <si>
    <t>Шлейф для Realme 8 разъем зарядки / микрофон/разъем наушников Оригинал снятый</t>
  </si>
  <si>
    <t>Шлейф для Realme GT Master Edition (RMX3363) 5G разъем зарядки / микрофон/разъем наушников Оригинал</t>
  </si>
  <si>
    <t>Шлейфы для Samsung</t>
  </si>
  <si>
    <t>Антенна NFC для Samsung Galalxy S6 G920F (Оригинал с разбора)</t>
  </si>
  <si>
    <t>Антенна NFC для Samsung Galaxy A5 2017 A520F Оригинал снятый</t>
  </si>
  <si>
    <t>Антенна NFC для Samsung Galaxy A6 2018 A600F Оригинал</t>
  </si>
  <si>
    <t>Антенна NFC для Samsung Galaxy S7 G930F</t>
  </si>
  <si>
    <t>Антенна NFC для Samsung Galaxy Z Flip (SM-F700F) Оригинал снятый</t>
  </si>
  <si>
    <t>Антенна NFC и беспроводной зарядки для Samsung Galaxy  S21 5G (G991)  Оригинал снятый</t>
  </si>
  <si>
    <t>Антенна NFC и беспроводной зарядки для Samsung Galaxy S10 Plus G975F (Оригинал снятый)</t>
  </si>
  <si>
    <t>Антенна NFC и беспроводной зарядки для Samsung Galaxy S10e G970F (Оригинал снятый)</t>
  </si>
  <si>
    <t>Антенна NFC и беспроводной зарядки для Samsung Galaxy S20 FE G780F (Оригинал снятый)</t>
  </si>
  <si>
    <t>Антенна NFC и беспроводной зарядки для Samsung Galaxy S20 Plus G985F</t>
  </si>
  <si>
    <t>Антенна NFC и беспроводной зарядки для Samsung Galaxy S8 G950F</t>
  </si>
  <si>
    <t>Антенна NFC и беспроводной зарядки для Samsung Galaxy S8 Plus G955F</t>
  </si>
  <si>
    <t>Антенна Wi-Fi для Samsung Galaxy Tab S6 Lite P610 / P615</t>
  </si>
  <si>
    <t>Датчик приблежения (света) для Samsung Galaxy A9 2018 A920F Оригинал снятый</t>
  </si>
  <si>
    <t>Датчик приближения (света) для A5 2017 A520F / A7 2017 A720F Оригинал снятый</t>
  </si>
  <si>
    <t>Датчик приближения для Samsung Galaxy S7 Edge G935</t>
  </si>
  <si>
    <t>Задняя камера (комплект) для Samsun Galaxy S20 FE (Оригинал снятый)</t>
  </si>
  <si>
    <t>Задняя камера (комплект) для Samsung Galaxy A12 A125F</t>
  </si>
  <si>
    <t>Задняя камера (комплект) для Samsung Galaxy A12 A125F Оригинал снятый</t>
  </si>
  <si>
    <t>Задняя камера (комплект) для Samsung Galaxy A14 A145F (Оригинал снятый)</t>
  </si>
  <si>
    <t>Задняя камера (комплект) для Samsung Galaxy A22s 5G A226 (Оригинал снятый)</t>
  </si>
  <si>
    <t>Задняя камера (комплект) для Samsung Galaxy A32 4G / A325F Оригинал снятый</t>
  </si>
  <si>
    <t>Задняя камера (комплект) для Samsung Galaxy A32 5G / A326B Оригинал снятый</t>
  </si>
  <si>
    <t>Задняя камера (комплект) для Samsung Galaxy A51 A515F Оригинал</t>
  </si>
  <si>
    <t>Задняя камера (комплект) для Samsung Galaxy A53 A536F Оригинал снятый</t>
  </si>
  <si>
    <t>Задняя камера (комплект) для Samsung Galaxy A72 A725F Оригинал снятый</t>
  </si>
  <si>
    <t>Задняя камера (комплект) для Samsung Galaxy A9 2018 A920F Оригинал с разбора</t>
  </si>
  <si>
    <t>Задняя камера (комплект) для Samsung Galaxy M21 M215F / M30s M307F Оригинал</t>
  </si>
  <si>
    <t>Задняя камера (комплект) для Samsung Galaxy S10 Lite G770F Оригинал с разбора</t>
  </si>
  <si>
    <t>Задняя камера (комплект) для Samsung Galaxy S20 G980F / G981F (Оригинал с разбора)</t>
  </si>
  <si>
    <t>Задняя камера (комплект) для Samsung Galaxy S21 5G (G991) Оригинал снятый</t>
  </si>
  <si>
    <t>Задняя камера (комплект) для Samsung Galaxy Z Flip3 (F711B) Оригинал снятый</t>
  </si>
  <si>
    <t>Задняя камера для Samsung Ativ S GT-I8750</t>
  </si>
  <si>
    <t>Задняя камера для Samsung Galalxy A5 2017 A520F / A7 2017 A720F Оригинал снятый</t>
  </si>
  <si>
    <t>Задняя камера для Samsung Galalxy S6 G920F Оригинал</t>
  </si>
  <si>
    <t>Задняя камера для Samsung Galaxy A03 Core A032F</t>
  </si>
  <si>
    <t>Задняя камера для Samsung Galaxy A20 A205F Оригинал снятый</t>
  </si>
  <si>
    <t>Задняя камера для Samsung Galaxy A3 2016 A310F (Оригинал с разбора)</t>
  </si>
  <si>
    <t>Задняя камера для Samsung Galaxy A3 2017 A320F Оригинал</t>
  </si>
  <si>
    <t>Задняя камера для Samsung Galaxy A30 A305F (оригинал с разбора)</t>
  </si>
  <si>
    <t>Задняя камера для Samsung Galaxy A30 A305F / A40 A405F Оригинал снятый</t>
  </si>
  <si>
    <t>Задняя камера для Samsung Galaxy A31 A315F</t>
  </si>
  <si>
    <t>Задняя камера для Samsung Galaxy A5 2017 A520F  Оригинал снятый</t>
  </si>
  <si>
    <t>Задняя камера для Samsung Galaxy A50 A505F тройная 25MPx / 8MPx / 5MPx, оригинал</t>
  </si>
  <si>
    <t>Задняя камера для Samsung Galaxy A52 A525F (оригинал с разбора)</t>
  </si>
  <si>
    <t>Задняя камера для Samsung Galaxy A6 Plus A605F (Оригинал снятый)</t>
  </si>
  <si>
    <t>Задняя камера для Samsung Galaxy A70 A705F (Оригинал снятый)</t>
  </si>
  <si>
    <t>Задняя камера для Samsung Galaxy A8 2018 A530F Оригинал снятый</t>
  </si>
  <si>
    <t>Задняя камера для Samsung Galaxy J2 2018 J250F Оригинал</t>
  </si>
  <si>
    <t>Задняя камера для Samsung Galaxy J6 2018 J600F</t>
  </si>
  <si>
    <t>Задняя камера для Samsung Galaxy M31S M317F Оригинал снятый</t>
  </si>
  <si>
    <t>Задняя камера для Samsung Galaxy S10 G973F (Оригинал с разбора)</t>
  </si>
  <si>
    <t>Задняя камера для Samsung Galaxy S10 Plus G975 Оригинал снятый</t>
  </si>
  <si>
    <t>Задняя камера для Samsung Galaxy S10e G970F (Оригинал снятый)</t>
  </si>
  <si>
    <t>Задняя камера для Samsung Galaxy S20 Plus G985F Оригинал снятый</t>
  </si>
  <si>
    <t>Задняя Камера для Samsung Galaxy S7 G930/S7 Edge G935 Оригинал снятый</t>
  </si>
  <si>
    <t>Задняя камера для Samsung Galaxy S8 G950F / Galaxy S8 Plus G955F Оригинал снятый</t>
  </si>
  <si>
    <t>Задняя камера для Samsung Galaxy Tab 2 7.0 P3110</t>
  </si>
  <si>
    <t>Задняя камера для Samsung Galaxy Tab 3 8.0 SM-T311 Оригинал</t>
  </si>
  <si>
    <t>Задняя камера для Samsung Galaxy Tab S6 Lite P610 / P615 Оригинал</t>
  </si>
  <si>
    <t>Задняя камера для Samsung Galaxy Z Flip (SM-F700F) Оригинал снятый</t>
  </si>
  <si>
    <t>Задняя камера для Samsung GT-I9192I I9195I Galaxy S4 mini VE</t>
  </si>
  <si>
    <t>Кабель коаксиальный для Samsung Galaxy A50 A505F</t>
  </si>
  <si>
    <t>Камера Samsung SM-A307F Galaxy A30s основная тройная 25MPx / 8MPx / 5MPx, оригинал</t>
  </si>
  <si>
    <t>Кнопка (механизм) Home и сенсорной кнопкой "Назад" для Samsung J330 J530 J730 Galaxy J3 J5 J7 2017</t>
  </si>
  <si>
    <t>Кнопка Home в сборе для Samsung Galaxy J7 (J730 2017) / J5 (J530 2017) голубая</t>
  </si>
  <si>
    <t>Кнопка Home в сборе для Samsung Galaxy J7 (J730 2017) / J5 (J530 2017) черная</t>
  </si>
  <si>
    <t>Коаксиальные кабели для Samsung Galaxy A9 2018 A920F (Оригинал снятый)</t>
  </si>
  <si>
    <t>Коаксиальные кабели для Samsung Galaxy Tab S6 Lite P610 / P615</t>
  </si>
  <si>
    <t>Коаксиальный кабель для Samsung Ativ S GT-I8750</t>
  </si>
  <si>
    <t>Коаксиальный кабель для Samsung Galalxy S6 G920F</t>
  </si>
  <si>
    <t>Коаксиальный кабель для Samsung Galaxy A12 A125F</t>
  </si>
  <si>
    <t>Коаксиальный кабель для Samsung Galaxy A14 A145F / A146B (Оригинал снятый)</t>
  </si>
  <si>
    <t>Коаксиальный кабель для Samsung Galaxy A20 A205F</t>
  </si>
  <si>
    <t>Коаксиальный кабель для Samsung Galaxy A22s 5G A226 (Оригинал снятый)</t>
  </si>
  <si>
    <t>Коаксиальный кабель для Samsung Galaxy A3 2016 A310F</t>
  </si>
  <si>
    <t>Коаксиальный кабель для Samsung Galaxy A30 A305F</t>
  </si>
  <si>
    <t>Коаксиальный кабель для Samsung Galaxy A32 4G / A325F Оригинал снятый</t>
  </si>
  <si>
    <t>Коаксиальный кабель для Samsung Galaxy A32 5G / A326B Оригинал снятый</t>
  </si>
  <si>
    <t>Коаксиальный кабель для Samsung Galaxy A40 A405F</t>
  </si>
  <si>
    <t>Коаксиальный кабель для Samsung Galaxy A40 A405F Оригинал снятый</t>
  </si>
  <si>
    <t>Коаксиальный кабель для Samsung Galaxy A5 2015 A500F</t>
  </si>
  <si>
    <t>Коаксиальный кабель для Samsung Galaxy A51 A515F Оригинал</t>
  </si>
  <si>
    <t>Коаксиальный кабель для Samsung Galaxy A52 A525F (оригинал с разбора)</t>
  </si>
  <si>
    <t>Коаксиальный кабель для Samsung Galaxy A53 A536F (оригинал снятый)</t>
  </si>
  <si>
    <t>Коаксиальный кабель для Samsung Galaxy A53 A536F Оригинал снятый</t>
  </si>
  <si>
    <t>Коаксиальный кабель для Samsung Galaxy A7 2018 A750F</t>
  </si>
  <si>
    <t>Коаксиальный кабель для Samsung Galaxy A70 A705F (Оригинал снятый)</t>
  </si>
  <si>
    <t>Коаксиальный кабель для Samsung Galaxy A72 A725F (Оригинал снятый)</t>
  </si>
  <si>
    <t>Коаксиальный кабель для Samsung Galaxy M21 M215F / M30s M307F</t>
  </si>
  <si>
    <t>Коаксиальный кабель для Samsung Galaxy M31 M315F</t>
  </si>
  <si>
    <t>Коаксиальный кабель для Samsung Galaxy M31S M317F Оригинал снятый</t>
  </si>
  <si>
    <t>Коаксиальный кабель для Samsung Galaxy S10 Lite G770F</t>
  </si>
  <si>
    <t>Коаксиальный кабель для Samsung Galaxy S20 FE (Оригинал снятый)</t>
  </si>
  <si>
    <t>Коаксиальный кабель для Samsung Galaxy S20 Plus G985F Оригинал снятый</t>
  </si>
  <si>
    <t>Коаксиальный кабель для Samsung Galaxy S7 G930F / S7 Edge G935F Оригинал снятый</t>
  </si>
  <si>
    <t>Коаксиальный кабель для Samsung Galaxy S9 G960F</t>
  </si>
  <si>
    <t>Материнская плата Samsung Galaxy A30 A305F (не работает фронтальная камера)</t>
  </si>
  <si>
    <t>Материнская плата Samsung Galaxy A30 A305F (нерабочая, на запчасти)</t>
  </si>
  <si>
    <t>Материнская плата Samsung Galaxy J5 2016 J510F (б/у)</t>
  </si>
  <si>
    <t>Материнская плата Samsung Galaxy S10 Plus G975 Оригинал снятый</t>
  </si>
  <si>
    <t>Материнская плата Samsung Galaxy S8 G950F 4/64Gb б/у</t>
  </si>
  <si>
    <t>Материнская плата для Samsung Galaxy A14 A145F (без ремонтов, по свап)</t>
  </si>
  <si>
    <t>Материнская плата для Samsung Galaxy A6 Plus A605F (под свап)</t>
  </si>
  <si>
    <t>Материнская плата для Samsung Galaxy A70 A705F (под свап, без ремонта)</t>
  </si>
  <si>
    <t>Материнская плата для Samsung Galaxy A72 A725F (нет сети)</t>
  </si>
  <si>
    <t>Материнская плата для Samsung Galaxy A9 2018 A920F (под восстановление)</t>
  </si>
  <si>
    <t>Материнская плата для Samsung Galaxy S20 FE (под свап)</t>
  </si>
  <si>
    <t>Материнская плата для Samsung Galaxy S20 Plus / G985F</t>
  </si>
  <si>
    <t>Материнская плата для Samsung Galaxy S7 Edge G935F</t>
  </si>
  <si>
    <t>Материнская плата для Samsung Galaxy S7 Edge G935F (под свап)</t>
  </si>
  <si>
    <t>Материнская плата для Samsung Galaxy S7 G930F (под распайку)</t>
  </si>
  <si>
    <t>Материнская плата для Samsung Galaxy Z Flip (SM-F700F)</t>
  </si>
  <si>
    <t>Материнская плата для Samsung Galaxy Z Flip3 (F711B)</t>
  </si>
  <si>
    <t>Межплатный шлейф (узкий) для Samsung Galaxy S20 G980F / G981F (Оригинал с разбора)</t>
  </si>
  <si>
    <t>Межплатный шлейф (широкий) для Samsung Galaxy S20 G980F / G981F (Оригинал с разбора)</t>
  </si>
  <si>
    <t>Межплатный шлейф дисплея для Samsung Galaxy A30 A305F (Оригинал снятый)</t>
  </si>
  <si>
    <t>Межплатный шлейф дисплея для Samsung Galaxy A50 SM-A505F, (Оригинал снятый)</t>
  </si>
  <si>
    <t>Межплатный шлейф дисплея для Samsung Galaxy A9 2018 A920F (оригинал снятый)</t>
  </si>
  <si>
    <t>Межплатный шлейф дисплея для Samsung Galaxy M21 M215F / M30s M307F / M31 M315F Оригинал</t>
  </si>
  <si>
    <t>Межплатный шлейф дисплея для Samsung Galaxy S21 5G (G991) Оригинал снятый</t>
  </si>
  <si>
    <t>Межплатный шлейф для Samsung Galaxy A20 A205F Оригинал</t>
  </si>
  <si>
    <t>Межплатный шлейф для Samsung Galaxy A21s A217F</t>
  </si>
  <si>
    <t>Межплатный шлейф для Samsung Galaxy A22s 5G A226 (Оригинал снятый)</t>
  </si>
  <si>
    <t>Межплатный шлейф для Samsung Galaxy A30 A305F (Оригинал снятый)</t>
  </si>
  <si>
    <t>Межплатный шлейф для Samsung Galaxy A31 A315F</t>
  </si>
  <si>
    <t>Межплатный шлейф для Samsung Galaxy A32 4G / A325F Оригинал снятый</t>
  </si>
  <si>
    <t>Межплатный шлейф для Samsung Galaxy A32 4G A325F</t>
  </si>
  <si>
    <t>Межплатный шлейф для Samsung Galaxy A40 A405F</t>
  </si>
  <si>
    <t>Межплатный шлейф для Samsung Galaxy A40 A405F Оригинал снятый</t>
  </si>
  <si>
    <t>Межплатный шлейф для Samsung Galaxy A41 A415F</t>
  </si>
  <si>
    <t>Межплатный шлейф для Samsung Galaxy A51 A515F</t>
  </si>
  <si>
    <t>Межплатный шлейф для Samsung Galaxy A52 A525F A526F</t>
  </si>
  <si>
    <t>Межплатный шлейф для Samsung Galaxy A70 A705F</t>
  </si>
  <si>
    <t>Межплатный шлейф для Samsung Galaxy A70 A705F (Оригинал снятый)</t>
  </si>
  <si>
    <t>Межплатный шлейф для Samsung Galaxy A71 A715F</t>
  </si>
  <si>
    <t>Межплатный шлейф для Samsung Galaxy A72 A725F (Оригинал снятый)</t>
  </si>
  <si>
    <t>Межплатный шлейф для Samsung Galaxy A9 2018 A920F (Оригинап снятый)</t>
  </si>
  <si>
    <t>Межплатный шлейф для Samsung Galaxy M21 M215F / M30s M307F /  M31 M315F Оригинал</t>
  </si>
  <si>
    <t>Межплатный шлейф для Samsung Galaxy M31S M317F</t>
  </si>
  <si>
    <t>Межплатный шлейф для Samsung Galaxy M31S M317F Оригинал снятый</t>
  </si>
  <si>
    <t>Межплатный шлейф для Samsung Galaxy Note 10 Plus N975F</t>
  </si>
  <si>
    <t>Межплатный шлейф для Samsung Galaxy S10 Lite G770F</t>
  </si>
  <si>
    <t>Межплатный шлейф для Samsung Galaxy S20 FE Оригинал снятый</t>
  </si>
  <si>
    <t>Межплатный шлейф для Samsung Galaxy S20 Plus G985F Оригинал снятый</t>
  </si>
  <si>
    <t>Межплатный шлейф для Samsung Galaxy S21 5G (G991) Оригинал снятый</t>
  </si>
  <si>
    <t>Межплатный шлейф для Samsung Galaxy S21 Plus 5G G996B</t>
  </si>
  <si>
    <t>Межплатный шлейф на дисплей для Samsung Galaxy A20 A205F Оригинал</t>
  </si>
  <si>
    <t>Межплатный шлейф на разъем зарядки для Samsung Galaxy Tab S6 Lite P610 / P615</t>
  </si>
  <si>
    <t>Межплатный шлейф на разъем наушников для Samsung Galaxy Tab S6 Lite P610 / P615</t>
  </si>
  <si>
    <t>Межплатный шлейф на разьем зарядки для Samsung Galaxy A50 A505F</t>
  </si>
  <si>
    <t>Передняя камера для Samsung Galaxy A31 A315F (оригинал с разбора)</t>
  </si>
  <si>
    <t>Передняя камера для Samsung Galaxy J2 2018 J250F Оригинал</t>
  </si>
  <si>
    <t>Передняя камера для Samsung Galaxy S8 G950F / Galaxy S8 Plus G955F Оригинал снятый</t>
  </si>
  <si>
    <t>Прижимная пластина на нижнюю плату для Samsung Galaxy A14 A145F (Оригинал снятый)</t>
  </si>
  <si>
    <t>Прижимная пластина на плату для Samsung Galaxy A14 A145F (Оригинал снятый)</t>
  </si>
  <si>
    <t>Разъем aux  для Samsung Galaxy i9600/ G900/ S5</t>
  </si>
  <si>
    <t>Сканер отпечатка  для Samsung Galaxy A31 A315F Оригинал снятый</t>
  </si>
  <si>
    <t>Сканер отпечатка  для Samsung Galaxy A32 4G / A325F Оригинал снятый</t>
  </si>
  <si>
    <t>Сканер отпечатка  для Samsung Galaxy A52 A525F Оригинал снятый</t>
  </si>
  <si>
    <t>Сканер отпечатка  для Samsung Galaxy A53 A536F Оригинал снятый</t>
  </si>
  <si>
    <t>Сканер отпечатка пальца для Samsung Galaxy S20 FE (Оригинал снятый)</t>
  </si>
  <si>
    <t>Фронтальная камера для Samsung A5 2017 A520</t>
  </si>
  <si>
    <t>Фронтальная камера для Samsung Ativ S GT-I8750</t>
  </si>
  <si>
    <t>Фронтальная камера для Samsung Galalxy S6 G920F Оригинал</t>
  </si>
  <si>
    <t>Фронтальная камера для Samsung Galaxy A03 Core A032F</t>
  </si>
  <si>
    <t>Фронтальная камера для Samsung Galaxy A12 A125F / M12 M127F / A12 Nacho A127F</t>
  </si>
  <si>
    <t>Фронтальная камера для Samsung Galaxy A12 A125F / M12 M127F / A12 Nacho A127F Оригинал снятый</t>
  </si>
  <si>
    <t>Фронтальная камера для Samsung Galaxy A14 A145F (Оригинал снятый)</t>
  </si>
  <si>
    <t>Фронтальная камера для Samsung Galaxy A20 A205F Оригинал снятый</t>
  </si>
  <si>
    <t>Фронтальная камера для Samsung Galaxy A3 2016 A310F (Оригинал с разбора)</t>
  </si>
  <si>
    <t>Фронтальная камера для Samsung Galaxy A3 2017 A320F Оригинал</t>
  </si>
  <si>
    <t>Фронтальная камера для Samsung Galaxy A30 A305F (оригинал с разбора)</t>
  </si>
  <si>
    <t>Фронтальная камера для Samsung Galaxy A31 A315F (Оригинал снятый)</t>
  </si>
  <si>
    <t>Фронтальная камера для Samsung Galaxy A32 4G / A325F Оригинал снятый</t>
  </si>
  <si>
    <t>Фронтальная камера для Samsung Galaxy A32 5G / A326B Оригинал снятый</t>
  </si>
  <si>
    <t>Фронтальная камера для Samsung Galaxy A40 A405F Оригинал снятый</t>
  </si>
  <si>
    <t>Фронтальная камера для Samsung Galaxy A5 2015 A500F Оригинал</t>
  </si>
  <si>
    <t>Фронтальная камера для Samsung Galaxy A50 A505F оригинал</t>
  </si>
  <si>
    <t>Фронтальная камера для Samsung Galaxy A51 A515F Оригинал</t>
  </si>
  <si>
    <t>Фронтальная камера для Samsung Galaxy A52 A525F (оригинал с разбора)</t>
  </si>
  <si>
    <t>Фронтальная камера для Samsung Galaxy A53 A536F Оригинал снятый</t>
  </si>
  <si>
    <t>Фронтальная камера для Samsung Galaxy A6 2018 A600F Оригинал</t>
  </si>
  <si>
    <t>Фронтальная камера для Samsung Galaxy A70 A705F (Оригинал снятый)</t>
  </si>
  <si>
    <t>Фронтальная камера для Samsung Galaxy A71 A715F (оригинал снятый)</t>
  </si>
  <si>
    <t>Фронтальная камера для Samsung Galaxy A72 A725F (Оригинал снятый)</t>
  </si>
  <si>
    <t>Фронтальная камера для Samsung Galaxy A8 2018 A530F Оригинал</t>
  </si>
  <si>
    <t>Фронтальная камера для Samsung Galaxy A9 2018 A920F Оригинал с разбора</t>
  </si>
  <si>
    <t>Фронтальная камера для Samsung Galaxy J7 2017 J730F</t>
  </si>
  <si>
    <t>Фронтальная камера для Samsung Galaxy M21 M215F / M30s M307F Оригинал</t>
  </si>
  <si>
    <t>Фронтальная камера для Samsung Galaxy M31S M317FF Оригинал снятый</t>
  </si>
  <si>
    <t>Фронтальная камера для Samsung Galaxy S10 Lite G770F Оригинал с разбора</t>
  </si>
  <si>
    <t>Фронтальная камера для Samsung Galaxy S10 Plus G975 Оригинал снятый</t>
  </si>
  <si>
    <t>Фронтальная камера для Samsung Galaxy S10e G970F (Оригинал снятый)</t>
  </si>
  <si>
    <t>Фронтальная камера для Samsung Galaxy S20 FE G780F (Оригинал снятый)</t>
  </si>
  <si>
    <t>Фронтальная камера для Samsung Galaxy S20 G980F / G981F (Оригинал с разбора)</t>
  </si>
  <si>
    <t>Фронтальная камера для Samsung Galaxy S20 Plus G985F Оригинал снятый</t>
  </si>
  <si>
    <t>Фронтальная Камера для Samsung Galaxy S7 G930F S7 Edge S7edge G935F Оригинал снятый</t>
  </si>
  <si>
    <t>Фронтальная камера для Samsung Galaxy S9 G960F Оригинал с разбора</t>
  </si>
  <si>
    <t>Фронтальная камера для Samsung Galaxy Tab 2 7.0 P3110</t>
  </si>
  <si>
    <t>Фронтальная камера для Samsung Galaxy Tab 3 8.0 SM-T311 Оригинал</t>
  </si>
  <si>
    <t>Фронтальная камера для Samsung Galaxy Tab S6 Lite P610 / P615 Оригинал</t>
  </si>
  <si>
    <t>Фронтальная камера для Samsung Galaxy Z Flip (SM-F700F) Оригинал снятый</t>
  </si>
  <si>
    <t>Фронтальная камера для Samsung Galaxy Z Flip3 (F711B) Оригинал снятый</t>
  </si>
  <si>
    <t>Фронтальня камера для Samsung Galaxy Tab 3 Lite 7.0" SM-T116</t>
  </si>
  <si>
    <t>Чип NFC (беспроводная зарядка) для Samsung Galaxy A50 A505F</t>
  </si>
  <si>
    <t>чип NFC (беспроводная зарядка) для Samsung Galaxy S7 g930 S7 Edge G935</t>
  </si>
  <si>
    <t>Шлейф  для Samsung Galaxy S21 5G (G991) разъем зарядки + микрофон Оригинал снятый</t>
  </si>
  <si>
    <t>Шлейф (плата) для Samsung Galaxy Tab S6 Lite P610 / P615 + разъем зарядки (Оригинал с разбора)</t>
  </si>
  <si>
    <t>Шлейф (плата) для Samsung Galaxy Tab S6 Lite P610 / P615 + разъем наушников (Оригинал с разбора)</t>
  </si>
  <si>
    <t>Шлейф NFC для Samsung Galaxy S20 G980F / G981F (Оригинал с разбора)</t>
  </si>
  <si>
    <t>Шлейф NFC для Samsung Galaxy S21 Plus 5G G996B</t>
  </si>
  <si>
    <t>Шлейф ryjgrb HOME и сеносрных кнопок для Samsung Galaxy J2 2018 J250F (Оригинал снятый)</t>
  </si>
  <si>
    <t>Шлейф Samsung Galaxy J3 (2017) SM-J330F/J400F/J530F/J730F с аудио разъемом и микрофоном</t>
  </si>
  <si>
    <t>Шлейф Samsung Galaxy S10 G973F с аудио разъемом Jack 3.5mm</t>
  </si>
  <si>
    <t>Шлейф антенный для Samsung Galaxy S21 5G (G991) Оригинал снятый</t>
  </si>
  <si>
    <t>Шлейф дисплейный для Samsung P5100 / N8000 / P7500</t>
  </si>
  <si>
    <t>Шлейф дисплея для Samsung Galaxy A30 A305F (оригинал с разбора)</t>
  </si>
  <si>
    <t>Шлейф дисплея для Samsung Galaxy Tab 2 7.0 P3110</t>
  </si>
  <si>
    <t>Шлейф для Samsung Ativ S GT-I8750 (коннектор SIM-карты и карты памяти</t>
  </si>
  <si>
    <t>Шлейф для Samsung Ativ S GT-I8750 разъем зарядки / микрофон</t>
  </si>
  <si>
    <t>Шлейф для Samsung C3050/3053 с компонентами</t>
  </si>
  <si>
    <t>Шлейф для Samsung C3110 с компонентами</t>
  </si>
  <si>
    <t>Шлейф для Samsung D600</t>
  </si>
  <si>
    <t>Шлейф для Samsung D900 с компонентами</t>
  </si>
  <si>
    <t>Шлейф для Samsung E250 D с компонентами A+</t>
  </si>
  <si>
    <t>Шлейф для Samsung E250 с компонентами</t>
  </si>
  <si>
    <t>Шлейф для Samsung E370</t>
  </si>
  <si>
    <t>Шлейф для Samsung E390 с компонентами</t>
  </si>
  <si>
    <t>Шлейф для Samsung E740 с компонентами</t>
  </si>
  <si>
    <t>Шлейф для Samsung E900</t>
  </si>
  <si>
    <t>Шлейф для Samsung G610 с компонентами</t>
  </si>
  <si>
    <t>Шлейф для Samsung Galaxy  A03 A035F системный разъем/разъем гарнитуры/микрофон COPY</t>
  </si>
  <si>
    <t>Шлейф для Samsung Galaxy A01 A015F системный разъем/разъем гарнитуры/микрофон COPY</t>
  </si>
  <si>
    <t>Шлейф для Samsung Galaxy A02s A025F / A03s A037F системный разъем/разъем гарнитуры/микрофон COPY</t>
  </si>
  <si>
    <t>Шлейф для Samsung Galaxy A03 Core A032F системный разъем/разъем гарнитуры/микрофон Copy</t>
  </si>
  <si>
    <t>Шлейф для Samsung Galaxy A04s A047F системный разъем/разъем гарнитуры/микрофон</t>
  </si>
  <si>
    <t>Шлейф для Samsung Galaxy A10 A105F системный разъем/разъем гарнитуры/микрофон COPY</t>
  </si>
  <si>
    <t>Шлейф для Samsung Galaxy A11 A115F / M11 M115F  разъем зарядки / микрофон Copy</t>
  </si>
  <si>
    <t>Шлейф для Samsung Galaxy A11 A115F / M11 M115F  разъем зарядки / микрофон Orig</t>
  </si>
  <si>
    <t>Шлейф для Samsung Galaxy A12 A125F разъем зарядки / микрофон/разъем наушников Copy</t>
  </si>
  <si>
    <t>Шлейф для Samsung Galaxy A12 A125F разъем зарядки / микрофон/разъем наушников Orig</t>
  </si>
  <si>
    <t>Шлейф для Samsung Galaxy A14 A145F / A146B (рапзъем зярядки / гарнитуры / микрофон) Оригинал снятый</t>
  </si>
  <si>
    <t>Шлейф для Samsung Galaxy A20 A205F системный разъем/разъем гарнитуры/микрофон COPY</t>
  </si>
  <si>
    <t>Шлейф для Samsung Galaxy A20 A205F системный разъем/разъем гарнитуры/микрофон Оригинал с разбора</t>
  </si>
  <si>
    <t>Шлейф для Samsung Galaxy A20e A202F системный разъем/разъем гарнитуры/микрофон COPY</t>
  </si>
  <si>
    <t>Шлейф для Samsung Galaxy A20s A207F системный разъем/разъем гарнитуры/микрофон COPY</t>
  </si>
  <si>
    <t>Шлейф для Samsung Galaxy A21s A217F системный разъем/разъем гарнитуры/микрофон Copy</t>
  </si>
  <si>
    <t>Шлейф для Samsung Galaxy A21s A217F системный разъем/разъем гарнитуры/микрофон ORIG</t>
  </si>
  <si>
    <t>Шлейф для Samsung Galaxy A22 4G A225F системный разъем/разъем гарнитуры/микрофон Copy</t>
  </si>
  <si>
    <t>Шлейф для Samsung Galaxy A3 2016 A310F разъем зарядки / микрофон / нижние кнопки</t>
  </si>
  <si>
    <t>Шлейф для Samsung Galaxy A30 A305F системный разъем/разъем гарнитуры/микрофон (оригинал с разбора)</t>
  </si>
  <si>
    <t>Шлейф для Samsung Galaxy A30 A305F системный разъем/разъем гарнитуры/микрофон COPY</t>
  </si>
  <si>
    <t>Шлейф для Samsung Galaxy A30 A305F системный разъем/разъем гарнитуры/микрофон ORIG</t>
  </si>
  <si>
    <t>Шлейф для Samsung Galaxy A30S A307 сканер отпечатка пальцев</t>
  </si>
  <si>
    <t>Шлейф для Samsung Galaxy A30s A307F системный разъем/разъем гарнитуры/микрофон COPY</t>
  </si>
  <si>
    <t>Шлейф для Samsung Galaxy A32 4G A325F системный разъем/разъем гарнитуры/микрофон COPY</t>
  </si>
  <si>
    <t>Шлейф для Samsung Galaxy A40 A405F системный разъем/разъем гарнитуры/микрофон COPY</t>
  </si>
  <si>
    <t>Шлейф для Samsung Galaxy A40 A405F системный разъем/разъем гарнитуры/микрофон ORIG</t>
  </si>
  <si>
    <t>Шлейф для Samsung Galaxy A41 A415F системный разъем/разъем гарнитуры/микрофон</t>
  </si>
  <si>
    <t>Шлейф для Samsung Galaxy A50 A505F системный разъем/разъем гарнитуры/микрофон COPY</t>
  </si>
  <si>
    <t>Шлейф для Samsung Galaxy A50 A505F сканер отпечатка пальцев</t>
  </si>
  <si>
    <t>Шлейф для Samsung Galaxy A50s A507F системный разъем/разъем гарнитуры/микрофон COPY</t>
  </si>
  <si>
    <t>Шлейф для Samsung Galaxy A52 A525F системный разъем/разъем гарнитуры/микрофон Orig</t>
  </si>
  <si>
    <t>Шлейф для Samsung Galaxy A53 A536F системный разъем/разъем гарнитуры/микрофон Оригинал снятый</t>
  </si>
  <si>
    <t>Шлейф для Samsung Galaxy A6 Plus A605F с разъемом наушников и микрофоном (Оригинал снятый)</t>
  </si>
  <si>
    <t>Шлейф для Samsung Galaxy A7 2018 A750F системный разъем/разъем гарнитуры/микрофон COPY</t>
  </si>
  <si>
    <t>Шлейф для Samsung Galaxy A70 A705F системный разъем/разъем гарнитуры/микрофон Оригинал снятый</t>
  </si>
  <si>
    <t>Шлейф для Samsung Galaxy A72 A725F (разъем зарядки, микрофон, разъем гарнитуры) Оригинал снятый</t>
  </si>
  <si>
    <t>Шлейф для Samsung Galaxy A9 2018 A920F системный разъем/разъем гарнитуры/микрофон Оригинал с разбора</t>
  </si>
  <si>
    <t>Шлейф для Samsung Galaxy M10 M105F системный разъем/разъем гарнитуры/микрофон COPY</t>
  </si>
  <si>
    <t>Шлейф для Samsung Galaxy M20 M205F системный разъем/разъем гарнитуры/микрофон COPY</t>
  </si>
  <si>
    <t>Шлейф для Samsung Galaxy M30 M305F системный разъем/разъем гарнитуры/микрофон COPY</t>
  </si>
  <si>
    <t>Шлейф для Samsung Galaxy M31S M317F системный разъем/микрофон Copy</t>
  </si>
  <si>
    <t>Шлейф для Samsung Galaxy M31S M317F системный разъем/микрофон Orig</t>
  </si>
  <si>
    <t>Шлейф для Samsung Galaxy M31S M317F системный разъем/микрофон Оригинал снятый</t>
  </si>
  <si>
    <t>Шлейф для Samsung Galaxy Note 10 Plus N975F системный разъем/микрофон Copy</t>
  </si>
  <si>
    <t>Шлейф для Samsung Galaxy S10 Lite G770F системный разъем / микрофон (Оригинал с разбора)</t>
  </si>
  <si>
    <t>Шлейф для Samsung Galaxy S10 Plus G975 разъем зарядки / микрофон Оригинал снятый</t>
  </si>
  <si>
    <t>Шлейф для Samsung Galaxy S20 G980 (разъем зарядки, микрофон)</t>
  </si>
  <si>
    <t>Шлейф для Samsung Galaxy S20 Plus G985F разъем зарядки / микрофон (Оригинал снятый)</t>
  </si>
  <si>
    <t>Шлейф для Samsung Galaxy S6 Edge G925F + разъем зарядки + разъем 3,5 + микрофон + Home</t>
  </si>
  <si>
    <t>Шлейф для Samsung Galaxy S7 G930F разъем зарядки / микрофон / нижние кнопки</t>
  </si>
  <si>
    <t>Шлейф для Samsung Galaxy S8 G950F (разъем зарядки, микрофон, разъем наушников) Оригинал с разбора</t>
  </si>
  <si>
    <t>Шлейф для Samsung Galaxy S8 G950F / S8 Plus (светочувствительный элемент + датчик приближения)</t>
  </si>
  <si>
    <t>Шлейф для Samsung Galaxy S8 G950F / S8 Plus G955F со сканером отпечатка (серый) (Оригинал с разбора)</t>
  </si>
  <si>
    <t>Шлейф для Samsung Galaxy S8 G950F / S8 Plus G955F со сканером отпечатка (синий) (Оригинал с разбора)</t>
  </si>
  <si>
    <t>Шлейф для Samsung Galaxy S8 G950F / S8 Plus G955F со сканером отпечатка (черный)(Оригинал с разбора)</t>
  </si>
  <si>
    <t>Шлейф для Samsung Galaxy Tab 2 10.1 P5100 с кнопками включения и громкости</t>
  </si>
  <si>
    <t>Шлейф для Samsung Galaxy Tab 8.9 P7300 с разъемом зарядки</t>
  </si>
  <si>
    <t>Шлейф для Samsung Galaxy Tab S 10.5 T800 / T805 (разъем зарядки, слот microSD)</t>
  </si>
  <si>
    <t>Шлейф для Samsung Galaxy Tab S6 Lite P610 / P615 + Коннектор SIM / microSD (Оригинал с разбора)</t>
  </si>
  <si>
    <t>Шлейф для Samsung Galaxy Z Flip (SM-F700F) системный разъем, микрофон Оригинал снятый</t>
  </si>
  <si>
    <t>Шлейф для Samsung Galaxy Z Flip3 F711B (системный разъем, микрофон) Оригинал снятый</t>
  </si>
  <si>
    <t>Шлейф для Samsung I9500 (с компонентами) + разъем зарядки (черный)</t>
  </si>
  <si>
    <t>Шлейф для Samsung I9500 (с компонентами) + считыватель сим/microSD</t>
  </si>
  <si>
    <t>Шлейф для Samsung J330F/J530F/J730F Galaxy J3/J5/J7 (2017) + кнопка включения</t>
  </si>
  <si>
    <t>Шлейф для Samsung J600/J600E с компонентами класс А</t>
  </si>
  <si>
    <t>Шлейф для Samsung M21 M215F / M30s M307F / M31 M315F системный разъем/микрофон (Оригинал с разбора)</t>
  </si>
  <si>
    <t>Шлейф для Samsung M21 M215F / M30s M307F / M31 M315F системный разъем/микрофон Copy</t>
  </si>
  <si>
    <t>Шлейф для Samsung S5230 с компонентами</t>
  </si>
  <si>
    <t>Шлейф на сенсорные кнопки для A5 2017 A520F / A7 2017 A720F Оригинал снятый</t>
  </si>
  <si>
    <t>Шлейф с датчиком света для Samsung Galaxy A3 2017 A320F</t>
  </si>
  <si>
    <t>Шлейф с датчиком света для Samsung Galaxy A8 2018 A530F</t>
  </si>
  <si>
    <t>Шлейф с датчиком света для Samsung Galaxy Note 8 N950 Оригинал с разбора</t>
  </si>
  <si>
    <t>Шлейф с датчиком света для Samsung Galaxy S20 G980F / G981F (Оригинал с разбора)</t>
  </si>
  <si>
    <t>Шлейф с датчиком света для Samsung Galaxy S7 G930F</t>
  </si>
  <si>
    <t>Шлейф с датчиком света для Samsung Galaxy S9 G960F</t>
  </si>
  <si>
    <t>Шлейф с датчиком света для Samsung Galaxy S9 G960F Оригинал снятый</t>
  </si>
  <si>
    <t>Шлейф с датчиком света для Samsung Galaxy Tab 2 7.0 P3110 + динамик</t>
  </si>
  <si>
    <t>Шлейф с кнопками громкости для Samsung Galalxy S6 G920F</t>
  </si>
  <si>
    <t>Шлейф с кнопками громкости для Samsung Galaxy A12 A125F / A32 A326B / M31S M317F / M32 M325F / M515F</t>
  </si>
  <si>
    <t>Шлейф с кнопками громкости для Samsung Galaxy A3 2017 A320F</t>
  </si>
  <si>
    <t>Шлейф с кнопками громкости для Samsung Galaxy A5 2017 A520F / A7 2017 A720F Оригинал снятый</t>
  </si>
  <si>
    <t>Шлейф с кнопками громкости для Samsung Galaxy A6 2018 A600F</t>
  </si>
  <si>
    <t>Шлейф с кнопками громкости для Samsung Galaxy A7 2018 A750F Оригинал</t>
  </si>
  <si>
    <t>Шлейф с кнопками громкости для Samsung Galaxy A8 2018 A530F</t>
  </si>
  <si>
    <t>Шлейф с кнопками громкости для Samsung Galaxy S10 G973 Оригинал снятый</t>
  </si>
  <si>
    <t>Шлейф с кнопками громкости для Samsung Galaxy S10 Plus G975 Оригинал снятый</t>
  </si>
  <si>
    <t>Шлейф с кнопками громкости для Samsung Galaxy S7 G930F / S7 Edge G935F</t>
  </si>
  <si>
    <t>Шлейф с кнопками громкости для Samsung Galaxy S9 G960F</t>
  </si>
  <si>
    <t>Шлейф с кнопками громкости для Samsung Galaxy S9 G960F Оригинал снятый</t>
  </si>
  <si>
    <t>Шлейф с кнопками громкости и включения Samsung Galaxy S20 Plus G985F Оригинал снятый</t>
  </si>
  <si>
    <t>Шлейф с кнопками громкости и включения для Samsung Galaxy A11 A115F</t>
  </si>
  <si>
    <t>Шлейф с кнопками громкости и включения для Samsung Galaxy A30 A305F / A50 A505F</t>
  </si>
  <si>
    <t>Шлейф с кнопками громкости и включения для Samsung Galaxy A40 A405F (Оригинал снятый)</t>
  </si>
  <si>
    <t>Шлейф с кнопками громкости и включения для Samsung Galaxy A52 A525F</t>
  </si>
  <si>
    <t>Шлейф с кнопками громкости и включения для Samsung Galaxy A72 A725F Оригинал снятый</t>
  </si>
  <si>
    <t>Шлейф с кнопками громкости и включения для Samsung Galaxy A8 2018 A530F Оригинал снятый</t>
  </si>
  <si>
    <t>Шлейф с кнопками громкости и включения для Samsung Galaxy M21 M215F / M30s M307F / Galaxy M31 M315F</t>
  </si>
  <si>
    <t>Шлейф с кнопками громкости и включения для Samsung Galaxy Note 10 Plus N975F Оригинал снятый</t>
  </si>
  <si>
    <t>Шлейф с кнопками громкости и включения для Samsung Galaxy S20 G980F / G981F (Оригинал с разбора)</t>
  </si>
  <si>
    <t>Шлейф с кнопками громкости и включения для Samsung Galaxy S7 Edge G935 (Оригинал снятый)</t>
  </si>
  <si>
    <t>Шлейф с кнопками громкости и микрофоном для Samsung Galaxy A5 2015 A500F</t>
  </si>
  <si>
    <t>Шлейф с кнопками громкости м включения для Samsung Galaxy A32 A325F (Оригинал снятый)</t>
  </si>
  <si>
    <t>Шлейф с кнопкой Home Samsung Galaxy Note 4 SM-N910C, цвет серый</t>
  </si>
  <si>
    <t>Шлейф с кнопкой Home для Samsung Galaxy S7 G930F (черный)</t>
  </si>
  <si>
    <t>Шлейф с кнопкой Home и нижними кнопками для Samsung Galaxy Mega i9200</t>
  </si>
  <si>
    <t>Шлейф с кнопкой включения для Samsung Galalxy S6 G920F</t>
  </si>
  <si>
    <t>Шлейф с кнопкой включения для Samsung Galaxy A12 A125F / A127F (белый)+ сканер отпечатка</t>
  </si>
  <si>
    <t>Шлейф с кнопкой включения для Samsung Galaxy A12 A125F / A127F (черный)+ сканер отпечатка</t>
  </si>
  <si>
    <t>Шлейф с кнопкой включения для Samsung Galaxy A22 4G + сканер отпечатка (белый)</t>
  </si>
  <si>
    <t>Шлейф с кнопкой включения для Samsung Galaxy A22 4G + сканер отпечатка (фиолетовый)</t>
  </si>
  <si>
    <t>Шлейф с кнопкой включения для Samsung Galaxy A22 4G + сканер отпечатка (черный)</t>
  </si>
  <si>
    <t>Шлейф с кнопкой включения для Samsung Galaxy A3 2017 A320F</t>
  </si>
  <si>
    <t>Шлейф с кнопкой включения для Samsung Galaxy A5 2015 A500F</t>
  </si>
  <si>
    <t>Шлейф с кнопкой включения для Samsung Galaxy A5 2017 A520F / A7 2017 A720F Оригинал снятый</t>
  </si>
  <si>
    <t>Шлейф с кнопкой включения для Samsung Galaxy A6 2018 A600F</t>
  </si>
  <si>
    <t>Шлейф с кнопкой включения для Samsung Galaxy A7 2018 A750F</t>
  </si>
  <si>
    <t>Шлейф с кнопкой включения для Samsung Galaxy A8 2018 A530F</t>
  </si>
  <si>
    <t>Шлейф с кнопкой включения для Samsung Galaxy M31s M317F / M51 M515F + сканер отпечатка (белый)</t>
  </si>
  <si>
    <t>Шлейф с кнопкой включения для Samsung Galaxy M31s M317F / M51 M515F + сканер отпечатка (зеленый)</t>
  </si>
  <si>
    <t>Шлейф с кнопкой включения для Samsung Galaxy M31s M317F / M51 M515F + сканер отпечатка (розовый)</t>
  </si>
  <si>
    <t>Шлейф с кнопкой включения для Samsung Galaxy M31s M317F / M51 M515F + сканер отпечатка (серый)</t>
  </si>
  <si>
    <t>Шлейф с кнопкой включения для Samsung Galaxy M31s M317F / M51 M515F + сканер отпечатка (черный)</t>
  </si>
  <si>
    <t>Шлейф с кнопкой включения для Samsung Galaxy S10 G973 Оригинал снятый</t>
  </si>
  <si>
    <t>Шлейф с кнопкой включения для Samsung Galaxy S10 Plus G975 Оригинал снятый</t>
  </si>
  <si>
    <t>Шлейф с кнопкой включения для Samsung Galaxy S7 G930F / S7 Edge G935F</t>
  </si>
  <si>
    <t>Шлейф с кнопкой включения для Samsung Galaxy S9 G960F</t>
  </si>
  <si>
    <t>Шлейф с кнопкой включения для Samsung Galaxy S9 G960F Оригинал снятый</t>
  </si>
  <si>
    <t>Шлейф с кнопоками для Samsung Galaxy Tab 2 7.0 P3110</t>
  </si>
  <si>
    <t>Шлейф с микрофоном для Samsung Galaxy A3 2016 A310F</t>
  </si>
  <si>
    <t>Шлейф с разъемом AUX для Samsung Galaxy J2 2018 J250F (Оригинал снятый)</t>
  </si>
  <si>
    <t>Шлейф с разъемом аудио Jack-3.5mm для Samsung Galaxy A6 2018 A600F</t>
  </si>
  <si>
    <t>Шлейф с разъемом гарнитуры для Samsung Galaxy A8 2018 A530F Оригинал снятый</t>
  </si>
  <si>
    <t>Шлейф с разъемом гарнитуры для Samsung Galaxy S10 Plus G975 Оригинал снятый</t>
  </si>
  <si>
    <t>Шлейф с разъемом гарнитуры для Samsung Galaxy S10e G970F (Оригинал снятый)</t>
  </si>
  <si>
    <t>Шлейф с разъемом гарнитуры для Samsung Galaxy S7 G930F / S7 Edge G935F Оригинал снятый</t>
  </si>
  <si>
    <t>Шлейф с разъемом наушников 3,5мм для Samsung Galaxy Tab 2 7.0 P3110</t>
  </si>
  <si>
    <t>Шлейф с разъемом наушников для Samsung Galaxy A3 2017 A320F</t>
  </si>
  <si>
    <t>Шлейф с разъемом наушников для Samsung Galaxy S9 G960F</t>
  </si>
  <si>
    <t>Шлейф со сканером отпечатка для Samsung Galalxy S6 G920F (черный)</t>
  </si>
  <si>
    <t>Шлейф со сканером отпечатка для Samsung Galaxy A11 A115F (черный)</t>
  </si>
  <si>
    <t>Шлейф со сканером отпечатка для Samsung Galaxy A12 A125F (синий) Оригинал снятый</t>
  </si>
  <si>
    <t>Шлейф со сканером отпечатка для Samsung Galaxy A20 A205F (черный) Оригинал снятый</t>
  </si>
  <si>
    <t>Шлейф со сканером отпечатка для Samsung Galaxy A21s A217F (синий) Оригинал с разбора</t>
  </si>
  <si>
    <t>Шлейф со сканером отпечатка для Samsung Galaxy A22s 5G A226 (сиреневый) Оригинал снятый</t>
  </si>
  <si>
    <t>Шлейф со сканером отпечатка для Samsung Galaxy A30 A305F (красный) Оригинал снятый</t>
  </si>
  <si>
    <t>Шлейф со сканером отпечатка для Samsung Galaxy A30 A305F (синий) Оригинал</t>
  </si>
  <si>
    <t>Шлейф со сканером отпечатка для Samsung Galaxy A30 A305F / A40 A405F белый (Оригинал снятый)</t>
  </si>
  <si>
    <t>Шлейф со сканером отпечатка для Samsung Galaxy A32 5G / A326B (черный) Оригинал снятый</t>
  </si>
  <si>
    <t>Шлейф со сканером отпечатка для Samsung Galaxy A40 A405F (синий) Оригинал снятый</t>
  </si>
  <si>
    <t>Шлейф со сканером отпечатка для Samsung Galaxy A40 A405F (черный)</t>
  </si>
  <si>
    <t>Шлейф со сканером отпечатка для Samsung Galaxy A51 A515F Оригинал</t>
  </si>
  <si>
    <t>Шлейф со сканером отпечатка для Samsung Galaxy A52 A525F Оригинал с разбора</t>
  </si>
  <si>
    <t>Шлейф со сканером отпечатка для Samsung Galaxy A6 2018 A600F</t>
  </si>
  <si>
    <t>Шлейф со сканером отпечатка для Samsung Galaxy A70 A705F (Оригинал снятый)</t>
  </si>
  <si>
    <t>Шлейф со сканером отпечатка для Samsung galaxy A72 A725F (Оригинал снятый)</t>
  </si>
  <si>
    <t>Шлейф со сканером отпечатка для Samsung Galaxy A9 2018 A920F (синий) Оригинал с разбора</t>
  </si>
  <si>
    <t>Шлейф со сканером отпечатка для Samsung Galaxy A9 2018 A920F (черный) Оригинал с разбора</t>
  </si>
  <si>
    <t>Шлейф со сканером отпечатка для Samsung Galaxy M21 M215F (синий) Оригинал с разбора</t>
  </si>
  <si>
    <t>Шлейф со сканером отпечатка для Samsung Galaxy M21 M215F (черный) Оригинал с разбора</t>
  </si>
  <si>
    <t>Шлейф со сканером отпечатка для Samsung Galaxy S10 Lite G770F Оригинал</t>
  </si>
  <si>
    <t>Шлейф со сканером отпечатка для Samsung Galaxy S9 G960F (фиолетовый) Оригинал с разбора</t>
  </si>
  <si>
    <t>Шлейф со сканером отпечатка для Samsung Galaxy Z Flip (SM-F700F) сиреневый Оригинал снятый</t>
  </si>
  <si>
    <t>Шлейф со сканером отпечатка для Samsung Galaxy Z Flip (SM-F700F) черный Оригинал снятый</t>
  </si>
  <si>
    <t>Шлейф со сканером отпечатка пальцев для Samsung Galaxy A6 Plus A605F</t>
  </si>
  <si>
    <t>Шлейф со сканером отпечатка пальцев для Samsung Galaxy M31 M315F (черный)</t>
  </si>
  <si>
    <t>Шлейф со сканером отпечатка пальцев для Samsung Galaxy Z Flip3 (F711B) золото Оригинал снятый</t>
  </si>
  <si>
    <t>Шлейфы для Sony</t>
  </si>
  <si>
    <t>Антенна NFC для Sony Xperia X F5121 / X Dual F5122</t>
  </si>
  <si>
    <t>Антенна NFC для Sony Xperia XA1 Plus G3421 / XA1 Plus Dual G3412</t>
  </si>
  <si>
    <t>Задняя камера Sony Xperia Z3 compact (оригинал Б/У)</t>
  </si>
  <si>
    <t>Задняя камера для  Sony ZR M36h C5502 C5503, оригинал</t>
  </si>
  <si>
    <t>Задняя камера для Sony SP</t>
  </si>
  <si>
    <t>Задняя камера для Sony Xperia X F5121 / X Dual F5122</t>
  </si>
  <si>
    <t>Задняя камера для Sony Xperia XA1 Plus G3421 / XA1 Plus Dual G3412 (Оригинал с разбора)</t>
  </si>
  <si>
    <t>Коаксиальный кабель для Sony Xperia X F5121 / X Dual F5122</t>
  </si>
  <si>
    <t>Коаксиальный кабель для Sony Xperia XA1 Plus G3421 / XA1 Plus Dual G3412</t>
  </si>
  <si>
    <t>Коаксиальный кабель для Sony Xperia Z5 E6653 / Z5 Dual E6683</t>
  </si>
  <si>
    <t>Коннектор Sim для Sony Xperia XA Dual / XA1 Dual / XA1 Ultra Dual (F3112 / G3112 / G3212)</t>
  </si>
  <si>
    <t>Материнская плата для Sony Xperia SP (C5303)</t>
  </si>
  <si>
    <t>Межплатный шлейф для Sony Xperia X F5121 / X Dual F5122</t>
  </si>
  <si>
    <t>Плата с sim Sony C2305/Sony C</t>
  </si>
  <si>
    <t>Фронтальная камера для Sony Xperia X F5121 / X Dual F5122</t>
  </si>
  <si>
    <t>Фронтальная камера для Sony Xperia XA1 Plus G3421 / XA1 Plus Dual G3412 (Оригинал с разбора)</t>
  </si>
  <si>
    <t>Фронтальная камера для Sony Xperia Z5 E6653 Оригинал с разбора</t>
  </si>
  <si>
    <t>Шлейф PBA NFC для Sony C5502, C5503</t>
  </si>
  <si>
    <t>Шлейф Sony D2303/D2302 (M2/M2 Aqua) с держателем 2 SIM/MMC</t>
  </si>
  <si>
    <t>Шлейф Sony Xperia XA1 Ultra (G3221) (разъем зарядки + микрофон)</t>
  </si>
  <si>
    <t>Шлейф Sony Xperia Z1 compact (aux 3.5 и светочувствительный элемент)</t>
  </si>
  <si>
    <t>Шлейф для Sony Ericsson T715</t>
  </si>
  <si>
    <t>Шлейф для Sony Ericsson W580/S500 межплатный</t>
  </si>
  <si>
    <t>Шлейф для Sony Ericsson W595 межплатный</t>
  </si>
  <si>
    <t>Шлейф для Sony Ericsson Z550 + коннектор камеры</t>
  </si>
  <si>
    <t>Шлейф для Sony Xperia M2/M2 Dual/M2 Aqua (D2303/D2302/D2403) + кнопки включени/громкости + кн.камеры</t>
  </si>
  <si>
    <t>Шлейф для Sony Xperia Z (C6602/ C6603/ C6606/ C6616) + кнопки громкости + микрофон</t>
  </si>
  <si>
    <t>Шлейф для Sony Xperia Z1 C6903 с кнопками включения и громкости + микрофон</t>
  </si>
  <si>
    <t>Шлейф для Sony Xperia ZR / M36h / C5503</t>
  </si>
  <si>
    <t>Шлейф для Sony Е5823 (Z5 Compact) с микрофоном</t>
  </si>
  <si>
    <t>Шлейф с датчиком приближения для Sony Xperia Z5 E6653 / Z5 Dual E6683 Оригинал</t>
  </si>
  <si>
    <t>Шлейф с кнопкой включения для Sony Xperia XA1 Plus G3421 / XA1 Plus Dual G3412</t>
  </si>
  <si>
    <t>Шлейфы для Tecno</t>
  </si>
  <si>
    <t>Задняя камера (комплект) для TECNO Spark 20 (Оригинал снятый)</t>
  </si>
  <si>
    <t>Задняя камера для Tecno Camon 19 (Оригинал снятый)</t>
  </si>
  <si>
    <t>Коаксиальный кабель для TECNO Spark 20 (Оригинал снятый)</t>
  </si>
  <si>
    <t>Материнская плата для Tecno Spark 9 Pro (под свап)</t>
  </si>
  <si>
    <t>Межплатный шлейф Tecno Camon 19 (Оригинал снятый)</t>
  </si>
  <si>
    <t>Фронтальная камера для Tecno Camon 19 (Оригинал снятый)</t>
  </si>
  <si>
    <t>Фронтальная камера для TECNO Spark 20 (Оригинал снятый)</t>
  </si>
  <si>
    <t>Фронтальная камера для Tecno Spark 9 Pro (Оригинал снятый)</t>
  </si>
  <si>
    <t>Шлейф (плата) для Tecno Camon 19 разъем зарядки / гарнитуры + микрофон Оригинал снятый</t>
  </si>
  <si>
    <t>Шлейф (плата) для Tecno Spark 20 разъем зарядки / гарнитуры + микрофон Оригинал снятый</t>
  </si>
  <si>
    <t>Шлейф (плата) для Tecno Spark 9 Pro разъем зарядки / гарнитуры + микрофон Оригинал снятый</t>
  </si>
  <si>
    <t>Шлейф динамика для Tecno Camon 19 (Оригинал снятый)</t>
  </si>
  <si>
    <t>Шлейф с кнопками громкости и включения для Tecno Camon 19 (Оригинал снятый)</t>
  </si>
  <si>
    <t>Шлейф со сканером отпечатка (черный) для Tecno Spark 20 Оригинал снятый</t>
  </si>
  <si>
    <t>Шлейф со сканером отпечатка для Tecno Camon 19 (черный) Оригинал снятый</t>
  </si>
  <si>
    <t>Шлейфы для Tele2</t>
  </si>
  <si>
    <t>Задняя камера для  Tele2 Maxi LTE (оригинал, с разбора)</t>
  </si>
  <si>
    <t>Фронтальная камера для Tele2 Maxi LTE (оригинал, с разбора)</t>
  </si>
  <si>
    <t>Шлейф с кнопками громкости включения Tele2 Maxi LTE (оригинал, с разбора)</t>
  </si>
  <si>
    <t>Шлейф с микрофоном и виброзвонком Tele2 Maxi LTE (оригинал, с разбора)</t>
  </si>
  <si>
    <t>Шлейфы для UMIDIGI</t>
  </si>
  <si>
    <t>Задняя камера UMIDIGI Z2 Pro (комплект)</t>
  </si>
  <si>
    <t>Коаксиальный кабель UMIDIGI Z2 Pro</t>
  </si>
  <si>
    <t>Межплатный шлейф UMIDIGI Z2 Pro</t>
  </si>
  <si>
    <t>Фронтальная камера UMIDIGI Z2 Pro (комплект)</t>
  </si>
  <si>
    <t>Шлейф с чипом NFC и беспроводной зарядкой UMIDIGI Z2 Pro</t>
  </si>
  <si>
    <t>Шлейфы для Vivo</t>
  </si>
  <si>
    <t>Задняя камера для Vivo Y35 Оригинал с разбора</t>
  </si>
  <si>
    <t>Коаксиальный кабель для Vivo Y35</t>
  </si>
  <si>
    <t>Межплатный шлейф для Vivo V23e</t>
  </si>
  <si>
    <t>Межплатный шлейф для Vivo Y33s</t>
  </si>
  <si>
    <t>Межплатный шлейф для Vivo Y35 Оригинал с разбора</t>
  </si>
  <si>
    <t>Фронтальная камера для Vivo Y35 Оригинал с разбора</t>
  </si>
  <si>
    <t>Шлейф (кнопки громкости и включения) для Vivo V23e</t>
  </si>
  <si>
    <t>Шлейф для Vivo V23e (разъем зарядки, микрофон) + Коннектор SIM</t>
  </si>
  <si>
    <t>Шлейф для Vivo Y35 системный разъем/разъем гарнитуры/микрофон Оригинал с разбора</t>
  </si>
  <si>
    <t>Шлейф со сканером отпечатка для Vivo Y35 (золото) Оригинал с разбора</t>
  </si>
  <si>
    <t>Шлейфы для Xiaomi</t>
  </si>
  <si>
    <t>Антена для Xiaomi Poco F3 с разбора</t>
  </si>
  <si>
    <t>Датчик приближения (света) для Xiaomi POCO X3 Pro Оригинал снятый</t>
  </si>
  <si>
    <t>Датчик приближения (света) для Xiaomi Redmi Note 8 (Оригинал с разбора)</t>
  </si>
  <si>
    <t>Задняя камера (комплект 4 шт)  для Xiaomi Redmi Note 8 Pro (Оригинал с разбора)</t>
  </si>
  <si>
    <t>Задняя камера (комплект 4 шт)  для Xiaomi Redmi Note 8 Pro оригинал</t>
  </si>
  <si>
    <t>Задняя камера (комплект 4 шт) для Xiaomi Redmi 9 оригинал</t>
  </si>
  <si>
    <t>Задняя камера (комплект) для Xiaomi Mi 11 Lite (Оригинал снятый)</t>
  </si>
  <si>
    <t>Задняя камера (комплект) для Xiaomi Poco F3 (Оригинал с разбора)</t>
  </si>
  <si>
    <t>Задняя камера (комплект) для Xiaomi POCO X3 Pro Оригинал с разбора</t>
  </si>
  <si>
    <t>Задняя камера (комплект) для Xiaomi Redmi 9C Оригинал с разбора</t>
  </si>
  <si>
    <t>Задняя камера (комплект) для Xiaomi Redmi Note 10 (Оригинал с разбора)</t>
  </si>
  <si>
    <t>Задняя камера (комплект) для Xiaomi Redmi Note 10 Pro (Оригинал с разбора)</t>
  </si>
  <si>
    <t>Задняя камера (комплект) для Xiaomi Redmi Note 11 Pro Оригинал снятый</t>
  </si>
  <si>
    <t>Задняя камера (комплект) для Xiaomi Redmi Note 12 Оригинал снятый</t>
  </si>
  <si>
    <t>Задняя камера (комплект) для Xiaomi Redmi Note 7 Оригинал снятый</t>
  </si>
  <si>
    <t>Задняя камера (комплект) для Xiaomi Redmi Note 8T Оригинал с разбора</t>
  </si>
  <si>
    <t>Задняя камера (комплект) со стеклом камеры для Xiaomi POCO X3 Pro Оригинал снятый</t>
  </si>
  <si>
    <t>Задняя камера (комплект) со стеклом камеры для Xiaomi Redmi Note 8 (Оригинал снятый)</t>
  </si>
  <si>
    <t>Задняя камера в сборе с рамкой (фиолетоовый) для Xiaomi Redmi Note 7 Оригинал снятый</t>
  </si>
  <si>
    <t>Задняя камера для Xiaomi Mi 5X / Mi A1</t>
  </si>
  <si>
    <t>Задняя камера для Xiaomi Redmi 12C (Оригинал снятый)</t>
  </si>
  <si>
    <t>Задняя камера для Xiaomi Redmi 4A (Оригинал снятый)</t>
  </si>
  <si>
    <t>Задняя камера для Xiaomi Redmi 7 Оригинал снятый</t>
  </si>
  <si>
    <t>Задняя камера для Xiaomi Redmi 7A Оригинал с разбора</t>
  </si>
  <si>
    <t>Задняя камера для Xiaomi Redmi 8A Оригинал с разбора</t>
  </si>
  <si>
    <t>Задняя камера для Xiaomi Redmi 9A Оригинал с разбора</t>
  </si>
  <si>
    <t>Задняя камера для Xiaomi Redmi Note 4</t>
  </si>
  <si>
    <t>Задняя камера для Xiaomi Redmi Note 5 (Оригинал снятый)</t>
  </si>
  <si>
    <t>Задняя камера для Xiaomi Redmi Note 8 Оригинал с разбора</t>
  </si>
  <si>
    <t>Коаксиальный кабель Xiaomi Redmi Note 8 Pro (Оригинал с разбора)</t>
  </si>
  <si>
    <t>Коаксиальный кабель для Redmi 9A / Redmi 9C Оригинал снятый</t>
  </si>
  <si>
    <t>Коаксиальный кабель для Xiaomi 11T Оригинал снятый</t>
  </si>
  <si>
    <t>Коаксиальный кабель для Xiaomi Mi 11</t>
  </si>
  <si>
    <t>Коаксиальный кабель для Xiaomi Mi 11 Lite Оригинал снятый</t>
  </si>
  <si>
    <t>Коаксиальный кабель для Xiaomi Mi 5X / Mi A1</t>
  </si>
  <si>
    <t>Коаксиальный кабель для Xiaomi Poco F3</t>
  </si>
  <si>
    <t>Коаксиальный кабель для Xiaomi POCO X3 / X3 Pro</t>
  </si>
  <si>
    <t>Коаксиальный кабель для Xiaomi Redmi 10 Prime 5G</t>
  </si>
  <si>
    <t>Коаксиальный кабель для Xiaomi Redmi 5 Plus</t>
  </si>
  <si>
    <t>Коаксиальный кабель для Xiaomi Redmi 6 / Redmi 6A</t>
  </si>
  <si>
    <t>Коаксиальный кабель для Xiaomi Redmi 7 Оригинал снятый</t>
  </si>
  <si>
    <t>Коаксиальный кабель для Xiaomi Redmi 7A</t>
  </si>
  <si>
    <t>Коаксиальный кабель для Xiaomi Redmi 8A</t>
  </si>
  <si>
    <t>Коаксиальный кабель для Xiaomi Redmi Go</t>
  </si>
  <si>
    <t>Коаксиальный кабель для Xiaomi Redmi Note 10</t>
  </si>
  <si>
    <t>Коаксиальный кабель для Xiaomi Redmi Note 10 Pro (Оригинал с разбора)</t>
  </si>
  <si>
    <t>Коаксиальный кабель для Xiaomi Redmi Note 10s (Оригинал с разбора)</t>
  </si>
  <si>
    <t>Коаксиальный кабель для Xiaomi Redmi Note 11 / Note 11S / Poco M4 Pro 5G</t>
  </si>
  <si>
    <t>Коаксиальный кабель для Xiaomi Redmi Note 11 Pro Оригинал снятый</t>
  </si>
  <si>
    <t>Коаксиальный кабель для Xiaomi Redmi Note 12 (Оригинал снятый)</t>
  </si>
  <si>
    <t>Коаксиальный кабель для Xiaomi Redmi Note 5 Оригинал снятый</t>
  </si>
  <si>
    <t>Коаксиальный кабель для Xiaomi Redmi Note 8 (Оригинал снятый)</t>
  </si>
  <si>
    <t>Коаксиальный кабель для Xiaomi Redmi Note 8T</t>
  </si>
  <si>
    <t>Материнская плата Xiaomi Poco F3 под распайку</t>
  </si>
  <si>
    <t>Материнская плата Xiaomi POCO M3 (под восстановление)</t>
  </si>
  <si>
    <t>Материнская плата Xiaomi Redmi Note 10 (64Gb) под распайку</t>
  </si>
  <si>
    <t>Материнская плата для Xiaomi Redmi 12C (под распайку)</t>
  </si>
  <si>
    <t>Материнская плата для Xiaomi Redmi 4A</t>
  </si>
  <si>
    <t>Материнская плата для Xiaomi Redmi 9A (под распайку)</t>
  </si>
  <si>
    <t>Материнская плата под распай для Xiaomi 11T (не видит sim)</t>
  </si>
  <si>
    <t>Материнская плата под распайку для Xiaomi Redmi Note 5</t>
  </si>
  <si>
    <t>Межплатный шлейф (комплект) для Xiaomi Mi 11 (Оригинал с разбора)</t>
  </si>
  <si>
    <t>Межплатный шлейф дисплея для Xiaomi 11T (Оригинал с разбора)</t>
  </si>
  <si>
    <t>Межплатный шлейф дисплея для Xiaomi Redmi 7 Оригинал снятый</t>
  </si>
  <si>
    <t>Межплатный шлейф дисплея для Xiaomi Redmi Note 10 / Note 10S</t>
  </si>
  <si>
    <t>Межплатный шлейф для Xiaomi 11T (Оригинал с разбора)</t>
  </si>
  <si>
    <t>Межплатный шлейф для Xiaomi Mi 10T / Mi 10T Pro / Redmi K30S</t>
  </si>
  <si>
    <t>Межплатный шлейф для Xiaomi Mi 11</t>
  </si>
  <si>
    <t>Межплатный шлейф для Xiaomi Mi 11 Lite</t>
  </si>
  <si>
    <t>Межплатный шлейф для Xiaomi Mi 11 Lite Оригинал снятый</t>
  </si>
  <si>
    <t>Межплатный шлейф для Xiaomi Mi 8 Pro</t>
  </si>
  <si>
    <t>Межплатный шлейф для Xiaomi Mi 9 Lite</t>
  </si>
  <si>
    <t>Межплатный шлейф для Xiaomi Mi 9 SE</t>
  </si>
  <si>
    <t>Межплатный шлейф для Xiaomi Mi 9T</t>
  </si>
  <si>
    <t>Межплатный шлейф для Xiaomi Mi A3 / Mi CC9e</t>
  </si>
  <si>
    <t>Межплатный шлейф для Xiaomi Mi Note 10</t>
  </si>
  <si>
    <t>Межплатный шлейф для Xiaomi Mi Note 10 Lite</t>
  </si>
  <si>
    <t>Межплатный шлейф для Xiaomi Mi Note 10 Pro</t>
  </si>
  <si>
    <t>Межплатный шлейф для Xiaomi Poco F1</t>
  </si>
  <si>
    <t>Межплатный шлейф для Xiaomi Poco F3 (Оригинал с разбора)</t>
  </si>
  <si>
    <t>Межплатный шлейф для Xiaomi Poco M4 Pro 5G</t>
  </si>
  <si>
    <t>Межплатный шлейф для Xiaomi POCO X3 / POCO X3 PRO</t>
  </si>
  <si>
    <t>Межплатный шлейф для Xiaomi POCO X3 / X3 Pro (Оригинал с разбора)</t>
  </si>
  <si>
    <t>Межплатный шлейф для Xiaomi Poco X4 Pro</t>
  </si>
  <si>
    <t>Межплатный шлейф для Xiaomi Pocophone F1</t>
  </si>
  <si>
    <t>Межплатный шлейф для Xiaomi Redmi 3 / Redmi 3 Pro</t>
  </si>
  <si>
    <t>Межплатный шлейф для Xiaomi Redmi 4</t>
  </si>
  <si>
    <t>Межплатный шлейф для Xiaomi Redmi 4A (Оригинал снятый)</t>
  </si>
  <si>
    <t>Межплатный шлейф для Xiaomi Redmi 5</t>
  </si>
  <si>
    <t>Межплатный шлейф для Xiaomi Redmi 5 Plus</t>
  </si>
  <si>
    <t>Межплатный шлейф для Xiaomi Redmi 5A</t>
  </si>
  <si>
    <t>Межплатный шлейф для Xiaomi Redmi 6 / Redmi 6A</t>
  </si>
  <si>
    <t>Межплатный шлейф для Xiaomi Redmi 6 Pro / Mi A2 Lite</t>
  </si>
  <si>
    <t>Межплатный шлейф для Xiaomi Redmi 7</t>
  </si>
  <si>
    <t>Межплатный шлейф для Xiaomi Redmi 7A</t>
  </si>
  <si>
    <t>Межплатный шлейф для Xiaomi Redmi 8 / Redmi 8A</t>
  </si>
  <si>
    <t>Межплатный шлейф для Xiaomi Redmi 9</t>
  </si>
  <si>
    <t>Межплатный шлейф для Xiaomi Redmi 9 (Оригинал снятый)</t>
  </si>
  <si>
    <t>Межплатный шлейф для Xiaomi Redmi Go</t>
  </si>
  <si>
    <t>Межплатный шлейф для Xiaomi Redmi K20 / K20 Pro</t>
  </si>
  <si>
    <t>Межплатный шлейф для Xiaomi Redmi K40 / K40s / K40 Pro</t>
  </si>
  <si>
    <t>Межплатный шлейф для Xiaomi Redmi K50</t>
  </si>
  <si>
    <t>Межплатный шлейф для Xiaomi Redmi Note 10 / Note 10S</t>
  </si>
  <si>
    <t>Межплатный шлейф для Xiaomi Redmi Note 10 Lite</t>
  </si>
  <si>
    <t>Межплатный шлейф для Xiaomi Redmi Note 10 Pro (Оригинал с разбора)</t>
  </si>
  <si>
    <t>Межплатный шлейф для Xiaomi Redmi Note 11 / Note 11S</t>
  </si>
  <si>
    <t>Межплатный шлейф для Xiaomi Redmi Note 11 Pro (Оригинал снятый)</t>
  </si>
  <si>
    <t>Межплатный шлейф для Xiaomi Redmi Note 12 (Оригинал снятый)</t>
  </si>
  <si>
    <t>Межплатный шлейф для Xiaomi Redmi Note 3</t>
  </si>
  <si>
    <t>Межплатный шлейф для Xiaomi Redmi Note 3 Pro / Note 3 Pro SE</t>
  </si>
  <si>
    <t>Межплатный шлейф для Xiaomi Redmi Note 4</t>
  </si>
  <si>
    <t>Межплатный шлейф для Xiaomi Redmi Note 4X</t>
  </si>
  <si>
    <t>Межплатный шлейф для Xiaomi Redmi Note 4X Оригинал снятый</t>
  </si>
  <si>
    <t>Межплатный шлейф для Xiaomi Redmi Note 5</t>
  </si>
  <si>
    <t>Межплатный шлейф для Xiaomi Redmi Note 5 Оригинал снятый</t>
  </si>
  <si>
    <t>Межплатный шлейф для Xiaomi Redmi Note 5a</t>
  </si>
  <si>
    <t>Межплатный шлейф для Xiaomi Redmi Note 6 Pro</t>
  </si>
  <si>
    <t>Межплатный шлейф для Xiaomi Redmi Note 7 / Note 7 Pro</t>
  </si>
  <si>
    <t>Межплатный шлейф для Xiaomi Redmi Note 7S</t>
  </si>
  <si>
    <t>Межплатный шлейф для Xiaomi Redmi Note 8</t>
  </si>
  <si>
    <t>Межплатный шлейф для Xiaomi Redmi Note 8 (Оригинал снятый)</t>
  </si>
  <si>
    <t>Межплатный шлейф для Xiaomi Redmi Note 8T</t>
  </si>
  <si>
    <t>Межплатный шлейф для Xiaomi Redmi Note 9</t>
  </si>
  <si>
    <t>Межплатный шлейф для Xiaomi Redmi Note 9 5G</t>
  </si>
  <si>
    <t>Межплатный шлейф для Xiaomi Redmi Note 9 Pro / Note 9S (Оригинал с разбора)</t>
  </si>
  <si>
    <t>Межплатный шлейф для Xiaomi Redmi Note 9 Pro 5G</t>
  </si>
  <si>
    <t>Межплатный шлейф для Xiaomi Redmi Note 9S</t>
  </si>
  <si>
    <t>Межплатный шлейф для Xiaomi Redmi Note 9T</t>
  </si>
  <si>
    <t>Межплатный шлейф для Xiaomi Redmi S2</t>
  </si>
  <si>
    <t>Прижимная пластина на плату для Xiaomi Redmi 4A (Оригинал снятый)</t>
  </si>
  <si>
    <t>Прижимная пластина на плату для Xiaomi Redmoi 12C со стеклом камеры (Оригинал снятый)</t>
  </si>
  <si>
    <t>Прижимная пластина на плату со стеклом камеры для Xiaomi Redmi 9 (Оригинал снятый)</t>
  </si>
  <si>
    <t>Светочувствительный элемент для Xiaomi Redmi Note 9 Pro</t>
  </si>
  <si>
    <t>Уплотнительная резинка датчика приближения для Xiaomi Redmi Note 9 Pro с разбора</t>
  </si>
  <si>
    <t>Фронтальная камера для Xiaomi 11T (Оригинал с разбора)</t>
  </si>
  <si>
    <t>Фронтальная камера для Xiaomi Mi 11 (Оригинал с разбора)</t>
  </si>
  <si>
    <t>Фронтальная камера для Xiaomi Mi 11 lite (Оригинал снятый)</t>
  </si>
  <si>
    <t>Фронтальная камера для Xiaomi Mi 5</t>
  </si>
  <si>
    <t>Фронтальная камера для Xiaomi Mi 5S</t>
  </si>
  <si>
    <t>Фронтальная камера для Xiaomi Mi 5X / Mi A1</t>
  </si>
  <si>
    <t>Фронтальная камера для Xiaomi Mi 6</t>
  </si>
  <si>
    <t>Фронтальная камера для Xiaomi Mi Note</t>
  </si>
  <si>
    <t>Фронтальная камера для Xiaomi POCO M3 Оригинал с разбора</t>
  </si>
  <si>
    <t>Фронтальная камера для Xiaomi POCO X3 Pro Оригинал с разбора</t>
  </si>
  <si>
    <t>Фронтальная камера для Xiaomi POCO X3 Оригинал с разбора</t>
  </si>
  <si>
    <t>Фронтальная камера для Xiaomi Redmi 10 Prime 5G (Оригинал с разбора)</t>
  </si>
  <si>
    <t>Фронтальная камера для Xiaomi Redmi 12C (Оригинал снятый)</t>
  </si>
  <si>
    <t>Фронтальная камера для Xiaomi Redmi 6 Оригинал с разбора</t>
  </si>
  <si>
    <t>Фронтальная камера для Xiaomi Redmi 7 Оригинал снятый</t>
  </si>
  <si>
    <t>Фронтальная камера для Xiaomi Redmi 7A Оригинал с разбора</t>
  </si>
  <si>
    <t>Фронтальная камера для Xiaomi Redmi 8 Оригинал с разбора</t>
  </si>
  <si>
    <t>Фронтальная камера для Xiaomi Redmi 8A Оригинал с разбора</t>
  </si>
  <si>
    <t>Фронтальная камера для Xiaomi Redmi 9 оригинал</t>
  </si>
  <si>
    <t>Фронтальная камера для Xiaomi Redmi 9A / Redmi 9C Оригинал с разбора</t>
  </si>
  <si>
    <t>Фронтальная камера для Xiaomi Redmi 9T Оригинал с разбора</t>
  </si>
  <si>
    <t>Фронтальная камера для Xiaomi Redmi Note 10 Pro (Оригинал с разбора)</t>
  </si>
  <si>
    <t>Фронтальная камера для Xiaomi Redmi Note 10 Оригинал снятый</t>
  </si>
  <si>
    <t>Фронтальная камера для Xiaomi Redmi Note 12 (Оригинал снятый)</t>
  </si>
  <si>
    <t>Фронтальная камера для Xiaomi Redmi Note 4</t>
  </si>
  <si>
    <t>Фронтальная камера для Xiaomi Redmi Note 5 (Оригинал снятый)</t>
  </si>
  <si>
    <t>Фронтальная камера для Xiaomi Redmi Note 7 Оригинал</t>
  </si>
  <si>
    <t>Фронтальная камера для Xiaomi Redmi Note 8 (Оригинал снятый)</t>
  </si>
  <si>
    <t>Фронтальная камера для Xiaomi Redmi Note 8 Pro (Оригинал с разбора)</t>
  </si>
  <si>
    <t>Фронтальная камера для Xiaomi Redmi Note 8 Pro оригинал</t>
  </si>
  <si>
    <t>Фронтальная камера для Xiaomi Redmi Note 8T Оригинал с разбора</t>
  </si>
  <si>
    <t>Фронтальная камера для Xiaomi Redmi Note 9</t>
  </si>
  <si>
    <t>Фронтальная камера для Xiaomi Redmi Note 9 Pro Оригинал с разбора</t>
  </si>
  <si>
    <t>Фронтальная камера для Xiaomi Redmi S2 (Оригинал снятый)</t>
  </si>
  <si>
    <t>Фронтальная камера дял Xiaomi Redmi 5 Plus</t>
  </si>
  <si>
    <t>Шлейф (кнопка включения и кнопки громкости) для Xiaomi Mi 10T / Mi 10T Pro</t>
  </si>
  <si>
    <t>Шлейф (кнопка включения и кнопки громкости) для Xiaomi Mi 11</t>
  </si>
  <si>
    <t>Шлейф (кнопка включения и кнопки громкости) для Xiaomi Mi 11 (Оригинал с разбора)</t>
  </si>
  <si>
    <t>Шлейф (кнопка включения и кнопки громкости) для Xiaomi Mi 12 Pro</t>
  </si>
  <si>
    <t>Шлейф (кнопка включения и кнопки громкости) для Xiaomi Mi 4</t>
  </si>
  <si>
    <t>Шлейф (кнопка включения и кнопки громкости) для Xiaomi Mi 4C</t>
  </si>
  <si>
    <t>Шлейф (кнопка включения и кнопки громкости) для Xiaomi Mi 4S</t>
  </si>
  <si>
    <t>Шлейф (кнопка включения и кнопки громкости) для Xiaomi Mi 5</t>
  </si>
  <si>
    <t>Шлейф (кнопка включения и кнопки громкости) для Xiaomi Mi 5C</t>
  </si>
  <si>
    <t>Шлейф (кнопка включения и кнопки громкости) для Xiaomi Mi 5S</t>
  </si>
  <si>
    <t>Шлейф (кнопка включения и кнопки громкости) для Xiaomi Mi 5S Plus</t>
  </si>
  <si>
    <t>Шлейф (кнопка включения и кнопки громкости) для Xiaomi Mi 6</t>
  </si>
  <si>
    <t>Шлейф (кнопка включения и кнопки громкости) для Xiaomi Mi 8</t>
  </si>
  <si>
    <t>Шлейф (кнопка включения и кнопки громкости) для Xiaomi Mi 8 Lite</t>
  </si>
  <si>
    <t>Шлейф (кнопка включения и кнопки громкости) для Xiaomi Mi 8 Pro</t>
  </si>
  <si>
    <t>Шлейф (кнопка включения и кнопки громкости) для Xiaomi Mi 9 Lite</t>
  </si>
  <si>
    <t>Шлейф (кнопка включения и кнопки громкости) для Xiaomi Mi 9 SE</t>
  </si>
  <si>
    <t>Шлейф (кнопка включения и кнопки громкости) для Xiaomi Mi 9T</t>
  </si>
  <si>
    <t>Шлейф (кнопка включения и кнопки громкости) для Xiaomi Mi A3 / CC9E</t>
  </si>
  <si>
    <t>Шлейф (кнопка включения и кнопки громкости) для Xiaomi Mi A3 Lite / CC9</t>
  </si>
  <si>
    <t>Шлейф (кнопка включения и кнопки громкости) для Xiaomi Mi Max</t>
  </si>
  <si>
    <t>Шлейф (кнопка включения и кнопки громкости) для Xiaomi Mi Note 10</t>
  </si>
  <si>
    <t>Шлейф (кнопка включения и кнопки громкости) для Xiaomi Mi Note 10 Lite</t>
  </si>
  <si>
    <t>Шлейф (кнопка включения и кнопки громкости) для Xiaomi Mi Note 10 Pro</t>
  </si>
  <si>
    <t>Шлейф (кнопка включения и кнопки громкости) для Xiaomi Mi Note 2</t>
  </si>
  <si>
    <t>Шлейф (кнопка включения и кнопки громкости) для Xiaomi POCO M3 / Redmi 9T</t>
  </si>
  <si>
    <t>Шлейф (кнопка включения и кнопки громкости) для Xiaomi POCO X3 / X3 Pro</t>
  </si>
  <si>
    <t>Шлейф (кнопка включения и кнопки громкости) для Xiaomi POCO X3 / X3 Pro Оригинал снятый</t>
  </si>
  <si>
    <t>Шлейф (кнопка включения и кнопки громкости) для Xiaomi Pocophone F1</t>
  </si>
  <si>
    <t>Шлейф (кнопка включения и кнопки громкости) для Xiaomi Redmi (Hongmi) Note 4G</t>
  </si>
  <si>
    <t>Шлейф (кнопка включения и кнопки громкости) для Xiaomi Redmi 10</t>
  </si>
  <si>
    <t>Шлейф (кнопка включения и кнопки громкости) для Xiaomi Redmi 11 Pro Оригинал снятый</t>
  </si>
  <si>
    <t>Шлейф (кнопка включения и кнопки громкости) для Xiaomi Redmi 3 / Redmi 3 Pro</t>
  </si>
  <si>
    <t>Шлейф (кнопка включения и кнопки громкости) для Xiaomi Redmi 4 Pro</t>
  </si>
  <si>
    <t>Шлейф (кнопка включения и кнопки громкости) для Xiaomi Redmi 4A</t>
  </si>
  <si>
    <t>Шлейф (кнопка включения и кнопки громкости) для Xiaomi Redmi 4X</t>
  </si>
  <si>
    <t>Шлейф (кнопка включения и кнопки громкости) для Xiaomi Redmi 5</t>
  </si>
  <si>
    <t>Шлейф (кнопка включения и кнопки громкости) для Xiaomi Redmi 5 Plus</t>
  </si>
  <si>
    <t>Шлейф (кнопка включения и кнопки громкости) для Xiaomi Redmi 5A</t>
  </si>
  <si>
    <t>Шлейф (кнопка включения и кнопки громкости) для Xiaomi Redmi 6 / Redmi 6A</t>
  </si>
  <si>
    <t>Шлейф (кнопка включения и кнопки громкости) для Xiaomi Redmi 6 Pro / Mi A2 Lite</t>
  </si>
  <si>
    <t>Шлейф (кнопка включения и кнопки громкости) для Xiaomi Redmi 7</t>
  </si>
  <si>
    <t>Шлейф (кнопка включения и кнопки громкости) для Xiaomi Redmi 7 Оригинал снятый</t>
  </si>
  <si>
    <t>Шлейф (кнопка включения и кнопки громкости) для Xiaomi Redmi 7A</t>
  </si>
  <si>
    <t>Шлейф (кнопка включения и кнопки громкости) для Xiaomi Redmi 8</t>
  </si>
  <si>
    <t>Шлейф (кнопка включения и кнопки громкости) для Xiaomi Redmi 9</t>
  </si>
  <si>
    <t>Шлейф (кнопка включения и кнопки громкости) для Xiaomi Redmi 9A / Redmi 9C</t>
  </si>
  <si>
    <t>Шлейф (кнопка включения и кнопки громкости) для Xiaomi Redmi 9A / Redmi 9C Оригинал снятый</t>
  </si>
  <si>
    <t>Шлейф (кнопка включения и кнопки громкости) для Xiaomi Redmi K20 / K20 Pro</t>
  </si>
  <si>
    <t>Шлейф (кнопка включения и кнопки громкости) для Xiaomi Redmi Note 10 / Note 10S</t>
  </si>
  <si>
    <t>Шлейф (кнопка включения и кнопки громкости) для Xiaomi Redmi Note 10 Lite</t>
  </si>
  <si>
    <t>Шлейф (кнопка включения и кнопки громкости) для Xiaomi Redmi Note 10 Pro (Оригинал снятый)</t>
  </si>
  <si>
    <t>Шлейф (кнопка включения и кнопки громкости) для Xiaomi Redmi Note 10s</t>
  </si>
  <si>
    <t>Шлейф (кнопка включения и кнопки громкости) для Xiaomi Redmi Note 10T / Poco M3 Pro</t>
  </si>
  <si>
    <t>Шлейф (кнопка включения и кнопки громкости) для Xiaomi Redmi Note 11 / Note 11S / Poco M4 Pro 5G</t>
  </si>
  <si>
    <t>Шлейф (кнопка включения и кнопки громкости) для Xiaomi Redmi Note 3 / Note 3 Pro</t>
  </si>
  <si>
    <t>Шлейф (кнопка включения и кнопки громкости) для Xiaomi Redmi Note 4</t>
  </si>
  <si>
    <t>Шлейф (кнопка включения и кнопки громкости) для Xiaomi Redmi Note 4X Оригинал снятый</t>
  </si>
  <si>
    <t>Шлейф (кнопка включения и кнопки громкости) для Xiaomi Redmi Note 5 / Note 5 Pro</t>
  </si>
  <si>
    <t>Шлейф (кнопка включения и кнопки громкости) для Xiaomi Redmi Note 5 / Note 5 Pro Оригинал снятый</t>
  </si>
  <si>
    <t>Шлейф (кнопка включения и кнопки громкости) для Xiaomi Redmi Note 5 Prime</t>
  </si>
  <si>
    <t>Шлейф (кнопка включения и кнопки громкости) для Xiaomi Redmi Note 5A</t>
  </si>
  <si>
    <t>Шлейф (кнопка включения и кнопки громкости) для Xiaomi Redmi Note 6</t>
  </si>
  <si>
    <t>Шлейф (кнопка включения и кнопки громкости) для Xiaomi Redmi Note 6 Pro</t>
  </si>
  <si>
    <t>Шлейф (кнопка включения и кнопки громкости) для Xiaomi Redmi Note 7 / Note 7 Pro</t>
  </si>
  <si>
    <t>Шлейф (кнопка включения и кнопки громкости) для Xiaomi Redmi Note 7S</t>
  </si>
  <si>
    <t>Шлейф (кнопка включения и кнопки громкости) для Xiaomi Redmi Note 8</t>
  </si>
  <si>
    <t>Шлейф (кнопка включения и кнопки громкости) для Xiaomi Redmi Note 8 (Оригинал снятый)</t>
  </si>
  <si>
    <t>Шлейф (кнопка включения и кнопки громкости) для Xiaomi Redmi Note 8 Pro</t>
  </si>
  <si>
    <t>Шлейф (кнопка включения и кнопки громкости) для Xiaomi Redmi Note 8 Pro Оригинал снятый</t>
  </si>
  <si>
    <t>Шлейф (кнопка включения и кнопки громкости) для Xiaomi Redmi Note 8T</t>
  </si>
  <si>
    <t>Шлейф (кнопка включения и кнопки громкости) для Xiaomi Redmi Note 9</t>
  </si>
  <si>
    <t>Шлейф (кнопка включения и кнопки громкости) для Xiaomi Redmi Note 9 Pro</t>
  </si>
  <si>
    <t>Шлейф (кнопка включения и кнопки громкости) для Xiaomi Redmi Note 9S</t>
  </si>
  <si>
    <t>Шлейф (кнопка включения и кнопки громкости) для Xiaomi Redmi Note 9T</t>
  </si>
  <si>
    <t>Шлейф (кнопка включения и кнопки громкости) для Xiaomi Redmi S2</t>
  </si>
  <si>
    <t>Шлейф (кнопка включения) для Xiaomi Mi 11 Lite + сканер отпечатка пальца (желтый)</t>
  </si>
  <si>
    <t>Шлейф (кнопка включения) для Xiaomi Mi 11 Lite + сканер отпечатка пальца (зеленый)</t>
  </si>
  <si>
    <t>Шлейф (кнопка включения) для Xiaomi Mi 11 Lite + сканер отпечатка пальца (розовый)</t>
  </si>
  <si>
    <t>Шлейф (кнопка включения) для Xiaomi Mi 11 Lite + сканер отпечатка пальца (серебро)</t>
  </si>
  <si>
    <t>Шлейф (кнопка включения) для Xiaomi Mi 11 Lite + сканер отпечатка пальца (синий)</t>
  </si>
  <si>
    <t>Шлейф (кнопка включения) для Xiaomi Mi 11 Lite + сканер отпечатка пальца (черный)</t>
  </si>
  <si>
    <t>Шлейф динамика для Xiaomi 11T (Оригинал с разбора)</t>
  </si>
  <si>
    <t>Шлейф для Xiaomi 11T (разъем зарядки, микрофон, считыватель SIM) (Оригинал с разбора)</t>
  </si>
  <si>
    <t>Шлейф для Xiaomi Mi 10T / Mi 10T Pro / Redmi K30S + разъем зарядки + микрофон + разъем SIM</t>
  </si>
  <si>
    <t>Шлейф для Xiaomi Mi 11 Lite (разъем зарядки + микрофон)</t>
  </si>
  <si>
    <t>Шлейф для Xiaomi Mi 4 (разъем зарядки, микрофон, виброзвонок)</t>
  </si>
  <si>
    <t>Шлейф для Xiaomi Mi 4S (разъем зарядки + микрофон)</t>
  </si>
  <si>
    <t>Шлейф для Xiaomi Mi 5 (разъем зарядки, микрофон)</t>
  </si>
  <si>
    <t>Шлейф для Xiaomi Mi 5C (разъем зарядки, микрофон)</t>
  </si>
  <si>
    <t>Шлейф для Xiaomi Mi 5S (разъем зарядки, микрофон)</t>
  </si>
  <si>
    <t>Шлейф для Xiaomi Mi 5X / Mi A1 (системный разъём, микрофон, разъем наушников) Copy</t>
  </si>
  <si>
    <t>Шлейф для Xiaomi Mi 6X / MiA2 (разъем зарядки, микрофон)</t>
  </si>
  <si>
    <t>Шлейф для Xiaomi Mi 8 (разъем зарядки, микрофон)</t>
  </si>
  <si>
    <t>Шлейф для Xiaomi Mi 8 Lite (разъем зарядки, микрофон)</t>
  </si>
  <si>
    <t>Шлейф для Xiaomi Mi 8 Pro (разъем зарядки, микрофон)</t>
  </si>
  <si>
    <t>Шлейф для Xiaomi Mi 8 SE (разъем зарядки, микрофон)</t>
  </si>
  <si>
    <t>Шлейф для Xiaomi Mi 9T Redmi K20 + разъем зарядки + микрофон + разъем SIM</t>
  </si>
  <si>
    <t>Шлейф для Xiaomi Mi A3 / Mi CC9e (разъем зарядки, микрофон)</t>
  </si>
  <si>
    <t>Шлейф для Xiaomi Mi A3 Lite / Mi CC9 (разъем зарядки, микрофон)</t>
  </si>
  <si>
    <t>Шлейф для Xiaomi Mi Max (разъем зарядки, микрофон)</t>
  </si>
  <si>
    <t>Шлейф для Xiaomi Mi Note 10 + разъем зарядки + микрофон</t>
  </si>
  <si>
    <t>Шлейф для Xiaomi Mi Note 10 Lite + разъем зарядки + микрофон</t>
  </si>
  <si>
    <t>Шлейф для Xiaomi Poco F1 + разъем зарядки + микрофон</t>
  </si>
  <si>
    <t>Шлейф для Xiaomi Poco F3 + разъем зарядки + микрофон</t>
  </si>
  <si>
    <t>Шлейф для Xiaomi Poco F3 + разъем зарядки + микрофон (Оригинал с разбора)</t>
  </si>
  <si>
    <t>Шлейф для Xiaomi POCO M3 / Redmi 9T (разъем зарядки + микрофон) Copy</t>
  </si>
  <si>
    <t>Шлейф для Xiaomi Poco M4 Pro 4G + разъем зарядки + микрофон</t>
  </si>
  <si>
    <t>Шлейф для Xiaomi POCO X3 / X3 Pro (разъем зарядки, микрофон, разъем наушников) Copy</t>
  </si>
  <si>
    <t>Шлейф для Xiaomi POCO X3 / X3 Pro (разъем зарядки, микрофон, разъем наушников) Оригинал снятый</t>
  </si>
  <si>
    <t>Шлейф для Xiaomi POCO X4 Pro 5G (разъем зарядки, микрофон, разъем наушников) Orig</t>
  </si>
  <si>
    <t>Шлейф для Xiaomi Redmi (Hongmi) Note 4G (разъем зарядки, микрофон)</t>
  </si>
  <si>
    <t>Шлейф для Xiaomi Redmi 10 (разъем зарядки, микрофон, разъем наушников) Copy</t>
  </si>
  <si>
    <t>Шлейф для Xiaomi Redmi 10 (разъем зарядки, микрофон, разъем наушников) Orig</t>
  </si>
  <si>
    <t>Шлейф для Xiaomi Redmi 10 Prime 5G (разъем зарядки, микрофон) (Оригинал с разбора)</t>
  </si>
  <si>
    <t>Шлейф для Xiaomi Redmi 12C (разъем зарядки + микрофон) Оригинал снятый</t>
  </si>
  <si>
    <t>Шлейф для Xiaomi Redmi 3 разъем зарядки / микрофон</t>
  </si>
  <si>
    <t>Шлейф для Xiaomi Redmi 3s разъем зарядки / микрофон</t>
  </si>
  <si>
    <t>Шлейф для Xiaomi Redmi 4 (разъем зарядки, микрофон)</t>
  </si>
  <si>
    <t>Шлейф для Xiaomi Redmi 4 Pro (разъем зарядки, микрофон)</t>
  </si>
  <si>
    <t>Шлейф для Xiaomi Redmi 4X (разъем зарядки, микрофон)</t>
  </si>
  <si>
    <t>Шлейф для Xiaomi Redmi 4X + сканер отпечатка (черный)</t>
  </si>
  <si>
    <t>Шлейф для Xiaomi Redmi 5 (разъем зарядки, микрофон)</t>
  </si>
  <si>
    <t>Шлейф для Xiaomi Redmi 5 Plus (разъем зарядки, микрофон)</t>
  </si>
  <si>
    <t>Шлейф для Xiaomi Redmi 5 Plus с сканером отпечатков</t>
  </si>
  <si>
    <t>Шлейф для Xiaomi Redmi 5A (разъем зарядки, микрофон)</t>
  </si>
  <si>
    <t>Шлейф для Xiaomi Redmi 6 (разъем зарядки, микрофон) COPY</t>
  </si>
  <si>
    <t>Шлейф для Xiaomi Redmi 6 (разъем зарядки, микрофон) ORIG</t>
  </si>
  <si>
    <t>Шлейф для Xiaomi Redmi 6 Pro / Mi A2 Lite (разъем зарядки, микрофон)</t>
  </si>
  <si>
    <t>Шлейф для Xiaomi Redmi 7 (разъем зарядки + микрофон) Оригинал снятый</t>
  </si>
  <si>
    <t>Шлейф для Xiaomi Redmi 7 (разъем зарядки, микрофон)</t>
  </si>
  <si>
    <t>Шлейф для Xiaomi Redmi 7A (разъем зарядки, микрофон)</t>
  </si>
  <si>
    <t>Шлейф для Xiaomi Redmi 8 / 8A (системный разъём, микрофон, разъем наушников)</t>
  </si>
  <si>
    <t>Шлейф для Xiaomi Redmi 9A / Redmi 9С (разъем зарядки, микрофон) Copy</t>
  </si>
  <si>
    <t>Шлейф для Xiaomi Redmi Go (разьем зарядки, микрофон) Copy</t>
  </si>
  <si>
    <t>Шлейф для Xiaomi Redmi Go (разьем зарядки, микрофон) ориг</t>
  </si>
  <si>
    <t>Шлейф для Xiaomi Redmi K40 / K40s / K40 Pro (разьем зарядки, микрофон) Copy</t>
  </si>
  <si>
    <t>Шлейф для Xiaomi Redmi K40 / K40s / K40 Pro (разьем зарядки, микрофон) Orig</t>
  </si>
  <si>
    <t>Шлейф для Xiaomi Redmi Note 10 / Note 10s (разъем зарядки + микрофон) Copy</t>
  </si>
  <si>
    <t>Шлейф для Xiaomi Redmi Note 10 Pro (разъем зарядки + микрофон) Copy</t>
  </si>
  <si>
    <t>Шлейф для Xiaomi Redmi Note 10 Pro (разъем зарядки + микрофон) Оригинал с разбора</t>
  </si>
  <si>
    <t>Шлейф для Xiaomi Redmi Note 10T / Poco M3 Pro (разъем зарядки + микрофон)</t>
  </si>
  <si>
    <t>Шлейф для Xiaomi Redmi Note 10T / Poco M3 Pro (разъем зарядки + микрофон) Copy</t>
  </si>
  <si>
    <t>Шлейф для Xiaomi Redmi Note 11 / Note 11S / Poco M4 Pro 5G + разъем зарядки + разъем гарнитуры Orig</t>
  </si>
  <si>
    <t>Шлейф для Xiaomi Redmi Note 11 Pro + разъем зарядки + разъем гарнитуры Copy</t>
  </si>
  <si>
    <t>Шлейф для Xiaomi Redmi Note 12 (разъем зарядки + микрофон) Оригинал снятый</t>
  </si>
  <si>
    <t>Шлейф для Xiaomi Redmi Note 2 (разъем зарядки, микрофон)</t>
  </si>
  <si>
    <t>Шлейф для Xiaomi Redmi Note 3 24-pin (разъем зарядки, микрофон)</t>
  </si>
  <si>
    <t>Шлейф для Xiaomi Redmi Note 3 30-pin (разъем зарядки / микрофон)</t>
  </si>
  <si>
    <t>Шлейф для Xiaomi Redmi Note 3 Pro + разъем зарядки</t>
  </si>
  <si>
    <t>Шлейф для Xiaomi Redmi Note 4 (разъем зарядки + микрофон)</t>
  </si>
  <si>
    <t>Шлейф для Xiaomi Redmi Note 4X (узкий коннектор) (разъем зарядки + микрофон)</t>
  </si>
  <si>
    <t>Шлейф для Xiaomi Redmi Note 4X (широкий коннектор) (разъем зарядки + микрофон)</t>
  </si>
  <si>
    <t>Шлейф для Xiaomi Redmi Note 5 / Note 5 pro (системный разъём, микрофон, разъем наушников)</t>
  </si>
  <si>
    <t>Шлейф для Xiaomi Redmi Note 5 / Note 5 pro (системный разъём, микрофон, разъем наушников) с разбора</t>
  </si>
  <si>
    <t>Шлейф для Xiaomi Redmi Note 5 Prime (системный разъём, микрофон, разъем наушников)</t>
  </si>
  <si>
    <t>Шлейф для Xiaomi Redmi Note 5A (разъем зарядки + микрофон) COPY</t>
  </si>
  <si>
    <t>Шлейф для Xiaomi Redmi Note 6 (разъем зарядки, микрофон)</t>
  </si>
  <si>
    <t>Шлейф для Xiaomi Redmi Note 6 Pro (разъем зарядки, микрофон)</t>
  </si>
  <si>
    <t>Шлейф для Xiaomi Redmi Note 7 / Note 7 Pro (разъем зарядки + микрофон) Copy</t>
  </si>
  <si>
    <t>Шлейф для Xiaomi Redmi Note 7S (разъем зарядки + микрофон) Copy</t>
  </si>
  <si>
    <t>Шлейф для Xiaomi Redmi Note 8 (разъем зарядки + микрофон)</t>
  </si>
  <si>
    <t>Шлейф для Xiaomi Redmi Note 8 (разъем зарядки + микрофон) Оригинал с разбора</t>
  </si>
  <si>
    <t>Шлейф для Xiaomi Redmi Note 8T (разъем зарядки, микрофон)</t>
  </si>
  <si>
    <t>Шлейф для Xiaomi Redmi Note 9 (разъем зарядки + микрофон)</t>
  </si>
  <si>
    <t>Шлейф для Xiaomi Redmi Note 9 Pro (разъем зарядки + микрофон)</t>
  </si>
  <si>
    <t>Шлейф для Xiaomi Redmi Note 9S (разъем зарядки + микрофон)</t>
  </si>
  <si>
    <t>Шлейф для Xiaomi Redmi Note 9T (разъем зарядки + микрофон)</t>
  </si>
  <si>
    <t>Шлейф для Xiaomi Redmi S2 (разъем зарядки + микрофон)</t>
  </si>
  <si>
    <t>Шлейф полифонического динамика для Xiaomi Redmi 8 Оригинал с разбора</t>
  </si>
  <si>
    <t>Шлейф с датчиком света для Xiaomi 11T (Оригинал с разбора)</t>
  </si>
  <si>
    <t>Шлейф с кнопками громкости для Xiaomi Mi 11 Lite Оригинал снятый</t>
  </si>
  <si>
    <t>Шлейф с коннектором SIM / microSD для Xiaomi Mi 11 Lite Оригинал снятый</t>
  </si>
  <si>
    <t>Шлейф с коннектором SIM для для Xiaomi Poco F3 (Оригинал с разбора)</t>
  </si>
  <si>
    <t>Шлейф со вспышкой для Xiaomi 11T (Оригинал снятый)</t>
  </si>
  <si>
    <t>Шлейф со сканером отпечатка для Xiaomi 11T (серебро) (Оригинал с разбора)</t>
  </si>
  <si>
    <t>Шлейф со сканером отпечатка для Xiaomi 11T (черный) (Оригинал с разбора)</t>
  </si>
  <si>
    <t>Шлейф со сканером отпечатка для Xiaomi Redmi 10 Prime 5G (серебро)</t>
  </si>
  <si>
    <t>Шлейф со сканером отпечатка для Xiaomi Redmi 12C (черный) Оригинал снятый</t>
  </si>
  <si>
    <t>Шлейф со сканером отпечатка для Xiaomi Redmi Note 10 Pro (бронза)</t>
  </si>
  <si>
    <t>Шлейф со сканером отпечатка для Xiaomi Redmi Note 10 Pro (бронза) (Оригинал с разбора)</t>
  </si>
  <si>
    <t>Шлейф со сканером отпечатка для Xiaomi Redmi Note 10 Pro (голубой)</t>
  </si>
  <si>
    <t>Шлейф со сканером отпечатка для Xiaomi Redmi Note 10 Pro (черный)</t>
  </si>
  <si>
    <t>Шлейф со сканером отпечатка для Xiaomi Redmi Note 10 Pro (черный) (Оригинал с разбора)</t>
  </si>
  <si>
    <t>Шлейф со сканером отпечатка для Xiaomi Redmi Note 11 Pro (черный) Оригинал снятый</t>
  </si>
  <si>
    <t>Шлейф со сканером отпечатка для Xiaomi Redmi Note 12 (черный) Оригинал снятый</t>
  </si>
  <si>
    <t>Шлейф со сканером отпечатка для Xiaomi Redmi Note 9 Pro (синий) Оригинал с разбора</t>
  </si>
  <si>
    <t>Шлейф со сканером отпечатка для Xiaomi Redmi S2 (розовый) Оригинал снятый</t>
  </si>
  <si>
    <t>Шлейф со сканером отпечатков для Xiaomi Mi 5X / Mi A1</t>
  </si>
  <si>
    <t>Шлейф со сканером отпечатков для Xiaomi Poco M3 Pro (черный)</t>
  </si>
  <si>
    <t>Шлейф со сканером отпечатков для Xiaomi POCO X3 / X3 Pro (бронза) Оригинал снятый</t>
  </si>
  <si>
    <t>Шлейф со сканером отпечатков для Xiaomi POCO X3 / X3 Pro (синий) Оригинал снятый</t>
  </si>
  <si>
    <t>Шлейф со сканером отпечатков для Xiaomi Poco X3 / X3 Pro (черный)</t>
  </si>
  <si>
    <t>Шлейф со сканером отпечатков для Xiaomi Redmi 8A</t>
  </si>
  <si>
    <t>Шлейф со сканером отпечатков для Xiaomi Redmi 9</t>
  </si>
  <si>
    <t>Шлейф со сканером отпечатков для Xiaomi Redmi 9T / Poco M3 (желтый, оригинал с разбора)</t>
  </si>
  <si>
    <t>Шлейф со сканером отпечатков для Xiaomi Redmi 9T / Poco M3 (красный, оригинал с разбора)</t>
  </si>
  <si>
    <t>Шлейф со сканером отпечатков для Xiaomi Redmi 9T / Poco M3 (синий)</t>
  </si>
  <si>
    <t>Шлейф со сканером отпечатков для Xiaomi Redmi 9T / Poco M3 (черный)</t>
  </si>
  <si>
    <t>Шлейф со сканером отпечатков для Xiaomi Redmi Note 10 / Note 10s (черный) Оригинал снятый</t>
  </si>
  <si>
    <t>Шлейф со сканером отпечатков для Xiaomi Redmi Note 4</t>
  </si>
  <si>
    <t>Шлейф со сканером отпечатков для Xiaomi Redmi Note 8 (синий) Оригинал с разбора</t>
  </si>
  <si>
    <t>Шлейф со сканером отпечатков для Xiaomi Redmi Note 9  (черный) Оригинал снятый</t>
  </si>
  <si>
    <t>Щлейф со сканером отпечатка для Xiaomi Redmi Note 5 (золото) Оригинал снятый</t>
  </si>
  <si>
    <t>Щлейф со сканером отпечатка для Xiaomi Redmi Note 5 (красный) Оригинал снятый</t>
  </si>
  <si>
    <t>Шлейфы для ZTE</t>
  </si>
  <si>
    <t>Задняя камера (комплект) для ZTE Axon 30 5G Оригинал снятый</t>
  </si>
  <si>
    <t>Задняя камера для ZTE Blade A5 2019</t>
  </si>
  <si>
    <t>Коаксиальный кабель для ZTE Axon 30 5G (Оригинал снятый)</t>
  </si>
  <si>
    <t>Материнская плата под востановление для ZTE Axon30 5G (Оригинал снятый)</t>
  </si>
  <si>
    <t>Межплатный шлейф дисплея для ZTE Axon 30 5G (Оригинал снятый)</t>
  </si>
  <si>
    <t>Межплатный шлейф для ZTE Axon 30 5G (Оригинал снятый)</t>
  </si>
  <si>
    <t>Передняя камера для ZTE Blade A5 2019</t>
  </si>
  <si>
    <t>Фронтальная камера для ZTE Axon 30 5G (Оригинал снятый)</t>
  </si>
  <si>
    <t>Шлейф (кнопка включения и кнопки громкости) ZTE Blade A512 A 512 Z10</t>
  </si>
  <si>
    <t>Шлейф с кнопками громкости и включения ZTE Blade X3</t>
  </si>
  <si>
    <t>Шлейф с кнопками громкости и включения для ZTE Axon 30 5G (Оригинал снятый)</t>
  </si>
  <si>
    <t>Шлейф с кнопками громкости и включения для ZTE Blade V9 Vita</t>
  </si>
  <si>
    <t>Шлейф со сканером отпечатка для ZTE Axon 30 5G (Оригинал снятый)</t>
  </si>
  <si>
    <t>Фронтальная камера для Samsung Galaxy A22s 5G A226 (Оригинал снятый)</t>
  </si>
  <si>
    <t>!Товар</t>
  </si>
  <si>
    <t>Автоаксессуары</t>
  </si>
  <si>
    <t>FM-модуляторы</t>
  </si>
  <si>
    <t>FM-трансмиттер (модулятор) FM-i9 USB</t>
  </si>
  <si>
    <t>FM-трансмиттер (модулятор) G34 с Bluetooth</t>
  </si>
  <si>
    <t>FM-трансмиттер (модулятор) M22 с Bluetooth</t>
  </si>
  <si>
    <t>FM-трансмиттер (модулятор) M6 с Bluetooth</t>
  </si>
  <si>
    <t>FM-трансмиттер (модулятор) M8 с Bluetooth</t>
  </si>
  <si>
    <t>FM-трансмиттер (модулятор) S7 USB</t>
  </si>
  <si>
    <t>FM-трансмиттер (модулятор) X10 с Bluetooth + АЗУ USB 2,1A</t>
  </si>
  <si>
    <t>FM-трансмиттер (модулятор) X11 с Bluetooth + АЗУ USB 2,1A</t>
  </si>
  <si>
    <t>FM-трансмиттер (модулятор) X13 с Bluetooth</t>
  </si>
  <si>
    <t>FM-трансмиттер (модулятор) X22 с Bluetooth + АЗУ USB 3,1A</t>
  </si>
  <si>
    <t>Автомобильная электроника</t>
  </si>
  <si>
    <t>Автовидеорегистратор зеркало (1920х1080, microSD)</t>
  </si>
  <si>
    <t>Автовидеорегистратор зеркало с камерой заднего вида (1920х1080, microSD)</t>
  </si>
  <si>
    <t>Автомобильный усилитель (2 канала) Pioneer GM-3500T 400W</t>
  </si>
  <si>
    <t>Видеорегистратор с радар-детектором Neoline X-COP 9100z, GPS</t>
  </si>
  <si>
    <t>Радар-детектор STR-525</t>
  </si>
  <si>
    <t>Автомобильные держатели для телефонов</t>
  </si>
  <si>
    <t>Держатель - подставка для телефона ПопСокет</t>
  </si>
  <si>
    <t>Держатель Borofone BH48 Warrior на воздуховод, раздвижной</t>
  </si>
  <si>
    <t>Держатель Borofone BH60 Dainty на стекло с автофиксацией</t>
  </si>
  <si>
    <t>Держатель Borofone BH67 на воздуховод, магнитный</t>
  </si>
  <si>
    <t>Держатель Defender Car Holder 111, на штанге 55-120мм</t>
  </si>
  <si>
    <t>Держатель Hoco CA110 на воздуховод,</t>
  </si>
  <si>
    <t>Держатель Hoco CA52 на воздуховод, магнитный</t>
  </si>
  <si>
    <t>Держатель Hoco H1 на воздуховод, магнитный</t>
  </si>
  <si>
    <t>Держатель в авто 2201 магнитный самоклеящийся</t>
  </si>
  <si>
    <t>Держатель в авто 2в1 (на стекло и воздуховод)</t>
  </si>
  <si>
    <t>Держатель в авто 6601 с автофиксацией, на стекло</t>
  </si>
  <si>
    <t>Держатель в авто 6701 с автофиксацией, на стекло</t>
  </si>
  <si>
    <t>Держатель в авто 6706 с автофиксацией, на стекло</t>
  </si>
  <si>
    <t>Держатель в авто 7808 (на стекло и воздуховод)</t>
  </si>
  <si>
    <t>Держатель в авто A20 для планшета, на стекло</t>
  </si>
  <si>
    <t>Держатель в авто A23 магнитный на приборную панель</t>
  </si>
  <si>
    <t>Держатель в авто Afkas-nova AF-550 телескопический магнитный на стекло</t>
  </si>
  <si>
    <t>Держатель в авто Afkas-Nova AF-552 раздвижной на стекло</t>
  </si>
  <si>
    <t>Держатель в авто Afkas-Nova AF-554 раздвижной на стекло</t>
  </si>
  <si>
    <t>Держатель в авто AK-04 магнитный на стекло</t>
  </si>
  <si>
    <t>Держатель в авто CAR-360 магнитный на воздуховод</t>
  </si>
  <si>
    <t>Держатель в авто CXP-006 магнитный на воздуховод</t>
  </si>
  <si>
    <t>Держатель в авто CXP-035 магнитный на воздуховод</t>
  </si>
  <si>
    <t>Держатель в авто Hoco CA50 прищепка на приборную панель</t>
  </si>
  <si>
    <t>Держатель в авто JX-002 магнитный на воздуховод</t>
  </si>
  <si>
    <t>Держатель в авто JX-003 магнитный самоклеящийся</t>
  </si>
  <si>
    <t>Держатель в авто JX-004 магнитный самоклеящийся</t>
  </si>
  <si>
    <t>Держатель в авто JX-006 магнитный на прищепке</t>
  </si>
  <si>
    <t>Держатель в авто JX-021 магнитный самоклеящийся</t>
  </si>
  <si>
    <t>Держатель в авто L88 магнитный на стекло</t>
  </si>
  <si>
    <t>Держатель в авто UN30 раздвижной на стекло</t>
  </si>
  <si>
    <t>Держатель в авто UN61 с автофиксацией на приборную панель</t>
  </si>
  <si>
    <t>Держатель в авто UN61 с автофиксацией, на стекло</t>
  </si>
  <si>
    <t>Держатель в авто на воздуховод Hoco CPH01</t>
  </si>
  <si>
    <t>Держатель в авто на воздуховод HT862</t>
  </si>
  <si>
    <t>Держатель в авто на стекло X-7</t>
  </si>
  <si>
    <t>Держатель для телефона на руль велосипеда 6902</t>
  </si>
  <si>
    <t>Держатель для телефона на руль велосипеда 6904</t>
  </si>
  <si>
    <t>Держатель магнитный на воздуховод/стекло T09 3in1</t>
  </si>
  <si>
    <t>Держатель на воздуховод с автофиксацией Borofone BH2</t>
  </si>
  <si>
    <t>Держатель на воздуховод с автофиксацией Borofone BH9</t>
  </si>
  <si>
    <t>Держатель на зеркало заднего вида</t>
  </si>
  <si>
    <t>Металлическая пластина со скотчем для магнитного держателя телефона</t>
  </si>
  <si>
    <t>Умный держатель для смартфона с беспроводной зарядкой R1</t>
  </si>
  <si>
    <t>Умный держатель для смартфона с беспроводной зарядкой S5</t>
  </si>
  <si>
    <t>Автомобильные зарядные устройства</t>
  </si>
  <si>
    <t>АЗУ 2USB + USB-C 7A Afkas Nova M-86 с быстрой зарядкой</t>
  </si>
  <si>
    <t>АЗУ 2USB 2.1A KO-20</t>
  </si>
  <si>
    <t>АЗУ 2USB 2.1A RX-003</t>
  </si>
  <si>
    <t>АЗУ 2USB 2.1A YZS-1</t>
  </si>
  <si>
    <t>АЗУ 2USB 3.1A Union UN-31</t>
  </si>
  <si>
    <t>АЗУ 2USB 3.1A YY-888 с быстрой зарядкой</t>
  </si>
  <si>
    <t>АЗУ 2USB Eplutus CU-221 2.4A</t>
  </si>
  <si>
    <t>АЗУ 2USB S90 5V 3.1A с озонатором воздуха</t>
  </si>
  <si>
    <t>АЗУ 2USB S91B 5V 3.1A с озонатором воздуха</t>
  </si>
  <si>
    <t>АЗУ AORAX C05 micro USB</t>
  </si>
  <si>
    <t>АЗУ Exployd EX-Z-409 (1.5A/1хUSB чёрный)</t>
  </si>
  <si>
    <t>АЗУ Exployd EX-Z-414 (3.4A/2.4А+1А/2хUSB белый)</t>
  </si>
  <si>
    <t>АЗУ micro USB Smart KeKe-38c</t>
  </si>
  <si>
    <t>АЗУ Nokia 6101</t>
  </si>
  <si>
    <t>АЗУ Nokia 6500C, 8600, 6700</t>
  </si>
  <si>
    <t>АЗУ USB Borofone BZ12A 3A + Кабель USB Type-C</t>
  </si>
  <si>
    <t>АЗУ USB Borofone BZ12A QC3.0</t>
  </si>
  <si>
    <t>АЗУ USB Borofone BZ14 2.4A + кабель 8-pin Lightning</t>
  </si>
  <si>
    <t>АЗУ USB Hoco Z32 18W 3A</t>
  </si>
  <si>
    <t>АЗУ USB Hoco Z43 18W 3A</t>
  </si>
  <si>
    <t>АЗУ USB R-01 (5V-3A / 9V-2A / 12V-1.5A)</t>
  </si>
  <si>
    <t>АЗУ USB Remax CC201 (без упаковки)</t>
  </si>
  <si>
    <t>АЗУ USB-C 20W Charger</t>
  </si>
  <si>
    <t>АЗУ USB-C 3A Afkas Nova M-83 с быстрой зарядкой</t>
  </si>
  <si>
    <t>АЗУ USB, Type-C S73  + Bluetooth гарнитура белая</t>
  </si>
  <si>
    <t>АЗУ USB+ USB-C  Borofone BZ20 38W PD20W+QC3.0</t>
  </si>
  <si>
    <t>АЗУ USB+ USB-C HOCO Z50 48W (30W+18W)+QC3.0</t>
  </si>
  <si>
    <t>АЗУ для навигатора и видеорегистратора (круглый штекер)</t>
  </si>
  <si>
    <t>АЗУ для навигатора и видеорегистратора разъем Mini-USB</t>
  </si>
  <si>
    <t>Аксессуары</t>
  </si>
  <si>
    <t>Наборная табличка для номера телефона в машину (золото)</t>
  </si>
  <si>
    <t>Наборная табличка для номера телефона в машину (красный)</t>
  </si>
  <si>
    <t>Наборная табличка для номера телефона в машину (серебро)</t>
  </si>
  <si>
    <t>Наборная табличка для номера телефона в машину (черный)</t>
  </si>
  <si>
    <t>Разветвители для прикуривателя</t>
  </si>
  <si>
    <t>Разветвитель прикуривателя Olesson 1511 (3 гнезда + 2 USB)</t>
  </si>
  <si>
    <t>Разветвитель прикуривателя Olesson 1522 (2 гнезда + USB)</t>
  </si>
  <si>
    <t>Разветвитель прикуривателя Olesson 1528 (4 гнезда+ USB)</t>
  </si>
  <si>
    <t>Разветвитель прикуривателя Olesson 1634 (3 гнезда)</t>
  </si>
  <si>
    <t>Разветвитель прикуривателя Olesson 1643 (2 гнезда)</t>
  </si>
  <si>
    <t>Разветвитель прикуривателя Olesson 1670 (2 гнезда+ 2 USB)</t>
  </si>
  <si>
    <t>Чехлы для брелков сигнализации</t>
  </si>
  <si>
    <t>Чехол силиконовый для Scher-Khan Magicar 5 / 6 черный</t>
  </si>
  <si>
    <t>Аксессуары для Apple</t>
  </si>
  <si>
    <t>Usb кабели для Apple</t>
  </si>
  <si>
    <t>USB кабели 8-pin iPhone hoco x59</t>
  </si>
  <si>
    <t>USB Кабель 8 pin "Griffin" 2m Белый</t>
  </si>
  <si>
    <t>USB Кабель 8-pin "радуга"</t>
  </si>
  <si>
    <t>USB Кабель 8-pin 1м (225418)</t>
  </si>
  <si>
    <t>USB Кабель 8-pin FaizFull FR-12 5A</t>
  </si>
  <si>
    <t>USB Кабель 8-pin Hoco U112 (LED подсветка)</t>
  </si>
  <si>
    <t>USB Кабель 8-pin золото (ткань, 3 метра)</t>
  </si>
  <si>
    <t>USB Кабель 8-pin, в ассортименте</t>
  </si>
  <si>
    <t>USB кабель Afkas-Nova AN-21 8-pin Lightning</t>
  </si>
  <si>
    <t>USB Кабель BOROFONE BX51 8-pin Iphone</t>
  </si>
  <si>
    <t>USB Кабель BOROFONE BX79 8-pin Iphone (силиконовый)</t>
  </si>
  <si>
    <t>USB Кабель BOROFONE BX84 8-pin Iphone</t>
  </si>
  <si>
    <t>USB Кабель Borofone BX86 8pin (силиконовый)</t>
  </si>
  <si>
    <t>USB Кабель BOROFONE BX87 8-pin Iphone</t>
  </si>
  <si>
    <t>USB Кабель BOROFONE BX91 8-pin Iphone</t>
  </si>
  <si>
    <t>USB Кабель Borofone BX92 8-pin IPhone</t>
  </si>
  <si>
    <t>USB Кабель Borofone BX92 Type-C</t>
  </si>
  <si>
    <t>USB Кабель Borofone BX92 Type-C to 8-pin IPhone</t>
  </si>
  <si>
    <t>USB Кабель Danami DM-Q1 8-pin</t>
  </si>
  <si>
    <t>USB Кабель DATA CABLE iphone (3A Output)</t>
  </si>
  <si>
    <t>USB кабель Exployd EX-K-482 8-Pin (черный)</t>
  </si>
  <si>
    <t>USB кабель Exployd EX-K-496 8-Pin (серый)</t>
  </si>
  <si>
    <t>USB Кабель FaizFull FR-14 8-pin (с пружинной вставкой)</t>
  </si>
  <si>
    <t>USB Кабель Fast (кольцо) 8-pin</t>
  </si>
  <si>
    <t>USB Кабель Fast (оплётка) 8-pin</t>
  </si>
  <si>
    <t>USB Кабель Griffin Premium Flat 8-pin</t>
  </si>
  <si>
    <t>Usb Кабель HOCO U31 8-Pin</t>
  </si>
  <si>
    <t>Usb Кабель HOCO U92 8-Pin</t>
  </si>
  <si>
    <t>USB Кабель Hoco X13 Easy 8-pin Iphone</t>
  </si>
  <si>
    <t>USB Кабель HOCO X20 8-pin 2m</t>
  </si>
  <si>
    <t>USB Кабель HOCO X20 8-pin 3m</t>
  </si>
  <si>
    <t>Usb Кабель HOCO X24 8-Pin</t>
  </si>
  <si>
    <t>USB Кабель HOCO X27 8-pin</t>
  </si>
  <si>
    <t>Usb Кабель HOCO X34 8-Pin</t>
  </si>
  <si>
    <t>Usb Кабель HOCO X37 8-Pin</t>
  </si>
  <si>
    <t>Usb Кабель HOCO X38 8-Pin (1м)</t>
  </si>
  <si>
    <t>Usb Кабель HOCO X38 8-Pin (25см)</t>
  </si>
  <si>
    <t>Usb Кабель HOCO X40 8-Pin</t>
  </si>
  <si>
    <t>Usb Кабель HOCO X45 8-Pin</t>
  </si>
  <si>
    <t>Usb Кабель HOCO X52 8-Pin (магнитный)</t>
  </si>
  <si>
    <t>USB кабель hoco X82 8-pin iPhone 2.4A 1m (силиконовый)</t>
  </si>
  <si>
    <t>USB Кабель HOCO X87 8-pin</t>
  </si>
  <si>
    <t>USB Кабель Hoco X88 8-pin IPhone</t>
  </si>
  <si>
    <t>USB Кабель HOCO X98 8-pin</t>
  </si>
  <si>
    <t>USB Кабель HOCO X99 8-pin</t>
  </si>
  <si>
    <t>USB Кабель Iphone 8-pin, кожаная оплетка, с застежкой</t>
  </si>
  <si>
    <t>USB Кабель iphone XS MAX Lightning</t>
  </si>
  <si>
    <t>USB Кабель iPhone светящийся шнур</t>
  </si>
  <si>
    <t>USB Кабель Lightning (MD818ZM/A)</t>
  </si>
  <si>
    <t>USB кабель MD818FE/A для Lightning 1м белый</t>
  </si>
  <si>
    <t>USB кабель MIAO 8-pin белый</t>
  </si>
  <si>
    <t>USB кабель Mizoo D35 8-pin 30см</t>
  </si>
  <si>
    <t>USB Кабель RD-02 8-pin</t>
  </si>
  <si>
    <t>USB кабель Remax Iphone 5 8pin белый</t>
  </si>
  <si>
    <t>USB Кабель SkyDolphin D01L 8-pin</t>
  </si>
  <si>
    <t>USB Кабель SkyDolphin S03L 8-pin</t>
  </si>
  <si>
    <t>USB кабель Twins XF-45 3A трансформер USB-C - USB-C + 8-pin</t>
  </si>
  <si>
    <t>USB Кабель Union 8-pin</t>
  </si>
  <si>
    <t>USB Кабель Union UC-05 8-pin</t>
  </si>
  <si>
    <t>USB Кабель Union UC-08 8-pin</t>
  </si>
  <si>
    <t>USB Кабель Union UN-701 8-pin, нейлоновая оплётка</t>
  </si>
  <si>
    <t>USB Кабель Vidvie CB411V 8-pin</t>
  </si>
  <si>
    <t>USB кабель WUW-X166 Lightning 8- pin 1M 2A (белый)</t>
  </si>
  <si>
    <t>USB Кабель для  iPhone5/iPad цветной (8 pin) оплетка пластиковая 25 см</t>
  </si>
  <si>
    <t>USB кабель для IPhone 4 30-pin Copy</t>
  </si>
  <si>
    <t>USB Кабель для iPhone5/iPad (8 pin) резиновый</t>
  </si>
  <si>
    <t>USB Кабель плоский IPhone 30-pin</t>
  </si>
  <si>
    <t>USB-C кабель Afkas-Nova AF-23CI 8-pin Lighting</t>
  </si>
  <si>
    <t>USB-C Кабель BOROFONE BX83 8-pin Iphone 3A силиконовый</t>
  </si>
  <si>
    <t>USB-C Кабель BOROFONE BX94 8-Pin 20W (силиконовый)</t>
  </si>
  <si>
    <t>USB-C Кабель Hoco X37 8-pin</t>
  </si>
  <si>
    <t>USB-C Кабель Hoco X88 8-pin</t>
  </si>
  <si>
    <t>USB-C Кабель HOCO X90 8-Pin 3A (силиконовый)</t>
  </si>
  <si>
    <t>Беспроводное магнитное зарядное устройство Apple A2140 MagSafe Charger USB-C</t>
  </si>
  <si>
    <t>Кабель Lightning - USB-C Kaution Cable 1м</t>
  </si>
  <si>
    <t>Кабель Lightning to USB iPhone X 1М A1480 Оригинал</t>
  </si>
  <si>
    <t>Кабель USB Hoco X76 4в1 USB to Micro+Type C+IP*2</t>
  </si>
  <si>
    <t>Кабель USB Type-C - Lightning (MX0K2ZM/A) 1м белый</t>
  </si>
  <si>
    <t>Кабель USB Type-C - USB Type-C (A1997 MUF72ZM/A) 1 м</t>
  </si>
  <si>
    <t>Кабель USB Type-C - USB Type-C (MLL82ZM/A) 2 м</t>
  </si>
  <si>
    <t>Кабель USB-C - Lightning (MQGJ2ZM/A) 1м Copy белый</t>
  </si>
  <si>
    <t>Кабель USB-C - Lightning (MQGJ2ZM/A) 1м Orig белый</t>
  </si>
  <si>
    <t>МАГНИТНЫЙ USB Кабель iPhone 5 (2.4А), цвета в ассортименте</t>
  </si>
  <si>
    <t>Переходник USB 3.0 OTG Ligtning JH-053</t>
  </si>
  <si>
    <t>Шнур-переходник "Брелок" USB, 3 в 1, для iPhone 4/5, microUSB, цветной</t>
  </si>
  <si>
    <t>Защитные стёкла для Apple</t>
  </si>
  <si>
    <t>Бронь-стекло для iPhone i5/5S золото с бабочками (двустороннее) Colorful Nano Slim</t>
  </si>
  <si>
    <t>Гибкое нано-стекло 0,1мм IPhone 6 (двухсторонее/черное)</t>
  </si>
  <si>
    <t>Гибкое нано-стекло 0,1мм IPhone 6 Plus (белое)</t>
  </si>
  <si>
    <t>Гибкое нано-стекло 0,1мм IPhone 6 Plus (черное)</t>
  </si>
  <si>
    <t>Гибкое нано-стекло 0,1мм IPhone 7 Plus (двухсторонее/черное)</t>
  </si>
  <si>
    <t>Гибкое нано-стекло 0,1мм IPhone 8 (двухсторонее/черное)</t>
  </si>
  <si>
    <t>Защитное противоударное стекло (передняя часть, закрывает все стекло до рамки) для Айфон 6 БЕЛОЕ</t>
  </si>
  <si>
    <t>Защитное стекло "LP'' для iPhone7/6/6S Plus Tempered Glass 0,20 мм 9Н (ударопрочное)</t>
  </si>
  <si>
    <t>Защитное стекло (передняя и задняя часть) для Айфон 5/5S/5C Tempered Glass 0,33 мм 9Н (ДВОЙНОЕ/ЗОЛОТ</t>
  </si>
  <si>
    <t>Защитное стекло (передняя и задняя часть) для Айфон 6+ ЗОЛОТО</t>
  </si>
  <si>
    <t>Защитное стекло (передняя и задняя часть) для Айфон 6+ СЕРЕБРО</t>
  </si>
  <si>
    <t>Защитное стекло (противоударное, одностороннее) 0,33мм/2,5D для iPhone 4S MOMAX</t>
  </si>
  <si>
    <t>Защитное стекло (только задняя часть) для Айфон 6 СЕРЕБРО</t>
  </si>
  <si>
    <t>Защитное стекло 3D Soft Edges для iPhone 6 /6S, Белое</t>
  </si>
  <si>
    <t>Защитное стекло Dsaila для IPhone 13 / 13 Pro / IPhone 14 (черный)</t>
  </si>
  <si>
    <t>Защитное стекло Hoco для IPhone XS MAX / 11 Pro MAX (черный)</t>
  </si>
  <si>
    <t>Защитное стекло HQ для IPhone 13 Mini с рамкой 9H</t>
  </si>
  <si>
    <t>Защитное стекло HQ для IPhone 13 Pro Max с рамкой 9H</t>
  </si>
  <si>
    <t>Защитное стекло HQ для IPhone 13 с рамкой 9H</t>
  </si>
  <si>
    <t>Защитное стекло IPhone X / XS / 11 Pro 2.5D прозрачное</t>
  </si>
  <si>
    <t>Защитное стекло REMAX GL-27 для IPhone 12 / 12 Pro (черный)</t>
  </si>
  <si>
    <t>Защитное стекло REMAX GL-27 для IPhone 12 Pro Max (черный)</t>
  </si>
  <si>
    <t>Защитное стекло REMAX GL-27 для IPhone 13 / 13 Pro / IPhone 14 (черный)</t>
  </si>
  <si>
    <t>Защитное стекло REMAX GL-27 для IPhone 13 Pro Max / IPhone 14 Plus (черный)</t>
  </si>
  <si>
    <t>Защитное стекло REMAX GL-27 для IPhone 14 / 13 / 13 Pro (черный) антишпион</t>
  </si>
  <si>
    <t>Защитное стекло REMAX GL-27 для IPhone 14 Plus / 13 Pro Max (черный) антишпион</t>
  </si>
  <si>
    <t>Защитное стекло REMAX GL-27 для IPhone 14 Pro (черный)</t>
  </si>
  <si>
    <t>Защитное стекло REMAX GL-27 для IPhone 14 Pro (черный) антишпион</t>
  </si>
  <si>
    <t>Защитное стекло REMAX GL-27 для IPhone 14 Pro Max (черный)</t>
  </si>
  <si>
    <t>Защитное стекло REMAX GL-27 для IPhone 14 Pro Max (черный) антишпион</t>
  </si>
  <si>
    <t>Защитное стекло REMAX GL-27 для IPhone 15 (черный)</t>
  </si>
  <si>
    <t>Защитное стекло REMAX GL-27 для IPhone 15 (черный) антишпион</t>
  </si>
  <si>
    <t>Защитное стекло REMAX GL-27 для IPhone 15 Plus (черный)</t>
  </si>
  <si>
    <t>Защитное стекло REMAX GL-27 для IPhone 15 Plus (черный) антишпион</t>
  </si>
  <si>
    <t>Защитное стекло REMAX GL-27 для IPhone 15 Pro (черный)</t>
  </si>
  <si>
    <t>Защитное стекло REMAX GL-27 для IPhone 15 Pro (черный) антишпион</t>
  </si>
  <si>
    <t>Защитное стекло REMAX GL-27 для IPhone 15 Pro Max (черный)</t>
  </si>
  <si>
    <t>Защитное стекло REMAX GL-27 для IPhone 15 Pro Max (черный) антишпион</t>
  </si>
  <si>
    <t>Защитное стекло REMAX GL-27 для IPhone X /  XS / 11 Pro (черный)</t>
  </si>
  <si>
    <t>Защитное стекло REMAX GL-27 для IPhone XR / 11 (черный)</t>
  </si>
  <si>
    <t>Защитное стекло REMAX GL-27 для IPhone XS MAX / 11 Pro MAX (черный)</t>
  </si>
  <si>
    <t>Защитное стекло антишпион iPhone 6 / 6S (5D черное)</t>
  </si>
  <si>
    <t>Защитное стекло для Apple iPad 7 2019 / iPad 8 2020 / IPad 9 2021 10.2" 2.5D</t>
  </si>
  <si>
    <t>Защитное стекло для Apple iPad Air 4 2020 10.9" 2.5D</t>
  </si>
  <si>
    <t>Защитное стекло для Apple iPad Pro 2018 / iPad Pro 2020 / iPad Pro 2021 11" 2.5D</t>
  </si>
  <si>
    <t>Защитное стекло для iPad 2/3/4 2.5D 0.33мм</t>
  </si>
  <si>
    <t>Защитное стекло для iPad Mini 5 2.5D 0.33мм</t>
  </si>
  <si>
    <t>Защитное стекло для iPad Mini 6 2.5D 0.33мм</t>
  </si>
  <si>
    <t>Защитное стекло для iPad Pro 10.5" 2.5D 0.33мм</t>
  </si>
  <si>
    <t>Защитное стекло для iPad PRO 12.9" 2018-2020</t>
  </si>
  <si>
    <t>Защитное стекло для iPhone 12 / 12 Pro (5D черный)</t>
  </si>
  <si>
    <t>Защитное стекло для iPhone 12 mini (5D черный)</t>
  </si>
  <si>
    <t>Защитное стекло для IPhone 13 / 13 Pro / IPhone 14 (5D черный)</t>
  </si>
  <si>
    <t>Защитное стекло для IPhone 14 Pro (черный)</t>
  </si>
  <si>
    <t>Защитное стекло для IPhone 14 Pro Max (черный)</t>
  </si>
  <si>
    <t>Защитное стекло для iPhone 4 /4S, Tempered Glass 0,33мм, твердость 9H+ (двойное/золотое/ударопрочное</t>
  </si>
  <si>
    <t>Защитное стекло для iPhone 5 / 5s / SE 5D белое</t>
  </si>
  <si>
    <t>Защитное стекло для iPhone 5 / 5S, 0,3мм, твердость 9H+</t>
  </si>
  <si>
    <t>Защитное стекло для iPhone 6 (5D белое матовое)</t>
  </si>
  <si>
    <t>Защитное стекло для iPhone 6 (5D черное матовое)</t>
  </si>
  <si>
    <t>Защитное стекло для iPhone 6 / 6S / 7 / 8 / SE 2020 (10D белый)</t>
  </si>
  <si>
    <t>Защитное стекло для iPhone 6 / 6S / 7 / 8 / SE 2020 (10D черный)</t>
  </si>
  <si>
    <t>Защитное стекло для iPhone 6 Plus (10D черный)</t>
  </si>
  <si>
    <t>Защитное стекло для iPhone 6 plus, 2,5D, 0,3мм, твердость 9H+</t>
  </si>
  <si>
    <t>Защитное стекло для iPhone 6, 0,3мм, твердость 9H+</t>
  </si>
  <si>
    <t>Защитное стекло для iPhone 7 / 8 (10D белый)</t>
  </si>
  <si>
    <t>Защитное стекло для iPhone 7 / 8 (10D черный)</t>
  </si>
  <si>
    <t>Защитное стекло для iPhone 7 / 8 (5D белый)</t>
  </si>
  <si>
    <t>Защитное стекло для iPhone 7 / 8 (5D черный)</t>
  </si>
  <si>
    <t>Защитное стекло для iPhone 7 Plus / 8 Plus (10D белый)</t>
  </si>
  <si>
    <t>Защитное стекло для iPhone 7 Plus / 8 Plus (10D черный)</t>
  </si>
  <si>
    <t>Защитное стекло для iPhone 7 Plus / 8 Plus (5D белое матовое)</t>
  </si>
  <si>
    <t>Защитное стекло для iPhone 7 Plus / 8 Plus (5D белый)</t>
  </si>
  <si>
    <t>Защитное стекло для iPhone 7 Plus / 8 Plus (5D черное матовое)</t>
  </si>
  <si>
    <t>Защитное стекло для iPhone 7 Plus / 8 Plus (5D черный)</t>
  </si>
  <si>
    <t>Защитное стекло для iPhone 7 тонкая металлическая окантовка, (розовое)</t>
  </si>
  <si>
    <t>Защитное стекло для iPhone 7/8 (5D черное матовое)</t>
  </si>
  <si>
    <t>Защитное стекло для iPhone X / XS / 11 Pro (10D белый)</t>
  </si>
  <si>
    <t>Защитное стекло для iPhone X / XS / 11 Pro (10D черный)</t>
  </si>
  <si>
    <t>Защитное стекло для iPhone XR / 11 (5D черный)</t>
  </si>
  <si>
    <t>Защитное стекло для iPhone XS Max / 11 Pro Max (10D черный)</t>
  </si>
  <si>
    <t>Защитное стекло для iPhone XS Max / 11 Pro Max (5D черное матовое)</t>
  </si>
  <si>
    <t>Защитное стекло для iPhone XS Max / 11 Pro Max (5D черный)</t>
  </si>
  <si>
    <t>Защитное стекло камеры для IPhone 11 Pro Max (прозрачное)</t>
  </si>
  <si>
    <t>Защитное стекло камеры для IPhone 11 Pro Max (розовое)</t>
  </si>
  <si>
    <t>Защитное стекло камеры для IPhone 11 Pro Max (черное)</t>
  </si>
  <si>
    <t>Защитное стекло камеры для IPhone 13 Pro / 13 Pro Max</t>
  </si>
  <si>
    <t>Защитное стекло керамическое для iPhone XR / IPhone 11 (гибкое)</t>
  </si>
  <si>
    <t>Набор защитных стекол с кольцами для IPhone 11 / IPhone 12 / 12 Mini (зеленый)</t>
  </si>
  <si>
    <t>Набор защитных стекол с кольцами для IPhone 11 / IPhone 12 / 12 Mini (золото)</t>
  </si>
  <si>
    <t>Набор защитных стекол с кольцами для IPhone 11 / IPhone 12 / 12 Mini (черный)</t>
  </si>
  <si>
    <t>Набор защитных стекол с кольцами для IPhone 11 Pro / 11 Pro Max / 12 Pro (серый)</t>
  </si>
  <si>
    <t>Набор защитных стекол с кольцами для IPhone 11 Pro / 11 Pro Max / 12 Pro (синий)</t>
  </si>
  <si>
    <t>Набор защитных стекол с кольцами для IPhone 12 Pro Max (зеленый)</t>
  </si>
  <si>
    <t>Набор защитных стекол с кольцами для IPhone 12 Pro Max (золото)</t>
  </si>
  <si>
    <t>Набор защитных стекол с кольцами для IPhone 12 Pro Max (серебро)</t>
  </si>
  <si>
    <t>Набор защитных стекол с кольцами для IPhone 12 Pro Max (серый)</t>
  </si>
  <si>
    <t>Набор защитных стекол с кольцами для IPhone 13 / 13 Mini (синий)</t>
  </si>
  <si>
    <t>Набор защитных стекол с кольцами для IPhone 13 / 13 Mini (черный)</t>
  </si>
  <si>
    <t>Набор защитных стекол с кольцами для IPhone 13 Pro Max (зеленый)</t>
  </si>
  <si>
    <t>Набор защитных стекол с кольцами для IPhone 13 Pro Max (черный)</t>
  </si>
  <si>
    <t>Ремешки и стёкла для Apple Watch</t>
  </si>
  <si>
    <t>Браслет металлический для Apple Watch - 38/40 мм розовое золото</t>
  </si>
  <si>
    <t>Защитное стекло для Apple Watch - 40 мм</t>
  </si>
  <si>
    <t>Защитное стекло для Apple Watch - 42 мм</t>
  </si>
  <si>
    <t>Защитное стекло для Apple Watch - 44 мм</t>
  </si>
  <si>
    <t>Ремешок Spigen для Apple Watch - 38/40/41 мм белый</t>
  </si>
  <si>
    <t>Ремешок Spigen для Apple Watch - 38/40/41 мм зеленый</t>
  </si>
  <si>
    <t>Ремешок Spigen для Apple Watch - 38/40/41 мм коричневый</t>
  </si>
  <si>
    <t>Ремешок Spigen для Apple Watch - 38/40/41 мм розовый</t>
  </si>
  <si>
    <t>Ремешок Spigen для Apple Watch - 38/40/41 мм синий</t>
  </si>
  <si>
    <t>Ремешок Spigen для Apple Watch - 38/40/41 мм темно-синий</t>
  </si>
  <si>
    <t>Ремешок Spigen для Apple Watch - 42/44/45 мм зеленый</t>
  </si>
  <si>
    <t>Ремешок Spigen для Apple Watch - 42/44/45 мм темно-синий</t>
  </si>
  <si>
    <t>Ремешок Spigen для Apple Watch - 42/44/45 мм черный</t>
  </si>
  <si>
    <t>Ремешок для Apple Watch - 38/40 мм бирюзовый</t>
  </si>
  <si>
    <t>Ремешок для Apple Watch - 38/40 мм бордовый</t>
  </si>
  <si>
    <t>Ремешок для Apple Watch - 38/40 мм желтый</t>
  </si>
  <si>
    <t>Ремешок для Apple Watch - 38/40 мм зеленый</t>
  </si>
  <si>
    <t>Ремешок для Apple Watch - 38/40 мм коралловый</t>
  </si>
  <si>
    <t>Ремешок для Apple Watch - 38/40 мм небесно-голубой</t>
  </si>
  <si>
    <t>Ремешок для Apple Watch - 38/40 мм светло-голубой</t>
  </si>
  <si>
    <t>Ремешок для Apple Watch - 38/40 мм светло-серый</t>
  </si>
  <si>
    <t>Ремешок для Apple Watch - 38/40 мм серый</t>
  </si>
  <si>
    <t>Ремешок для Apple Watch - 38/40 мм синий</t>
  </si>
  <si>
    <t>Ремешок для Apple Watch - 38/40 мм черный</t>
  </si>
  <si>
    <t>Ремешок для Apple Watch - 38/40 мм ярко-зеленый</t>
  </si>
  <si>
    <t>Ремешок для Apple Watch - 42/44/45 мм зеленый</t>
  </si>
  <si>
    <t>Ремешок для Apple Watch - 42/44/45 мм красный</t>
  </si>
  <si>
    <t>Ремешок тканевый на липучке для Apple Watch - 38/40 (бежевый)</t>
  </si>
  <si>
    <t>Ремешок тканевый на липучке для Apple Watch - 38/40 (белый)</t>
  </si>
  <si>
    <t>Ремешок тканевый на липучке для Apple Watch - 38/40 (коричневый)</t>
  </si>
  <si>
    <t>Чехлы для Airpods</t>
  </si>
  <si>
    <t>Чехол силиконовый для Airpods (белый)</t>
  </si>
  <si>
    <t>Чехол силиконовый для Airpods (черный)</t>
  </si>
  <si>
    <t>Чехол силиконовый для Airpods 1 / 2 (розовый)</t>
  </si>
  <si>
    <t>Чехол силиконовый для Airpods 1/2 (голубой)</t>
  </si>
  <si>
    <t>Чехол силиконовый для Airpods 1/2 (персиковый)</t>
  </si>
  <si>
    <t>Чехол силиконовый для Airpods 1/2 (сиреневый)</t>
  </si>
  <si>
    <t>Чехол силиконовый для Airpods 1/2 (телесный)</t>
  </si>
  <si>
    <t>Чехол силиконовый для Airpods 3 (белый)</t>
  </si>
  <si>
    <t>Чехол силиконовый для Airpods 3 (зеленый)</t>
  </si>
  <si>
    <t>Чехол силиконовый для Airpods 3 (сиреневый)</t>
  </si>
  <si>
    <t>Чехол силиконовый для Airpods 3 (фиолетовый)</t>
  </si>
  <si>
    <t>Чехол силиконовый для Airpods 3 (черный)</t>
  </si>
  <si>
    <t>Чехол силиконовый для Airpods Pro (розовый)</t>
  </si>
  <si>
    <t>Чехол силиконовый для Airpods Pro (телесный)</t>
  </si>
  <si>
    <t>Чехлы для Apple Watch</t>
  </si>
  <si>
    <t>Чехол силиконовый для Apple Watch - 38 мм</t>
  </si>
  <si>
    <t>Чехол силиконовый для Apple Watch - 40 мм</t>
  </si>
  <si>
    <t>Чехол силиконовый для Apple Watch - 42 мм</t>
  </si>
  <si>
    <t>Чехол силиконовый для Apple Watch - 44 мм</t>
  </si>
  <si>
    <t>Чехлы для IPhone</t>
  </si>
  <si>
    <t>Силиконовый чехол на  iPhone 5 / 5S / SE (Print, в ассортименте)</t>
  </si>
  <si>
    <t>Чехол "Case" IPhone 11 (бежевый)</t>
  </si>
  <si>
    <t>Чехол "Case" IPhone 11 (белый)</t>
  </si>
  <si>
    <t>Чехол "Case" IPhone 11 (бирюзовый)</t>
  </si>
  <si>
    <t>Чехол "Case" IPhone 11 (глубокий синий)</t>
  </si>
  <si>
    <t>Чехол "Case" IPhone 11 (жемчужно-серый)</t>
  </si>
  <si>
    <t>Чехол "Case" IPhone 11 (зеленый)</t>
  </si>
  <si>
    <t>Чехол "Case" IPhone 11 (лиловый)</t>
  </si>
  <si>
    <t>Чехол "Case" IPhone 11 (малиновый)</t>
  </si>
  <si>
    <t>Чехол "Case" IPhone 11 (светло-синий)</t>
  </si>
  <si>
    <t>Чехол "Case" IPhone 11 (сине-зеленый)</t>
  </si>
  <si>
    <t>Чехол "Case" IPhone 11 (темно-зеленый)</t>
  </si>
  <si>
    <t>Чехол "Case" IPhone 11 (темно-лиловый)</t>
  </si>
  <si>
    <t>Чехол "Case" IPhone 11 (темно-розовый)</t>
  </si>
  <si>
    <t>Чехол "Case" IPhone 11 (хаки)</t>
  </si>
  <si>
    <t>Чехол "Case" IPhone 11 (черный)</t>
  </si>
  <si>
    <t>Чехол "Case" IPhone 11 (ярко-зеленый)</t>
  </si>
  <si>
    <t>Чехол "Case" IPhone 11 (ярко-розовый)</t>
  </si>
  <si>
    <t>Чехол "Case" IPhone 11 Pro (белый)</t>
  </si>
  <si>
    <t>Чехол "Case" IPhone 11 Pro (бордовый)</t>
  </si>
  <si>
    <t>Чехол "Case" IPhone 11 Pro (жемчужно-серый)</t>
  </si>
  <si>
    <t>Чехол "Case" IPhone 11 Pro (красный)</t>
  </si>
  <si>
    <t>Чехол "Case" IPhone 11 Pro (оранжевый)</t>
  </si>
  <si>
    <t>Чехол "Case" IPhone 11 Pro (полуночно-синий)</t>
  </si>
  <si>
    <t>Чехол "Case" IPhone 11 Pro (розовый)</t>
  </si>
  <si>
    <t>Чехол "Case" IPhone 11 Pro (светло-розовый)</t>
  </si>
  <si>
    <t>Чехол "Case" IPhone 11 Pro (серый)</t>
  </si>
  <si>
    <t>Чехол "Case" IPhone 11 Pro (сиреневый)</t>
  </si>
  <si>
    <t>Чехол "Case" IPhone 11 Pro (темно-розовый)</t>
  </si>
  <si>
    <t>Чехол "Case" IPhone 11 Pro (темно-серый)</t>
  </si>
  <si>
    <t>Чехол "Case" IPhone 11 Pro (темно-синий)</t>
  </si>
  <si>
    <t>Чехол "Case" IPhone 11 Pro (хаки)</t>
  </si>
  <si>
    <t>Чехол "Case" IPhone 11 Pro (черный)</t>
  </si>
  <si>
    <t>Чехол "Case" IPhone 11 Pro Max (бирюзовый)</t>
  </si>
  <si>
    <t>Чехол "Case" IPhone 11 Pro Max (бордовый)</t>
  </si>
  <si>
    <t>Чехол "Case" IPhone 11 Pro Max (голубой)</t>
  </si>
  <si>
    <t>Чехол "Case" IPhone 11 Pro Max (желтый)</t>
  </si>
  <si>
    <t>Чехол "Case" IPhone 11 Pro Max (жемчужно-серый)</t>
  </si>
  <si>
    <t>Чехол "Case" IPhone 11 Pro Max (коралловый)</t>
  </si>
  <si>
    <t>Чехол "Case" IPhone 11 Pro Max (кремовый)</t>
  </si>
  <si>
    <t>Чехол "Case" IPhone 11 Pro Max (розовый)</t>
  </si>
  <si>
    <t>Чехол "Case" IPhone 11 Pro Max (светло-синий)</t>
  </si>
  <si>
    <t>Чехол "Case" IPhone 11 Pro Max (серый)</t>
  </si>
  <si>
    <t>Чехол "Case" IPhone 11 Pro Max (сине-зеленый)</t>
  </si>
  <si>
    <t>Чехол "Case" IPhone 11 Pro Max (сине-серый)</t>
  </si>
  <si>
    <t>Чехол "Case" IPhone 11 Pro Max (сиреневый)</t>
  </si>
  <si>
    <t>Чехол "Case" IPhone 11 Pro Max (темно-розовый)</t>
  </si>
  <si>
    <t>Чехол "Case" IPhone 11 Pro Max (темно-серый)</t>
  </si>
  <si>
    <t>Чехол "Case" IPhone 11 Pro Max (темно-синий)</t>
  </si>
  <si>
    <t>Чехол "Case" IPhone 11 Pro Max (хаки)</t>
  </si>
  <si>
    <t>Чехол "Case" IPhone 11 Pro Max (черный)</t>
  </si>
  <si>
    <t>Чехол "Case" IPhone 12 / 12 Pro (бирюзовый)</t>
  </si>
  <si>
    <t>Чехол "Case" IPhone 12 / 12 Pro (бордовый)</t>
  </si>
  <si>
    <t>Чехол "Case" IPhone 12 / 12 Pro (желтый)</t>
  </si>
  <si>
    <t>Чехол "Case" IPhone 12 / 12 Pro (зеленый)</t>
  </si>
  <si>
    <t>Чехол "Case" IPhone 12 / 12 Pro (красный)</t>
  </si>
  <si>
    <t>Чехол "Case" IPhone 12 / 12 Pro (серый)</t>
  </si>
  <si>
    <t>Чехол "Case" IPhone 12 / 12 Pro (сиреневый)</t>
  </si>
  <si>
    <t>Чехол "Case" IPhone 12 / 12 Pro (темно-серый)</t>
  </si>
  <si>
    <t>Чехол "Case" IPhone 12 / 12 Pro (фиолетовый)</t>
  </si>
  <si>
    <t>Чехол "Case" IPhone 12 / 12 Pro (хаки)</t>
  </si>
  <si>
    <t>Чехол "Case" IPhone 12 / 12 Pro (черный)</t>
  </si>
  <si>
    <t>Чехол "Case" IPhone 12 Mini (белый)</t>
  </si>
  <si>
    <t>Чехол "Case" IPhone 12 Mini (жемчужно-серый)</t>
  </si>
  <si>
    <t>Чехол "Case" IPhone 12 Mini (зеленый)</t>
  </si>
  <si>
    <t>Чехол "Case" IPhone 12 Mini (рубиновый)</t>
  </si>
  <si>
    <t>Чехол "Case" IPhone 12 Mini (светло-розовый)</t>
  </si>
  <si>
    <t>Чехол "Case" IPhone 12 Mini (серебристо-серый)</t>
  </si>
  <si>
    <t>Чехол "Case" IPhone 12 Mini (серый)</t>
  </si>
  <si>
    <t>Чехол "Case" IPhone 12 Mini (сине-зеленый)</t>
  </si>
  <si>
    <t>Чехол "Case" IPhone 12 Mini (сиреневый)</t>
  </si>
  <si>
    <t>Чехол "Case" IPhone 12 Mini (темно-синий)</t>
  </si>
  <si>
    <t>Чехол "Case" IPhone 12 Mini (фиолетовый)</t>
  </si>
  <si>
    <t>Чехол "Case" IPhone 12 Mini (черный)</t>
  </si>
  <si>
    <t>Чехол "Case" IPhone 12 Mini (ярко-розовый)</t>
  </si>
  <si>
    <t>Чехол "Case" IPhone 12 Pro Max (белый)</t>
  </si>
  <si>
    <t>Чехол "Case" IPhone 12 Pro Max (бирюзовый)</t>
  </si>
  <si>
    <t>Чехол "Case" IPhone 12 Pro Max (желтый)</t>
  </si>
  <si>
    <t>Чехол "Case" IPhone 12 Pro Max (жемчужно-серый)</t>
  </si>
  <si>
    <t>Чехол "Case" IPhone 12 Pro Max (коралловый)</t>
  </si>
  <si>
    <t>Чехол "Case" IPhone 12 Pro Max (красный)</t>
  </si>
  <si>
    <t>Чехол "Case" IPhone 12 Pro Max (лиловый)</t>
  </si>
  <si>
    <t>Чехол "Case" IPhone 12 Pro Max (малиновый)</t>
  </si>
  <si>
    <t>Чехол "Case" IPhone 12 Pro Max (оранжевый)</t>
  </si>
  <si>
    <t>Чехол "Case" IPhone 12 Pro Max (светло-розовый)</t>
  </si>
  <si>
    <t>Чехол "Case" IPhone 12 Pro Max (светло-синий)</t>
  </si>
  <si>
    <t>Чехол "Case" IPhone 12 Pro Max (серебристо-серый)</t>
  </si>
  <si>
    <t>Чехол "Case" IPhone 12 Pro Max (серый)</t>
  </si>
  <si>
    <t>Чехол "Case" IPhone 12 Pro Max (сине-зеленый)</t>
  </si>
  <si>
    <t>Чехол "Case" IPhone 12 Pro Max (сиреневый)</t>
  </si>
  <si>
    <t>Чехол "Case" IPhone 12 Pro Max (темно-зеленый)</t>
  </si>
  <si>
    <t>Чехол "Case" IPhone 12 Pro Max (темно-синий)</t>
  </si>
  <si>
    <t>Чехол "Case" IPhone 12 Pro Max (черный)</t>
  </si>
  <si>
    <t>Чехол "Case" IPhone 12 Pro Max (ярко-зеленый)</t>
  </si>
  <si>
    <t>Чехол "Case" IPhone 12 Pro Max (ярко-синий)</t>
  </si>
  <si>
    <t>Чехол "Case" IPhone 13 (бордовый)</t>
  </si>
  <si>
    <t>Чехол "Case" IPhone 13 (зеленый)</t>
  </si>
  <si>
    <t>Чехол "Case" IPhone 13 (рубиновый)</t>
  </si>
  <si>
    <t>Чехол "Case" IPhone 13 (серо-синий)</t>
  </si>
  <si>
    <t>Чехол "Case" IPhone 13 (черный)</t>
  </si>
  <si>
    <t>Чехол "Case" IPhone 13 Pro (бирюзовый)</t>
  </si>
  <si>
    <t>Чехол "Case" IPhone 13 Pro (желтый)</t>
  </si>
  <si>
    <t>Чехол "Case" IPhone 13 Pro (зеленый)</t>
  </si>
  <si>
    <t>Чехол "Case" IPhone 13 Pro (оранжевый)</t>
  </si>
  <si>
    <t>Чехол "Case" IPhone 13 Pro (сиреневый)</t>
  </si>
  <si>
    <t>Чехол "Case" IPhone 13 Pro (темно-серый)</t>
  </si>
  <si>
    <t>Чехол "Case" IPhone 13 Pro (фиолетовый)</t>
  </si>
  <si>
    <t>Чехол "Case" IPhone 13 Pro (черный)</t>
  </si>
  <si>
    <t>Чехол "Case" IPhone 13 Pro (ярко-зеленый)</t>
  </si>
  <si>
    <t>Чехол "Case" IPhone 13 Pro (ярко-розовый)</t>
  </si>
  <si>
    <t>Чехол "Case" IPhone 13 Pro Max (зеленый)</t>
  </si>
  <si>
    <t>Чехол "Case" IPhone 13 Pro Max (красный)</t>
  </si>
  <si>
    <t>Чехол "Case" IPhone 13 Pro Max (лиловый)</t>
  </si>
  <si>
    <t>Чехол "Case" IPhone 13 Pro Max (малиновый)</t>
  </si>
  <si>
    <t>Чехол "Case" IPhone 13 Pro Max (оранжевый)</t>
  </si>
  <si>
    <t>Чехол "Case" IPhone 13 Pro Max (светло-синий)</t>
  </si>
  <si>
    <t>Чехол "Case" IPhone 13 Pro Max (сиреневый)</t>
  </si>
  <si>
    <t>Чехол "Case" IPhone 13 Pro Max (фиолетовый)</t>
  </si>
  <si>
    <t>Чехол "Case" IPhone 13 Pro Max (хаки)</t>
  </si>
  <si>
    <t>Чехол "Case" IPhone 13 Pro Max (черный)</t>
  </si>
  <si>
    <t>Чехол "Case" IPhone 13 Pro Max (ярко-зеленый)</t>
  </si>
  <si>
    <t>Чехол "Case" IPhone 14 (бирюзовый)</t>
  </si>
  <si>
    <t>Чехол "Case" IPhone 14 (желтый)</t>
  </si>
  <si>
    <t>Чехол "Case" IPhone 14 (зеленый)</t>
  </si>
  <si>
    <t>Чехол "Case" IPhone 14 (изумрудно-зеленый)</t>
  </si>
  <si>
    <t>Чехол "Case" IPhone 14 (сиреневый)</t>
  </si>
  <si>
    <t>Чехол "Case" IPhone 14 (черный)</t>
  </si>
  <si>
    <t>Чехол "Case" IPhone 14 (ярко-зеленый)</t>
  </si>
  <si>
    <t>Чехол "Case" IPhone 14 (ярко-розовый)</t>
  </si>
  <si>
    <t>Чехол "Case" IPhone 14 (ярко-синий)</t>
  </si>
  <si>
    <t>Чехол "Case" IPhone 14 Plus (бордовый)</t>
  </si>
  <si>
    <t>Чехол "Case" IPhone 14 Plus (зеленый)</t>
  </si>
  <si>
    <t>Чехол "Case" IPhone 14 Plus (сиреневый)</t>
  </si>
  <si>
    <t>Чехол "Case" IPhone 14 Plus (фиолетовый)</t>
  </si>
  <si>
    <t>Чехол "Case" IPhone 14 Pro (белый)</t>
  </si>
  <si>
    <t>Чехол "Case" IPhone 14 Pro (бирюзовый)</t>
  </si>
  <si>
    <t>Чехол "Case" IPhone 14 Pro (зеленый)</t>
  </si>
  <si>
    <t>Чехол "Case" IPhone 14 Pro (красный)</t>
  </si>
  <si>
    <t>Чехол "Case" IPhone 14 Pro (кремовый)</t>
  </si>
  <si>
    <t>Чехол "Case" IPhone 14 Pro (пудровый)</t>
  </si>
  <si>
    <t>Чехол "Case" IPhone 14 Pro (фиолетовый)</t>
  </si>
  <si>
    <t>Чехол "Case" IPhone 14 Pro (хаки)</t>
  </si>
  <si>
    <t>Чехол "Case" IPhone 14 Pro (черный)</t>
  </si>
  <si>
    <t>Чехол "Case" IPhone 14 Pro (ярко-зеленый)</t>
  </si>
  <si>
    <t>Чехол "Case" IPhone 14 Pro (ярко-розовый)</t>
  </si>
  <si>
    <t>Чехол "Case" IPhone 14 Pro Max (белый)</t>
  </si>
  <si>
    <t>Чехол "Case" IPhone 14 Pro Max (бирюзовый)</t>
  </si>
  <si>
    <t>Чехол "Case" IPhone 14 Pro Max (зеленый)</t>
  </si>
  <si>
    <t>Чехол "Case" IPhone 14 Pro Max (кремовый)</t>
  </si>
  <si>
    <t>Чехол "Case" IPhone 14 Pro Max (сиреневый)</t>
  </si>
  <si>
    <t>Чехол "Case" IPhone 14 Pro Max (хаки)</t>
  </si>
  <si>
    <t>Чехол "Case" IPhone 14 Pro Max (черный)</t>
  </si>
  <si>
    <t>Чехол "Case" IPhone 14 Pro Max (ярко-зеленый)</t>
  </si>
  <si>
    <t>Чехол "Case" IPhone 14 Pro Max (ярко-розовый)</t>
  </si>
  <si>
    <t>Чехол "Case" IPhone 6 Plus / 6S Plus (белый)</t>
  </si>
  <si>
    <t>Чехол "Case" IPhone 6 Plus / 6S Plus (голубой)</t>
  </si>
  <si>
    <t>Чехол "Case" IPhone 6 Plus / 6S Plus (желтый)</t>
  </si>
  <si>
    <t>Чехол "Case" IPhone 7 Plus / 8 Plus (белый)</t>
  </si>
  <si>
    <t>Чехол "Case" IPhone 7 Plus / 8 Plus (бирюзовый)</t>
  </si>
  <si>
    <t>Чехол "Case" IPhone 7 Plus / 8 Plus (бордовый)</t>
  </si>
  <si>
    <t>Чехол "Case" IPhone 7 Plus / 8 Plus (желтый)</t>
  </si>
  <si>
    <t>Чехол "Case" IPhone 7 Plus / 8 Plus (зеленый)</t>
  </si>
  <si>
    <t>Чехол "Case" IPhone 7 Plus / 8 Plus (коралловый)</t>
  </si>
  <si>
    <t>Чехол "Case" IPhone 7 Plus / 8 Plus (оранжевый)</t>
  </si>
  <si>
    <t>Чехол "Case" IPhone 7 Plus / 8 Plus (персиковый)</t>
  </si>
  <si>
    <t>Чехол "Case" IPhone 7 Plus / 8 Plus (светло-розовый)</t>
  </si>
  <si>
    <t>Чехол "Case" IPhone 7 Plus / 8 Plus (светло-синий)</t>
  </si>
  <si>
    <t>Чехол "Case" IPhone 7 Plus / 8 Plus (сине-зеленый)</t>
  </si>
  <si>
    <t>Чехол "Case" IPhone 7 Plus / 8 Plus (сине-серый)</t>
  </si>
  <si>
    <t>Чехол "Case" IPhone 7 Plus / 8 Plus (синий)</t>
  </si>
  <si>
    <t>Чехол "Case" IPhone 7 Plus / 8 Plus (темно-серый)</t>
  </si>
  <si>
    <t>Чехол "Case" IPhone 7 Plus / 8 Plus (фиолетовый)</t>
  </si>
  <si>
    <t>Чехол "Case" IPhone 7 Plus / 8 Plus (черный)</t>
  </si>
  <si>
    <t>Чехол "Case" IPhone 7 Plus / 8 Plus (ярко-розовый)</t>
  </si>
  <si>
    <t>Чехол "Case" IPhone 7/8 (белый)</t>
  </si>
  <si>
    <t>Чехол "Case" IPhone 7/8 (бирюзовый)</t>
  </si>
  <si>
    <t>Чехол "Case" IPhone 7/8 (бордовый)</t>
  </si>
  <si>
    <t>Чехол "Case" IPhone 7/8 (голубой)</t>
  </si>
  <si>
    <t>Чехол "Case" IPhone 7/8 (зеленый)</t>
  </si>
  <si>
    <t>Чехол "Case" IPhone 7/8 (коралловый)</t>
  </si>
  <si>
    <t>Чехол "Case" IPhone 7/8 (оранжевый)</t>
  </si>
  <si>
    <t>Чехол "Case" IPhone 7/8 (персиковый)</t>
  </si>
  <si>
    <t>Чехол "Case" IPhone 7/8 (рубиновый)</t>
  </si>
  <si>
    <t>Чехол "Case" IPhone 7/8 (серый)</t>
  </si>
  <si>
    <t>Чехол "Case" IPhone 7/8 (темно-серый)</t>
  </si>
  <si>
    <t>Чехол "Case" IPhone 7/8 (фиолетовый)</t>
  </si>
  <si>
    <t>Чехол "Case" IPhone 7/8 (ярко-розовый)</t>
  </si>
  <si>
    <t>Чехол "Case" IPhone X / XS (бордовый)</t>
  </si>
  <si>
    <t>Чехол "Case" IPhone X / XS (желтый)</t>
  </si>
  <si>
    <t>Чехол "Case" IPhone X / XS (зеленый)</t>
  </si>
  <si>
    <t>Чехол "Case" IPhone X / XS (кремовый)</t>
  </si>
  <si>
    <t>Чехол "Case" IPhone X / XS (оранжевый)</t>
  </si>
  <si>
    <t>Чехол "Case" IPhone X / XS (персиковый)</t>
  </si>
  <si>
    <t>Чехол "Case" IPhone X / XS (рубиновый)</t>
  </si>
  <si>
    <t>Чехол "Case" IPhone X / XS (светло-розовый)</t>
  </si>
  <si>
    <t>Чехол "Case" IPhone X / XS (светло-синий)</t>
  </si>
  <si>
    <t>Чехол "Case" IPhone X / XS (серый)</t>
  </si>
  <si>
    <t>Чехол "Case" IPhone X / XS (синий)</t>
  </si>
  <si>
    <t>Чехол "Case" IPhone X / XS (темно-синий)</t>
  </si>
  <si>
    <t>Чехол "Case" IPhone X / XS (фиолетовый)</t>
  </si>
  <si>
    <t>Чехол "Case" IPhone XR (белый)</t>
  </si>
  <si>
    <t>Чехол "Case" IPhone XR (бирюзовый)</t>
  </si>
  <si>
    <t>Чехол "Case" IPhone XR (бордовый)</t>
  </si>
  <si>
    <t>Чехол "Case" IPhone XR (жемчужно-серый)</t>
  </si>
  <si>
    <t>Чехол "Case" IPhone XR (зеленый)</t>
  </si>
  <si>
    <t>Чехол "Case" IPhone XR (персиковый)</t>
  </si>
  <si>
    <t>Чехол "Case" IPhone XR (рубиновый)</t>
  </si>
  <si>
    <t>Чехол "Case" IPhone XR (светло-синий)</t>
  </si>
  <si>
    <t>Чехол "Case" IPhone XR (сине-серый)</t>
  </si>
  <si>
    <t>Чехол "Case" IPhone XR (синий)</t>
  </si>
  <si>
    <t>Чехол "Case" IPhone XR (сиреневый)</t>
  </si>
  <si>
    <t>Чехол "Case" IPhone XR (темно-синий)</t>
  </si>
  <si>
    <t>Чехол "Case" IPhone XR (фиолетовый)</t>
  </si>
  <si>
    <t>Чехол "Case" IPhone XR (хаки)</t>
  </si>
  <si>
    <t>Чехол "Case" IPhone XR (ярко-зеленый)</t>
  </si>
  <si>
    <t>Чехол "Case" IPhone XS Max (белый)</t>
  </si>
  <si>
    <t>Чехол "Case" IPhone XS Max (бирюзовый)</t>
  </si>
  <si>
    <t>Чехол "Case" IPhone XS Max (бордовый)</t>
  </si>
  <si>
    <t>Чехол "Case" IPhone XS Max (голубой)</t>
  </si>
  <si>
    <t>Чехол "Case" IPhone XS Max (желтый)</t>
  </si>
  <si>
    <t>Чехол "Case" IPhone XS Max (красный)</t>
  </si>
  <si>
    <t>Чехол "Case" IPhone XS Max (персиковый)</t>
  </si>
  <si>
    <t>Чехол "Case" IPhone XS Max (рубиновый)</t>
  </si>
  <si>
    <t>Чехол "Case" IPhone XS Max (светоло-розовый)</t>
  </si>
  <si>
    <t>Чехол "Case" IPhone XS Max (темно-зеленый)</t>
  </si>
  <si>
    <t>Чехол "Case" IPhone XS Max (темно-серый)</t>
  </si>
  <si>
    <t>Чехол "Case" IPhone XS Max (темно-синий)</t>
  </si>
  <si>
    <t>Чехол "Case" IPhone XS Max (хаки)</t>
  </si>
  <si>
    <t>Чехол "Case" IPhone XS Max (черный)</t>
  </si>
  <si>
    <t>Чехол "Clear Case" для IPhone 11 (прозрачный)</t>
  </si>
  <si>
    <t>Чехол "Clear Case" для IPhone 11 Pro (прозрачный)</t>
  </si>
  <si>
    <t>Чехол "Clear Case" для IPhone 11 Pro Max (прозрачный)</t>
  </si>
  <si>
    <t>Чехол "Clear Case" для IPhone 12 (прозрачный)</t>
  </si>
  <si>
    <t>Чехол "Clear Case" для IPhone 12 Pro Max (прозрачный)</t>
  </si>
  <si>
    <t>Чехол "Clear Case" для IPhone 14 (прозрачный)</t>
  </si>
  <si>
    <t>Чехол "Clear Case" для IPhone 14 Plus (прозрачный)</t>
  </si>
  <si>
    <t>Чехол "Clear Case" для IPhone 14 Pro (прозрачный)</t>
  </si>
  <si>
    <t>Чехол "Clear Case" для IPhone 15 (прозрачный)</t>
  </si>
  <si>
    <t>Чехол "Clear Case" для IPhone 15 Plus (прозрачный)</t>
  </si>
  <si>
    <t>Чехол "Clear Case" для IPhone 6 / 6S (прозрачный)</t>
  </si>
  <si>
    <t>Чехол "Clear Case" для IPhone 7 / 8 (прозрачный)</t>
  </si>
  <si>
    <t>Чехол "Clear Case" для IPhone 7 Plus / 8 Plus (прозрачный)</t>
  </si>
  <si>
    <t>Чехол "Clear Case" для IPhone XR (прозрачный)</t>
  </si>
  <si>
    <t>Чехол "Creative Case" для IPhone 11 (красный)</t>
  </si>
  <si>
    <t>Чехол "Creative Case" для IPhone 11 (розовый)</t>
  </si>
  <si>
    <t>Чехол "Creative Case" для IPhone 11 Pro (красный)</t>
  </si>
  <si>
    <t>Чехол "Creative Case" для IPhone 11 Pro (розовый)</t>
  </si>
  <si>
    <t>Чехол "Creative Case" для IPhone 11 Pro (синий)</t>
  </si>
  <si>
    <t>Чехол "Creative Case" для IPhone 11 Pro (фиолетовый)</t>
  </si>
  <si>
    <t>Чехол "Creative Case" для IPhone 11 Pro (черный)</t>
  </si>
  <si>
    <t>Чехол "Creative Case" для IPhone 11 Pro Max (красный)</t>
  </si>
  <si>
    <t>Чехол "Creative Case" для IPhone 11 Pro Max (розовый)</t>
  </si>
  <si>
    <t>Чехол "Creative Case" для IPhone 11 Pro Max (синий)</t>
  </si>
  <si>
    <t>Чехол "Creative Case" для IPhone 11 Pro Max (фиолетовый)</t>
  </si>
  <si>
    <t>Чехол "Creative Case" для IPhone 11 Pro Max (черный)</t>
  </si>
  <si>
    <t>Чехол "Creative Case" для IPhone 6/6S (красный, мультиперсонажи)</t>
  </si>
  <si>
    <t>Чехол "Creative Case" для IPhone 6/6S (черный, мультиперсонажи)</t>
  </si>
  <si>
    <t>Чехол "Creative Case" для IPhone X/XS (красный)</t>
  </si>
  <si>
    <t>Чехол "Creative Case" для IPhone X/XS (розовый)</t>
  </si>
  <si>
    <t>Чехол "Creative Case" для IPhone XR (красный)</t>
  </si>
  <si>
    <t>Чехол "Creative Case" для IPhone XR (синий)</t>
  </si>
  <si>
    <t>Чехол "Creative Case" для IPhone XR (черный)</t>
  </si>
  <si>
    <t>Чехол "Magnetic" силиконовый для iPhone 11 6,1 (голубой)</t>
  </si>
  <si>
    <t>Чехол "Magnetic" силиконовый для iPhone 12 (розовый)</t>
  </si>
  <si>
    <t>Чехол "Magnetic" силиконовый для iPhone 12 (серебро)</t>
  </si>
  <si>
    <t>Чехол "Magnetic" силиконовый для iPhone 13 (синий)</t>
  </si>
  <si>
    <t>Чехол "Magnetic" силиконовый для iPhone 13 (сиреневый)</t>
  </si>
  <si>
    <t>Чехол "Magnetic" силиконовый для iPhone 13 (черный)</t>
  </si>
  <si>
    <t>Чехол "Magnetic" силиконовый для iPhone 13 Pro (золото)</t>
  </si>
  <si>
    <t>Чехол "Magnetic" силиконовый для iPhone 13 Pro (серебро)</t>
  </si>
  <si>
    <t>Чехол "Magnetic" силиконовый для iPhone 13 Pro (сиреневый)</t>
  </si>
  <si>
    <t>Чехол "Magnetic" силиконовый для iPhone 13 Pro (черный)</t>
  </si>
  <si>
    <t>Чехол "Magnetic" силиконовый для iPhone 14 (золото)</t>
  </si>
  <si>
    <t>Чехол "Magnetic" силиконовый для iPhone 14 (розовый)</t>
  </si>
  <si>
    <t>Чехол "Magnetic" силиконовый для iPhone 14 (серебро)</t>
  </si>
  <si>
    <t>Чехол "Magnetic" силиконовый для iPhone 14 (сиреневый)</t>
  </si>
  <si>
    <t>Чехол "Magnetic" силиконовый для iPhone 14 Pro (серебро)</t>
  </si>
  <si>
    <t>Чехол "Magnetic" силиконовый для iPhone 14 Pro (синий)</t>
  </si>
  <si>
    <t>Чехол "Magnetic" силиконовый для iPhone 14 Pro Max (золото)</t>
  </si>
  <si>
    <t>Чехол "Magnetic" силиконовый для iPhone 14 Pro Max (розовый)</t>
  </si>
  <si>
    <t>Чехол "Magnetic" силиконовый для iPhone 14 Pro Max (серебро)</t>
  </si>
  <si>
    <t>Чехол "Magnetic" силиконовый для iPhone 15 (голубой)</t>
  </si>
  <si>
    <t>Чехол "Magnetic" силиконовый для iPhone 15 (зеленый)</t>
  </si>
  <si>
    <t>Чехол "Magnetic" силиконовый для iPhone 15 (золото)</t>
  </si>
  <si>
    <t>Чехол "Magnetic" силиконовый для iPhone 15 (розовый)</t>
  </si>
  <si>
    <t>Чехол "Magnetic" силиконовый для iPhone 15 (синий)</t>
  </si>
  <si>
    <t>Чехол "Magnetic" силиконовый для iPhone 15 Pro (золото)</t>
  </si>
  <si>
    <t>Чехол "Magnetic" силиконовый для iPhone 15 Pro (розовый)</t>
  </si>
  <si>
    <t>Чехол "Magnetic" силиконовый для iPhone 15 Pro (серебро)</t>
  </si>
  <si>
    <t>Чехол "Magnetic" силиконовый для iPhone 15 Pro (серый)</t>
  </si>
  <si>
    <t>Чехол "Magnetic" силиконовый для iPhone 15 Pro Max (золото)</t>
  </si>
  <si>
    <t>Чехол "Magnetic" силиконовый для iPhone 15 Pro Max (розовый)</t>
  </si>
  <si>
    <t>Чехол "Magnetic" силиконовый для iPhone 15 Pro Max (серый)</t>
  </si>
  <si>
    <t>Чехол "Silicone Case" iPhone 12 (черный)</t>
  </si>
  <si>
    <t>Чехол "Silicone Case" iPhone 12/12 Pro (черный)</t>
  </si>
  <si>
    <t>Чехол "Silicone Case" iPhone 14 Plus (жемчужно-розовый)</t>
  </si>
  <si>
    <t>Чехол "Silicone Case" IPhone 15 (бирюзовый)</t>
  </si>
  <si>
    <t>Чехол "Silicone Case" IPhone 15 (желтый)</t>
  </si>
  <si>
    <t>Чехол "Silicone Case" IPhone 15 (ледяной голубой)</t>
  </si>
  <si>
    <t>Чехол "Silicone Case" IPhone 15 (молочный)</t>
  </si>
  <si>
    <t>Чехол "Silicone Case" IPhone 15 (пудровый)</t>
  </si>
  <si>
    <t>Чехол "Silicone Case" IPhone 15 (черный)</t>
  </si>
  <si>
    <t>Чехол "Silicone Case" IPhone 15 (ярко-зеленый)</t>
  </si>
  <si>
    <t>Чехол "Silicone Case" IPhone 15 Plus (бирюзовый)</t>
  </si>
  <si>
    <t>Чехол "Silicone Case" IPhone 15 Plus (лавандовый)</t>
  </si>
  <si>
    <t>Чехол "Silicone Case" IPhone 15 Plus (молочный)</t>
  </si>
  <si>
    <t>Чехол "Silicone Case" IPhone 15 Plus (пудровый)</t>
  </si>
  <si>
    <t>Чехол "Silicone Case" IPhone 15 Plus (синий)</t>
  </si>
  <si>
    <t>Чехол "Silicone Case" IPhone 15 Plus (сиреневый)</t>
  </si>
  <si>
    <t>Чехол "Silicone Case" IPhone 15 Plus (темно-синий)</t>
  </si>
  <si>
    <t>Чехол "Silicone Case" IPhone 15 Plus (холодный голубой)</t>
  </si>
  <si>
    <t>Чехол "Silicone Case" IPhone 15 Plus (черный)</t>
  </si>
  <si>
    <t>Чехол "Silicone Case" IPhone 15 Plus (ярко-зеленый)</t>
  </si>
  <si>
    <t>Чехол "Silicone Case" IPhone 15 Plus (ярко-розовый)</t>
  </si>
  <si>
    <t>Чехол "Silicone Case" IPhone 15 Pro (бирюзовый)</t>
  </si>
  <si>
    <t>Чехол "Silicone Case" IPhone 15 Pro (желтый)</t>
  </si>
  <si>
    <t>Чехол "Silicone Case" IPhone 15 Pro (лавандовый)</t>
  </si>
  <si>
    <t>Чехол "Silicone Case" IPhone 15 Pro (молочный)</t>
  </si>
  <si>
    <t>Чехол "Silicone Case" IPhone 15 Pro (прозрачный)</t>
  </si>
  <si>
    <t>Чехол "Silicone Case" IPhone 15 Pro (синий)</t>
  </si>
  <si>
    <t>Чехол "Silicone Case" IPhone 15 Pro (черный)</t>
  </si>
  <si>
    <t>Чехол "Silicone Case" IPhone 15 Pro (ярко-зеленый)</t>
  </si>
  <si>
    <t>Чехол "Silicone Case" IPhone 15 Pro (ярко-розовый)</t>
  </si>
  <si>
    <t>Чехол "Silicone Case" IPhone 15 Pro Max (бежевый)</t>
  </si>
  <si>
    <t>Чехол "Silicone Case" IPhone 15 Pro Max (бирюзовый)</t>
  </si>
  <si>
    <t>Чехол "Silicone Case" IPhone 15 Pro Max (голубой)</t>
  </si>
  <si>
    <t>Чехол "Silicone Case" IPhone 15 Pro Max (желтый)</t>
  </si>
  <si>
    <t>Чехол "Silicone Case" IPhone 15 Pro Max (лавандовый)</t>
  </si>
  <si>
    <t>Чехол "Silicone Case" IPhone 15 Pro Max (пудровый)</t>
  </si>
  <si>
    <t>Чехол "Silicone Case" IPhone 15 Pro Max (черный)</t>
  </si>
  <si>
    <t>Чехол "Silicone Case" IPhone 15 Pro Max (ярко-зеленый)</t>
  </si>
  <si>
    <t>Чехол "Silicone Case" IPhone 15 Pro Max (ярко-розовый)</t>
  </si>
  <si>
    <t>Чехол "Silicone Case" IPhone 7/8 (черный)</t>
  </si>
  <si>
    <t>Чехол MagSafe прозрачный для iPhone 12 Pro Max</t>
  </si>
  <si>
    <t>Чехол MagSafe прозрачный для iPhone 13</t>
  </si>
  <si>
    <t>Чехол MagSafe прозрачный для iPhone 13 Pro</t>
  </si>
  <si>
    <t>Чехол MagSafe прозрачный для iPhone 14 Plus</t>
  </si>
  <si>
    <t>Чехол MagSafe прозрачный для iPhone 14 Pro</t>
  </si>
  <si>
    <t>Чехол MagSafe прозрачный для iPhone 15</t>
  </si>
  <si>
    <t>Чехол MagSafe прозрачный для iPhone 15 Plus</t>
  </si>
  <si>
    <t>Чехол MagSafe прозрачный для iPhone 15 Pro</t>
  </si>
  <si>
    <t>Чехол MagSafe прозрачный для iPhone 15 Pro Max</t>
  </si>
  <si>
    <t>Чехол для IPhone X / XS силиконовый прозрачный</t>
  </si>
  <si>
    <t>Чехол для IPhone X / XS силиконовый прозрачный с синей окантовкой</t>
  </si>
  <si>
    <t>Чехол кожаный для IPhone 11 Pro Max (красный) ORIG</t>
  </si>
  <si>
    <t>Чехол кожаный для IPhone 11 Pro Max (темно-синий) ORIG</t>
  </si>
  <si>
    <t>Чехол кожаный для IPhone XS Max (темно-синий) ORIG</t>
  </si>
  <si>
    <t>Чехол силиконовый для IPhone 11 (черный)</t>
  </si>
  <si>
    <t>Чехол силиконовый для IPhone 15 Plus (прозрачный)</t>
  </si>
  <si>
    <t>Чехол силиконовый для IPhone 15 Plus с кардхолдером</t>
  </si>
  <si>
    <t>Чехол силиконовый для IPhone 15 Pro Max (прозрачный)</t>
  </si>
  <si>
    <t>Чехол силиконовый для IPhone 15 Pro Max с кардхолдером</t>
  </si>
  <si>
    <t>Чехол силиконовый для IPhone 15 Pro с кардхолдером</t>
  </si>
  <si>
    <t>Чехол силиконовый для IPhone 15 с кардхолдером</t>
  </si>
  <si>
    <t>Чехол силиконовый под кожу для iPhone 15 (ледяной голубой)</t>
  </si>
  <si>
    <t>Чехол силиконовый под кожу для iPhone 15 (персиковый)</t>
  </si>
  <si>
    <t>Чехол силиконовый под кожу для iPhone 15 (сиреневый)</t>
  </si>
  <si>
    <t>Чехол силиконовый под кожу для iPhone 15 (черный)</t>
  </si>
  <si>
    <t>Чехол силиконовый под кожу для iPhone 15 Pro (персиковый)</t>
  </si>
  <si>
    <t>Чехол силиконовый под кожу для iPhone 15 Pro (сиреневый)</t>
  </si>
  <si>
    <t>Чехол силиконовый под кожу для iPhone 15 Pro (черный)</t>
  </si>
  <si>
    <t>Чехол силиконовый под кожу для iPhone 15 Pro Max (ледяной голубой)</t>
  </si>
  <si>
    <t>Чехол силиконовый под кожу для iPhone 15 Pro Max (персиковый)</t>
  </si>
  <si>
    <t>Чехол силиконовый под кожу для iPhone 15 Pro Max (сиреневый)</t>
  </si>
  <si>
    <t>Чехол силиконовый под кожу для iPhone 15 Pro Max (черный)</t>
  </si>
  <si>
    <t>Чехол силиконовый с узорами для IPhone 11 (черный)</t>
  </si>
  <si>
    <t>Чехол силиконовый со стеклянной панелью для iPhone 11 (черный)</t>
  </si>
  <si>
    <t>Чехол силиконовый со стеклянной панелью для iPhone 12 (белый)</t>
  </si>
  <si>
    <t>Чехол силиконовый со стеклянной панелью для iPhone 12 (черный)</t>
  </si>
  <si>
    <t>Чехол силиконовый со стеклянной панелью для iPhone 13 (белый)</t>
  </si>
  <si>
    <t>Чехол силиконовый со стеклянной панелью для iPhone 14 (черный)</t>
  </si>
  <si>
    <t>Чехол силиконовый со стеклянной панелью для iPhone 14 Plus (белый)</t>
  </si>
  <si>
    <t>Чехол силиконовый со стеклянной панелью для iPhone 14 Plus (голубой)</t>
  </si>
  <si>
    <t>Чехол силиконовый со стеклянной панелью для iPhone 14 Plus (мятный)</t>
  </si>
  <si>
    <t>Чехол силиконовый со стеклянной панелью для iPhone 14 Plus (персиковый)</t>
  </si>
  <si>
    <t>Чехол силиконовый со стеклянной панелью для iPhone 14 Plus (синий)</t>
  </si>
  <si>
    <t>Чехол силиконовый со стеклянной панелью для iPhone 14 Plus (черный)</t>
  </si>
  <si>
    <t>Чехол силиконовый со стеклянной панелью для iPhone 14 Pro (голубой)</t>
  </si>
  <si>
    <t>Чехол силиконовый со стеклянной панелью для iPhone 14 Pro (лиловый)</t>
  </si>
  <si>
    <t>Чехол силиконовый со стеклянной панелью для iPhone 14 Pro (персиковый)</t>
  </si>
  <si>
    <t>Чехол силиконовый со стеклянной панелью для iPhone 14 Pro (синий)</t>
  </si>
  <si>
    <t>Чехол силиконовый со стеклянной панелью для iPhone 14 Pro (сиреневый)</t>
  </si>
  <si>
    <t>Чехол силиконовый со стеклянной панелью для iPhone 14 Pro Max (голубой)</t>
  </si>
  <si>
    <t>Чехол силиконовый со стеклянной панелью для iPhone 14 Pro Max (черный)</t>
  </si>
  <si>
    <t>Чехол силиконовый со стеклянной панелью для iPhone XR (лиловый)</t>
  </si>
  <si>
    <t>Аксессуары для ПК</t>
  </si>
  <si>
    <t>Боксы для жестких дисков</t>
  </si>
  <si>
    <t>Внешний корпус для жесткого диска SSD / HDD 2.5 дюйма USB 2.0 3Тб (металлический)</t>
  </si>
  <si>
    <t>Внешний корпус для жесткого диска SSD / HDD 2.5 дюйма USB 2.0 4Тб (пластиковый)</t>
  </si>
  <si>
    <t>Кронштейн с лотком и оптическим отсеком для жесткого диска 12.7mm HDD SSD 2.5" SATA 3.0</t>
  </si>
  <si>
    <t>Кронштейн с лотком и оптическим отсеком для жесткого диска 9.5mm HDD SSD 2.5" SATA 3.0</t>
  </si>
  <si>
    <t>Кабели HDMI, VGA</t>
  </si>
  <si>
    <t>Разветвитель VGA (сплиттер) на 2 монитора (30см)</t>
  </si>
  <si>
    <t>Шнур HDMI - HDMI 1,5m gold V1.4</t>
  </si>
  <si>
    <t>Шнур HDMI - HDMI 1,5m HDTV 4K Ecusin</t>
  </si>
  <si>
    <t>Шнур HDMI - HDMI 10m gold V1.4 в оплетке, с фильтрами</t>
  </si>
  <si>
    <t>Шнур HDMI - HDMI 10m HDTV 4K Ecusin</t>
  </si>
  <si>
    <t>Шнур HDMI - HDMI 15m gold V1.4 в оплетке, с фильтрами</t>
  </si>
  <si>
    <t>Шнур HDMI - HDMI 3m gold V1.4 в оплетке, с фильтрами</t>
  </si>
  <si>
    <t>Шнур HDMI - HDMI 3m HDTV 4K Ecusin</t>
  </si>
  <si>
    <t>Шнур HDMI - HDMI 5m gold V1.4 в оплетке, с фильтрами</t>
  </si>
  <si>
    <t>Шнур HDMI - HDMI 5m HDTV 4K Ecusin</t>
  </si>
  <si>
    <t>Шнур VGA plug - VGA plug, 20М 2 фильтра</t>
  </si>
  <si>
    <t>Клавиатуры для ПК</t>
  </si>
  <si>
    <t>Клавиатура Attack ET-6100</t>
  </si>
  <si>
    <t>Клавиатура проводная A4Tech K15</t>
  </si>
  <si>
    <t>Клавиатура проводная A4Tech KR-86 черная</t>
  </si>
  <si>
    <t>Клавиатура проводная Dell KB616 черная</t>
  </si>
  <si>
    <t>Клавиатура проводная Genius KB-09X черная</t>
  </si>
  <si>
    <t>Клавиатура проводная H8168</t>
  </si>
  <si>
    <t>Клавиатура проводная Logitech K260 черная</t>
  </si>
  <si>
    <t>Клавиатура проводная Ouideny ET-8100 с подстветкой черно-белая</t>
  </si>
  <si>
    <t>Клавиатура проводная TJ-818 черная</t>
  </si>
  <si>
    <t>Клавиатура проводная Ultra-808 (черный)</t>
  </si>
  <si>
    <t>Клавиатура проводная Ultra-909 Carbon черная</t>
  </si>
  <si>
    <t>Коврики для мыши</t>
  </si>
  <si>
    <t>Коврик для мыши 25*30 см (карта Мира)</t>
  </si>
  <si>
    <t>Колонки 2.0 для компьютера</t>
  </si>
  <si>
    <t>Колонки компьютерные Kisonli i-510 2.0 USB Multimedia Speaker</t>
  </si>
  <si>
    <t>Колонки 2.1 для компьютера</t>
  </si>
  <si>
    <t>Колонки компьютерные Kisonli TM-6000U (3w*2+5W) Bluetooth, USB</t>
  </si>
  <si>
    <t>Колонки компьютерные Kisonli TM-8000A (3w*2+5W) Bluetooth, USB</t>
  </si>
  <si>
    <t>Колонки компьютерные Kisonli U-2800BT (3w*2+5W) Bluetooth, USB</t>
  </si>
  <si>
    <t>Колонки компьютерные Kisonli U-2900 (3w*2+5W)</t>
  </si>
  <si>
    <t>Мышки</t>
  </si>
  <si>
    <t>Мышь беспрводная FaizFull M37 2.4Ghz</t>
  </si>
  <si>
    <t>Мышь беспроводная / проводная ZET GAMING Edge Air Ultra</t>
  </si>
  <si>
    <t>Мышь беспроводная Borofone BG5</t>
  </si>
  <si>
    <t>Мышь беспроводная DLS 2.4GHz (красный)</t>
  </si>
  <si>
    <t>Мышь беспроводная DLS 2.4GHz (черный)</t>
  </si>
  <si>
    <t>Мышь беспроводная HOCO GM14</t>
  </si>
  <si>
    <t>Мышь беспроводная Hoco GM24</t>
  </si>
  <si>
    <t>Мышь беспроводная HP A01 (синий)</t>
  </si>
  <si>
    <t>Мышь беспроводная Netsprinter 440 плоская (белый)</t>
  </si>
  <si>
    <t>Мышь беспроводная Netsprinter 440 плоская (зеленый)</t>
  </si>
  <si>
    <t>Мышь беспроводная Netsprinter 440 плоская (красный)</t>
  </si>
  <si>
    <t>Мышь беспроводная Netsprinter 440 плоская (розовый)</t>
  </si>
  <si>
    <t>Мышь беспроводная Netsprinter 440 плоская (синий)</t>
  </si>
  <si>
    <t>Мышь беспроводная Netsprinter 440 плоская (черный)</t>
  </si>
  <si>
    <t>Мышь беспроводная Perfeo SLIM</t>
  </si>
  <si>
    <t>Мышь беспроводная вертикальная Z62i (работает от АКБ)</t>
  </si>
  <si>
    <t>Мышь проводная 1200dpi</t>
  </si>
  <si>
    <t>Мышь проводная BigShip C8 с подсветкой</t>
  </si>
  <si>
    <t>Мышь проводная Borofone BG4</t>
  </si>
  <si>
    <t>Мышь проводная Dell MS110 (черный)</t>
  </si>
  <si>
    <t>Мышь проводная Dell MS116 (черный)</t>
  </si>
  <si>
    <t>Мышь проводная Genius M-550 (черный)</t>
  </si>
  <si>
    <t>Мышь проводная HK-801 белая</t>
  </si>
  <si>
    <t>Мышь проводная Lenovo M20 (черный)</t>
  </si>
  <si>
    <t>Мышь проводная Mato серая</t>
  </si>
  <si>
    <t>Мышь проводная Perfeo ORION</t>
  </si>
  <si>
    <t>Мышь проводная TJ-50 (черный)</t>
  </si>
  <si>
    <t>Мышь проводная Vipben C19 с подсветкой</t>
  </si>
  <si>
    <t>Мышь проводная с подсветкой A3</t>
  </si>
  <si>
    <t>Мышь проводная с подсветкой C5</t>
  </si>
  <si>
    <t>Мышь проводная с подсветкой T2</t>
  </si>
  <si>
    <t>Мышь проводная с подсветкой T73</t>
  </si>
  <si>
    <t>Сетевое оборудование</t>
  </si>
  <si>
    <t>USB Bluetooth 4.0 Dongle</t>
  </si>
  <si>
    <t>Wi-Fi роутер Mikrotik RB951Ui-2HnD</t>
  </si>
  <si>
    <t>Адаптер Wi-Fi для ПК IEEE 802.11b/g/n 150Mbps 2.4GHz</t>
  </si>
  <si>
    <t>Адаптер Wi-Fi для ПК IEEE 802.11b/g/n 300Mbps 2.4GHz</t>
  </si>
  <si>
    <t>Адаптер Wi-Fi для ПК IEEE 802.11b/g/n 300Mbps 2.4GHz (с внешней антенной)</t>
  </si>
  <si>
    <t>Аксессуары для сотовых</t>
  </si>
  <si>
    <t>Smart-часы, браслеты, брелки</t>
  </si>
  <si>
    <t>USB Кабель для зарядки Xiaomi Mi Band 3</t>
  </si>
  <si>
    <t>USB Кабель для зарядки Xiaomi Mi Band 4</t>
  </si>
  <si>
    <t>USB Кабель для зарядки Xiaomi Mi Band 5 / 6 / 7</t>
  </si>
  <si>
    <t>Защитное стекло для Xiaomi Mi Band 4</t>
  </si>
  <si>
    <t>Монитор сердечного ритма Torneo H-103GN (часы-пульсометр)</t>
  </si>
  <si>
    <t>Ремешок металлический для наручных часов 22мм, магнитная застёжка (цвета в ассортименте)</t>
  </si>
  <si>
    <t>Смарт-часы Hoco Y2 Pro (пульсометр, шагомер, мониторинг сна, звонки)</t>
  </si>
  <si>
    <t>Смарт-часы M2 Smart braslet белые (пульс, давление, шагомер)</t>
  </si>
  <si>
    <t>Смарт-часы M2 Smart braslet оранжевые (пульс, давление, шагомер)</t>
  </si>
  <si>
    <t>Смарт-часы M3 My Device MyLife черные (пульс, давление, шагомер)</t>
  </si>
  <si>
    <t>Смарт-часы M5 красные (пульс, давление, шагомер)</t>
  </si>
  <si>
    <t>Смарт-часы M5 черные (пульс, давление, шагомер)</t>
  </si>
  <si>
    <t>Смарт-часы M6S Smart braslet белые (пульс, давление, шагомер)</t>
  </si>
  <si>
    <t>Смарт-часы M6S Smart braslet оранжевые (пульс, давление, шагомер)</t>
  </si>
  <si>
    <t>Смарт-часы S8 Max Ultra (пульсометр, шагомер, будильник, уведомления, звонки, мониторинг сна)</t>
  </si>
  <si>
    <t>Смарт-часы Smart Band 115 Plus зеленые (пульс, давление, шагомер)</t>
  </si>
  <si>
    <t>Смарт-часы Smart Band 115 Plus красные (пульс, давление, шагомер)</t>
  </si>
  <si>
    <t>Смарт-часы Smart Band 115 Plus синие (пульс, давление, шагомер)</t>
  </si>
  <si>
    <t>Смарт-часы Smart Band 116 Plus черные (пульс, давление, шагомер)</t>
  </si>
  <si>
    <t>Смарт-часы Smart Band 119 Plus зеленые (пульс, давление, шагомер)</t>
  </si>
  <si>
    <t>Смарт-часы Smart Band 119 Plus красные (пульс, давление, шагомер)</t>
  </si>
  <si>
    <t>Смарт-часы Smart M6 (пульс, давление, шагомер)</t>
  </si>
  <si>
    <t>Фитнес часы HZ-69, резиновый браслет, цвета в ассортименте</t>
  </si>
  <si>
    <t>Электронный NFC брелок-визитка Dudutag NFC Social Antu-lost</t>
  </si>
  <si>
    <t>USB Кабели microUSB, miniUSB, Type-C</t>
  </si>
  <si>
    <t>Type-C to Type-C Кабель для Samsung Galaxy S22/S21/S20 5A 1M (черный)</t>
  </si>
  <si>
    <t>USB Дата Кабель Mini USB</t>
  </si>
  <si>
    <t>USB кабель Afkas-Nova AN-22 microUSB</t>
  </si>
  <si>
    <t>USB Кабель BOROFONE BX16 Type C</t>
  </si>
  <si>
    <t>USB Кабель BOROFONE BX51 micro USB</t>
  </si>
  <si>
    <t>USB Кабель BOROFONE BX51 Type C</t>
  </si>
  <si>
    <t>USB Кабель BOROFONE BX67 Type C</t>
  </si>
  <si>
    <t>USB Кабель BOROFONE BX79 Micro 2.4A (силиконовый)</t>
  </si>
  <si>
    <t>USB Кабель BOROFONE BX79 Type C (силиконовый)</t>
  </si>
  <si>
    <t>USB Кабель Borofone BX81Type-C 3A силикон</t>
  </si>
  <si>
    <t>USB Кабель BOROFONE BX83 Type-C (силиконовый)</t>
  </si>
  <si>
    <t>USB Кабель Borofone BX86 micro USB  2.4A (силиконовый)</t>
  </si>
  <si>
    <t>USB Кабель Borofone BX86 Type  C (силиконовый)</t>
  </si>
  <si>
    <t>USB Кабель BOROFONE BX87 microUSB</t>
  </si>
  <si>
    <t>USB Кабель Denmen D02V microUSB 1m 2.4A</t>
  </si>
  <si>
    <t>USB кабель Denmen D19V microUSB 1m</t>
  </si>
  <si>
    <t>USB Кабель FaizFull FR-14 Type-C (с пружинной вставкой)</t>
  </si>
  <si>
    <t>USB кабель Fast microUSB (кольцо)</t>
  </si>
  <si>
    <t>USB Кабель Griffin Premium Flat micro USB</t>
  </si>
  <si>
    <t>USB Кабель Hoco DU08 Type-C</t>
  </si>
  <si>
    <t>USB Кабель HOCO U31 microUSB</t>
  </si>
  <si>
    <t>USB Кабель HOCO U42 microUSB</t>
  </si>
  <si>
    <t>USB Кабель HOCO U53 microUSB</t>
  </si>
  <si>
    <t>USB Кабель Hoco X13 Easy microUSB</t>
  </si>
  <si>
    <t>USB Кабель HOCO X2 microUSB</t>
  </si>
  <si>
    <t>USB Кабель HOCO X20 micro USB 1m</t>
  </si>
  <si>
    <t>USB Кабель HOCO X20 micro USB 2m</t>
  </si>
  <si>
    <t>USB Кабель HOCO X23 Type-C</t>
  </si>
  <si>
    <t>USB Кабель HOCO X24 microUSB</t>
  </si>
  <si>
    <t>USB Кабель HOCO X26 microUSB</t>
  </si>
  <si>
    <t>USB Кабель HOCO X26 Type-C</t>
  </si>
  <si>
    <t>USB Кабель HOCO X27 micro USB</t>
  </si>
  <si>
    <t>USB Кабель HOCO X29 microUSB</t>
  </si>
  <si>
    <t>USB Кабель HOCO X33 microUSB</t>
  </si>
  <si>
    <t>USB Кабель HOCO X33 Type-C</t>
  </si>
  <si>
    <t>USB Кабель HOCO X34 microUSB</t>
  </si>
  <si>
    <t>USB Кабель HOCO X37 microUSB</t>
  </si>
  <si>
    <t>USB Кабель HOCO X37 Type-C</t>
  </si>
  <si>
    <t>USB Кабель HOCO X38 microUSB</t>
  </si>
  <si>
    <t>USB Кабель HOCO X38 Type-C</t>
  </si>
  <si>
    <t>USB Кабель HOCO X40 microUSB</t>
  </si>
  <si>
    <t>USB Кабель HOCO X45 micro USB</t>
  </si>
  <si>
    <t>USB Кабель HOCO X49 microUSB</t>
  </si>
  <si>
    <t>USB Кабель HOCO X50 Type-C</t>
  </si>
  <si>
    <t>USB Кабель HOCO X52 microUSB (магнитный)</t>
  </si>
  <si>
    <t>USB Кабель HOCO X52 Type-C (магнитный)</t>
  </si>
  <si>
    <t>USB Кабель HOCO X57 Type-C</t>
  </si>
  <si>
    <t>USB Кабель HOCO X59 Type-C 2m</t>
  </si>
  <si>
    <t>USB Кабель HOCO X61 microUSB (силиконовый)</t>
  </si>
  <si>
    <t>USB кабель hoco X82 Micro-USB 2.4A 1m (силиконовый)</t>
  </si>
  <si>
    <t>USB Кабель HOCO X86 micro USB</t>
  </si>
  <si>
    <t>USB Кабель HOCO X87 Type-C</t>
  </si>
  <si>
    <t>USB Кабель Hoco X88 microUSB</t>
  </si>
  <si>
    <t>USB Кабель Hoco X88 Type-C</t>
  </si>
  <si>
    <t>USB Кабель HOCO X90 Type-C (силиконовый)</t>
  </si>
  <si>
    <t>USB Кабель HOCO X98 micro USB</t>
  </si>
  <si>
    <t>USB Кабель HOCO X98 Type-C</t>
  </si>
  <si>
    <t>USB Кабель HOCO X99 micro USB</t>
  </si>
  <si>
    <t>USB Кабель HOCO X99 Type-C</t>
  </si>
  <si>
    <t>USB Кабель MAIMI X16 Type C 5A</t>
  </si>
  <si>
    <t>USB Кабель micro USB "Belkin" 1,2m Белый</t>
  </si>
  <si>
    <t>USB Кабель micro USB "Griffin" 1m Белый</t>
  </si>
  <si>
    <t>USB Кабель micro USB "радуга"</t>
  </si>
  <si>
    <t>USB Кабель micro USB 1м (225418)</t>
  </si>
  <si>
    <t>USB Кабель micro USB 1м угловой (558760)</t>
  </si>
  <si>
    <t>USB Кабель Micro USB Remax (белый)</t>
  </si>
  <si>
    <t>USB Кабель Micro USB Remax (розовый)</t>
  </si>
  <si>
    <t>USB Кабель Micro USB в пластиковой оплетке 25 см</t>
  </si>
  <si>
    <t>USB кабель Micro USB резиновый кабель</t>
  </si>
  <si>
    <t>USB кабель microUSB hoco X59</t>
  </si>
  <si>
    <t>USB Кабель microUSB черный (нейлон, 2 метра)</t>
  </si>
  <si>
    <t>USB Кабель microUSB черный (ткань, 3 метра)</t>
  </si>
  <si>
    <t>USB Кабель microUSB, в ассортименте</t>
  </si>
  <si>
    <t>USB кабель Mizoo D35 microUSB 30см</t>
  </si>
  <si>
    <t>USB кабель Mizoo D35 Type-C 30см</t>
  </si>
  <si>
    <t>USB Кабель Realme R1 micro USB</t>
  </si>
  <si>
    <t>USB Кабель Realme R5 micro USB</t>
  </si>
  <si>
    <t>USB Кабель SADG Cable microUSB</t>
  </si>
  <si>
    <t>USB кабель Samsung М600</t>
  </si>
  <si>
    <t>USB Кабель SkyDolphin S03V micro USB</t>
  </si>
  <si>
    <t>USB кабель Type C hoco X59</t>
  </si>
  <si>
    <t>USB Кабель Type-C "радуга"</t>
  </si>
  <si>
    <t>USB кабель Type-C hoco X82 3A 1m (силиконовый)</t>
  </si>
  <si>
    <t>USB Кабель Type-C белый (нейлон, 2 метра)</t>
  </si>
  <si>
    <t>USB Кабель Type-C, в ассортименте</t>
  </si>
  <si>
    <t>USB Кабель Union Type-C, белый</t>
  </si>
  <si>
    <t>USB Кабель Union UC-05 micro USB</t>
  </si>
  <si>
    <t>USB Кабель Union UC-08 micro USB</t>
  </si>
  <si>
    <t>USB Кабель Union UC-08 Type-C</t>
  </si>
  <si>
    <t>USB Кабель Union UC-11 Type-C</t>
  </si>
  <si>
    <t>USB Кабель Union UN-708 Type-C, тканевая оплётка</t>
  </si>
  <si>
    <t>USB Кабель Union UN-726 microUSB, нейлоновая оплётка</t>
  </si>
  <si>
    <t>USB Кабель Union UN-726 Type-C, нейлоновая оплётка</t>
  </si>
  <si>
    <t>USB Кабель USB Type-C - Type - C 2м, 50W 3A</t>
  </si>
  <si>
    <t>USB кабель WUW-X166 microUSB 1M 2A (белый)</t>
  </si>
  <si>
    <t>USB кабель WUW-X166 Type-C 1M 2A (белый)</t>
  </si>
  <si>
    <t>USB Кабель в металлической оплетке MicroUSB</t>
  </si>
  <si>
    <t>USB Кабель в металлической оплетке Type-C</t>
  </si>
  <si>
    <t>USB Кабель плоский micro USB</t>
  </si>
  <si>
    <t>USB Кабель Трансформер micro USB - 8 pin</t>
  </si>
  <si>
    <t>USB-C кабель Afkas-Nova AF-23CC Type-C</t>
  </si>
  <si>
    <t>USB-C Кабель Hoco X88 Type-C</t>
  </si>
  <si>
    <t>USB-C Кабель HOCO X90 Type C 3A (силиконовый)</t>
  </si>
  <si>
    <t>Кабель microUSB Deppa длина 2м. Скорость передачи данных: до 480 Мбит/сек, 2-х сторонние коннекторы,</t>
  </si>
  <si>
    <t>Кабель Type C резиновый</t>
  </si>
  <si>
    <t>Магнитный USB кабель Denmen D18V microUSB 1m</t>
  </si>
  <si>
    <t>МАГНИТНЫЙ USB Кабель micro USB, оплетка (2А) (черный)</t>
  </si>
  <si>
    <t>МАГНИТНЫЙ USB Кабель Type-C</t>
  </si>
  <si>
    <t>Гидрогелевые пленки</t>
  </si>
  <si>
    <t>QR-Код для плоттера AIDA (55 резок)</t>
  </si>
  <si>
    <t>QR-Код для плоттера Sunshine (55 резок)</t>
  </si>
  <si>
    <t>Пленка гидрогелевая для плоттера Anti Blue Light Hydrogel 18x11</t>
  </si>
  <si>
    <t>Пленка гидрогелевая для плоттера HD 18x11</t>
  </si>
  <si>
    <t>Пленка гидрогелевая для плоттера Matte Hydrogel Anti FingerPrint 18x11</t>
  </si>
  <si>
    <t>Пленка гидрогелевая для плоттера Антишпион HD 18x11</t>
  </si>
  <si>
    <t>Пленка защитная на заднюю панель телефона, черная кожа (18х10,5)</t>
  </si>
  <si>
    <t>Пленка защитная на заднюю панель телефона, черный карбон (19,5х12)</t>
  </si>
  <si>
    <t>Пленка защитная на заднюю панель телефона. Универсальная. Крокодил. Размер 19х12</t>
  </si>
  <si>
    <t>Пленка защитная на заднюю панель телефона. Универсальная. Прозрачная. Размер 19х12</t>
  </si>
  <si>
    <t>Плёнка на заднюю часть телефона, 3D Print (в ассортименте)</t>
  </si>
  <si>
    <t>Ремешки для Smart-часов</t>
  </si>
  <si>
    <t>Браслет металлический для Mi Band 3 / Mi Band 4 (розовое золото)</t>
  </si>
  <si>
    <t>Браслет металлический для Mi Band 3 / Mi Band 4 (розовый)</t>
  </si>
  <si>
    <t>Браслет металлический для Mi Band 3 / Mi Band 4 (черный)</t>
  </si>
  <si>
    <t>Браслет металлический для Mi Band 5 / Mi Band 6 (золото)</t>
  </si>
  <si>
    <t>Браслет металлический для Mi Band 5 / Mi Band 6 (розовое золото)</t>
  </si>
  <si>
    <t>Браслет металлический для Mi Band 5 / Mi Band 6 (розовый)</t>
  </si>
  <si>
    <t>Браслет металлический для Mi Band 5 / Mi Band 6 (черный)</t>
  </si>
  <si>
    <t>Ремешок для Mi Band 2 (белый)</t>
  </si>
  <si>
    <t>Ремешок для Mi Band 2 (зеленый)</t>
  </si>
  <si>
    <t>Ремешок для Mi Band 2 (оранжевый)</t>
  </si>
  <si>
    <t>Ремешок для Mi Band 2 (синий)</t>
  </si>
  <si>
    <t>Ремешок для Mi Band 3 / Mi Band 4 (белый)</t>
  </si>
  <si>
    <t>Ремешок для Mi Band 3 / Mi Band 4 (бирюзовый)</t>
  </si>
  <si>
    <t>Ремешок для Mi Band 3 / Mi Band 4 (желтый)</t>
  </si>
  <si>
    <t>Ремешок для Mi Band 3 / Mi Band 4 (коралловый)</t>
  </si>
  <si>
    <t>Ремешок для Mi Band 3 / Mi Band 4 (светло-розовый)</t>
  </si>
  <si>
    <t>Ремешок для Mi Band 3 / Mi Band 4 (синий)</t>
  </si>
  <si>
    <t>Ремешок для Mi Band 3 / Mi Band 4 (сиреневый)</t>
  </si>
  <si>
    <t>Ремешок для Mi Band 3 / Mi Band 4 (тканевый, зеленый)</t>
  </si>
  <si>
    <t>Ремешок для Mi Band 3 / Mi Band 4 (цветы)</t>
  </si>
  <si>
    <t>Ремешок для Mi Band 3 / Mi Band 4 (черный)</t>
  </si>
  <si>
    <t>Ремешок для Mi Band 3 / Mi Band 4 (ярко-розовый)</t>
  </si>
  <si>
    <t>Ремешок для Mi Band 5 / Mi Band 6 (белый)</t>
  </si>
  <si>
    <t>Ремешок для Mi Band 5 / Mi Band 6 (бирюзовый)</t>
  </si>
  <si>
    <t>Ремешок для Mi Band 5 / Mi Band 6 (бордовый)</t>
  </si>
  <si>
    <t>Ремешок для Mi Band 5 / Mi Band 6 (желтый)</t>
  </si>
  <si>
    <t>Ремешок для Mi Band 5 / Mi Band 6 (зеленый)</t>
  </si>
  <si>
    <t>Ремешок для Mi Band 5 / Mi Band 6 (коралловый)</t>
  </si>
  <si>
    <t>Ремешок для Mi Band 5 / Mi Band 6 (серый)</t>
  </si>
  <si>
    <t>Ремешок для Mi Band 5 / Mi Band 6 (синий)</t>
  </si>
  <si>
    <t>Ремешок для Mi Band 5 / Mi Band 6 (сиреневый)</t>
  </si>
  <si>
    <t>Ремешок для Mi Band 5 / Mi Band 6 (фиолетовый)</t>
  </si>
  <si>
    <t>Ремешок для Mi Band 5 / Mi Band 6 (черный)</t>
  </si>
  <si>
    <t>Ремешок для Mi Band 5 / Mi Band 6 (ярко-розовый)</t>
  </si>
  <si>
    <t>Ремешок для Mi Band 7 (черный)</t>
  </si>
  <si>
    <t>Ремешок для Samsung Gear Fit2 Pro (синий)</t>
  </si>
  <si>
    <t>Ремешок для Samsung Gear Fit2 Pro (фиолетовый)</t>
  </si>
  <si>
    <t>Стёкла защитные</t>
  </si>
  <si>
    <t>Защитное стекло "LP" для Asus ZenFone Selfie ZD551KL Tempered Glass 0,33 мм 9H (ударопрочное/конверт</t>
  </si>
  <si>
    <t>Защитное стекло для Asus Zenfone 2, 5.5", 2,5D, 0,3мм, твердость 9H+</t>
  </si>
  <si>
    <t>Защитное стекло для Asus Zenfone 2, 5", 2,5D, 0,3мм, твердость 9H+</t>
  </si>
  <si>
    <t>Защитное стекло для ASUS ZenFone 4 MAX  ZC520CL</t>
  </si>
  <si>
    <t>Защитное стекло для Asus Zenfone Go 4.5", 2,5D, 0,3мм, твердость 9H+</t>
  </si>
  <si>
    <t>Защитное стекло для Asus Zenfone Go 5", 2,5D, 0,3мм, твердость 9H+ Защитное стекло для Asus Zenfone</t>
  </si>
  <si>
    <t>Защитное стекло на дисплей для Asus Zenfone 2 Laser (ZE500KL / ZE500KG) (5.0") (Gorilla Glass)</t>
  </si>
  <si>
    <t>Защитное стекло для BQ BQ-5516L 2.5D</t>
  </si>
  <si>
    <t>Противоударная защитная пленка для HTC One M7, 0,33 mm, 2,5D Glass 9H</t>
  </si>
  <si>
    <t>Защитное стекло для Honor 50 Lite (5D черное)</t>
  </si>
  <si>
    <t>Защитное стекло для Honor 7A / Huawei Y5 2018 / Y5 Prime 2018 (5D черное)</t>
  </si>
  <si>
    <t>Защитное стекло для Honor 7A Pro / Honor 7C / Y6 (2018) / Y6 Prime (2018) (5D белое)</t>
  </si>
  <si>
    <t>Защитное стекло для Huawei 8 Lite / P8 Lite 2017 (5D черное)</t>
  </si>
  <si>
    <t>Защитное стекло для Huawei Honor 10 (5D Черное)</t>
  </si>
  <si>
    <t>Защитное стекло для Huawei Honor 20 / 20 Pro (5D черное)</t>
  </si>
  <si>
    <t>Защитное стекло для Huawei Honor 30 (5d черное)</t>
  </si>
  <si>
    <t>Защитное стекло для Huawei Honor 4C Pro, 2,5D, 0,3мм, твердость 9H+</t>
  </si>
  <si>
    <t>Защитное стекло для Huawei Honor 5A 2.5D</t>
  </si>
  <si>
    <t>Защитное стекло для Huawei Honor 6 Plus (Gorilla Glass), 2,5D, 0,3мм, твердость 9H+</t>
  </si>
  <si>
    <t>Защитное стекло для Huawei Honor 7 (Gorilla Glass), 2,5D, 0,3мм, твердость 9H+</t>
  </si>
  <si>
    <t>Защитное стекло для Huawei Honor 8A / Y6 2019 (5D Черное)</t>
  </si>
  <si>
    <t>Защитное стекло для Huawei Honor 8C (5D Черное)</t>
  </si>
  <si>
    <t>Защитное стекло для Huawei Honor 8S / Y5 2019 (5D черное)</t>
  </si>
  <si>
    <t>Защитное стекло для Huawei Honor 9 Lite (5D Черное)</t>
  </si>
  <si>
    <t>Защитное стекло для Huawei Honor 9A / Huawei Y6P (5D черное)</t>
  </si>
  <si>
    <t>Защитное стекло для Huawei Mate 10 Lite (5D черное)</t>
  </si>
  <si>
    <t>Защитное стекло для Huawei Nova 3 / Nova 3i (5D черное)</t>
  </si>
  <si>
    <t>Защитное стекло для Huawei P Smart 2018 (5D черное)</t>
  </si>
  <si>
    <t>Защитное стекло для Huawei P Smart Z/Y9 Prime 2019 (5D Черное)</t>
  </si>
  <si>
    <t>Защитное стекло для Huawei P20 (5D черное)</t>
  </si>
  <si>
    <t>Защитное стекло для Huawei P20 Pro (5D черное)</t>
  </si>
  <si>
    <t>Защитное стекло для Huawei P30 (5D черное)</t>
  </si>
  <si>
    <t>Защитное стекло для Huawei P30 Lite / Honor 20S (5D черное)</t>
  </si>
  <si>
    <t>Защитное стекло для Huawei P40 (5d черное)</t>
  </si>
  <si>
    <t>Защитное стекло для Huawei P8, 2,5D, 0,3мм, твердость 9H+</t>
  </si>
  <si>
    <t>Защитное стекло для Huawei Y3 2018 (5D черное)</t>
  </si>
  <si>
    <t>Защитное стекло для Huawei Y5p / Honor 9S (5D черное)</t>
  </si>
  <si>
    <t>Защитное стекло для Huawei Y7 2018 / Honor 7C Pro (5D Черное)</t>
  </si>
  <si>
    <t>Защитное стекло для Huawei Y7 2019 (5D черное)</t>
  </si>
  <si>
    <t>Защитное стекло для Huawei Y8p / Honor 30i / Enjoy 10s (5D черное)</t>
  </si>
  <si>
    <t>Защитное стекло Lenovo A5000, прозрачное</t>
  </si>
  <si>
    <t>Защитное стекло LP для LG G3 Tempered Glass 0,33mm 9H (ударопрочное)</t>
  </si>
  <si>
    <t>Противоударная защитная пленка LG G2  прозрачная (закаленное стекло)</t>
  </si>
  <si>
    <t>Противоударная защитная пленка LG G4  прозрачная (закаленное стекло)</t>
  </si>
  <si>
    <t>Противоударная защитная пленка LG Nexus5  прозрачная</t>
  </si>
  <si>
    <t>Защитное стекло для Meizu M5, 2,5D, 0,3мм, твердость 9H+</t>
  </si>
  <si>
    <t>Защитное стекло для Meizu Note3, 2,5D, 0,3мм, твердость 9H+</t>
  </si>
  <si>
    <t>Защитное стекло "LP" для Nokia 630 Tempered Glass 0,33 мм 9H (ударопрочное)</t>
  </si>
  <si>
    <t>Защитное стекло "LP" для Nokia 635 Tempered Glass 0,33 мм 9H (ударопрочное)</t>
  </si>
  <si>
    <t>Защитное стекло "LP" для Nokia 640 Tempered Glass 0,33 мм 9H (ударопрочное)</t>
  </si>
  <si>
    <t>Защитное стекло для Nokia 3.1 (5D черное)</t>
  </si>
  <si>
    <t>Защитное стекло для Nokia 5 (Gorilla Glass) техпак прозрачная</t>
  </si>
  <si>
    <t>Защитное стекло для Nokia 5.1 (5D черное)</t>
  </si>
  <si>
    <t>Защитное стекло для OPPO A71 (5D черное)</t>
  </si>
  <si>
    <t>Защитное стекло для Realme C11 2021 / C15 2021 / C20 / C21 / Narzo 50i (5d черное)</t>
  </si>
  <si>
    <t>Защитное стекло для Realme C11/ C12/ C15/ A15/ A15S/ A35/ V3/ Q2i/ Narzo 20 (5D черное)</t>
  </si>
  <si>
    <t>Защитное стекло для Realme C21Y / C25Y (5d черное)</t>
  </si>
  <si>
    <t>Защитная пленка для Samsung S4 (глянц)</t>
  </si>
  <si>
    <t>Защитное стекло "LP" для Samsung Galaxy A7 Tempered Glass 0,33 мм 9H (ударопрочное)</t>
  </si>
  <si>
    <t>Защитное стекло для Samsung A520F Galaxy A5 2017 (5D черное)</t>
  </si>
  <si>
    <t>Защитное стекло для Samsung G800F Galaxy S5 Mini прозрачное</t>
  </si>
  <si>
    <t>Защитное стекло для Samsung Galaxy A01 A015F (5D черное)</t>
  </si>
  <si>
    <t>Защитное стекло для Samsung Galaxy A10 2019 A105F (5D черное)</t>
  </si>
  <si>
    <t>Защитное стекло для Samsung Galaxy A10S A107F (5D черное)</t>
  </si>
  <si>
    <t>Защитное стекло для Samsung Galaxy A11 / M11 (5D черное)</t>
  </si>
  <si>
    <t>Защитное стекло для Samsung Galaxy A12 A125F / A02 A022F / A02s A025F (5D черное)</t>
  </si>
  <si>
    <t>Защитное стекло для Samsung Galaxy A14 (5D черное)</t>
  </si>
  <si>
    <t>Защитное стекло для Samsung Galaxy A20S A207F (5D черное)</t>
  </si>
  <si>
    <t>Защитное стекло для Samsung Galaxy A21 A215F (5D черное)</t>
  </si>
  <si>
    <t>Защитное стекло для Samsung Galaxy A21S A217F (5D черное)</t>
  </si>
  <si>
    <t>Защитное стекло для Samsung Galaxy A3 (A320) 2017, 2,5D, 0,3мм, твердость 9H+</t>
  </si>
  <si>
    <t>Защитное стекло для Samsung Galaxy A3 2017 A320F (5D черное)</t>
  </si>
  <si>
    <t>Защитное стекло для Samsung Galaxy A30 A305F / A50 A505F (5D черное)</t>
  </si>
  <si>
    <t>Защитное стекло для Samsung Galaxy A31 / A32 / A22 / M21 / M32 (5D черное)</t>
  </si>
  <si>
    <t>Защитное стекло для Samsung Galaxy A32 A325F (5D черное)</t>
  </si>
  <si>
    <t>Защитное стекло для Samsung Galaxy A40 2019 A405F (5D черное)</t>
  </si>
  <si>
    <t>Защитное стекло для Samsung Galaxy A41 A415F (5D черное)</t>
  </si>
  <si>
    <t>Защитное стекло для Samsung Galaxy A5 2017, 2,5D, 0,3мм, твердость 9H+</t>
  </si>
  <si>
    <t>Защитное стекло для Samsung Galaxy A51 A515F / A52 / A53 / RM Note 10 (9D черное)</t>
  </si>
  <si>
    <t>Защитное стекло для Samsung Galaxy A51 A515F / M31s M317F (5D Черное)</t>
  </si>
  <si>
    <t>Защитное стекло для Samsung Galaxy A52 A525F (5D черное)</t>
  </si>
  <si>
    <t>Защитное стекло для Samsung Galaxy A6 2018 A600F (5D черное)</t>
  </si>
  <si>
    <t>Защитное стекло для Samsung Galaxy A6 2018, 2,5D, 0,3мм, твердость 9H+</t>
  </si>
  <si>
    <t>Защитное стекло для Samsung Galaxy A6+ 2018 A605F (5D черное)</t>
  </si>
  <si>
    <t>Защитное стекло для Samsung Galaxy A60 2019 A606 (5D черное)</t>
  </si>
  <si>
    <t>Защитное стекло для Samsung Galaxy A7 2016, 2,5D, 0,3мм, твердость 9H+</t>
  </si>
  <si>
    <t>Защитное стекло для Samsung Galaxy A7 2017 A720F (5D черное)</t>
  </si>
  <si>
    <t>Защитное стекло для Samsung Galaxy A7 2018 A750F (5D черное)</t>
  </si>
  <si>
    <t>Защитное стекло для Samsung Galaxy A70 A705F (5D Черное)</t>
  </si>
  <si>
    <t>Защитное стекло для Samsung Galaxy A71 A715F / A72 A725F / M51 M515F (5D черное)</t>
  </si>
  <si>
    <t>Защитное стекло для Samsung Galaxy A8 2018 A530F (5D черное)</t>
  </si>
  <si>
    <t>Защитное стекло для Samsung Galaxy A8+ 2018 A730F (5D черное)</t>
  </si>
  <si>
    <t>Защитное стекло для Samsung Galaxy A80 / A90 (5D Черное)</t>
  </si>
  <si>
    <t>Защитное стекло для Samsung Galaxy A9 2018 A920F (5D черное)</t>
  </si>
  <si>
    <t>Защитное стекло для Samsung Galaxy A90 (5D Черное)</t>
  </si>
  <si>
    <t>Защитное стекло для Samsung Galaxy Galaxy Core 2  G355H, 2,5D, 0,3мм, твердость 9H+</t>
  </si>
  <si>
    <t>Защитное стекло для Samsung Galaxy J1 2015, 2,5D, 0,3мм, твердость 9H+</t>
  </si>
  <si>
    <t>Защитное стекло для Samsung Galaxy J1 2016, 2,5D, 0,3мм, твердость 9H+</t>
  </si>
  <si>
    <t>Защитное стекло для Samsung Galaxy J2 / J2 Pro SM-J250F (5D черное)</t>
  </si>
  <si>
    <t>Защитное стекло для Samsung Galaxy J2 Core SM-J260F (5D черное)</t>
  </si>
  <si>
    <t>Защитное стекло для Samsung Galaxy J3 2017 / j330 (5D черное)</t>
  </si>
  <si>
    <t>Защитное стекло для Samsung Galaxy J4 2018 (5D золото)</t>
  </si>
  <si>
    <t>Защитное стекло для Samsung Galaxy J4 2018 J400F (5D черное)</t>
  </si>
  <si>
    <t>Защитное стекло для Samsung Galaxy J4 2018 J400F 2,5D</t>
  </si>
  <si>
    <t>Защитное стекло для Samsung Galaxy J4+ J6+ 2018 J415F J610F (5D черное)</t>
  </si>
  <si>
    <t>Защитное стекло для Samsung Galaxy J4+ J6+ 2018, 2,5D, 0,3мм, твердость 9H+</t>
  </si>
  <si>
    <t>Защитное стекло для Samsung Galaxy J5 2017 J530F (5D черное)</t>
  </si>
  <si>
    <t>Защитное стекло для Samsung Galaxy J6 2018 J600F (5D черное)</t>
  </si>
  <si>
    <t>Защитное стекло для Samsung Galaxy J6 2018, 2,5D, 0,3мм, твердость 9H+</t>
  </si>
  <si>
    <t>Защитное стекло для Samsung Galaxy J6+ 2018 J610F (5D черное)</t>
  </si>
  <si>
    <t>Защитное стекло для Samsung Galaxy J7 2017 J730F (5D черное)</t>
  </si>
  <si>
    <t>Защитное стекло для Samsung Galaxy J730/ J7 2017 2,5D, 0,3мм, твердость 9H+</t>
  </si>
  <si>
    <t>Защитное стекло для Samsung Galaxy J8 2018 J810F (5D черное)</t>
  </si>
  <si>
    <t>Защитное стекло для Samsung Galaxy Note 5 N920 2,5D, 0,3мм, твердость 9H+</t>
  </si>
  <si>
    <t>Защитное стекло для Samsung Galaxy Note 8 (5D черное)</t>
  </si>
  <si>
    <t>Защитное стекло для Samsung Galaxy Note 9 (5D черное)</t>
  </si>
  <si>
    <t>Защитное стекло для Samsung Galaxy S10 G970F G973F (5D черное)</t>
  </si>
  <si>
    <t>Защитное стекло для Samsung Galaxy S10+ G975F (5D черное)</t>
  </si>
  <si>
    <t>Защитное стекло для Samsung Galaxy S10e G970F (5D черное)</t>
  </si>
  <si>
    <t>Защитное стекло для Samsung Galaxy S3 i9300, 2,5D, 0,3мм, твердость 9H+</t>
  </si>
  <si>
    <t>Защитное стекло для Samsung Galaxy S7 SM-G930FD, 2,5D, 0,3мм, твердость 9H+</t>
  </si>
  <si>
    <t>Защитное стекло для Samsung Galaxy S8 G950F (5D черное)</t>
  </si>
  <si>
    <t>Защитное стекло для Samsung Galaxy S8 Plus G955F (5D черное)</t>
  </si>
  <si>
    <t>Защитное стекло для Samsung Galaxy S9 Plus G965F (5D черное)</t>
  </si>
  <si>
    <t>Защитное стекло для Samsung Galaxy Tab A 7.0 SM-T285</t>
  </si>
  <si>
    <t>Защитное стекло для Samsung Galaxy Tab S6 10.5 SM-T860 / SM-T865</t>
  </si>
  <si>
    <t>Защитное стекло для Samsung M20 (5D черное)</t>
  </si>
  <si>
    <t>Защитное стекло для Samsung M30 (5D черное)</t>
  </si>
  <si>
    <t>Защитное стекло для Samsung Tab A7 lite SM-T220 / SM-T225</t>
  </si>
  <si>
    <t>Защитное стекло для планшета Samsung Galaxy Tab A8 10.5 (2021) SM-X205</t>
  </si>
  <si>
    <t>Противоударная защитная пленка Samsung Note 3</t>
  </si>
  <si>
    <t>Противоударная защитная пленка для Samsung S5/G900/i9600 (закаленное стекло) Gorilla Glass</t>
  </si>
  <si>
    <t>Sony</t>
  </si>
  <si>
    <t>Защитное стекло для  Sony Xperia Z1   (прозрачное/ударопрочное) упаковка пакетик</t>
  </si>
  <si>
    <t>Защитное стекло для Sony Xperia X, 2,5D, 0,3мм, твердость 9H+ прозрачное</t>
  </si>
  <si>
    <t>Защитное стекло для Sony Xperia Z4, 2,5D, 0,3мм, твердость 9H+</t>
  </si>
  <si>
    <t>Защитное стекло для Sony Z2  0,33mm 9H (прозрачное/ударопрочное) OL-0509</t>
  </si>
  <si>
    <t>Защитное стекло для Sony Z2 Compact Tempered Class 0,33mm 9H (прозрачное/ударопрочное</t>
  </si>
  <si>
    <t>Противоударная защитная пленка Sony Xperia M4 aqua (прозрачная, ударопрочная) упаковка пакетик</t>
  </si>
  <si>
    <t>Противоударная защитная пленка Sony Xperia С3 (прозрачная, ударопрочная) упаковка пакетик</t>
  </si>
  <si>
    <t>Противоударная защитная пленка Sony Xperia С4 (прозрачная, ударопрочная) упаковка пакетик</t>
  </si>
  <si>
    <t>Противоударное защитное стекло Sony Xperia XA (прозрачное, ударопрочное)</t>
  </si>
  <si>
    <t>Противоударное защитное стекло Sony Xperia XA1 (прозрачное, ударопрочное)</t>
  </si>
  <si>
    <t>Защитное стекло для Xiaomi Mi 10 Lite (5d черное)</t>
  </si>
  <si>
    <t>Защитное стекло для Xiaomi MI 11 Lite / Mi 12 Lite (5d черное)</t>
  </si>
  <si>
    <t>Защитное стекло для Xiaomi MI 8 / Mi 8 Pro (5d черное)</t>
  </si>
  <si>
    <t>Защитное стекло для Xiaomi MI 8 Lite (5d черное)</t>
  </si>
  <si>
    <t>Защитное стекло для Xiaomi MI 8, 2,5D, 0,3мм, твердость 9H+</t>
  </si>
  <si>
    <t>Защитное стекло для Xiaomi MI 9 (5d черное)</t>
  </si>
  <si>
    <t>Защитное стекло для Xiaomi MI 9 Lite (5d черное)</t>
  </si>
  <si>
    <t>Защитное стекло для Xiaomi Mi 9T / Redmi K20 (5D Черное)</t>
  </si>
  <si>
    <t>Защитное стекло для Xiaomi MI A2 Lite (5d черное)</t>
  </si>
  <si>
    <t>Защитное стекло для Xiaomi MI A2, 2,5D, 0,3мм, твердость 9H+</t>
  </si>
  <si>
    <t>Защитное стекло для Xiaomi MI Mix 2 / Mix 2S (5D черное)</t>
  </si>
  <si>
    <t>Защитное стекло для Xiaomi MI Mix3 (5D черное)</t>
  </si>
  <si>
    <t>Защитное стекло для Xiaomi Poco F3 (5d черное)</t>
  </si>
  <si>
    <t>Защитное стекло для Xiaomi Poco M2 Pro (5d черное)</t>
  </si>
  <si>
    <t>Защитное стекло для Xiaomi Poco X3 (5d черное)</t>
  </si>
  <si>
    <t>Защитное стекло для Xiaomi Poco X3 Pro (5d черное)</t>
  </si>
  <si>
    <t>Защитное стекло для Xiaomi Redmi 10C (5d черное)</t>
  </si>
  <si>
    <t>Защитное стекло для Xiaomi Redmi 10X 4G (5d черное)</t>
  </si>
  <si>
    <t>Защитное стекло для Xiaomi Redmi 4 Prime, 2,5D, 0,3мм, твердость 9H+</t>
  </si>
  <si>
    <t>Защитное стекло для Xiaomi Redmi 4X (5d белое)</t>
  </si>
  <si>
    <t>Защитное стекло для Xiaomi Redmi 4X (5d черное)</t>
  </si>
  <si>
    <t>Защитное стекло для Xiaomi Redmi 5 Plus (5d черное)</t>
  </si>
  <si>
    <t>Защитное стекло для Xiaomi Redmi 5A (5D белое)</t>
  </si>
  <si>
    <t>Защитное стекло для Xiaomi Redmi 6 / Redmi 6A (5d черное)</t>
  </si>
  <si>
    <t>Защитное стекло для Xiaomi Redmi 6X / MI A2 (5d белое)</t>
  </si>
  <si>
    <t>Защитное стекло для Xiaomi Redmi 7 (5D Черное)</t>
  </si>
  <si>
    <t>Защитное стекло для Xiaomi Redmi 7A (5D Черное)</t>
  </si>
  <si>
    <t>Защитное стекло для Xiaomi Redmi 8 / Redmi 8A (5d черное)</t>
  </si>
  <si>
    <t>Защитное стекло для Xiaomi Redmi 9A / Redmi 9C / Poco C3  / Poco C31 / 10A (черный)</t>
  </si>
  <si>
    <t>Защитное стекло для Xiaomi Redmi 9A / Redmi 9C / Poco C3 (5D черное)</t>
  </si>
  <si>
    <t>Защитное стекло для Xiaomi Redmi GO (5D черное)</t>
  </si>
  <si>
    <t>Защитное стекло для Xiaomi Redmi Note 10 (5d черное)</t>
  </si>
  <si>
    <t>Защитное стекло для Xiaomi Redmi Note 10 Pro (5d черное)</t>
  </si>
  <si>
    <t>Защитное стекло для Xiaomi Redmi Note 4 / Note 4X (5D Белое)</t>
  </si>
  <si>
    <t>Защитное стекло для Xiaomi Redmi Note 4 / Note 4X (5D Черное)</t>
  </si>
  <si>
    <t>Защитное стекло для Xiaomi Redmi Note 5 / Note 5 Pro (5D черное)</t>
  </si>
  <si>
    <t>Защитное стекло для Xiaomi Redmi Note 5 Pro, 2,5D, 0,3мм, твердость 9H+</t>
  </si>
  <si>
    <t>Защитное стекло для Xiaomi Redmi Note 6 / Mi 8 Lite (5D черное)</t>
  </si>
  <si>
    <t>Защитное стекло для Xiaomi Redmi Note 6 Pro</t>
  </si>
  <si>
    <t>Защитное стекло для Xiaomi Redmi Note 7 Pro (5D Черное)</t>
  </si>
  <si>
    <t>Защитное стекло для Xiaomi Redmi Note 8 (5d черное)</t>
  </si>
  <si>
    <t>Защитное стекло для Xiaomi Redmi Note 9 (5d черное)</t>
  </si>
  <si>
    <t>Защитное стекло для Xiaomi Redmi Note 9 Pro (5d черное)</t>
  </si>
  <si>
    <t>Защитное стекло для Xiaomi Redmi Note 9S (5d черное)</t>
  </si>
  <si>
    <t>Защитное стекло для Xiaomi Redmi S2 (5D черное)</t>
  </si>
  <si>
    <t>Стекло камеры для Xiaomi Poco F3 в обойме (оригинал с  разбора)</t>
  </si>
  <si>
    <t>Универсальные</t>
  </si>
  <si>
    <t>Защитная наклейка для камеры телефона (1 комплект - 1000 шт.)</t>
  </si>
  <si>
    <t>Защитное стекло универсальное для телефонов с дисплеем 4,3", 2,5D, 0,3мм, твердость 9H+</t>
  </si>
  <si>
    <t>Защитное стекло универсальное для телефонов с дисплеем 4,5", 2,5D, 0,3мм, твердость 9H+</t>
  </si>
  <si>
    <t>Защитное стекло универсальное для телефонов с дисплеем 4,7", 2,5D, 0,3мм, твердость 9H+</t>
  </si>
  <si>
    <t>Защитное стекло универсальное для телефонов с дисплеем 4", 2,5D, 0,3мм, твердость 9H+</t>
  </si>
  <si>
    <t>Защитное стекло универсальное для телефонов с дисплеем 5,3", 2,5D, 0,3мм, твердость 9H+</t>
  </si>
  <si>
    <t>Защитное стекло универсальное для телефонов с дисплеем 5,5", 2,5D, 0,3мм, твердость 9H+</t>
  </si>
  <si>
    <t>Защитное стекло универсальное для телефонов с дисплеем 5", 2,5D, 0,3мм, твердость 9H+</t>
  </si>
  <si>
    <t>Защитное стекло универсальное для телефонов с дисплеем 6", 2,5D, 0,3мм, твердость 9H+</t>
  </si>
  <si>
    <t>Набор салфеток для поклейки защитных стекол</t>
  </si>
  <si>
    <t>Триггеры, Геймпады</t>
  </si>
  <si>
    <t>Игровой геймпад X7 Bluetooth для смартфона, ПК, ТВ</t>
  </si>
  <si>
    <t>Игровой геймпад для смартфона SR с охлаждением</t>
  </si>
  <si>
    <t>Игровой геймпад для смартфона W10</t>
  </si>
  <si>
    <t>Игровой геймпад для смартфона W11+</t>
  </si>
  <si>
    <t>Триггер игровой для смартфона</t>
  </si>
  <si>
    <t>Чехлы, бампера, сумочки</t>
  </si>
  <si>
    <t>Кейс-книжка для Honor Play (черный)</t>
  </si>
  <si>
    <t>Кейс-книжка для Huawei Nova 3 (черный)</t>
  </si>
  <si>
    <t>Кейс-книжка для Huawei P Smart 2019 (черный)</t>
  </si>
  <si>
    <t>Кейс-книжка для Huawei Y6 2018 (синий)</t>
  </si>
  <si>
    <t>Кейс-книжка для Huawei Y9 2018 (золото)</t>
  </si>
  <si>
    <t>Клип-кейс для Honor 7A Pro / Honor 7C / Huawei Y6 2018 (прозрачный, с рисунками)</t>
  </si>
  <si>
    <t>Клип-кейс для Honor 8C (золото)</t>
  </si>
  <si>
    <t>Клип-кейс для Huawei Nova 3 (прозрачный)</t>
  </si>
  <si>
    <t>Клип-кейс для Huawei P Smart 2019 (прозрачный)</t>
  </si>
  <si>
    <t>Клип-кейс для Huawei P Smart 2019 (синий)</t>
  </si>
  <si>
    <t>Клип-кейс для Huawei P20 (прозрачный)</t>
  </si>
  <si>
    <t>Клип-кейс для Huawei P9 Lite (черный)</t>
  </si>
  <si>
    <t>Клип-кейс для Huawei View 20 (черный)</t>
  </si>
  <si>
    <t>Клип-кейс для Huawei Y6 2018 (синий)</t>
  </si>
  <si>
    <t>Силиконовый чехол прозрачный для Honor 6C Pro</t>
  </si>
  <si>
    <t>Чехол "Clear Case" для Honor 10X Lite (прозрачный)</t>
  </si>
  <si>
    <t>Чехол "Clear Case" для Honor 20i / P Smart Plus 2019 (прозрачный)</t>
  </si>
  <si>
    <t>Чехол "Clear Case" для Huawei Mate 20 (прозрачный)</t>
  </si>
  <si>
    <t>Чехол "Clear Case" для Huawei Mate 20 Lite (прозрачный)</t>
  </si>
  <si>
    <t>Чехол "Clear Case" для Huawei Mate 20 Pro (прозрачный)</t>
  </si>
  <si>
    <t>Чехол "Clear Case" для Huawei P30 (прозрачный)</t>
  </si>
  <si>
    <t>Чехол "Clear Case" для Huawei P30 Pro (прозрачный)</t>
  </si>
  <si>
    <t>Чехол "Clear Case" для Huawei Y5 2019 / Honor 8S (прозрачный)</t>
  </si>
  <si>
    <t>Чехол "Creative Case" для Honor 20 Pro (красный)</t>
  </si>
  <si>
    <t>Чехол "Creative Case" для Honor 20 Pro (розовый)</t>
  </si>
  <si>
    <t>Чехол "Creative Case" для Huawei P30 Lite (розовый)</t>
  </si>
  <si>
    <t>Чехол "Creative Case" для Huawei P30 Lite (синий)</t>
  </si>
  <si>
    <t>Чехол "Silicon Cover" для Honor 10 Lite (сиреневый)</t>
  </si>
  <si>
    <t>Чехол "Silicon Cover" для Honor 20 Pro (черный)</t>
  </si>
  <si>
    <t>Чехол "Silicon Cover" для Honor 50 Lite (черный)</t>
  </si>
  <si>
    <t>Чехол "Silicon Cover" для Honor X8 (персиковый)</t>
  </si>
  <si>
    <t>Чехол "Silicon Cover" для Honor X8 (сиреневый)</t>
  </si>
  <si>
    <t>Чехол "Silicon Cover" для Honor X8 (ярко-розовый)</t>
  </si>
  <si>
    <t>Чехол "Silicon Cover" для Huawei GR20 / Nova 5T (голубой)</t>
  </si>
  <si>
    <t>Чехол "Silicon Cover" для Huawei GR20 / Nova 5T (фиолетовый)</t>
  </si>
  <si>
    <t>Чехол "Silicon Cover" для Huawei GR20 / Nova 5T (черный)</t>
  </si>
  <si>
    <t>Чехол "Silicon Cover" для Huawei P30 Lite / Nova 4E (бежевый)</t>
  </si>
  <si>
    <t>Чехол "Silicon Cover" для Huawei P30 Lite / Nova 4E (Сиреневый)</t>
  </si>
  <si>
    <t>Чехол "Silicon Cover" для Huawei P30 Lite / Nova 4E (черный)</t>
  </si>
  <si>
    <t>Чехол "Silicon Cover" для Huawei P30 Pro (красный)</t>
  </si>
  <si>
    <t>Чехол "Silicon Cover" для Huawei P30 Pro (розовый)</t>
  </si>
  <si>
    <t>Чехол "Silicone Cover" для Honor 20 Lite (зеленый)</t>
  </si>
  <si>
    <t>Чехол "Silicone Cover" для Honor 20 Lite (красный)</t>
  </si>
  <si>
    <t>Чехол "Silicone Cover" для Honor 70 (бежевый)</t>
  </si>
  <si>
    <t>Чехол "Silicone Cover" для Honor 70 (бирюзовый)</t>
  </si>
  <si>
    <t>Чехол "Silicone Cover" для Honor 70 (зеленый)</t>
  </si>
  <si>
    <t>Чехол "Silicone Cover" для Honor 70 (красный)</t>
  </si>
  <si>
    <t>Чехол "Silicone Cover" для Honor 70 (розовый)</t>
  </si>
  <si>
    <t>Чехол "Silicone Cover" для Honor 70 (синий)</t>
  </si>
  <si>
    <t>Чехол "Silicone Cover" для Honor 70 (сиреневый)</t>
  </si>
  <si>
    <t>Чехол "Silicone Cover" для Honor 70 (ярко-розовый)</t>
  </si>
  <si>
    <t>Чехол "Silicone Cover" для Honor X6 (бирюзовый)</t>
  </si>
  <si>
    <t>Чехол "Silicone Cover" для Honor X6 (красный)</t>
  </si>
  <si>
    <t>Чехол "Silicone Cover" для Honor X6 (розовый)</t>
  </si>
  <si>
    <t>Чехол "Silicone Cover" для Honor X6 (сиреневый)</t>
  </si>
  <si>
    <t>Чехол "Silicone Cover" для Honor X6 (ярко-розовый)</t>
  </si>
  <si>
    <t>Чехол "Silicone Cover" для Honor X7 (бежевый)</t>
  </si>
  <si>
    <t>Чехол "Silicone Cover" для Honor X7 (бирюзовый)</t>
  </si>
  <si>
    <t>Чехол "Silicone Cover" для Honor X7 (красный)</t>
  </si>
  <si>
    <t>Чехол "Silicone Cover" для Honor X7 (розовый)</t>
  </si>
  <si>
    <t>Чехол "Silicone Cover" для Honor X7 (сиреневый)</t>
  </si>
  <si>
    <t>Чехол "Silicone Cover" для Honor X7 (темно-зеленый)</t>
  </si>
  <si>
    <t>Чехол "Silicone Cover" для Honor X7 (ярко-розовый)</t>
  </si>
  <si>
    <t>Чехол "Silicone Cover" для Huawei Nova Y70 / Y70 Plus (темно-синий)</t>
  </si>
  <si>
    <t>Чехол "Silicone Cover" для Huawei Nova Y70 / Y70 Plus (черный)</t>
  </si>
  <si>
    <t>Чехол "Silicone Cover" для Huawei P Smart Z / Honor 9X (персиковый)</t>
  </si>
  <si>
    <t>Чехол "Silicone Cover" для Huawei P Smart Z / Honor 9X (сиреневый)</t>
  </si>
  <si>
    <t>Чехол "Silicone Cover" для Huawei P20 (голубой)</t>
  </si>
  <si>
    <t>Чехол "Silicone Cover" для Huawei P20 (красный)</t>
  </si>
  <si>
    <t>Чехол "Silicone Cover" для Huawei P20 (розовый)</t>
  </si>
  <si>
    <t>Чехол "Silicone Cover" для Huawei P20 (сиреневый)</t>
  </si>
  <si>
    <t>Чехол "Silicone Cover" для Huawei P20 (темно-синий)</t>
  </si>
  <si>
    <t>Чехол "Silicone Cover" для Huawei P20 (черный)</t>
  </si>
  <si>
    <t>Чехол "Silicone Cover" для Huawei P40 Lite (бежевый)</t>
  </si>
  <si>
    <t>Чехол "Silicone Cover" для Huawei P40 Lite (белый)</t>
  </si>
  <si>
    <t>Чехол "Silicone Cover" для Huawei P40 Lite (бирюзовый)</t>
  </si>
  <si>
    <t>Чехол "Silicone Cover" для Huawei P40 Lite (красный)</t>
  </si>
  <si>
    <t>Чехол "Silicone Cover" для Huawei P40 Lite (сиреневый)</t>
  </si>
  <si>
    <t>Чехол "Silicone Cover" для Huawei P40 Lite (темно-серый)</t>
  </si>
  <si>
    <t>Чехол "Silicone Cover" для Huawei P40 Lite (темно-синий)</t>
  </si>
  <si>
    <t>Чехол "Silicone Cover" для Huawei P40 Lite (черный)</t>
  </si>
  <si>
    <t>Чехол для HUAWEI P6 Армор черный</t>
  </si>
  <si>
    <t>Чехол для HUAWEI U8815/Ascend G300 Армор черный</t>
  </si>
  <si>
    <t>Чехол для HUAWEI Y600 Армор черный</t>
  </si>
  <si>
    <t>Чехол-книжка Honor 9 Lite синий в силиконовом бампере</t>
  </si>
  <si>
    <t>Чехол-книжка на силиконовой основе для Honor 10 Lite (баклажановый)</t>
  </si>
  <si>
    <t>Чехол-книжка на силиконовой основе для Honor 10 Lite (золото)</t>
  </si>
  <si>
    <t>Чехол-книжка на силиконовой основе для Huawei P30 Lite / Honor 20S (золото)</t>
  </si>
  <si>
    <t>Чехол-книжка на силиконовой основе для Huawei P30 Lite / Honor 20S (серый)</t>
  </si>
  <si>
    <t>Чехол-книжка на силиконовой основе для Huawei P30 Lite / Honor 20S (синий)</t>
  </si>
  <si>
    <t>Чехол-книжка на силиконовой основе для Huawei P30 Lite / Honor 20S (черный)</t>
  </si>
  <si>
    <t>Infinix / Tecno</t>
  </si>
  <si>
    <t>Силиконовый прозрачный чехол для TECNO Spark 8C / TECNO Spark GO 2022</t>
  </si>
  <si>
    <t>Чехол "Silicone Cover" для Infinix Hot 11s (бежевый)</t>
  </si>
  <si>
    <t>Чехол "Silicone Cover" для Infinix Hot 11s (бирюзовый)</t>
  </si>
  <si>
    <t>Чехол "Silicone Cover" для Infinix Hot 11s (зеленый)</t>
  </si>
  <si>
    <t>Чехол "Silicone Cover" для Infinix Hot 11s (красный)</t>
  </si>
  <si>
    <t>Чехол "Silicone Cover" для Infinix Hot 11s (розовый)</t>
  </si>
  <si>
    <t>Чехол "Silicone Cover" для Infinix Hot 11s (синий)</t>
  </si>
  <si>
    <t>Чехол "Silicone Cover" для Infinix Hot 11s (сиреневый)</t>
  </si>
  <si>
    <t>Чехол "Silicone Cover" для Infinix Hot 11s (черный)</t>
  </si>
  <si>
    <t>Чехол "Silicone Cover" для Infinix Hot 11s (ярко-розовый)</t>
  </si>
  <si>
    <t>Чехол "Silicone Cover" для Infinix Hot 12 Play (бежевый)</t>
  </si>
  <si>
    <t>Чехол "Silicone Cover" для Infinix Hot 12 Play (зеленый)</t>
  </si>
  <si>
    <t>Чехол "Silicone Cover" для Infinix Hot 12 Play (розовый)</t>
  </si>
  <si>
    <t>Чехол "Silicone Cover" для Infinix Hot 12i (бежевый)</t>
  </si>
  <si>
    <t>Чехол "Silicone Cover" для Infinix Hot 12i (красный)</t>
  </si>
  <si>
    <t>Чехол "Silicone Cover" для Infinix Hot 12i (розовый)</t>
  </si>
  <si>
    <t>Чехол "Silicone Cover" для Infinix Hot 12i (синий)</t>
  </si>
  <si>
    <t>Чехол "Silicone Cover" для Infinix Hot 12i (сиреневый)</t>
  </si>
  <si>
    <t>Чехол "Silicone Cover" для Infinix Hot 12i (черный)</t>
  </si>
  <si>
    <t>Чехол "Silicone Cover" для Infinix Hot 12i (ярко-розовый)</t>
  </si>
  <si>
    <t>Чехол "Silicone Cover" для Infinix Hot 20i (ярко-розовый)</t>
  </si>
  <si>
    <t>Чехол "Silicone Cover" для Infinix Smart 6 (бежевый)</t>
  </si>
  <si>
    <t>Чехол "Silicone Cover" для Infinix Smart 6 (бирюзовый)</t>
  </si>
  <si>
    <t>Чехол "Silicone Cover" для Infinix Smart 6 (зеленый)</t>
  </si>
  <si>
    <t>Чехол "Silicone Cover" для Infinix Smart 6 (красный)</t>
  </si>
  <si>
    <t>Чехол "Silicone Cover" для Infinix Smart 6 (розовый)</t>
  </si>
  <si>
    <t>Чехол "Silicone Cover" для Infinix Smart 6 (синий)</t>
  </si>
  <si>
    <t>Чехол "Silicone Cover" для Infinix Smart 6 (сиреневый)</t>
  </si>
  <si>
    <t>Чехол "Silicone Cover" для Infinix Smart 6 (черный)</t>
  </si>
  <si>
    <t>Чехол "Silicone Cover" для Infinix Smart 6 (ярко-розовый)</t>
  </si>
  <si>
    <t>Чехол "Silicone Cover" для Tecno Pova 3 (бежевый)</t>
  </si>
  <si>
    <t>Чехол "Silicone Cover" для Tecno Pova 3 (бирюзовый)</t>
  </si>
  <si>
    <t>Чехол "Silicone Cover" для Tecno Pova 3 (зеленый)</t>
  </si>
  <si>
    <t>Чехол "Silicone Cover" для Tecno Pova 3 (красный)</t>
  </si>
  <si>
    <t>Чехол "Silicone Cover" для Tecno Pova 3 (розовый)</t>
  </si>
  <si>
    <t>Чехол "Silicone Cover" для Tecno Pova 3 (сиреневый)</t>
  </si>
  <si>
    <t>Чехол "Silicone Cover" для Tecno Pova 3 (черный)</t>
  </si>
  <si>
    <t>Чехол "Silicone Cover" для Tecno Pova 3 (ярко-розовый)</t>
  </si>
  <si>
    <t>Чехол "Silicone Cover" для Tecno Spark 19 Pro (бежевый)</t>
  </si>
  <si>
    <t>Чехол "Silicone Cover" для Tecno Spark 19 Pro (бирюзовый)</t>
  </si>
  <si>
    <t>Чехол "Silicone Cover" для Tecno Spark 19 Pro (зеленый)</t>
  </si>
  <si>
    <t>Чехол "Silicone Cover" для Tecno Spark 19 Pro (розовый)</t>
  </si>
  <si>
    <t>Чехол "Silicone Cover" для Tecno Spark 19 Pro (сиреневый)</t>
  </si>
  <si>
    <t>Чехол "Silicone Cover" для Tecno Spark 8C (сиреневый)</t>
  </si>
  <si>
    <t>Чехол "Silicone Cover" для Tecno Spark 8C (черный)</t>
  </si>
  <si>
    <t>Чехол "Silicone Cover" для Tecno Spark 8C / GO 2022 (прозрачный) б/у</t>
  </si>
  <si>
    <t>Клип-кейс для Nokia 2 (прозрачный)</t>
  </si>
  <si>
    <t>Клип-кейс для Nokia 3 (прозрачный)</t>
  </si>
  <si>
    <t>Клип-кейс для Nokia 3.1 (прозрачный)</t>
  </si>
  <si>
    <t>Клип-кейс для Nokia 3.1 (синий)</t>
  </si>
  <si>
    <t>Клип-кейс для Nokia 3.1 Plus (синий)</t>
  </si>
  <si>
    <t>Клип-кейс для Nokia 5.1 (прозрачный)</t>
  </si>
  <si>
    <t>Клип-кейс для Nokia 5.1 (тёмно-синий)</t>
  </si>
  <si>
    <t>Клип-кейс для Nokia 6 (прозрачный)</t>
  </si>
  <si>
    <t>Клип-кейс для Nokia 6 (черный)</t>
  </si>
  <si>
    <t>Клип-кейс для Nokia 7.1 (прозрачный)</t>
  </si>
  <si>
    <t>Чехол-книжка для Nokia 5.1/ Nokia 5 2018 г. горизонтальная на магните, силикон по периметру, черный</t>
  </si>
  <si>
    <t>Oppo</t>
  </si>
  <si>
    <t>Чехол силиконовый прозрачный 2мм для OPPO A53 (2020) CPH2127</t>
  </si>
  <si>
    <t>Чехол "Silicone Cover" для Realme 10 (бежевый)</t>
  </si>
  <si>
    <t>Чехол "Silicone Cover" для Realme 10 (бирюзовый)</t>
  </si>
  <si>
    <t>Чехол "Silicone Cover" для Realme 10 (зеленый)</t>
  </si>
  <si>
    <t>Чехол "Silicone Cover" для Realme 10 (красный)</t>
  </si>
  <si>
    <t>Чехол "Silicone Cover" для Realme 10 (розовый)</t>
  </si>
  <si>
    <t>Чехол "Silicone Cover" для Realme 10 (синий)</t>
  </si>
  <si>
    <t>Чехол "Silicone Cover" для Realme 10 (сиреневый)</t>
  </si>
  <si>
    <t>Чехол "Silicone Cover" для Realme 10 (черный)</t>
  </si>
  <si>
    <t>Чехол "Silicone Cover" для Realme 10 (ярко-розовый)</t>
  </si>
  <si>
    <t>Чехол "Silicone Cover" для Realme 8 4G (темно-зеленый)</t>
  </si>
  <si>
    <t>Чехол "Silicone Cover" для Realme C20 (черный)</t>
  </si>
  <si>
    <t>Чехол "Silicone Cover" для Realme C21 (черный)</t>
  </si>
  <si>
    <t>Чехол "Silicone Cover" для Realme C21Y (темно-зеленый)</t>
  </si>
  <si>
    <t>Чехол "Silicone Cover" для Realme C21Y (темно-синий)</t>
  </si>
  <si>
    <t>Чехол "Silicone Cover" для Realme C21Y (черный)</t>
  </si>
  <si>
    <t>Чехол "Silicone Cover" для Realme C25S (черный)</t>
  </si>
  <si>
    <t>Чехол "Silicone Cover" для Realme C30 (бирюзовый)</t>
  </si>
  <si>
    <t>Чехол "Silicone Cover" для Realme C30 (розовый)</t>
  </si>
  <si>
    <t>Чехол "Silicone Cover" для Realme C30 (сиреневый)</t>
  </si>
  <si>
    <t>Чехол "Silicone Cover" для Realme C31 (бежевый)</t>
  </si>
  <si>
    <t>Чехол "Silicone Cover" для Realme C31 (бирюзовый)</t>
  </si>
  <si>
    <t>Чехол "Silicone Cover" для Realme C31 (красный)</t>
  </si>
  <si>
    <t>Чехол "Silicone Cover" для Realme C31 (розовый)</t>
  </si>
  <si>
    <t>Чехол "Silicone Cover" для Realme C31 (сиреневый)</t>
  </si>
  <si>
    <t>Чехол "Silicone Cover" для Realme C31 (темно-синий)</t>
  </si>
  <si>
    <t>Чехол "Silicone Cover" для Realme C31 (хаки)</t>
  </si>
  <si>
    <t>Чехол "Silicone Cover" для Realme C31 (ярко-розовый)</t>
  </si>
  <si>
    <t>Чехол "Silicone Cover" для Realme C33 (бежевый)</t>
  </si>
  <si>
    <t>Чехол "Silicone Cover" для Realme C33 (бирюзовый)</t>
  </si>
  <si>
    <t>Чехол "Silicone Cover" для Realme C33 (красный)</t>
  </si>
  <si>
    <t>Чехол "Silicone Cover" для Realme C33 (розовый)</t>
  </si>
  <si>
    <t>Чехол "Silicone Cover" для Realme C33 (сиреневый)</t>
  </si>
  <si>
    <t>Чехол "Silicone Cover" для Realme C33 (хаки)</t>
  </si>
  <si>
    <t>Чехол "Silicone Cover" для Realme C33 (ярко-розовый)</t>
  </si>
  <si>
    <t>Чехол "Silicone Cover" для Realme C35 (бежевый)</t>
  </si>
  <si>
    <t>Чехол "Silicone Cover" для Realme C35 (бирюзовый)</t>
  </si>
  <si>
    <t>Чехол "Silicone Cover" для Realme C35 (красный)</t>
  </si>
  <si>
    <t>Чехол "Silicone Cover" для Realme C35 (розовый)</t>
  </si>
  <si>
    <t>Чехол "Silicone Cover" для Realme C35 (сиреневый)</t>
  </si>
  <si>
    <t>Чехол "Silicone Cover" для Realme C35 (ярко-розовый)</t>
  </si>
  <si>
    <t>Кейс-книжка для Samsung Galaxy A6 2018 (черный)</t>
  </si>
  <si>
    <t>Кейс-книжка для Samsung Galaxy A7 2018 (розовый)</t>
  </si>
  <si>
    <t>Кейс-книжка для Samsung Galaxy J3 2016 (черный)</t>
  </si>
  <si>
    <t>Кейс-книжка для Samsung Galaxy J3 2017 (золото)</t>
  </si>
  <si>
    <t>Кейс-книжка для Samsung Galaxy J4+ 2018 (черный)</t>
  </si>
  <si>
    <t>Клип-кейс для Samsung Galaxy A40 (зеленый)</t>
  </si>
  <si>
    <t>Клип-кейс для Samsung Galaxy J3 2017 (прозрачный)</t>
  </si>
  <si>
    <t>Клип-кейс для Samsung Galaxy J4 2018 (золото)</t>
  </si>
  <si>
    <t>Клип-кейс для Samsung Galaxy J4 2018 (красно-черный)</t>
  </si>
  <si>
    <t>Клип-кейс для Samsung Galaxy J4 2018 (прозрачный)</t>
  </si>
  <si>
    <t>Клип-кейс для Samsung Galaxy J4 2018 (синий)</t>
  </si>
  <si>
    <t>Клип-кейс для Samsung Galaxy J4 2018 (черный)</t>
  </si>
  <si>
    <t>Силиконовый чехол для Samsung A3 2017</t>
  </si>
  <si>
    <t>Силиконовый чехол для Samsung Galaxy S8 (с черной окантовкой)</t>
  </si>
  <si>
    <t>Силиконовый чехол для Samsung j5 2016</t>
  </si>
  <si>
    <t>Силиконовый чехол для Samsung j5 Prime, рисунок</t>
  </si>
  <si>
    <t>Силиконовый чехол для Samsung j5, рисунок</t>
  </si>
  <si>
    <t>Силиконовый чехол для Samsung S6 edge, со стразами</t>
  </si>
  <si>
    <t>Силиконовый чехол для Samsung S7</t>
  </si>
  <si>
    <t>Силиконовый чехол для Samsung S7, красный</t>
  </si>
  <si>
    <t>Чехол "Clear Case" для Samsung Galaxy A10 (прозрачный)</t>
  </si>
  <si>
    <t>Чехол "Clear Case" для Samsung Galaxy A14 (прозрачный)</t>
  </si>
  <si>
    <t>Чехол "Clear Case" для Samsung Galaxy A20 / A30 (прозрачный)</t>
  </si>
  <si>
    <t>Чехол "Clear Case" для Samsung Galaxy A40 (прозрачный)</t>
  </si>
  <si>
    <t>Чехол "Clear Case" для Samsung Galaxy A70 (прозрачный)</t>
  </si>
  <si>
    <t>Чехол "Clear Case" для Samsung Galaxy Note 10 (прозрачный)</t>
  </si>
  <si>
    <t>Чехол "Clear Case" для Samsung Galaxy Note 10 Pro (прозрачный)</t>
  </si>
  <si>
    <t>Чехол "Clear Case" для Samsung Galaxy S10 (прозрачный)</t>
  </si>
  <si>
    <t>Чехол "Clear Case" для Samsung Galaxy S10e (прозрачный)</t>
  </si>
  <si>
    <t>Чехол "Creative Case" для Samsung Galaxy A10 (черный, мультиперсонажи)</t>
  </si>
  <si>
    <t>Чехол "Creative Case" для Samsung Galaxy A30 (красный, мультиперсонажи)</t>
  </si>
  <si>
    <t>Чехол "Creative Case" для Samsung Galaxy A40 (красный)</t>
  </si>
  <si>
    <t>Чехол "Creative Case" для Samsung Galaxy A40 (розовый)</t>
  </si>
  <si>
    <t>Чехол "Creative Case" для Samsung Galaxy A40 (фиолетовый)</t>
  </si>
  <si>
    <t>Чехол "Silicone Cover" для Samsung Galaxy A22 4G (черный)</t>
  </si>
  <si>
    <t>Чехол "Silicone Cover" для Samsung Galaxy A22 5G (сиреневый)</t>
  </si>
  <si>
    <t>Чехол для Samsung Galaxy A01 "Silicon Cover" (синий)</t>
  </si>
  <si>
    <t>Чехол для Samsung Galaxy A01 "Silicon Cover" (сиреневый)</t>
  </si>
  <si>
    <t>Чехол для Samsung Galaxy A02 "Silicon Cover" (молочно-белый)</t>
  </si>
  <si>
    <t>Чехол для Samsung Galaxy A03 "Silicon Cover" (черный)</t>
  </si>
  <si>
    <t>Чехол для Samsung Galaxy A03 Core "Silicon Cover" (черный)</t>
  </si>
  <si>
    <t>Чехол для Samsung Galaxy A03 Core "Silicon Cover" (ярко-розовый)</t>
  </si>
  <si>
    <t>Чехол для Samsung Galaxy A04 "Silicon Cover" (бежевый)</t>
  </si>
  <si>
    <t>Чехол для Samsung Galaxy A04 "Silicon Cover" (бирюзовый)</t>
  </si>
  <si>
    <t>Чехол для Samsung Galaxy A04 "Silicon Cover" (красный)</t>
  </si>
  <si>
    <t>Чехол для Samsung Galaxy A04 "Silicon Cover" (светло-розовый)</t>
  </si>
  <si>
    <t>Чехол для Samsung Galaxy A04 "Silicon Cover" (сиреневый)</t>
  </si>
  <si>
    <t>Чехол для Samsung Galaxy A04 "Silicon Cover" (темно-зеленый)</t>
  </si>
  <si>
    <t>Чехол для Samsung Galaxy A04 "Silicon Cover" (темно-синий)</t>
  </si>
  <si>
    <t>Чехол для Samsung Galaxy A04 "Silicon Cover" (черный)</t>
  </si>
  <si>
    <t>Чехол для Samsung Galaxy A04 "Silicon Cover" (ярко-розовый)</t>
  </si>
  <si>
    <t>Чехол для Samsung Galaxy A10 "Silicon Cover" (бежевый)</t>
  </si>
  <si>
    <t>Чехол для Samsung Galaxy A10 "Silicon Cover" (синий)</t>
  </si>
  <si>
    <t>Чехол для Samsung Galaxy A10 "Silicon Cover" (сиреневый)</t>
  </si>
  <si>
    <t>Чехол для Samsung Galaxy A10 "Silicon Cover" (сливовый)</t>
  </si>
  <si>
    <t>Чехол для Samsung Galaxy A10 "Silicon Cover" (черный)</t>
  </si>
  <si>
    <t>Чехол для Samsung Galaxy A11 "Silicon Cover" (желтый)</t>
  </si>
  <si>
    <t>Чехол для Samsung Galaxy A11 "Silicon Cover" (розовый)</t>
  </si>
  <si>
    <t>Чехол для Samsung Galaxy A12 "Silicon Cover" (белый)</t>
  </si>
  <si>
    <t>Чехол для Samsung Galaxy A12 "Silicon Cover" (розовый)</t>
  </si>
  <si>
    <t>Чехол для Samsung Galaxy A14 "Silicon Cover" (черный)</t>
  </si>
  <si>
    <t>Чехол для Samsung Galaxy A15 "Silicon Cover" (фиолетовый)</t>
  </si>
  <si>
    <t>Чехол для Samsung Galaxy A15 "Silicon Cover" (ярко-розовый)</t>
  </si>
  <si>
    <t>Чехол для Samsung Galaxy A20/A30 "Silicon Cover" (бежевый)</t>
  </si>
  <si>
    <t>Чехол для Samsung Galaxy A20/A30 "Silicon Cover" (красный)</t>
  </si>
  <si>
    <t>Чехол для Samsung Galaxy A20/A30 "Silicon Cover" (розовый)</t>
  </si>
  <si>
    <t>Чехол для Samsung Galaxy A20/A30 "Silicon Cover" (синий)</t>
  </si>
  <si>
    <t>Чехол для Samsung Galaxy A20/A30 "Silicon Cover" (сиреневый)</t>
  </si>
  <si>
    <t>Чехол для Samsung Galaxy A20/A30 "Silicon Cover" (сливовый)</t>
  </si>
  <si>
    <t>Чехол для Samsung Galaxy A20/A30 "Silicon Cover" (темно-синий)</t>
  </si>
  <si>
    <t>Чехол для Samsung Galaxy A20/A30 "Silicon Cover" (фиолетовый)</t>
  </si>
  <si>
    <t>Чехол для Samsung Galaxy A21 "Silicon Cover" (темно-синий)</t>
  </si>
  <si>
    <t>Чехол для Samsung Galaxy A31 "Silicon Cover" (белый)</t>
  </si>
  <si>
    <t>Чехол для Samsung Galaxy A31 "Silicon Cover" (голубой)</t>
  </si>
  <si>
    <t>Чехол для Samsung Galaxy A31 "Silicon Cover" (сиреневый)</t>
  </si>
  <si>
    <t>Чехол для Samsung Galaxy A31 "Silicon Cover" (темно-синий)</t>
  </si>
  <si>
    <t>Чехол для Samsung Galaxy A31 "Silicon Cover" (черный)</t>
  </si>
  <si>
    <t>Чехол для Samsung Galaxy A32 4G "Silicon Cover" (сиреневый)</t>
  </si>
  <si>
    <t>Чехол для Samsung Galaxy A32 4G "Silicon Cover" (фиолетовый)</t>
  </si>
  <si>
    <t>Чехол для Samsung Galaxy A32 4G "Silicon Cover" (черный)</t>
  </si>
  <si>
    <t>Чехол для Samsung Galaxy A40 "Silicon Cover" (голубой)</t>
  </si>
  <si>
    <t>Чехол для Samsung Galaxy A40 "Silicon Cover" (красный)</t>
  </si>
  <si>
    <t>Чехол для Samsung Galaxy A40 "Silicon Cover" (розовый)</t>
  </si>
  <si>
    <t>Чехол для Samsung Galaxy A50 "Silicon Cover" (бежевый)</t>
  </si>
  <si>
    <t>Чехол для Samsung Galaxy A50 "Silicon Cover" (розовый)</t>
  </si>
  <si>
    <t>Чехол для Samsung Galaxy A50 "Silicon Cover" (светло-розовый) Уценка</t>
  </si>
  <si>
    <t>Чехол для Samsung Galaxy A50 "Silicon Cover" (темно-зеленый)</t>
  </si>
  <si>
    <t>Чехол для Samsung Galaxy A50 "Silicon Cover" (темно-синий)</t>
  </si>
  <si>
    <t>Чехол для Samsung Galaxy A50 "Silicon Cover" (черный)</t>
  </si>
  <si>
    <t>Чехол для Samsung Galaxy A50S "Silicon Cover" (темно-синий)</t>
  </si>
  <si>
    <t>Чехол для Samsung Galaxy A51 "Silicon Cover" (сливовый)</t>
  </si>
  <si>
    <t>Чехол для Samsung Galaxy A51 "Silicon Cover" (темно-синий)</t>
  </si>
  <si>
    <t>Чехол для Samsung Galaxy A51 "Silicon Cover" (черный)</t>
  </si>
  <si>
    <t>Чехол для Samsung Galaxy A51 "Silicon Cover" (ярко-розовый)</t>
  </si>
  <si>
    <t>Чехол для Samsung Galaxy A52 "Silicon Cover" (темно-зеленый)</t>
  </si>
  <si>
    <t>Чехол для Samsung Galaxy A52 "Silicon Cover" (черный)</t>
  </si>
  <si>
    <t>Чехол для Samsung Galaxy A53 5G "Silicon Cover" (темно-синий)</t>
  </si>
  <si>
    <t>Чехол для Samsung Galaxy A6 plus/A605F "Silicon Cover" (голубой)</t>
  </si>
  <si>
    <t>Чехол для Samsung Galaxy A70 "Silicon Cover" (красный)</t>
  </si>
  <si>
    <t>Чехол для Samsung Galaxy A70 "Silicon Cover" (розовый)</t>
  </si>
  <si>
    <t>Чехол для Samsung Galaxy A70 "Silicon Cover" (сиреневый)</t>
  </si>
  <si>
    <t>Чехол для Samsung Galaxy A8 plus/A730 "Silicon Cover" (черный)</t>
  </si>
  <si>
    <t>Чехол для Samsung Galaxy J6 2018/J600F "Silicon Cover" (голубой)</t>
  </si>
  <si>
    <t>Чехол для Samsung Galaxy S10 "Silicon Cover" (красный)</t>
  </si>
  <si>
    <t>Чехол для Samsung Galaxy S10 Plus "Silicon Cover" (голубой)</t>
  </si>
  <si>
    <t>Чехол для Samsung Galaxy S10 Plus "Silicon Cover" (красный)</t>
  </si>
  <si>
    <t>Чехол для Samsung Galaxy S9 "ALCANTARA" (мятный)</t>
  </si>
  <si>
    <t>Чехол для Samsung J7 2017 прозрачный матовый с черным кантом</t>
  </si>
  <si>
    <t>Чехол силиконовый SAMSUNG Galaxy A10 2019 A105F (желтый)</t>
  </si>
  <si>
    <t>Чехол силиконовый SAMSUNG Galaxy A30 2019 A305F (красный)</t>
  </si>
  <si>
    <t>Чехол силиконовый SAMSUNG Galaxy A70 2019 A705F (красный)</t>
  </si>
  <si>
    <t>Чехол силиконовый SAMSUNG Galaxy A70 2019 A705F (черный)</t>
  </si>
  <si>
    <t>Чехол силиконовый черный для Samsung Galaxy A15</t>
  </si>
  <si>
    <t>Чехол-книжка для Samsung Galaxy J2 Core J260F (кожаный, коричневый)</t>
  </si>
  <si>
    <t>Клип-кейс для Sony Xperia 10 (синий)</t>
  </si>
  <si>
    <t>Клип-кейс для Sony Xperia 10 (черный)</t>
  </si>
  <si>
    <t>Чехол для Sony ACRO S/LT26W Армор раскладной кожа/черный</t>
  </si>
  <si>
    <t>Чехол для Sony G/D5103 Армор черный</t>
  </si>
  <si>
    <t>Чехол для Sony lon/LT28i Армор раскладной кожа/красный</t>
  </si>
  <si>
    <t>Чехол для Sony LT25i Griffin раскладной кожа/черный</t>
  </si>
  <si>
    <t>Чехол для Sony LT26i Griffin раскладной кожа/черный</t>
  </si>
  <si>
    <t>Чехол для Sony LT26W Griffin раскладной кожа/черный</t>
  </si>
  <si>
    <t>Чехол для Sony S/LT26i Армор раскладной кожа/черный</t>
  </si>
  <si>
    <t>Чехол для Sony Sola/MT27i Армор белый</t>
  </si>
  <si>
    <t>Чехол для Sony Sola/MT27i Армор черный</t>
  </si>
  <si>
    <t>Чехол для Sony ST21i Griffin раскладной кожа/черный</t>
  </si>
  <si>
    <t>Чехол для Sony ST23i Griffin раскладной кожа/черный</t>
  </si>
  <si>
    <t>Чехол для Sony ST25i Griffin раскладной кожа/черный</t>
  </si>
  <si>
    <t>Чехол для Sony Z (L36H) LP раскладной кожа черный</t>
  </si>
  <si>
    <t>Чехол для Sony ZL/L35H Армор красный</t>
  </si>
  <si>
    <t>Чехол противоударный двухслойный для Vivo V17 (черный) с дежатель-кольцом</t>
  </si>
  <si>
    <t>Силиконовый чехол для Xiaomi Redmi 4/4X прозрачный</t>
  </si>
  <si>
    <t>Чехол "Clear Case" для Xiaomi Mi 9 (прозрачный)</t>
  </si>
  <si>
    <t>Чехол "Clear Case" для Xiaomi Mi 9 SE (прозрачный)</t>
  </si>
  <si>
    <t>Чехол "Clear Case" для Xiaomi Mi 9T/Mi 9T Pro/Redmi K20/Redmi K20 Pro (прозрачный)</t>
  </si>
  <si>
    <t>Чехол "Clear Case" для Xiaomi Mi CC9 (прозрачный)</t>
  </si>
  <si>
    <t>Чехол "Clear Case" для Xiaomi Redmi 7 (прозрачный)</t>
  </si>
  <si>
    <t>Чехол "Clear Case" для Xiaomi Redmi 7A (прозрачный)</t>
  </si>
  <si>
    <t>Чехол "Clear Case" для Xiaomi Redmi Note 7 Pro (прозрачный)</t>
  </si>
  <si>
    <t>Чехол "Creative Case" для Xiaomi Mi 9 Lite (красный)</t>
  </si>
  <si>
    <t>Чехол "Creative Case" для Xiaomi Mi 9 Lite (розовый)</t>
  </si>
  <si>
    <t>Чехол "Creative Case" для Xiaomi Mi 9 Lite (синий)</t>
  </si>
  <si>
    <t>Чехол "Creative Case" для Xiaomi Mi 9 Lite (фиолетовый)</t>
  </si>
  <si>
    <t>Чехол "Creative Case" для Xiaomi Mi 9 Lite (черный)</t>
  </si>
  <si>
    <t>Чехол "Creative Case" для Xiaomi Mi 9T/Mi 9T Pro/Redmi K20/Redmi K20 Pro (красный)</t>
  </si>
  <si>
    <t>Чехол "Creative Case" для Xiaomi Mi 9T/Mi 9T Pro/Redmi K20/Redmi K20 Pro (розовый)</t>
  </si>
  <si>
    <t>Чехол "Creative Case" для Xiaomi Mi 9T/Mi 9T Pro/Redmi K20/Redmi K20 Pro (фиолетовый)</t>
  </si>
  <si>
    <t>Чехол "Silicon Cover" для Xiaomi CC9E / Mi A3 (бирюзовый)</t>
  </si>
  <si>
    <t>Чехол "Silicon Cover" для Xiaomi CC9E / Mi A3 (темно-синий)</t>
  </si>
  <si>
    <t>Чехол "Silicon Cover" для Xiaomi CC9E / Mi A3 (черный)</t>
  </si>
  <si>
    <t>Чехол "Silicon Cover" для Xiaomi Mi 9T/Mi 9T Pro/Redmi K20/Redmi K20 Pro (голубой)</t>
  </si>
  <si>
    <t>Чехол "Silicon Cover" для Xiaomi Mi 9T/Mi 9T Pro/Redmi K20/Redmi K20 Pro (розовый)</t>
  </si>
  <si>
    <t>Чехол "Silicon Cover" для Xiaomi Mi 9T/Mi 9T Pro/Redmi K20/Redmi K20 Pro (сиреневый)</t>
  </si>
  <si>
    <t>Чехол "Silicon Cover" для Xiaomi Mi 9T/Mi 9T Pro/Redmi K20/Redmi K20 Pro (черный)</t>
  </si>
  <si>
    <t>Чехол "Silicon Cover" для Xiaomi Mi Note 10 / Mi Note 10 Pro (красный)</t>
  </si>
  <si>
    <t>Чехол "Silicon Cover" для Xiaomi Redmi 5 (красный)</t>
  </si>
  <si>
    <t>Чехол "Silicon Cover" для Xiaomi Redmi 8 (бежевый)</t>
  </si>
  <si>
    <t>Чехол "Silicon Cover" для Xiaomi Redmi 8 (синий)</t>
  </si>
  <si>
    <t>Чехол "Silicon Cover" для Xiaomi Redmi 8 (сливовый)</t>
  </si>
  <si>
    <t>Чехол "Silicon Cover" для Xiaomi Redmi 9 (белый)</t>
  </si>
  <si>
    <t>Чехол "Silicon Cover" для Xiaomi Redmi 9 (бирюзовый)</t>
  </si>
  <si>
    <t>Чехол "Silicon Cover" для Xiaomi Redmi 9 (бордовый)</t>
  </si>
  <si>
    <t>Чехол "Silicon Cover" для Xiaomi Redmi 9 (зеленый)</t>
  </si>
  <si>
    <t>Чехол "Silicon Cover" для Xiaomi Redmi 9 (оранжевый)</t>
  </si>
  <si>
    <t>Чехол "Silicon Cover" для Xiaomi Redmi 9 (розовый)</t>
  </si>
  <si>
    <t>Чехол "Silicon Cover" для Xiaomi Redmi 9 (черный)</t>
  </si>
  <si>
    <t>Чехол "Silicon Cover" для Xiaomi Redmi 9A (бежевый)</t>
  </si>
  <si>
    <t>Чехол "Silicon Cover" для Xiaomi Redmi 9A (зеленый)</t>
  </si>
  <si>
    <t>Чехол "Silicon Cover" для Xiaomi Redmi 9A (красный)</t>
  </si>
  <si>
    <t>Чехол "Silicon Cover" для Xiaomi Redmi 9A (синий)</t>
  </si>
  <si>
    <t>Чехол "Silicon Cover" для Xiaomi Redmi 9A (сиреневый)</t>
  </si>
  <si>
    <t>Чехол "Silicon Cover" для Xiaomi Redmi 9A (черный)</t>
  </si>
  <si>
    <t>Чехол "Silicon Cover" для Xiaomi Redmi 9C (зеленый)</t>
  </si>
  <si>
    <t>Чехол "Silicon Cover" для Xiaomi Redmi 9C (лавандовый)</t>
  </si>
  <si>
    <t>Чехол "Silicon Cover" для Xiaomi Redmi 9C (персиковый)</t>
  </si>
  <si>
    <t>Чехол "Silicon Cover" для Xiaomi Redmi 9C (розовый)</t>
  </si>
  <si>
    <t>Чехол "Silicon Cover" для Xiaomi Redmi Mi 9 (розовый)</t>
  </si>
  <si>
    <t>Чехол "Silicon Cover" для Xiaomi Redmi Mi CC9 (темно-синий)</t>
  </si>
  <si>
    <t>Чехол "Silicon Cover" для Xiaomi Redmi Note 8 (бирюзовый)</t>
  </si>
  <si>
    <t>Чехол "Silicon Cover" для Xiaomi Redmi Note 8 Pro (бежевый)</t>
  </si>
  <si>
    <t>Чехол "Silicon Cover" для Xiaomi Redmi Note 8 Pro (черный)</t>
  </si>
  <si>
    <t>Чехол "Silicon Cover" для Xiaomi Redmi Note 8T (бежевый)</t>
  </si>
  <si>
    <t>Чехол "Silicon Cover" для Xiaomi Redmi Note 8T (голубой)</t>
  </si>
  <si>
    <t>Чехол "Silicon Cover" для Xiaomi Redmi Note 8T (жемчужно-серый)</t>
  </si>
  <si>
    <t>Чехол "Silicon Cover" для Xiaomi Redmi Note 8T (зеленый)</t>
  </si>
  <si>
    <t>Чехол "Silicon Cover" для Xiaomi Redmi Note 8T (розовый)</t>
  </si>
  <si>
    <t>Чехол "Silicon Cover" для Xiaomi Redmi Note 8T (синий)</t>
  </si>
  <si>
    <t>Чехол "Silicon Cover" для Xiaomi Redmi Note 8T (сливовый)</t>
  </si>
  <si>
    <t>Чехол "Silicon Cover" для Xiaomi Redmi Note 9 (бежевый)</t>
  </si>
  <si>
    <t>Чехол "Silicon Cover" для Xiaomi Redmi Note 9 (красный)</t>
  </si>
  <si>
    <t>Чехол "Silicon Cover" для Xiaomi Redmi Note 9 (сиреневый)</t>
  </si>
  <si>
    <t>Чехол "Silicon Cover" для Xiaomi Redmi Note 9 / Redmi 10X (жемчужно-серый)</t>
  </si>
  <si>
    <t>Чехол "Silicon Cover" для Xiaomi Redmi Note 9 / Redmi 10X (синий)</t>
  </si>
  <si>
    <t>Чехол "Silicon Cover" для Xiaomi Redmi Note 9 / Redmi 10X (сливовый)</t>
  </si>
  <si>
    <t>Чехол "Silicon Cover" для Xiaomi Redmi Note 9 / Redmi 10X (темно-синий)</t>
  </si>
  <si>
    <t>Чехол "Silicon Cover" для Xiaomi Redmi Note 9 / Redmi 10X (фиолетовый синий)</t>
  </si>
  <si>
    <t>Чехол "Silicon Cover" для Xiaomi Redmi Note 9 Pro / Note 9S (бежевый)</t>
  </si>
  <si>
    <t>Чехол "Silicon Cover" для Xiaomi Redmi Note 9 Pro / Note 9S (сиреневый)</t>
  </si>
  <si>
    <t>Чехол "Silicon Cover" для Xiaomi Redmi Note 9 Pro / Note 9S (темно-зеленый)</t>
  </si>
  <si>
    <t>Чехол "Silicone Cover" для Xiaomi Mi 12 Lite (красный)</t>
  </si>
  <si>
    <t>Чехол "Silicone Cover" для Xiaomi Mi 12 Lite (светло-розовый)</t>
  </si>
  <si>
    <t>Чехол "Silicone Cover" для Xiaomi Mi 12 Lite (темно-зеленый)</t>
  </si>
  <si>
    <t>Чехол "Silicone Cover" для Xiaomi Mi 12 Lite (темно-синий)</t>
  </si>
  <si>
    <t>Чехол "Silicone Cover" для Xiaomi Poco F4 (бежевый)</t>
  </si>
  <si>
    <t>Чехол "Silicone Cover" для Xiaomi Poco F4 (бирюзовый)</t>
  </si>
  <si>
    <t>Чехол "Silicone Cover" для Xiaomi Poco F4 (зеленый)</t>
  </si>
  <si>
    <t>Чехол "Silicone Cover" для Xiaomi Poco F4 (красный)</t>
  </si>
  <si>
    <t>Чехол "Silicone Cover" для Xiaomi Poco F4 (розовый)</t>
  </si>
  <si>
    <t>Чехол "Silicone Cover" для Xiaomi Poco F4 (сиреневый)</t>
  </si>
  <si>
    <t>Чехол "Silicone Cover" для Xiaomi Poco F4 (ярко-розовый)</t>
  </si>
  <si>
    <t>Чехол "Silicone Cover" для Xiaomi Poco M3 (бордовый)</t>
  </si>
  <si>
    <t>Чехол "Silicone Cover" для Xiaomi Poco M3 (голубой)</t>
  </si>
  <si>
    <t>Чехол "Silicone Cover" для Xiaomi Poco M3 (желтый)</t>
  </si>
  <si>
    <t>Чехол "Silicone Cover" для Xiaomi Poco M3 (зеленый)</t>
  </si>
  <si>
    <t>Чехол "Silicone Cover" для Xiaomi Poco M3 (оранжевый)</t>
  </si>
  <si>
    <t>Чехол "Silicone Cover" для Xiaomi Poco M3 (сиреневый)</t>
  </si>
  <si>
    <t>Чехол "Silicone Cover" для Xiaomi Poco M3 (ярко-синий)</t>
  </si>
  <si>
    <t>Чехол "Silicone Cover" для Xiaomi Poco M4 Pro (черный)</t>
  </si>
  <si>
    <t>Чехол "Silicone Cover" для Xiaomi Poco X3 / X3 Pro (фиолетовый)</t>
  </si>
  <si>
    <t>Чехол "Silicone Cover" для Xiaomi Poco X3 / X3 Pro (черный)</t>
  </si>
  <si>
    <t>Чехол "Silicone Cover" для Xiaomi Redmi 10C (ярко-розовый)</t>
  </si>
  <si>
    <t>Чехол "Silicone Cover" для Xiaomi Redmi 9C (синий)</t>
  </si>
  <si>
    <t>Чехол "Silicone Cover" для Xiaomi Redmi 9C (сиреневый)</t>
  </si>
  <si>
    <t>Чехол "Silicone Cover" для Xiaomi Redmi 9C (черный)</t>
  </si>
  <si>
    <t>Чехол "Silicone Cover" для Xiaomi Redmi A1+ (бежевый)</t>
  </si>
  <si>
    <t>Чехол "Silicone Cover" для Xiaomi Redmi A1+ (красный)</t>
  </si>
  <si>
    <t>Чехол "Silicone Cover" для Xiaomi Redmi A1+ (розовый)</t>
  </si>
  <si>
    <t>Чехол "Silicone Cover" для Xiaomi Redmi A1+ (синий)</t>
  </si>
  <si>
    <t>Чехол "Silicone Cover" для Xiaomi Redmi A1+ (сиреневый)</t>
  </si>
  <si>
    <t>Чехол "Silicone Cover" для Xiaomi Redmi A1+ (хаки)</t>
  </si>
  <si>
    <t>Чехол "Silicone Cover" для Xiaomi Redmi A1+ (черный)</t>
  </si>
  <si>
    <t>Чехол "Silicone Cover" для Xiaomi Redmi A1+ (ярко-розовый)</t>
  </si>
  <si>
    <t>Чехол "Silicone Cover" для Xiaomi Redmi K30 (голубой)</t>
  </si>
  <si>
    <t>Чехол "Silicone Cover" для Xiaomi Redmi K30 (красный)</t>
  </si>
  <si>
    <t>Чехол "Silicone Cover" для Xiaomi Redmi K30 (фиолетовый)</t>
  </si>
  <si>
    <t>Чехол "Silicone Cover" для Xiaomi Redmi K30 (черный)</t>
  </si>
  <si>
    <t>Чехол "Silicone Cover" для Xiaomi Redmi Note 10 (бежевый)</t>
  </si>
  <si>
    <t>Чехол "Silicone Cover" для Xiaomi Redmi Note 10 (бирюзовый)</t>
  </si>
  <si>
    <t>Чехол "Silicone Cover" для Xiaomi Redmi Note 10 (бордовый)</t>
  </si>
  <si>
    <t>Чехол "Silicone Cover" для Xiaomi Redmi Note 10 (красный)</t>
  </si>
  <si>
    <t>Чехол "Silicone Cover" для Xiaomi Redmi Note 10 (оранжевый)</t>
  </si>
  <si>
    <t>Чехол "Silicone Cover" для Xiaomi Redmi Note 10 (розовый)</t>
  </si>
  <si>
    <t>Чехол "Silicone Cover" для Xiaomi Redmi Note 10 (синий)</t>
  </si>
  <si>
    <t>Чехол "Silicone Cover" для Xiaomi Redmi Note 10 (темно-зеленый)</t>
  </si>
  <si>
    <t>Чехол "Silicone Cover" для Xiaomi Redmi Note 10 (черный)</t>
  </si>
  <si>
    <t>Чехол "Silicone Cover" для Xiaomi Redmi Note 10 (ярко-оранжевый)</t>
  </si>
  <si>
    <t>Чехол "Silicone Cover" для Xiaomi Redmi Note 10 (ярко-розовый)</t>
  </si>
  <si>
    <t>Чехол "Silicone Cover" для Xiaomi Redmi Note 10T / Poco M3 Pro (бежевый)</t>
  </si>
  <si>
    <t>Чехол "Silicone Cover" для Xiaomi Redmi Note 10T / Poco M3 Pro (сиреневый)</t>
  </si>
  <si>
    <t>Чехол "Silicone Cover" для Xiaomi Redmi Note 11 Pro (черный)</t>
  </si>
  <si>
    <t>Чехол для Xiaomi 11T (черный)</t>
  </si>
  <si>
    <t>Чехол для Xiaomi Redmi 9C (черный) с рисунком, в ассортименте</t>
  </si>
  <si>
    <t>Чехол противоударный двухслойный для Xiaomi Redmi 10 (черный) с дежатель-кольцом</t>
  </si>
  <si>
    <t>Чехол силикоовый  для Xiaomi Redmi 9A (черный)</t>
  </si>
  <si>
    <t>Чехол силикоовый с блестками для Xiaomi Redmi 9A (прозрачный)</t>
  </si>
  <si>
    <t>Чехол силикоовый с блестками для Xiaomi Redmi 9A (черный)</t>
  </si>
  <si>
    <t>Чехол силикоовый с блестками для Xiaomi Redmi 9C (зеленый)</t>
  </si>
  <si>
    <t>Чехол силикоовый с блестками для Xiaomi Redmi 9C (прозрачный)</t>
  </si>
  <si>
    <t>Чехол силикоовый с блестками для Xiaomi Redmi 9C (розовый)</t>
  </si>
  <si>
    <t>Чехол-книжка на силиконовой основе для Xiaomi Redmi 9 (золото)</t>
  </si>
  <si>
    <t>Чехол-книжка на силиконовой основе для Xiaomi Redmi 9A (золото)</t>
  </si>
  <si>
    <t>Чехол-книжка на силиконовой основе для Xiaomi Redmi 9A (розовое золото)</t>
  </si>
  <si>
    <t>Чехол-книжка на силиконовой основе для Xiaomi Redmi 9A (серый)</t>
  </si>
  <si>
    <t>Чехол-книжка на силиконовой основе для Xiaomi Redmi 9C (баклажановый)</t>
  </si>
  <si>
    <t>Чехол-книжка на силиконовой основе для Xiaomi Redmi 9C (золото)</t>
  </si>
  <si>
    <t>Чехол-книжка на силиконовой основе для Xiaomi Redmi 9C (серый)</t>
  </si>
  <si>
    <t>Универсальные чехлы</t>
  </si>
  <si>
    <t>Влагозащищенный чехол для смартфона универсальный (белый)</t>
  </si>
  <si>
    <t>Влагозащищенный чехол для смартфона универсальный (розовый)</t>
  </si>
  <si>
    <t>Влагозащищенный чехол для смартфона универсальный (синий)</t>
  </si>
  <si>
    <t>Влагозащищенный чехол для смартфона универсальный (черный)</t>
  </si>
  <si>
    <t>Аудио-видео</t>
  </si>
  <si>
    <t>Видеонаблюдение</t>
  </si>
  <si>
    <t>Универсальная камера видеонаблюдения (micro SD, питание по USB)</t>
  </si>
  <si>
    <t>Кабели, переходники, штекеры</t>
  </si>
  <si>
    <t>HUB HSX-CP003 (Type-C- USB)</t>
  </si>
  <si>
    <t>HUB HSX-CP032 (8-pin - USB)</t>
  </si>
  <si>
    <t>USB - Хаб HUB  hoco HB31 на 4 USB (USB3.0+3 USB2.0)  черный 1.2m</t>
  </si>
  <si>
    <t>USB звуковая карта SD-01 поддерживает конфигурацию 5.1</t>
  </si>
  <si>
    <t>Адаптер BT-350 Bluetooth AUX</t>
  </si>
  <si>
    <t>Адаптер BT-450 Bluetooth AUX</t>
  </si>
  <si>
    <t>Адаптер BT-L8 Bluetooth AUX</t>
  </si>
  <si>
    <t>Адаптер Car Wireless 880 Bluetooth AUX</t>
  </si>
  <si>
    <t>Адаптер KIN KY-181 2-in-1 Type-C Audio Converter</t>
  </si>
  <si>
    <t>Аудио Видео AV кабель RCA для консоли PS2/PS3 на ТВ</t>
  </si>
  <si>
    <t>Аудио кабель AUX 3.5 Jack 3-pin Hoco UPA23</t>
  </si>
  <si>
    <t>Аудио кабель AUX 3.5 Jack 3-pin Hoco UPA24</t>
  </si>
  <si>
    <t>Аудио сплиттер Kin KY-155 3-pin mini jack 3.5 mm (F) - 2 x mini jack 3.5 mm (M)</t>
  </si>
  <si>
    <t>Кабель-переходник 8pin-JACK 3.5мм JH-023</t>
  </si>
  <si>
    <t>Переходник 3.5 мм - Lightning KIN KY-202</t>
  </si>
  <si>
    <t>Переходник 8pin-JACK 3.5мм (без чипа) (без гарантии)</t>
  </si>
  <si>
    <t>Переходник 8pin-JACK 3.5мм (в упак)</t>
  </si>
  <si>
    <t>Переходник C&amp;Q-019 Type-C - (USB-C+3.5 Jack)</t>
  </si>
  <si>
    <t>Переходник JH-000 Lightning - (Lightning+3.5 Jack+кнопка Home)</t>
  </si>
  <si>
    <t>Переходник JH-030 штекер Type-C - 3.5мм штекер</t>
  </si>
  <si>
    <t>Переходник KIN KY-177 Lightning - (Lightning+3.5 Jack)</t>
  </si>
  <si>
    <t>Переходник KIN KY-178 Lightning - (Lightning+3.5 Jack)</t>
  </si>
  <si>
    <t>Переходник Kin KY-201 штекер Type-C - 3.5мм гнездо для наушников</t>
  </si>
  <si>
    <t>Переходник KIN KY-67 на наушники + микрофон</t>
  </si>
  <si>
    <t>Переходник MH030 Lightning - (Lightning+3.5 Jack)</t>
  </si>
  <si>
    <t>Переходник-аудиокабель 8pin - JACK 3.5m BOROFONE BL18 (силиконовый)</t>
  </si>
  <si>
    <t>Переходник-аудиокабель Type-C -  JACK 3.5m BOROFONE BL18 (силиконовый)</t>
  </si>
  <si>
    <t>Шнур штекер 3,5 мм и штекер 3,5 мм 1 м, нейлоновая оплетка</t>
  </si>
  <si>
    <t>Шнур штекер 3,5 мм и штекер 3,5 мм 1,5 м, "зебра"</t>
  </si>
  <si>
    <t>Шнур штекер 3,5 мм и штекер 3,5 мм 1,5 м, тканевая оплетка</t>
  </si>
  <si>
    <t>Шнур штекер 3,5 мм и штекер 3,5 мм AUX 4-pin угловой (черный)</t>
  </si>
  <si>
    <t>Шнур штекер 3,5 мм и штекер 3,5 мм AUX JD-1</t>
  </si>
  <si>
    <t>Шнур штекер 3,5 мм и штекер 3,5 мм AUX-245</t>
  </si>
  <si>
    <t>Шнур штекер 3,5 мм и штекер 3,5 мм, кожаная оплетка</t>
  </si>
  <si>
    <t>Шнур штекер 3.5мм x штекер 3.5мм M-21 1м угловой красный</t>
  </si>
  <si>
    <t>Штекер Jack-3,5 мм 3-контактный на кабель стерео, под пайку (черный)</t>
  </si>
  <si>
    <t>Штекер Jack-3,5 мм 3-контактный на кабель стерео, сборный (черный)</t>
  </si>
  <si>
    <t>Штекер Jack-3,5 мм 4-контактный на кабель стерео, под пайку (черный)</t>
  </si>
  <si>
    <t>Караоке Микрофоны</t>
  </si>
  <si>
    <t>Микрофон караоке L858 (USB, Bluetooth) бело-голубой</t>
  </si>
  <si>
    <t>Микрофон караоке Q7 (USB, Bluetooth) черный</t>
  </si>
  <si>
    <t>Микрофон караоке SU-YOSD (золото)</t>
  </si>
  <si>
    <t>Микрофон караоке SU-YOSD (розовое золото)</t>
  </si>
  <si>
    <t>Микрофон караоке SU-YOSD (черный)</t>
  </si>
  <si>
    <t>Микрофон караоке V10 (USB, Bluetooth, FM) белый, золото</t>
  </si>
  <si>
    <t>Микрофон караоке V11 розовое золото (USB, micro SD, Bluetooth, FM)</t>
  </si>
  <si>
    <t>Микрофон караоке WS-1816 белый (USB, micro SD, Bluetooth, FM, светомузыка)</t>
  </si>
  <si>
    <t>Микрофон караоке WS-669 розовое золото (USB, micro SD, Bluetooth, FM, светомузыка)</t>
  </si>
  <si>
    <t>Микрофон караоке WS-858 розовое золото (USB, micro SD, Bluetooth, FM)</t>
  </si>
  <si>
    <t>Микрофон караоке WS-858 розовый (USB, micro SD, Bluetooth, FM)</t>
  </si>
  <si>
    <t>Микрофон караоке ZX-818 (USB, Bluetooth, светомузыка) синий</t>
  </si>
  <si>
    <t>Колонки Bluetooth</t>
  </si>
  <si>
    <t>Колонка 6.5" Bluetooth ZQS-6210W с микрофоном караоке, FM-радио (15W*2)</t>
  </si>
  <si>
    <t>Колонка 8.0" Bluetooth RX-8218 с микрофоном караоке, FM-радио (20W*2)</t>
  </si>
  <si>
    <t>Колонка 8.0" Bluetooth ZQS-8212 с беспроводным микрофоном для караоке, FM-радио (20W*2)</t>
  </si>
  <si>
    <t>Колонка Bleutooth A60</t>
  </si>
  <si>
    <t>Колонка Bluetooth Borofone BR2</t>
  </si>
  <si>
    <t>Колонка Bluetooth Borofone BR24</t>
  </si>
  <si>
    <t>Колонка Bluetooth BT-1811 (LED, AUX, USB)</t>
  </si>
  <si>
    <t>Колонка Bluetooth Celebrat SP-3 TWS (синий)</t>
  </si>
  <si>
    <t>Колонка Bluetooth F1</t>
  </si>
  <si>
    <t>Колонка Bluetooth F3-X желтая</t>
  </si>
  <si>
    <t>Колонка Bluetooth F3-X зеленая</t>
  </si>
  <si>
    <t>Колонка Bluetooth F3-X красная</t>
  </si>
  <si>
    <t>Колонка Bluetooth F3-X черная</t>
  </si>
  <si>
    <t>Колонка Bluetooth GT-112 PORTABLE BT Speaker, супер объемное звучание</t>
  </si>
  <si>
    <t>Колонка Bluetooth HOCO BS40</t>
  </si>
  <si>
    <t>Колонка Bluetooth HOCO BS55</t>
  </si>
  <si>
    <t>Колонка Bluetooth HOCO HC14</t>
  </si>
  <si>
    <t>Колонка Bluetooth HOCO HC6</t>
  </si>
  <si>
    <t>Колонка Bluetooth Hopestar H19</t>
  </si>
  <si>
    <t>Колонка Bluetooth Hopestar H9</t>
  </si>
  <si>
    <t>Колонка Bluetooth Hopestar P21</t>
  </si>
  <si>
    <t>Колонка Bluetooth Hopestar Party 200 Mini</t>
  </si>
  <si>
    <t>Колонка Bluetooth Portable GT-111</t>
  </si>
  <si>
    <t>Колонка Bluetooth Portable MF-206</t>
  </si>
  <si>
    <t>Колонка Bluetooth Portable TS-666</t>
  </si>
  <si>
    <t>Колонка Bluetooth Portable XTREME</t>
  </si>
  <si>
    <t>Колонка Bluetooth Pulse3 1+1</t>
  </si>
  <si>
    <t>Колонка Bluetooth Q23</t>
  </si>
  <si>
    <t>Колонка Bluetooth R14</t>
  </si>
  <si>
    <t>Колонка Bluetooth R6 Wereless Speaker 5Вт 1200mAh</t>
  </si>
  <si>
    <t>Колонка Bluetooth SLC-001</t>
  </si>
  <si>
    <t>Колонка Bluetooth Speaker AZEADA PD-S101 (LED, AUX, USB)</t>
  </si>
  <si>
    <t>Колонка Bluetooth Speaker AZEADA PD-S102 (LED, AUX, USB)</t>
  </si>
  <si>
    <t>Колонка Bluetooth Tablepro G2</t>
  </si>
  <si>
    <t>Колонка Bluetooth TG107</t>
  </si>
  <si>
    <t>Колонка Bluetooth TG113 PORTABLE BT Wireless Speaker</t>
  </si>
  <si>
    <t>Колонка Bluetooth TG126 Wireless Speaker</t>
  </si>
  <si>
    <t>Колонка Bluetooth TG143 Wireless Speaker, супер объемное звучание</t>
  </si>
  <si>
    <t>Колонка Bluetooth TG157</t>
  </si>
  <si>
    <t>Колонка Bluetooth TG165C</t>
  </si>
  <si>
    <t>Колонка Bluetooth TG271 Wireless Speaker</t>
  </si>
  <si>
    <t>Колонка Bluetooth TG294 Wireless Speaker</t>
  </si>
  <si>
    <t>Колонка Charge Mini ET-801</t>
  </si>
  <si>
    <t>Колонка CHARGE3 Bluetooth стереозвук, объемный, Portable Wireless Speaker, большая</t>
  </si>
  <si>
    <t>Колонка CHARGE4 Bluetooth стереозвук, объемный, Portable Wireless Speaker, большая</t>
  </si>
  <si>
    <t>Колонка Mi Bluetooth Speaker XMYXO2YM оригинал</t>
  </si>
  <si>
    <t>Наушники, гарнитуры</t>
  </si>
  <si>
    <t>Беспроводные наушники</t>
  </si>
  <si>
    <t>Bluetooth гарнитура Borofone BC36</t>
  </si>
  <si>
    <t>Bluetooth гарнитура Kakusiga KSC-593</t>
  </si>
  <si>
    <t>Bluetooth гарнитура Remaks J13</t>
  </si>
  <si>
    <t>Bluetooth Наушники Celebrat A29</t>
  </si>
  <si>
    <t>Bluetooth Наушники Celebrat TWS-W32 (белые)</t>
  </si>
  <si>
    <t>Bluetooth Наушники Celebrat TWS-W32 (черные)</t>
  </si>
  <si>
    <t>Bluetooth Наушники HOCO ES53</t>
  </si>
  <si>
    <t>Bluetooth Наушники KIN KL-09</t>
  </si>
  <si>
    <t>Bluetooth Наушники накладные 450BT (черный)</t>
  </si>
  <si>
    <t>Bluetooth наушники накладные CAT Ear M2 (черный)</t>
  </si>
  <si>
    <t>Bluetooth наушники накладные CAT Ear M7 (черный)</t>
  </si>
  <si>
    <t>Bluetooth наушники накладные KD81</t>
  </si>
  <si>
    <t>Bluetooth Наушники накладные P16</t>
  </si>
  <si>
    <t>Bluetooth Наушники накладные P47 Красно-серые</t>
  </si>
  <si>
    <t>Bluetooth Наушники накладные P47 синие</t>
  </si>
  <si>
    <t>Bluetooth Наушники накладные P47 черные</t>
  </si>
  <si>
    <t>Bluetoth Наушники Borofone BE61</t>
  </si>
  <si>
    <t>Bluetoth Наушники Celebrat A20</t>
  </si>
  <si>
    <t>Bluetoth Наушники Celebrat A22</t>
  </si>
  <si>
    <t>Bluetoth Наушники Pro 4 белые (с кейсом для зарядки)</t>
  </si>
  <si>
    <t>Bluetoth Наушники Pro 4 черные (с кейсом для зарядки)</t>
  </si>
  <si>
    <t>Bluetoth Наушники Yison E17</t>
  </si>
  <si>
    <t>Беспроводная Bluetooth-гарнитура HOCO ES50</t>
  </si>
  <si>
    <t>Беспроводные наушники Bluetooth CAT STN-28 со светящимися кошачьими ушками и лапками (зеленый)</t>
  </si>
  <si>
    <t>Беспроводные наушники Bluetooth CAT STN-28 со светящимися кошачьими ушками и лапками (синий)</t>
  </si>
  <si>
    <t>Беспроводные наушники Bluetooth CAT STN-28 со светящимися кошачьими ушками и лапками (сиреневый)</t>
  </si>
  <si>
    <t>Наушники беспроводные Hoco EW46 TWS + чехол котик рыжий с ушками, брелок Hoco</t>
  </si>
  <si>
    <t>Наушники беспроводные с боксом для зарядки Hoco EW02</t>
  </si>
  <si>
    <t>Наушники беспроводные с боксом для зарядки Hoco EW43</t>
  </si>
  <si>
    <t>Наушники беспроводные с боксом для зарядки Hoco EW47</t>
  </si>
  <si>
    <t>Наушники беспроводные с боксом для зарядки Hoco EW50</t>
  </si>
  <si>
    <t>Наушники беспроводные с боксом для зарядки i68-TWS</t>
  </si>
  <si>
    <t>Наушники беспроводные с боксом для зарядки MI  Redmi Airdots Pro 3 (белый)</t>
  </si>
  <si>
    <t>Наушники беспроводные с боксом для зарядки MI  Redmi Airdots Pro 3 (черный)</t>
  </si>
  <si>
    <t>Наушники беспроводные с боксом для зарядки Redmi Airdots Pro2</t>
  </si>
  <si>
    <t>Наушники накладные Bluetooth 66BT</t>
  </si>
  <si>
    <t>Наушники накладные Bluetooth PS700</t>
  </si>
  <si>
    <t>Наушники накладные Bluetooth RM66</t>
  </si>
  <si>
    <t>Накладные наушники</t>
  </si>
  <si>
    <t>Наушники накладные MAX Light MAX-450 (белый)</t>
  </si>
  <si>
    <t>Наушники накладные MAX Light MAX-450 (зеленый)</t>
  </si>
  <si>
    <t>Наушники накладные MAX Light MAX-450 (красный)</t>
  </si>
  <si>
    <t>Наушники накладные MAX Light MAX-450 (синий)</t>
  </si>
  <si>
    <t>Наушники накладные MAX Light MAX-450 (черный)</t>
  </si>
  <si>
    <t>Наушники накладные Solo</t>
  </si>
  <si>
    <t>Наушники накладные YOUBO A12 LED (белые с подсветкой и микрофоном)</t>
  </si>
  <si>
    <t>Наушники накладные с микрофоном AKZ-024</t>
  </si>
  <si>
    <t>Наушники накладные с микрофоном B6</t>
  </si>
  <si>
    <t>Наушники накладные с микрофоном CAT EAR J31</t>
  </si>
  <si>
    <t>Наушники накладные с микрофоном G-20</t>
  </si>
  <si>
    <t>Наушники накладные с микрофоном Good Voice Headphones Q27</t>
  </si>
  <si>
    <t>Наушники накладные с микрофоном J07</t>
  </si>
  <si>
    <t>Наушники накладные с микрофоном J08</t>
  </si>
  <si>
    <t>Наушники накладные с микрофоном J10</t>
  </si>
  <si>
    <t>Наушники накладные с микрофоном J30</t>
  </si>
  <si>
    <t>Наушники накладные с микрофоном Jeqang JH-811</t>
  </si>
  <si>
    <t>Наушники накладные с микрофоном Jeqang JH-818</t>
  </si>
  <si>
    <t>Наушники накладные с микрофоном Misde A3</t>
  </si>
  <si>
    <t>Наушники накладные с микрофоном Tucci TC-L770MV</t>
  </si>
  <si>
    <t>Наушники накладные с микрофоном Tucci X6</t>
  </si>
  <si>
    <t>Наушники накладные с микрофоном Vipben SY-301MV</t>
  </si>
  <si>
    <t>Наушники накладные с микрофоном на проводе EV-023</t>
  </si>
  <si>
    <t>Проводные наушники</t>
  </si>
  <si>
    <t>Гарнитура N-01 (с микрофоном) белая</t>
  </si>
  <si>
    <t>Наушники hoco premium M34</t>
  </si>
  <si>
    <t>Наушники Lider Mobile DC-2</t>
  </si>
  <si>
    <t>Наушники Проводные AWEI ES-Q3</t>
  </si>
  <si>
    <t>Наушники проводные Borofone BM39</t>
  </si>
  <si>
    <t>Наушники проводные Celebrat C3</t>
  </si>
  <si>
    <t>Наушники проводные Celebrat C8</t>
  </si>
  <si>
    <t>Наушники проводные Celebrat D1</t>
  </si>
  <si>
    <t>Наушники проводные Celebrat D11</t>
  </si>
  <si>
    <t>Наушники проводные Celebrat D14 (Type-C)</t>
  </si>
  <si>
    <t>Наушники проводные Celebrat D2</t>
  </si>
  <si>
    <t>Наушники проводные Celebrat G10</t>
  </si>
  <si>
    <t>Наушники проводные Celebrat G13</t>
  </si>
  <si>
    <t>Наушники проводные Celebrat G15</t>
  </si>
  <si>
    <t>Наушники проводные Celebrat G18</t>
  </si>
  <si>
    <t>Наушники проводные Celebrat G19</t>
  </si>
  <si>
    <t>Наушники проводные Celebrat G2</t>
  </si>
  <si>
    <t>Наушники проводные Celebrat G21</t>
  </si>
  <si>
    <t>Наушники проводные Celebrat G4</t>
  </si>
  <si>
    <t>Наушники проводные Celebrat G6</t>
  </si>
  <si>
    <t>Наушники проводные Celebrat G8</t>
  </si>
  <si>
    <t>Наушники Проводные COMAN CM56</t>
  </si>
  <si>
    <t>Наушники проводные Dinami DM-E12</t>
  </si>
  <si>
    <t>Наушники проводные Dinami DM-E9</t>
  </si>
  <si>
    <t>Наушники проводные EarPods (USB-C)</t>
  </si>
  <si>
    <t>Наушники Проводные Ecusin X-1</t>
  </si>
  <si>
    <t>Наушники проводные FaizFull FN42 (Type-C)</t>
  </si>
  <si>
    <t>Наушники проводные HOCO M110</t>
  </si>
  <si>
    <t>Наушники проводные Hoco M58</t>
  </si>
  <si>
    <t>Наушники проводные J-2020</t>
  </si>
  <si>
    <t>Наушники Проводные KIN K-109</t>
  </si>
  <si>
    <t>Наушники Проводные KIN K12CType C</t>
  </si>
  <si>
    <t>Наушники Проводные KIN K38</t>
  </si>
  <si>
    <t>Наушники проводные KIN K39</t>
  </si>
  <si>
    <t>Наушники Проводные KIN K802</t>
  </si>
  <si>
    <t>Наушники проводные KIN K821</t>
  </si>
  <si>
    <t>Наушники Проводные KIN K913</t>
  </si>
  <si>
    <t>Наушники Проводные KIN K97</t>
  </si>
  <si>
    <t>Наушники Проводные KIN K99</t>
  </si>
  <si>
    <t>Наушники проводные Koluman KE-75</t>
  </si>
  <si>
    <t>Наушники проводные L17</t>
  </si>
  <si>
    <t>Наушники проводные Mi Piston</t>
  </si>
  <si>
    <t>Наушники проводные MI YDJC01JY</t>
  </si>
  <si>
    <t>Наушники проводные Moxom EP-07</t>
  </si>
  <si>
    <t>Наушники проводные Moxom EP-13</t>
  </si>
  <si>
    <t>Наушники проводные Moxom EP-14</t>
  </si>
  <si>
    <t>Наушники проводные Oppo P-20</t>
  </si>
  <si>
    <t>Наушники проводные Q-Mobile Q22</t>
  </si>
  <si>
    <t>Наушники проводные RBJKC белые</t>
  </si>
  <si>
    <t>Наушники проводные Realme E5</t>
  </si>
  <si>
    <t>Наушники проводные Realme E9</t>
  </si>
  <si>
    <t>Наушники проводные Realme R30</t>
  </si>
  <si>
    <t>Наушники проводные Realme R40</t>
  </si>
  <si>
    <t>Наушники проводные Remax RM-607 (черные)</t>
  </si>
  <si>
    <t>Наушники проводные Remax RM-608</t>
  </si>
  <si>
    <t>Наушники проводные Remax RM-610</t>
  </si>
  <si>
    <t>Наушники проводные RT-104</t>
  </si>
  <si>
    <t>Наушники проводные RT-A33</t>
  </si>
  <si>
    <t>Наушники проводные SkyDolphin DR01</t>
  </si>
  <si>
    <t>Наушники проводные U-4+ (белый)</t>
  </si>
  <si>
    <t>Наушники проводные X-Pert T-15</t>
  </si>
  <si>
    <t>Наушники проводные Yison CX310</t>
  </si>
  <si>
    <t>Наушники проводные Yison X1</t>
  </si>
  <si>
    <t>Наушники проводные для IPhone 8-pin HD80 (lightning)</t>
  </si>
  <si>
    <t>Наушники проводные для IPhone 8-pin Union HF-03 (lightning)</t>
  </si>
  <si>
    <t>Чехол для наушников Level UP</t>
  </si>
  <si>
    <t>Радиоприемники</t>
  </si>
  <si>
    <t>Радиоприемник AH-222AC (питание 220В/батареи)</t>
  </si>
  <si>
    <t>Радиоприемник H011UR (USB\SD\MP3)</t>
  </si>
  <si>
    <t>Радиоприемник KIPO KB-409AC питание сеть/батареи</t>
  </si>
  <si>
    <t>Радиоприемник NS-032U (FM, USB, microSD,  АКБ)</t>
  </si>
  <si>
    <t>Радиоприемник Soewel SW-607AC питание сеть/батареи</t>
  </si>
  <si>
    <t>Радиоприемник XB-1525URT (USB\SD\MP3) + фонарик</t>
  </si>
  <si>
    <t>Радиоприемник XB-1780URT (USB\SD\MP3) + фонарик</t>
  </si>
  <si>
    <t>Радиоприемник XB-752URT (USB\SD\MP3) + фонарик</t>
  </si>
  <si>
    <t>Радиоприемник YG-321RT (USB\SD\MP3\AUX) + фонарик</t>
  </si>
  <si>
    <t>Моноподы, держатели, световые кольца</t>
  </si>
  <si>
    <t>Bluetooth кнопка</t>
  </si>
  <si>
    <t>Двусторонний гибкий держатель телефона на присоске</t>
  </si>
  <si>
    <t>Держатель для смартфона на руку Hi Case</t>
  </si>
  <si>
    <t>Держатель для телефона 360 Apai Genie с датчиком движения для блоггеров</t>
  </si>
  <si>
    <t>Кольцевая лампа Ring Fill Light RL-18, 45 см</t>
  </si>
  <si>
    <t>Кольцевая лампа Ring Light F-537 (диаметр 17см) с подставкой</t>
  </si>
  <si>
    <t>Кольцевая светодиодная лампа A10 со встроенным аккумулятором</t>
  </si>
  <si>
    <t>Кольцевая светодиодная лампа M20 20см</t>
  </si>
  <si>
    <t>Кольцевая светодиодная лампа Rekam RL-20 (20см) со штативом</t>
  </si>
  <si>
    <t>Кольцевая светодиодная лампа RGB (мультиколор) LED MJ26 - 26 см</t>
  </si>
  <si>
    <t>Кольцевая светодиодная лампа RGB (мультиколор) LED MJ33 - 33 см</t>
  </si>
  <si>
    <t>Кольцевая светодиодная лампа RGB (мультиколор) LED MJ36 - 36 см</t>
  </si>
  <si>
    <t>Кольцевая светодиодная лампа RING LIGHT ZB-R14 (диаметр 36см)</t>
  </si>
  <si>
    <t>Кольцевая светодиодная лампа для профессиональной съемки (d16см)</t>
  </si>
  <si>
    <t>Кольцевая светодиодная лампа для профессиональной съемки (d33см)</t>
  </si>
  <si>
    <t>Кольцевая светодиодная лампа для профессиональной съемки AL-33 (с пультом)</t>
  </si>
  <si>
    <t>Монопод Borofone BY3</t>
  </si>
  <si>
    <t>Монопод Borofone BY5</t>
  </si>
  <si>
    <t>Монопод Hoco K3</t>
  </si>
  <si>
    <t>Монопод Hoco K8 Lightning for IPhone</t>
  </si>
  <si>
    <t>Монопод Hoco K9A</t>
  </si>
  <si>
    <t>Монопод K07 Bluetooth</t>
  </si>
  <si>
    <t>Монопод K10 Bluetooth с зеркалом</t>
  </si>
  <si>
    <t>Монопод L-01 Bluetooth</t>
  </si>
  <si>
    <t>Монопод L-02 Bluetooth</t>
  </si>
  <si>
    <t>Монопод NeePho NP-888</t>
  </si>
  <si>
    <t>Мультифункциональный настольный держатель для смартфона / планшета от 3,5" до 10,6" высота 60см</t>
  </si>
  <si>
    <t>Мультифункциональный настольный держатель для смартфона / планшета от 3,5" до 11,0" высота 140см</t>
  </si>
  <si>
    <t>Настольный держатель для телефона (высота 20см)</t>
  </si>
  <si>
    <t>Подставка настольная для планшета / смартфона Afkas-Nova AK-11</t>
  </si>
  <si>
    <t>Подставка настольная для планшета / смартфона KSC-494</t>
  </si>
  <si>
    <t>Подставка складная для планшета / ноутбука A37</t>
  </si>
  <si>
    <t>Подставка складная для планшета A30</t>
  </si>
  <si>
    <t>Световое кольцо для селфи 3 в 1 (d9см)</t>
  </si>
  <si>
    <t>Световое кольцо для селфи 3 в 1 Bracket (d21см)</t>
  </si>
  <si>
    <t>Селфи кольцо RGB LED Ring Selfie AL20 с зеркалом (11,5см)</t>
  </si>
  <si>
    <t>Селфи-Кольцо (яблоко) с подсветкой на прищепке WQ19</t>
  </si>
  <si>
    <t>Селфи-Кольцо с подсветкой на прищепке WQ16</t>
  </si>
  <si>
    <t>Селфи-Кольцо с подсветкой на прищепке WQ18</t>
  </si>
  <si>
    <t>Трипод EP5</t>
  </si>
  <si>
    <t>Трипод K10-A Bluetooth 80см</t>
  </si>
  <si>
    <t>Трипод S03 Bluetooth 68см</t>
  </si>
  <si>
    <t>Трипод для смартфона A29</t>
  </si>
  <si>
    <t>Трипод складной 28см</t>
  </si>
  <si>
    <t>Трипод складной UN-204</t>
  </si>
  <si>
    <t>Трипод складной с гибкими ножками UN-58</t>
  </si>
  <si>
    <t>Штатив для кольцевой лампы, высота 210см</t>
  </si>
  <si>
    <t>Носители информации</t>
  </si>
  <si>
    <t>USB Flash накопители</t>
  </si>
  <si>
    <t>128Gb USB Borofone BUD2 Flash Drive</t>
  </si>
  <si>
    <t>128GB USB Flash Drive Exployd 670</t>
  </si>
  <si>
    <t>128GB USB Flash Drive Exployd 680</t>
  </si>
  <si>
    <t>128Gb USB Flash Drive Samsung BAR Plus USB 3.1</t>
  </si>
  <si>
    <t>16Gb Flash BYZ UF004 USB 2.0</t>
  </si>
  <si>
    <t>16GB USB Flash Drive Exployd 530</t>
  </si>
  <si>
    <t>16GB USB Flash Drive Exployd 670</t>
  </si>
  <si>
    <t>256GB USB Flash Drive Exployd 530</t>
  </si>
  <si>
    <t>2Gb USB ASP UD002 Flash Drive</t>
  </si>
  <si>
    <t>32Gb Flash BYZ UF010 (USB 3.0+USB-C)</t>
  </si>
  <si>
    <t>32Gb USB FaizFull Flash Drive</t>
  </si>
  <si>
    <t>32GB USB Flash Drive Exployd 670</t>
  </si>
  <si>
    <t>32GB USB Flash Drive Silicon Power  Blaze B05</t>
  </si>
  <si>
    <t>32Gb USB Flash SanDisk Type-C Black USB 3.1 (SDDDC3-032G-G46)</t>
  </si>
  <si>
    <t>4Gb USB ASP UD002 Flash Drive</t>
  </si>
  <si>
    <t>4Gb USB Borofone BUD1 Flash Drive</t>
  </si>
  <si>
    <t>4Gb USB Flash Drive ASP</t>
  </si>
  <si>
    <t>4GB USB Flash Drive Exployd 570</t>
  </si>
  <si>
    <t>4GB USB Flash Drive Exployd 670</t>
  </si>
  <si>
    <t>64Gb Flash BYZ UF010 (USB 3.0+USB-C)</t>
  </si>
  <si>
    <t>64Gb USB Caution Flash Drive</t>
  </si>
  <si>
    <t>64Gb USB FaizFull Flash Drive</t>
  </si>
  <si>
    <t>64GB USB Flash Drive Exployd 670</t>
  </si>
  <si>
    <t>64GB USB Flash Drive Kingston  DataTraveler Exodia Onyx</t>
  </si>
  <si>
    <t>8Gb USB ASP UD002 Flash Drive</t>
  </si>
  <si>
    <t>8Gb USB Flash Drive ASP</t>
  </si>
  <si>
    <t>8GB USB Flash Drive Exployd 530</t>
  </si>
  <si>
    <t>8GB USB Flash Drive Exployd 670</t>
  </si>
  <si>
    <t>8Gb USB Hoco UD4 Flash Drive</t>
  </si>
  <si>
    <t>USB Flash Drive (iPhone + Type-C + Micro + USB) 4in1 128GB</t>
  </si>
  <si>
    <t>USB Flash Drive (iPhone + Type-C + Micro + USB) 4in1 256GB</t>
  </si>
  <si>
    <t>USB Flash Drive (iPhone + Type-C + Micro + USB) 4in1 32GB</t>
  </si>
  <si>
    <t>USB Flash Drive (iPhone + Type-C + Micro + USB) 4in1 64GB</t>
  </si>
  <si>
    <t>USB Flash Drive (iPhone + Type-C) 2in1 128GB (Flashdrive)</t>
  </si>
  <si>
    <t>USB Flash Drive (iPhone + Type-C) 2in1 64GB (Flashdrive)</t>
  </si>
  <si>
    <t>USB Flash Drive (iPhone + USB) 2in1 128GB (Flashdrive)</t>
  </si>
  <si>
    <t>USB Flash Drive (iPhone + USB) 2in1 64GB (Flashdrive)</t>
  </si>
  <si>
    <t>Картридеры, переходники USB</t>
  </si>
  <si>
    <t>Переходник (картридер) с Micro SD на USB</t>
  </si>
  <si>
    <t>Переходник HOCO UA17 8-pin на USB</t>
  </si>
  <si>
    <t>Переходник micro USB ( F ) - 8-pin</t>
  </si>
  <si>
    <t>Переходник micro USB ( F ) - 8-pin Borofone BV5</t>
  </si>
  <si>
    <t>Переходник OTG 2 в 1 Borofone BV18-pin / Type-C</t>
  </si>
  <si>
    <t>Переходник OTG USB (мама) - micro USB 10см Union UZ-11</t>
  </si>
  <si>
    <t>Переходник OTG USB (мама) - micro USB Union UZ-06</t>
  </si>
  <si>
    <t>Переходник OTG USB (мама) - microUSB (USB 3.0)</t>
  </si>
  <si>
    <t>Переходник OTG USB (мама) - microUSB KY-168 Тканевый кабель</t>
  </si>
  <si>
    <t>Переходник OTG USB (мама) - Type C (USB 2.0)</t>
  </si>
  <si>
    <t>Переходник OTG USB (мама) - Type C (USB 3.0)</t>
  </si>
  <si>
    <t>Переходник Remax OTG USB (мама) - microUSB</t>
  </si>
  <si>
    <t>Карты памяти micro SD</t>
  </si>
  <si>
    <t>MicroSD  64GB  Kingston Class 10 Canvas Select Plus A1 (100 Mb/s) + SD адаптер</t>
  </si>
  <si>
    <t>MicroSD 128Gb Exployd Class 10 + SD адаптер</t>
  </si>
  <si>
    <t>MicroSD 16Gb Exployd Class 10 + SD адаптер</t>
  </si>
  <si>
    <t>MicroSD 32Gb Exployd Class 10 + SD адаптер</t>
  </si>
  <si>
    <t>MicroSD 8Gb Exployd Class 10 + SD адаптер</t>
  </si>
  <si>
    <t>MicroSD ASP 1Gb class 10</t>
  </si>
  <si>
    <t>MicroSD ASP 2Gb class 10</t>
  </si>
  <si>
    <t>MicroSD ASP 4Gb class 10</t>
  </si>
  <si>
    <t>MicroSD ASP 4Gb class 10 (с адаптером SD)</t>
  </si>
  <si>
    <t>MicroSD ASP 8Gb class 10</t>
  </si>
  <si>
    <t>MicroSD Borofone 16Gb class 10</t>
  </si>
  <si>
    <t>MicroSD Borofone 8Gb class 10</t>
  </si>
  <si>
    <t>MicroSD Caution 8Gb class 10</t>
  </si>
  <si>
    <t>MicroSD Hoco 2Gb class 6</t>
  </si>
  <si>
    <t>MicroSD Hoco 4Gb class 6</t>
  </si>
  <si>
    <t>MicroSD Hoco 8Gb class 10</t>
  </si>
  <si>
    <t>MicroSD Mobile 128Gb class 10</t>
  </si>
  <si>
    <t>MicroSD Mobile 16Gb class 10</t>
  </si>
  <si>
    <t>MicroSD Mobile 32Gb class 10</t>
  </si>
  <si>
    <t>MicroSD Mobile 8Gb class 10</t>
  </si>
  <si>
    <t>MicroSD SanDisk 16Gb class 6 Copy</t>
  </si>
  <si>
    <t>MicroSD SanDisk 1Gb (с адаптером SD) реальная емкость отличается на 20-40%</t>
  </si>
  <si>
    <t>MicroSD SanDisk 32Gb class 6 Copy</t>
  </si>
  <si>
    <t>MicroSD SanDisk 8Gb class 4 Copy</t>
  </si>
  <si>
    <t>MicroSD SanDisk Ultra 32Gb class 10 (100 Mb/s)</t>
  </si>
  <si>
    <t>MicroSD Silicon Power 1Gb class 10 (с адаптером SD) реальная емкость отличается на 20-40%</t>
  </si>
  <si>
    <t>MicroSD Silicon Power 32Gb class 10 (с адаптером SD) реальная емкость отличается на 20-40%</t>
  </si>
  <si>
    <t>MicroSD Silicon Power 4Gb class 10 (с адаптером SD) реальная емкость отличается на 20-40%</t>
  </si>
  <si>
    <t>Оборудование для ремонта</t>
  </si>
  <si>
    <t>Всё для пайки</t>
  </si>
  <si>
    <t>Жало для паяльника тонкое медное прямое</t>
  </si>
  <si>
    <t>Жало паяльника Kaisi C210 IS</t>
  </si>
  <si>
    <t>Жало паяльника OSS TEAM 210+-018</t>
  </si>
  <si>
    <t>Жало паяльника OSS TEAM C210-002</t>
  </si>
  <si>
    <t>Жало паяльника для Quick TS1200A I</t>
  </si>
  <si>
    <t>Жало паяльника для Quick TS1200A IS</t>
  </si>
  <si>
    <t>Жало паяльника для Quick TS1200A K</t>
  </si>
  <si>
    <t>Медная проволока для восстановления дорожек сечение 0,01мм катушка</t>
  </si>
  <si>
    <t>Медная проволока для восстановления дорожек сечение 0,02мм катушка</t>
  </si>
  <si>
    <t>Паяльная паста AMTECH RMA-223 100гр (зеленый бутыль)</t>
  </si>
  <si>
    <t>Припой 0.8 мм оловянно-свинцовый 63/37</t>
  </si>
  <si>
    <t>Припой BAKU BK-10002 0,2 мм (50г. в намотке)</t>
  </si>
  <si>
    <t>Силиконовый термо коврик для пайки (350*250мм)</t>
  </si>
  <si>
    <t>Силиконовый термо коврик для пайки (450*300мм)</t>
  </si>
  <si>
    <t>Флюс Baku BK-RMA-225-Lo 30cc (30 г)</t>
  </si>
  <si>
    <t>Флюс RELIFE RL-559-IM 100g PCB SMD BGA (бессвинцовая и галогенная паста)</t>
  </si>
  <si>
    <t>Инструменты</t>
  </si>
  <si>
    <t>Валик универсальный силиконовый 10 см (белый)</t>
  </si>
  <si>
    <t>Лезвие для ножа NO.11 (комплект 10шт)</t>
  </si>
  <si>
    <t>Лезвие для удаления клея Flying Eagle Brand (упаковка 5 штук)</t>
  </si>
  <si>
    <t>Медиатор металлический</t>
  </si>
  <si>
    <t>Набор для чистки гаджетов 8 в 1 HOCO DI135</t>
  </si>
  <si>
    <t>Набор отверток BAKU BK-3335-B (T3*25, T5*25, T6*25, -1.5*25, Y2.0*25, +2.0*25)</t>
  </si>
  <si>
    <t>Органайзер шурупов и болтов - Qianli  (Магнитайзер)</t>
  </si>
  <si>
    <t>Отвертка QianLi iFlying 3D (D + Pinhead Philips 2.5mm)</t>
  </si>
  <si>
    <t>Отвертка Y0.6 AIDA No.828 для iPhone 7/X/11/Watch</t>
  </si>
  <si>
    <t>Отвертка крестовая 1,5*25 mm Yaxun NO.01</t>
  </si>
  <si>
    <t>Отвертка крестовая 1,5*25 mm Yaxun NO.338</t>
  </si>
  <si>
    <t>Отвертка крестовая 2.5х22 мм</t>
  </si>
  <si>
    <t>Отвертка фигурная звездочка 0.8х25 мм для IPhone NO.129</t>
  </si>
  <si>
    <t>Отвертка фигурная трехлучевая 0.6х25 мм для Iphone 7-11Pro NO.129</t>
  </si>
  <si>
    <t>Пинцет тонкий B&amp;R T-15 Желтый</t>
  </si>
  <si>
    <t>Пинцет тонкий B&amp;R T-16 Красный</t>
  </si>
  <si>
    <t>Профессиональный набор отверток с магнитными насадками 24 в 1 (No.6024)</t>
  </si>
  <si>
    <t>Регулируемый зажим для крепления ЖК-экрана</t>
  </si>
  <si>
    <t>Струна для разборки сенсорных модулей 0,03 мм 100м</t>
  </si>
  <si>
    <t>Струна для разборки сенсорных модулей 0,04 мм 100м</t>
  </si>
  <si>
    <t>Клеи, герметики, скотч</t>
  </si>
  <si>
    <t>Клей герметик для проклейки тачскринов Sunshine G-21</t>
  </si>
  <si>
    <t>Клей-герметик для проклейки тачскринов B7000 (15ml)</t>
  </si>
  <si>
    <t>Клей-герметик для проклейки тачскринов B7000 110 мл</t>
  </si>
  <si>
    <t>Клей-герметик для проклейки тачскринов Mechanic T7000 (50 мл)</t>
  </si>
  <si>
    <t>Клей-герметик для проклейки тачскринов T7000 (50 мл)</t>
  </si>
  <si>
    <t>Клей-герметик для проклейки тачскринов T8000 (110 мл)</t>
  </si>
  <si>
    <t>Скотч-фольга в рулоне</t>
  </si>
  <si>
    <t>Оборудование</t>
  </si>
  <si>
    <t>USB Тестер Sunshine SS-302A (2.8V-30V 0A-3А)</t>
  </si>
  <si>
    <t>Аппарат для точечной сварки</t>
  </si>
  <si>
    <t>Беспроводная полировальная ручка Mechanic iR X6 Pro</t>
  </si>
  <si>
    <t>Инструмент для удаления клея OCA Relife RL-056B 2 in1</t>
  </si>
  <si>
    <t>Инфракрасная лампа для паяльной станции</t>
  </si>
  <si>
    <t>Матовый коврик термостойкий для дисплейного сепаратора, 7"</t>
  </si>
  <si>
    <t>Насадка к устройству для снятия OCA пленки E-FIXIT CJ6+</t>
  </si>
  <si>
    <t>Насадка к устройству для снятия OCA пленки E-FIXIT CJ6+ (тонкая длинная)</t>
  </si>
  <si>
    <t>Паяльник электрический Ya Xun YX-8035 (термопинцет, с терморегулятором, с ЖК дисплеем)</t>
  </si>
  <si>
    <t>Полировальная ручка Polishing Pen KaiLiWei 2in1 (8 насадок, питание от сети)</t>
  </si>
  <si>
    <t>Программатор i2C Face ID V8 для Apple iPhone/iPad + шлейф-переходник для Apple iPhone 12</t>
  </si>
  <si>
    <t>Термовоздушная паяльная станция Baku BK-909S (фен, паяльник, источник питания, детектор частот)</t>
  </si>
  <si>
    <t>Устройство для снятия OCA пленки E-FIXIT CJ6+</t>
  </si>
  <si>
    <t>Электрический паяльник YOUYUE E210 с быстрой зарядкой</t>
  </si>
  <si>
    <t>Пластиковый бокс SUNSHINE SS-001A для хранения запчастей 18.5*9.8*4 см</t>
  </si>
  <si>
    <t>Очистители, салфетки, ёмкости</t>
  </si>
  <si>
    <t>Изопропанол (250мл), аэрозоль (ISOCLEAN)</t>
  </si>
  <si>
    <t>Салфетка из микрофибры 16*16 см (упаковка 50шт)</t>
  </si>
  <si>
    <t>Сжатый воздух, 520мл, аэрозоль(DUSTER)</t>
  </si>
  <si>
    <t>Спрей-охладитель "FREEZER", 520мл, аэрозоль</t>
  </si>
  <si>
    <t>Товары для дома и отдыха</t>
  </si>
  <si>
    <t>Бытовые электроприборы</t>
  </si>
  <si>
    <t>Вакуумный упаковщик Tinton Life</t>
  </si>
  <si>
    <t>Вентилятор напольный ONIX (d40см) 3 скорости</t>
  </si>
  <si>
    <t>Лазерный дальномер ADA Cosmo 70 А00429</t>
  </si>
  <si>
    <t>Пластик для 3D-ручки ABS 1.75мм, 10 цветов по 5 метров</t>
  </si>
  <si>
    <t>Сетевой фильтр LDNIO SC10610, 10 розеток, 2500W, 4 USB, 1 PD, 1 QC3.0, 2м (white)</t>
  </si>
  <si>
    <t>Детские игрушки</t>
  </si>
  <si>
    <t>Дрон Air Hogs Gravitor трюковой (6060471)</t>
  </si>
  <si>
    <t>Самолетик Aircraft YW008</t>
  </si>
  <si>
    <t>Спиннер-бумерант с подсветкой</t>
  </si>
  <si>
    <t>Электронная доска для рисования "акула"</t>
  </si>
  <si>
    <t>Электронная доска для рисования 8,5"</t>
  </si>
  <si>
    <t>Электронная доска для рисования 9,0"</t>
  </si>
  <si>
    <t>Игровые приставки</t>
  </si>
  <si>
    <t>Джойстик для игровой приставки SUP (красный)</t>
  </si>
  <si>
    <t>Игровая приставка SUP GAME BOX PLUS 400 в 1</t>
  </si>
  <si>
    <t>Игровая приставка SUP GAME BOX PLUS 400 в 1 + джойстик</t>
  </si>
  <si>
    <t>Канцтовары</t>
  </si>
  <si>
    <t>Фотобумага для фотоаппаратов моментальной печати Canon Zoemini Zink Photo Paper, 50 листов ZP-2030</t>
  </si>
  <si>
    <t>Кронштейны для ТВ</t>
  </si>
  <si>
    <t>Кронштейн для ТВ 14-42" Настенный</t>
  </si>
  <si>
    <t>Кронштейн для ТВ 14-45" C1-T Настенный</t>
  </si>
  <si>
    <t>Кронштейн для ТВ 14-60" P5-L400 Настенный</t>
  </si>
  <si>
    <t>Кронштейн для ТВ 32-55" P4 Поворотный на стену</t>
  </si>
  <si>
    <t>Кронштейн для ТВ 32-55" X-400 Поворотный на стену</t>
  </si>
  <si>
    <t>Кронштейн для ТВ 32-60" KLC-X5 Настенный</t>
  </si>
  <si>
    <t>Кронштейн для ТВ 32-70" T560-15 Потолочный</t>
  </si>
  <si>
    <t>Кронштейн для ТВ 40-65" NBC3-T Настенный</t>
  </si>
  <si>
    <t>Лампы светодиодные</t>
  </si>
  <si>
    <t>Лампочка E27 10 Вт тёплый белый свет Bellight</t>
  </si>
  <si>
    <t>Лампочка E27 12 Вт тёплый белый свет Bellight</t>
  </si>
  <si>
    <t>Приставки для цифрового ТВ</t>
  </si>
  <si>
    <t>Приставка для цифрового ТВ Huavee DVB-T8000</t>
  </si>
  <si>
    <t>Цифровая антенна Clear TV Key</t>
  </si>
  <si>
    <t>Цифровая антенна OTAU HD-218 (плоская, на присосках)</t>
  </si>
  <si>
    <t>Пульты</t>
  </si>
  <si>
    <t>Akira</t>
  </si>
  <si>
    <t>Пульт Akai M105</t>
  </si>
  <si>
    <t>Пульт Akira BC-3010-06R как BC1202+game 1405 ic Erisson 21F7</t>
  </si>
  <si>
    <t>Пульт Akira KM-1128A ic LCD TV</t>
  </si>
  <si>
    <t>Avest</t>
  </si>
  <si>
    <t>Пульт Avest ELECT EDR-7819 dvb-t2</t>
  </si>
  <si>
    <t>Пульт Avest HYDFSR-A02HD</t>
  </si>
  <si>
    <t>BBK</t>
  </si>
  <si>
    <t>Пульт BBK RC0105 DVB-T2 (STB-105) HD (SkyVision T2501)</t>
  </si>
  <si>
    <t>Пульт BBK RC026-01R (DVD player) (к модели ****SL)</t>
  </si>
  <si>
    <t>Daewoo</t>
  </si>
  <si>
    <t>Пульт BBK EN-31907 ic LED TV (Rolsen)</t>
  </si>
  <si>
    <t>Пульт Daewoo R18A07</t>
  </si>
  <si>
    <t>Пульт Daewoo R28B03</t>
  </si>
  <si>
    <t>Пульт Daewoo R49C07 TV LCD</t>
  </si>
  <si>
    <t>Erisson</t>
  </si>
  <si>
    <t>Пульт Erisson  FHS08A м/х upd61340-20</t>
  </si>
  <si>
    <t>Пульт Erisson E3743 как ориг.</t>
  </si>
  <si>
    <t>Gold Star</t>
  </si>
  <si>
    <t>Пульт Gold Star 105-230A</t>
  </si>
  <si>
    <t>Hitachi</t>
  </si>
  <si>
    <t>Пульт Hitachi CLE937</t>
  </si>
  <si>
    <t>Пульт Hitachi CLE964</t>
  </si>
  <si>
    <t>JVC</t>
  </si>
  <si>
    <t>Пульт JVC  RMC457  TV</t>
  </si>
  <si>
    <t>Пульт JVC  RMC530 TV</t>
  </si>
  <si>
    <t>Пульт JVC LCD KT1157-SX NEW TV</t>
  </si>
  <si>
    <t>Пульт JVC RMC1311</t>
  </si>
  <si>
    <t>Пульт JVC RMC1350</t>
  </si>
  <si>
    <t>Пульт RC: UNIVERSAL JVC (IC) RM-530F корп. RM-C1350</t>
  </si>
  <si>
    <t>Пульт LG 6710V00090B ic</t>
  </si>
  <si>
    <t>Пульт LG 6710V00090F ic</t>
  </si>
  <si>
    <t>Пульт LG 6710V00112P TV ic</t>
  </si>
  <si>
    <t>Пульт LG 6710V00112Q ic</t>
  </si>
  <si>
    <t>Пульт LG 6710V00124D</t>
  </si>
  <si>
    <t>Пульт LG 6710V00124V</t>
  </si>
  <si>
    <t>Пульт LG 6710V00151S TV</t>
  </si>
  <si>
    <t>Пульт LG AKB74475401 ic SMART LCD TV</t>
  </si>
  <si>
    <t>Пульт LG АКВ 73655802 ic</t>
  </si>
  <si>
    <t>Пульт RC:UNIVERSAL LG LCD (IC) RM-L999+1 LCD TV 3D корпус AKB72914020</t>
  </si>
  <si>
    <t>Panasonic</t>
  </si>
  <si>
    <t>Пульт Panasonic EUR501310</t>
  </si>
  <si>
    <t>Пульт Panasonic EUR646932 (ic)</t>
  </si>
  <si>
    <t>Пульт Panasonic EUR7717010 с крестом surround как ориг.</t>
  </si>
  <si>
    <t>Пульт RC:UNIVERSAL Panasonic LCD (IC) RM-D920</t>
  </si>
  <si>
    <t>Пульт RC:UNIVERSAL Panasonic LCD (IC) RM-L1378 NETFLIX LED TV универсальный пульт  в корпусе N2QAYB0</t>
  </si>
  <si>
    <t>Пульт Philips RC4344</t>
  </si>
  <si>
    <t>Пульт Philips RC7940, 7953, 7954 ic TV</t>
  </si>
  <si>
    <t>Пульт Philips RC8205 ic TV</t>
  </si>
  <si>
    <t>Пульт RC: UNIVERSAL Philips (IC) RM-120C корп. RC19335003/01</t>
  </si>
  <si>
    <t>Polar</t>
  </si>
  <si>
    <t>Пульт Polar 9341 TV</t>
  </si>
  <si>
    <t>Пульт Polar RC-6EG1-4BC (RC-45) ic</t>
  </si>
  <si>
    <t>Пульт Polar SF072 TV, DVD</t>
  </si>
  <si>
    <t>Rolsen</t>
  </si>
  <si>
    <t>Пульт RC: UNIVERSAL Rolsen RM-754</t>
  </si>
  <si>
    <t>Пульт Rolsen K10B-C1</t>
  </si>
  <si>
    <t>Пульт Rolsen K10N-C5</t>
  </si>
  <si>
    <t>Пульт Rolsen, Polar, Elenberg, Sanyo, Shivaki, TCL RC-1153038 (RC-1153012)</t>
  </si>
  <si>
    <t>Пульт RC: UNIVERSAL SAMSUNG (IC) RM-D1175 корпус АН59-02407А</t>
  </si>
  <si>
    <t>Пульт RC: UNIVERSAL SAMSUNG RM-179FC</t>
  </si>
  <si>
    <t>Пульт RC:UNIVERSAL Samsung DVD+BD+AUX (IC) RM-D1087 корп AA59-00602A</t>
  </si>
  <si>
    <t>Пульт RC:UNIVERSAL Samsung LCD (IC) RM-L888</t>
  </si>
  <si>
    <t>Пульт Samsung 00071F DVD USB</t>
  </si>
  <si>
    <t>Пульт Samsung 3F1400034-162 с разд. Рег.</t>
  </si>
  <si>
    <t>Пульт Samsung 3F1400038-091, 092/093, 242 AA59-10014A TV, VCR</t>
  </si>
  <si>
    <t>Пульт Samsung AA59-00332D TV</t>
  </si>
  <si>
    <t>Пульт Samsung AA59-00431А ic LED LCDTV 3D</t>
  </si>
  <si>
    <t>Пульт Samsung AA59-00582A ic SMART TV</t>
  </si>
  <si>
    <t>Пульт Samsung AA59-00602A ic</t>
  </si>
  <si>
    <t>Пульт Samsung AA59-00603A ic 3D LED TV</t>
  </si>
  <si>
    <t>Пульт Samsung AA59-00742A ic LCD TV</t>
  </si>
  <si>
    <t>Пульт Samsung AA59-00743A ic LCD LED 3D TV</t>
  </si>
  <si>
    <t>Пульт Samsung AA59-00795A ic LED TV белый</t>
  </si>
  <si>
    <t>Пульт Samsung AA59-00818A ic</t>
  </si>
  <si>
    <t>Пульт Samsung AA59-00823A ic LCD TV с PIP</t>
  </si>
  <si>
    <t>Пульт Samsung BN59-00489A ic</t>
  </si>
  <si>
    <t>Пульт Samsung BN59-00529A TV ic</t>
  </si>
  <si>
    <t>Пульт Samsung BN59-01014A ic</t>
  </si>
  <si>
    <t>Sharp</t>
  </si>
  <si>
    <t>Пульт RC:UNIVERSAL Sharp LCD (IC) RM-689G</t>
  </si>
  <si>
    <t>Пульт RC:UNIVERSAL Sharp LCD (IC) RM-L1046 3D LED TV</t>
  </si>
  <si>
    <t>Пульт RC:UNIVERSAL Sharp LCD (IC) RM-L1238 ic</t>
  </si>
  <si>
    <t>Пульт Sharp G1069 PESA</t>
  </si>
  <si>
    <t>Пульт Sharp G1342PESA TV</t>
  </si>
  <si>
    <t>Пульт Sharp GJ210 ic LCD TV</t>
  </si>
  <si>
    <t>Пульт Sharp RC1910 LCD ic</t>
  </si>
  <si>
    <t>Shivaki</t>
  </si>
  <si>
    <t>Пульт Shivaki RC811/810</t>
  </si>
  <si>
    <t>Пульт Shivaki RC812</t>
  </si>
  <si>
    <t>Пульт RC:UNIVERSAL Sony AUX (IC) RM-D1065  корпус RM-ADP053</t>
  </si>
  <si>
    <t>Пульт RC:UNIVERSAL Sony DVD (IC) RM-D1019</t>
  </si>
  <si>
    <t>Пульт RC:UNIVERSAL Sony LCD (IC) RM-1025A</t>
  </si>
  <si>
    <t>Пульт RC:UNIVERSAL Sony LCD (IC) RM-L1090 LCD TV 3D</t>
  </si>
  <si>
    <t>Пульт RC:UNIVERSAL Sony LCD (IC) RM-L1370 корпус RMT-TX102D NETFLIX / YouTube</t>
  </si>
  <si>
    <t>Пульт RC:UNIVERSAL Sony TV (IC) RM-191A корп. RM-W100</t>
  </si>
  <si>
    <t>Пульт Sony RM-ED009 LCD</t>
  </si>
  <si>
    <t>Пульт Sony RM-ED035</t>
  </si>
  <si>
    <t>Пульт Sony RM-ED058 ic LCD LED TV 3D</t>
  </si>
  <si>
    <t>Пульт Sony RM839</t>
  </si>
  <si>
    <t>Supra</t>
  </si>
  <si>
    <t>Пульт Supra / CASIO STV-LG1515W RC4b ic LCD TV</t>
  </si>
  <si>
    <t>Пульт Supra 1CE3 черн. TV</t>
  </si>
  <si>
    <t>Пульт Supra RC03-51</t>
  </si>
  <si>
    <t>Пульт Supra RC03-52 ic</t>
  </si>
  <si>
    <t>Пульт Supra RC3B ic LCD TV</t>
  </si>
  <si>
    <t>Пульт Supra RCF3B/RC5B/RCF2B/RC7b ic LCD TV</t>
  </si>
  <si>
    <t>Пульт Supra STV-LC1914W TVD34 TV+DVD Mystery 1910</t>
  </si>
  <si>
    <t>Thomson</t>
  </si>
  <si>
    <t>Пульт Thomson RC1994301 TV LCD</t>
  </si>
  <si>
    <t>Пульт Thomson RCT100 TV</t>
  </si>
  <si>
    <t>Пульт Thomson RCT3003 (RCT3004)</t>
  </si>
  <si>
    <t>Toshiba</t>
  </si>
  <si>
    <t>Пульт Toshiba CT8023 ic</t>
  </si>
  <si>
    <t>Пульт Toshiba CT90126</t>
  </si>
  <si>
    <t>Пульт Toshiba CT90288 LCD</t>
  </si>
  <si>
    <t>Пульт Toshiba CT9507 (с настройкой каналов) (9545/СТ9199, СТ9430</t>
  </si>
  <si>
    <t>Пульт Toshiba CT9782</t>
  </si>
  <si>
    <t>Пульт Toshiba CT9881  (9858) TV/TXT</t>
  </si>
  <si>
    <t>Пульт Toshiba SE-R0301 DVD</t>
  </si>
  <si>
    <t>Пульт Toshiba SE-R0319 TV/ DVD LCD</t>
  </si>
  <si>
    <t>Vestel</t>
  </si>
  <si>
    <t>Пульт Vestel RC2040 ic белый</t>
  </si>
  <si>
    <t>Пульт универсальный для Vestel HUAYU RM-L1200+</t>
  </si>
  <si>
    <t>Горизонт</t>
  </si>
  <si>
    <t>Пульт Горизонт RC5 (рыбка)</t>
  </si>
  <si>
    <t>Пульт Горизонт RC6-5</t>
  </si>
  <si>
    <t>Пульт Горизонт RC6-7</t>
  </si>
  <si>
    <t>Пульт Горизонт Вр6</t>
  </si>
  <si>
    <t>Другое</t>
  </si>
  <si>
    <t>REXANT RX-511 (Cadena) ic dvb-t2</t>
  </si>
  <si>
    <t>Пульт Cameron LVD-1504</t>
  </si>
  <si>
    <t>Пульт Delta Systems DS-530HD, DS-910HD (DVB-T2) ic dvb-t2</t>
  </si>
  <si>
    <t>Пульт Elenberg R601 DVD</t>
  </si>
  <si>
    <t>Пульт Fusion  для DVD-плеера Fusion</t>
  </si>
  <si>
    <t>Пульт Hisense</t>
  </si>
  <si>
    <t>Пульт Record RC02-51 TV</t>
  </si>
  <si>
    <t>Пульт Sanyo JXPSB</t>
  </si>
  <si>
    <t>Пульт Sitronics ABL-105 ic</t>
  </si>
  <si>
    <t>Пульты для кондиционеров</t>
  </si>
  <si>
    <t>Универсальный пульт для кондиционера HUAYU K-1089E+L</t>
  </si>
  <si>
    <t>Рубин</t>
  </si>
  <si>
    <t>Пульт Рубин / Izumi / Rolsen 37M10-6 ic C1480/21R45/ 21SR45</t>
  </si>
  <si>
    <t>Пульт Рубин RC7 белый</t>
  </si>
  <si>
    <t>Пульт Рубин RC7 черный</t>
  </si>
  <si>
    <t>Сокол</t>
  </si>
  <si>
    <t>Пульт Сокол К18F-C4</t>
  </si>
  <si>
    <t>Триколор</t>
  </si>
  <si>
    <t>Пульт Триколор GS8300M ic</t>
  </si>
  <si>
    <t>Пульт RC: UNIVERSAL DVD (IC) iHandy AUN0448 DVD на 2000 моделей</t>
  </si>
  <si>
    <t>Пульт RC:UNIVERSAL HUAYU HL-1340E обучаемый универсальный пульт на 3 устройства</t>
  </si>
  <si>
    <t>Пульт RC:UNIVERSAL TV (IC) IHandy RTV-03 для различных марок TV+ LED+HD</t>
  </si>
  <si>
    <t>Пульт RC:UNIVERSAL TV (IC) Ihandy RUTV-ST02 для различных марок TV</t>
  </si>
  <si>
    <t>Пульт Universal HUAYU RM-D1155+5 (DVB-T2/LCD/LED)</t>
  </si>
  <si>
    <t>Пульт универсальный ALTIN T2-096+10 NEW для DVB-T2 приставок</t>
  </si>
  <si>
    <t>Пульт универсальный HUAYU RM-905</t>
  </si>
  <si>
    <t>Пульт универсальный Huayu RM-L1098+8 для LCD TV</t>
  </si>
  <si>
    <t>Пульт универсальный RM-1058E Huayu SKYWORTH</t>
  </si>
  <si>
    <t>Пульт универсальный для телевизоров HUAYU HR-N99 (зеленый)</t>
  </si>
  <si>
    <t>Пульт универсальный для цифровых ресиверов DVB-T2 +TV (тип1)</t>
  </si>
  <si>
    <t>Пульт универсальный для цифровых ресиверов DVB-T2 +TV (тип2)</t>
  </si>
  <si>
    <t>Пульт универсальный для цифровых ресиверов DVB-T2 +TV (тип3)</t>
  </si>
  <si>
    <t>Пульт универсальный для цифровых ресиверов Otau 7 in 1</t>
  </si>
  <si>
    <t>Фонари, светильники</t>
  </si>
  <si>
    <t>Лампа настольная KM-6695 LED 800mAh</t>
  </si>
  <si>
    <t>Лампа настольная KM-6699 LED 1500mAh</t>
  </si>
  <si>
    <t>Лампа настольная на прищепке 7304</t>
  </si>
  <si>
    <t>Лампа настольная на прищепке KM-6716 LED 1500mAh</t>
  </si>
  <si>
    <t>Проекционная лампа YD-009</t>
  </si>
  <si>
    <t>Светильник (имитация выключателя) 1LED 1801</t>
  </si>
  <si>
    <t>Светильник (имитация выключателя) 2LED 1128</t>
  </si>
  <si>
    <t>Светильник (имитация лампочки) LED 306</t>
  </si>
  <si>
    <t>Фонарик USB charge в контейнере</t>
  </si>
  <si>
    <t>Фонарик аккумуляторный D5158</t>
  </si>
  <si>
    <t>Фонарик аккумуляторный JH-2315</t>
  </si>
  <si>
    <t>Фонарик аккумуляторный RJ-913</t>
  </si>
  <si>
    <t>Фонарик аккумуляторный TX-LED316</t>
  </si>
  <si>
    <t>Фонарь аккумуляторный кемпинговый SH-5800T</t>
  </si>
  <si>
    <t>Фонарь на солнечной батарее "аварийный знак" HS-8017</t>
  </si>
  <si>
    <t>Электропитание</t>
  </si>
  <si>
    <t>Аккумуляторы для телефонов и планшетов</t>
  </si>
  <si>
    <t>АКБ Alcatel One Touch 6050, 6050Y IDOL 2S</t>
  </si>
  <si>
    <t>АКБ для Alcatel 6045Y ONE TOUCH IDOL 3 (5,5")</t>
  </si>
  <si>
    <t>АКБ Asus C11P1324 A500KL/A501CG/Zenfone 5</t>
  </si>
  <si>
    <t>АКБ Asus C11P1423 ZE500CL/ZenFone 2</t>
  </si>
  <si>
    <t>АКБ Asus C11P1508 ZC550KL/ZenFone Max</t>
  </si>
  <si>
    <t>АКБ для Asus ZenFone 4, A400CG, A450CG (C11P1404)</t>
  </si>
  <si>
    <t>АКБ для Asus ZenFone Max Pro M1 ZB602KL / M2 ZB631KL (C11P1706)</t>
  </si>
  <si>
    <t>АКБ BQ BQ-5022 Bond 2300mAh</t>
  </si>
  <si>
    <t>АКБ BQ BQS-5020 Strike 2000 mAh</t>
  </si>
  <si>
    <t>АКБ BQ BQS-5515 Wide 2800mAh</t>
  </si>
  <si>
    <t>АКБ Vixion для BQ BQ-5022 Bond</t>
  </si>
  <si>
    <t>АКБ Vixion для BQ BQS-5020 Strike</t>
  </si>
  <si>
    <t>АКБ Vixion для BQ BQS-5070 Magic</t>
  </si>
  <si>
    <t>АКБ для BQ BQ-5057 Strike 2 BQS-5057</t>
  </si>
  <si>
    <t>АКБ для BQ-5044 Strike LTE 2500mAh (б/у с разбора)</t>
  </si>
  <si>
    <t>АКБ для BQ-5503 NICE 2 2800mAh</t>
  </si>
  <si>
    <t>АКБ для BQ-6000L AURORA Оригинал снятый</t>
  </si>
  <si>
    <t>АКБ для BQ-6040L Magic 3900mAh 466479 Оригинал (б/у)</t>
  </si>
  <si>
    <t>DEXP</t>
  </si>
  <si>
    <t>АКБ DEXP Ixion E140 Strike 1500mAh</t>
  </si>
  <si>
    <t>АКБ DEXP Ixion ES2 5" 1900mAh</t>
  </si>
  <si>
    <t>АКБ DEXP Ixion MS450 Born 2000mAh</t>
  </si>
  <si>
    <t>АКБ DEXP Ixion MS550 2000mAh</t>
  </si>
  <si>
    <t>АКБ для Fly BL7203 iQ4405 / iQ4413</t>
  </si>
  <si>
    <t>АКБ для FLY BL9200 FS504 / FS 514</t>
  </si>
  <si>
    <t>АКБ для Fly F50S</t>
  </si>
  <si>
    <t>АКБ для Google Pixel 4A (G025J-B) Оригинал снятый</t>
  </si>
  <si>
    <t>АКБ HTC Desire X/V</t>
  </si>
  <si>
    <t>АКБ для HTC Desire 826/820/E9s (BOPF6100) 2600 mAh</t>
  </si>
  <si>
    <t>АКБ для HTC One Mini / Desire 601 (B058100) (тех.упак), ориг</t>
  </si>
  <si>
    <t>Huawei</t>
  </si>
  <si>
    <t>АКБ HB444199EBC для Huawei Honor 4C</t>
  </si>
  <si>
    <t>АКБ HB446486ECW Honor 9X / 9X PRO / P Smart Z / NOVA5i / Enjoy10 PLUS / Y9S</t>
  </si>
  <si>
    <t>АКБ HB526489EEW HONOR 9A</t>
  </si>
  <si>
    <t>АКБ Huawei HB396286ECW ( Honor 10 Lite/Huawei Honor 10i/P Smart 2019 )</t>
  </si>
  <si>
    <t>АКБ Huawei HB4342A1RBC ( Y5 II/Honor 5A )</t>
  </si>
  <si>
    <t>АКБ Huawei HB486586ECW Mate 30 / Mate 30 Pro / Nova 6 / 6 SE / View 30 / V30 / P40 Lite</t>
  </si>
  <si>
    <t>АКБ Huawei Nova 2 Plus/Honor 7X/Nova 2i/Nova 3i/Nova 9i/P30 Lite (HB356687ECW)</t>
  </si>
  <si>
    <t>АКБ Huawei P10 Plus / V10 / Honor 8X / Honor 7 / Nova3 / Honor 20 / Mate20 HB386590ECW</t>
  </si>
  <si>
    <t>АКБ для Honor 50 (HB476489EFW) Оригинал снятый</t>
  </si>
  <si>
    <t>АКБ для Honor Watch Magic HB302527ECW</t>
  </si>
  <si>
    <t>АКБ для Huawei C8500, C8500s, M835, T8300, U8150, U8160, U8180, U8510, МТС 950 (HB4J1H)</t>
  </si>
  <si>
    <t>АКБ для HUAWEI HB396689ECW Mate 9 / Mate 9 Pro / Honor 9 / Y7 Prime / Y7 2017 / Honor 8C / Y9 2018</t>
  </si>
  <si>
    <t>АКБ для Huawei HB405979ECW ( Honor 7A/Honor 6A/Honor 8A/Honor 8S/Y5 2017/Nova/Nova Lite 2017 )</t>
  </si>
  <si>
    <t>АКБ для Huawei Honor 10X Lite / P Smart 2021 (HB526488EEW)</t>
  </si>
  <si>
    <t>АКБ для Huawei Honor 20 Pro / Mate 10 / Mate 20 / P20 Pro /View 20 (HB436486ECW)</t>
  </si>
  <si>
    <t>АКБ для Huawei Honor 5X/Y6II/G7 Plus/ G8 HB396481EBC</t>
  </si>
  <si>
    <t>АКБ для Huawei Honor 9 / 9 Premium / P10 (HB386280ECW) 3200 mAh</t>
  </si>
  <si>
    <t>АКБ для Huawei Huawei Y8p / Honor 30i (HB426489EEW)</t>
  </si>
  <si>
    <t>АКБ для Huawei Mate S (HB436178EBW) 2620mAh</t>
  </si>
  <si>
    <t>АКБ для Huawei Nova 10SE HB456593EGW (оригинал снятый)</t>
  </si>
  <si>
    <t>АКБ для Huawei Nova 2 (HB366179ECW)</t>
  </si>
  <si>
    <t>АКБ для Huawei Nova Y61 (HB496590EFW-F) Оригинал снятый</t>
  </si>
  <si>
    <t>АКБ для Huawei Nova Y70 (HB536896EFW) Оригинал снятый</t>
  </si>
  <si>
    <t>АКБ для Huawei P20 / Honor 10 / Nova Lite 3 (HB396285ECW)</t>
  </si>
  <si>
    <t>АКБ для Huawei p9/P9 Lite/G9/Honor 8/5C/P10 Lite/P8 Lite 2017/P20 lite HB366481ECW</t>
  </si>
  <si>
    <t>АКБ для Infinix Note 10 Pro/Note 11 Pro/Hot 30/Hot 40/Hot 40 Pro (BL-49JX)</t>
  </si>
  <si>
    <t>АКб для Lenovo BL194 A520, A660, A690, A780, S820</t>
  </si>
  <si>
    <t>АКБ для Lenovo Vibe Shot Z90/ Vibe Shot Max BL246</t>
  </si>
  <si>
    <t>Аккумулятор Lenovo A6000/A6010//A5010/Vibe C BL242</t>
  </si>
  <si>
    <t>АКБ LG BL-T37 Q Stylus Plus</t>
  </si>
  <si>
    <t>АКБ LG KF900 prada ORIG NEW</t>
  </si>
  <si>
    <t>АКБ для LG K7 2017 X230 / K8 2017 X240 (BL-45F1F)</t>
  </si>
  <si>
    <t>Аккумулятор LG KF900 -8824</t>
  </si>
  <si>
    <t>Аккумулятор Mi-Power для LG KP100/KU380/KP110/KF310/KF510/KE770/KP105/KP130\KP170\KP210\KP230\Т500\Т</t>
  </si>
  <si>
    <t>Аккумулятор Mi-Power для LG Optimus L9/53QH 1050mAh (максимальная емкость, на 100% соответствует зая</t>
  </si>
  <si>
    <t>АКБ для Meizu M5c BT710</t>
  </si>
  <si>
    <t>АКБ Micromax A69 Bolt 2200mAh</t>
  </si>
  <si>
    <t>АКБ Micromax A79 Bolt 1400mAh</t>
  </si>
  <si>
    <t>АКБ Micromax A94 1800mAh</t>
  </si>
  <si>
    <t>АКБ Micromax Bolt Q326 Bolt 1400mAh</t>
  </si>
  <si>
    <t>АКБ Micromax D320 Bolt 2500mAh</t>
  </si>
  <si>
    <t>АКБ Micromax E313 (Canvas Xpress 2) 2500mAh</t>
  </si>
  <si>
    <t>АКБ для Micromax Q301</t>
  </si>
  <si>
    <t>Аккумулятор для Motorola V3/U6</t>
  </si>
  <si>
    <t>АКБ Microsoft Lumia 640 (BV-T5C)</t>
  </si>
  <si>
    <t>АКБ для Nokia 5 / 3.1 2018 / 5.1 2018 2800mAh (HE321)</t>
  </si>
  <si>
    <t>АКБ для Nokia 720  на 2000 mAh</t>
  </si>
  <si>
    <t>АКБ для Nokia 820  на 1650 mAh</t>
  </si>
  <si>
    <t>АКБ для Nokia BL-4C (7270/6300/6260/6170/6131/6125/6100)</t>
  </si>
  <si>
    <t>АКБ для Nokia BL-5C (N91/72/71/70/E60/7610/6822/6820/6681/6680/6085)/1020 mAh</t>
  </si>
  <si>
    <t>АКБ для Nokia BL-5CB C1-01/C1-02/1616/1800 800mAh</t>
  </si>
  <si>
    <t>АКБ для Nokia BL-5CА (1112/1200/1208/1680С) 700 mAh</t>
  </si>
  <si>
    <t>АКБ для Nokia BV-5J Nokia Lumia 435 / Lumia 532</t>
  </si>
  <si>
    <t>Аккумулятор Nokia 9300/ 3250/6288 Li800mAh</t>
  </si>
  <si>
    <t>Аккумулятор Nokia N95 на 8 Гб</t>
  </si>
  <si>
    <t>Аккумулятор для Nokia BL-4S (китайская) Mi-Digit</t>
  </si>
  <si>
    <t>АКБ для Realme X3 SuperZoom (BLP775)</t>
  </si>
  <si>
    <t>АКБ BLP805 для OPPO A53 / A55 оригинал с разбора</t>
  </si>
  <si>
    <t>АКБ для OPPO A3S 4100 mAh Оригинал с разбора</t>
  </si>
  <si>
    <t>АКБ для Oppo A74 (BLP851) Оригинал снятый</t>
  </si>
  <si>
    <t>АКБ для Oppo Reno 4 Lite (CPH2125) BLP779 3890mAh (Оригинал с разбора)</t>
  </si>
  <si>
    <t>АКБ для Realme 10 BLP957 5000mAh (Оригинал с разбора)</t>
  </si>
  <si>
    <t>Prestigio</t>
  </si>
  <si>
    <t>АКБ для Prestigio Muze B3 PSP3512DUO</t>
  </si>
  <si>
    <t>АКБ для Prestigio Muze B7 PSP7511 DUO 2300mAh</t>
  </si>
  <si>
    <t>АКБ для Prestigio Muze C3 5.0" PSP3504 DUO</t>
  </si>
  <si>
    <t>АКБ Samsung A7 2018 A750F / A10 A105F / M10 M105F EB-BA750ABU</t>
  </si>
  <si>
    <t>АКБ Samsung EB-BG955ABE ( G955F/S8+ )</t>
  </si>
  <si>
    <t>АКБ Samsung EB-BT330FBE T330/T331/T335</t>
  </si>
  <si>
    <t>АКБ Samsung G530 / G531 / G532F / J500F / J320F / J250F / J260F (2400mAh)</t>
  </si>
  <si>
    <t>АКБ Samsung G530 / G531 / G532F / J500F / J320F / J250F / J260F (2600mAh)</t>
  </si>
  <si>
    <t>АКБ Samsung Galaxy A32 4G / A325F (EB-BA315ABY) Оригинал снятый</t>
  </si>
  <si>
    <t>АКБ Samsung Galaxy J1 (2016) SM-J120F/DS</t>
  </si>
  <si>
    <t>АКБ Samsung Galaxy S8 G950F EB-BG950ABE</t>
  </si>
  <si>
    <t>АКБ Samsung Galaxy S9 G960F EB-BG960ABE</t>
  </si>
  <si>
    <t>АКБ Samsung i8262/8260/G350 (B150AE)</t>
  </si>
  <si>
    <t>АКБ Samsung i9100 GalaxySII/, блистер i9100/i9105/i9103</t>
  </si>
  <si>
    <t>АКБ Samsung J5 Prime G570F (EB-BG570ABE)</t>
  </si>
  <si>
    <t>АКБ Vixion для Samsung Galaxy Star Advance G350E</t>
  </si>
  <si>
    <t>АКБ для Samsung A53 A536F Оригинал снятый</t>
  </si>
  <si>
    <t>АКБ для Samsung AB463446BU E250/C120/E500/X150/X200/D520/D720/C3010/2232</t>
  </si>
  <si>
    <t>АКБ для Samsung AB463651BU для S5600 / C3060 / M7600 / S3650 / S7220 / L700 / F400 / 5560/5560/S5610</t>
  </si>
  <si>
    <t>АКБ для Samsung AB553446BU С5212 / С3212 / В100 / С3300 / E1182 / E2232</t>
  </si>
  <si>
    <t>АКБ для Samsung D880, D980</t>
  </si>
  <si>
    <t>АКБ для Samsung D900\E780\E788\E480\E490</t>
  </si>
  <si>
    <t>АКБ для Samsung G313H/G318</t>
  </si>
  <si>
    <t>АКБ для Samsung G7106</t>
  </si>
  <si>
    <t>АКБ для Samsung G810/i5500/D780/5722/7110/8510/7722   1100mAh</t>
  </si>
  <si>
    <t>АКБ для Samsung Galaxy A14 A146B (EB-BA146ABY) Оригинал снятый</t>
  </si>
  <si>
    <t>АКБ для Samsung Galaxy A20 A205F/ A30 A305F / A50 A505F (EB-BA505ABU) Orig</t>
  </si>
  <si>
    <t>АКБ для Samsung Galaxy A22s 5G A226 (WT-S-W1) Оригинал снятый</t>
  </si>
  <si>
    <t>АКБ для Samsung Galaxy A3 (2017) SM-A320F (EB-BA320ABE)</t>
  </si>
  <si>
    <t>АКБ для Samsung Galaxy A32 5G / A326B (EB-BA426ABY) Оригинал снятый</t>
  </si>
  <si>
    <t>АКБ для Samsung Galaxy A5 2017 A520F</t>
  </si>
  <si>
    <t>АКБ для Samsung Galaxy A51 A515F (BA515ABY) 4000mAh</t>
  </si>
  <si>
    <t>АКБ для Samsung Galaxy A6 Plus A605F EB-BJ805ABE 3200mAh</t>
  </si>
  <si>
    <t>АКБ для Samsung Galaxy A7 A720F / J7 2017 J730F (EB-BA720ABE)</t>
  </si>
  <si>
    <t>АКБ для Samsung Galaxy A72 A725F (EB-BA426ABY) Оригинал снятый</t>
  </si>
  <si>
    <t>АКБ для Samsung Galaxy J1 Ace J110</t>
  </si>
  <si>
    <t>АКБ для Samsung Galaxy Note/N7000/i9220 2500mAh</t>
  </si>
  <si>
    <t>АКБ для Samsung Galaxy S20 Plus / G985F (EB-BG985ABY) Оригинал снятый</t>
  </si>
  <si>
    <t>АКБ для Samsung Galaxy S21 5G (G991) EB-BG991ABY Оригинал снятый</t>
  </si>
  <si>
    <t>АКБ для Samsung Galaxy S4 i9500 1800mAh</t>
  </si>
  <si>
    <t>АКБ для Samsung Galaxy S7 Edge G935F ((Оригинал снятый)</t>
  </si>
  <si>
    <t>АКБ для Samsung Galaxy S7 G930F</t>
  </si>
  <si>
    <t>АКБ для Samsung Galaxy SM-G360 / G361 / J200H</t>
  </si>
  <si>
    <t>АКБ для Samsung Galaxy Tab A 8.0 2019 SM-T295 LTE/SM-T290</t>
  </si>
  <si>
    <t>АКБ для Samsung Galaxy Watch  SM-R500</t>
  </si>
  <si>
    <t>АКБ для Samsung i8150/i8350/S5690/S8600 EB484659VU</t>
  </si>
  <si>
    <t>АКБ для Samsung i8262D, i8268, i829</t>
  </si>
  <si>
    <t>АКБ для Samsung i9195/i9192/i9190 Galaxy S4 mini</t>
  </si>
  <si>
    <t>АКБ для Samsung i9300\S3\i9260\i9082 2100mAh</t>
  </si>
  <si>
    <t>АКБ для Samsung i9300\S3\i9260\i9082 2100mAh Ориг</t>
  </si>
  <si>
    <t>АКБ для Samsung i9500 Galaxy S4 2600mAh</t>
  </si>
  <si>
    <t>АКБ для Samsung J3 2017 J330F 2400mAh</t>
  </si>
  <si>
    <t>АКБ для Samsung S5200/S3850/S5530/S5222   1000mAh</t>
  </si>
  <si>
    <t>Аккумулятор  для Samsung  G800\5230</t>
  </si>
  <si>
    <t>Аккумулятор Mi-Power для Samsung S5830/S5830i/S5670 Galaxy Fit/ Galaxy Ace /S5660 galaxy gio/S7250/S</t>
  </si>
  <si>
    <t>Аккумулятор для Samsung D900, E780, E480</t>
  </si>
  <si>
    <t>АКБ Vixion для Sony Xperia XA/XA Dual /E5 (F3111 / F3112 / F3311 ) (LIS1618ERPC)</t>
  </si>
  <si>
    <t>АКБ Vixion для Sony Xperia XA1 G3112/G3121 LIP1635ERPCS</t>
  </si>
  <si>
    <t>АКБ для Sony Ericsson BST-43 U100i Yari/J10/J108/J20i  950mAh</t>
  </si>
  <si>
    <t>АКБ для Sony Ericsson EP-500 U5i/Х8/mini ST15i/mini PRO SK17i</t>
  </si>
  <si>
    <t>АКБ для SonyEricsson BST-38 (K850/S500/T650/W580 /50/ Х10 mini</t>
  </si>
  <si>
    <t>АКБ для SonyEricsson Р1i BST-40</t>
  </si>
  <si>
    <t>Аккумулятор для Sony Xperia SP, C5302, C5303 LIS1509ERPC</t>
  </si>
  <si>
    <t>Tecno</t>
  </si>
  <si>
    <t>АКБ для TECNO Spark 10 4G / 10 Pro / 10C (BL-49ST)</t>
  </si>
  <si>
    <t>АКБ для TECNO Spark 20 (BL-49ST) Оригинал снятый</t>
  </si>
  <si>
    <t>Tele2</t>
  </si>
  <si>
    <t>АКБ Tele2 365675AR (Maxi)</t>
  </si>
  <si>
    <t>АКБ Tele2 EB-4501 (Midi LTE/Midi 1.1) 1800mAh</t>
  </si>
  <si>
    <t>АКБ Vixion для Tele2 Maxi (365675AR)</t>
  </si>
  <si>
    <t>АКБ Vixion для Tele2 Midi (BL-231)</t>
  </si>
  <si>
    <t>АКБ Vixion для Tele2 Midi LTE/1.1 (EB-4501)</t>
  </si>
  <si>
    <t>АКБ Xiaomi Redmi 10 / Note 10T / Poco M3 Pro 5G (BN5A)</t>
  </si>
  <si>
    <t>АКБ для Mi Pad 4 (BN60)</t>
  </si>
  <si>
    <t>АКБ для Xiaomi 11T Pro (BM58)</t>
  </si>
  <si>
    <t>АКБ для Xiaomi K20 / Mi 9T (BP41)</t>
  </si>
  <si>
    <t>АКБ для Xiaomi Mi 4 (BM32) Класс B</t>
  </si>
  <si>
    <t>АКБ для Xiaomi Mi 4C (BM35) Класс B</t>
  </si>
  <si>
    <t>АКБ для Xiaomi Mi 4i (BM33) Класс B</t>
  </si>
  <si>
    <t>АКБ для Xiaomi Mi 4S (BM38) Класс B</t>
  </si>
  <si>
    <t>АКБ для Xiaomi Mi 5X/Mi A1/Redmi Note 5A/Redmi Note 5A Prime/Redmi S2 (BN31)</t>
  </si>
  <si>
    <t>АКБ для Xiaomi Mi 8 Lite (BM3J) 3250mAh</t>
  </si>
  <si>
    <t>АКБ для Xiaomi Mi A2 Lite / Redmi 6 Pro (BN47) Класс B</t>
  </si>
  <si>
    <t>АКБ для Xiaomi Mi Max (BM49) Класс B</t>
  </si>
  <si>
    <t>АКБ для Xiaomi Poco F3 (BM4Y) (б/у с разбора)</t>
  </si>
  <si>
    <t>АКБ для Xiaomi Poco M3 / Redmi 9T / Note 9 4G (BN62)</t>
  </si>
  <si>
    <t>АКБ для Xiaomi Poco X3 / X3 Pro (BN57)</t>
  </si>
  <si>
    <t>АКБ для Xiaomi POCO X3 NFC (BN61)</t>
  </si>
  <si>
    <t>АКБ для Xiaomi Redmi 10C / 10A (BN5G)</t>
  </si>
  <si>
    <t>АКБ для Xiaomi Redmi 1S / Hongmi 1S / Mi 2A (BM40 / BM41) Класс B</t>
  </si>
  <si>
    <t>АКБ для Xiaomi Redmi 2 / Redmi 2 EE (BM44) Класс B</t>
  </si>
  <si>
    <t>АКБ для Xiaomi Redmi 3 / 3S/3 Pro / Redmi 4X (BM47)</t>
  </si>
  <si>
    <t>АКБ для Xiaomi Redmi 4 (BN42) Класс B</t>
  </si>
  <si>
    <t>АКБ для Xiaomi Redmi 4 Pro (BN40) Класс B</t>
  </si>
  <si>
    <t>АКБ для Xiaomi Redmi 5 (BN35)</t>
  </si>
  <si>
    <t>АКБ для Xiaomi Redmi 5A (BN34)</t>
  </si>
  <si>
    <t>АКБ для Xiaomi Redmi 5A (BN34) Класс B</t>
  </si>
  <si>
    <t>АКБ для Xiaomi Redmi 7 / Note 6 / Note 8 / Note 8T (BN46)</t>
  </si>
  <si>
    <t>АКБ для Xiaomi Redmi 7A (BN49)</t>
  </si>
  <si>
    <t>АКБ для Xiaomi Redmi 8 / Redmi 8A (BN51) Класс B</t>
  </si>
  <si>
    <t>АКБ для Xiaomi Redmi 9A / Redmi 9C (BN56)</t>
  </si>
  <si>
    <t>АКБ для Xiaomi Redmi Go 3000mAh (BN3A)</t>
  </si>
  <si>
    <t>АКБ для Xiaomi Redmi Note 10 / Note 10S (BN59)</t>
  </si>
  <si>
    <t>АКБ для Xiaomi Redmi Note 11 / Note 11S / Poco M4 Pro 5G (BN5D) Оригинал с разбора</t>
  </si>
  <si>
    <t>АКБ для Xiaomi Redmi Note 11 / Note 11S 4G / Poco M4 Pro 4G (BN5D)</t>
  </si>
  <si>
    <t>АКБ для Xiaomi Redmi Note 11 Pro (BN5E) Оригинал снятый</t>
  </si>
  <si>
    <t>АКБ для Xiaomi Redmi Note 12 (BN5M) Оригинал снятый</t>
  </si>
  <si>
    <t>АКБ для Xiaomi Redmi Note 3200mAh (BM42)</t>
  </si>
  <si>
    <t>АКБ для Xiaomi Redmi Note 4X (BN43)</t>
  </si>
  <si>
    <t>АКБ для Xiaomi Redmi Note 7 / Note 7 Pro (BN4A)</t>
  </si>
  <si>
    <t>АКБ для Xiaomi Redmi Note 8 Pro (BM4J)</t>
  </si>
  <si>
    <t>АКБ для Xiaomi Redmi Pro (BM4A) Класс B</t>
  </si>
  <si>
    <t>АКБ ZTE Blade A210 / Q Lux 3G 2200mAh (Li3822T43P3h675053)</t>
  </si>
  <si>
    <t>АКБ для ZTE  Blade A3 2019 / Blade L8 Li3820T43P4h695945</t>
  </si>
  <si>
    <t>АКБ для ZTE Axon 30 5G (Li3941T44PGh836548) Оригинал снятый</t>
  </si>
  <si>
    <t>АКБ для ZTE Blade A520 Li3824T44P4h716043</t>
  </si>
  <si>
    <t>АКБ для ZTE Blade A530/A606/BA530 (Li3826T43P4h705949)</t>
  </si>
  <si>
    <t>АКБ для ZTE Blade A610 (466380PLV)</t>
  </si>
  <si>
    <t>АКБ для ZTE Blade L110, V815W, МТС Smart Start, Start 3, Билайн Смарт 3 Li3712T42P3H634445</t>
  </si>
  <si>
    <t>АКБ для ZTE Blade L4 / A460 (Li3822T43P3h736044)</t>
  </si>
  <si>
    <t>Аккумулятор (АКБ) ZTE Li3820T43P3h636338 ( Blade L2 )</t>
  </si>
  <si>
    <t>АКБ  для Leagoo M9 Pro (BT-5705) Оригинал снятый</t>
  </si>
  <si>
    <t>АКБ Inoi 2 2018 / Inoi 2 Lite 2018 2200mAh</t>
  </si>
  <si>
    <t>АКБ Inoi 5i 2850mAh</t>
  </si>
  <si>
    <t>АКБ Texet TM-4072 X-basic</t>
  </si>
  <si>
    <t>АКБ Vertex Impress Saturn 2200mAh</t>
  </si>
  <si>
    <t>АКБ Vixion для Doogee X20 2580mAh</t>
  </si>
  <si>
    <t>АКБ Vixion для Doogee X5 / X5 Pro 2400mAh</t>
  </si>
  <si>
    <t>АКБ Vixion для Doogee X6 3000mAh</t>
  </si>
  <si>
    <t>АКБ Vixion для Oppo A1K / Realme C2 (BLP711)</t>
  </si>
  <si>
    <t>АКБ Vixion для Vertex Impress Eagle</t>
  </si>
  <si>
    <t>АКБ Vixion для Vivo Y91/Y91c/Y91i/Y93/Y93 Lite/Y95 (B-F3)</t>
  </si>
  <si>
    <t>АКБ для ARK Benefit M5 2000mAh</t>
  </si>
  <si>
    <t>АКБ для Ark Benefit S502 1800mAh</t>
  </si>
  <si>
    <t>АКБ для Infinix Smart 6 Plus (BL-49FX) Оригинал снятый</t>
  </si>
  <si>
    <t>АКБ для Philips Xenium V387 (AB4400AWMC) 4700mAh</t>
  </si>
  <si>
    <t>АКБ для Realme GT Master Edition (RMX3363) 5G BLP809 Оригинал снятый</t>
  </si>
  <si>
    <t>АКБ для Vivo Y35 (B-W3) Оригинал с разбора</t>
  </si>
  <si>
    <t>Аккумулятор 3*100*105 мм. (3.7V 6000mAh)</t>
  </si>
  <si>
    <t>Аккумулятор 3*100*140 мм. (3.7V 7000mAh)</t>
  </si>
  <si>
    <t>Аккумулятор 3*23*23 мм. (3.7V 300mAh)</t>
  </si>
  <si>
    <t>Аккумулятор 3*29*97 мм. (3,7V 2000mAh)</t>
  </si>
  <si>
    <t>Аккумулятор 3*60*70 мм. (3.7V 2000mAh)</t>
  </si>
  <si>
    <t>Аккумулятор 3*70*140 мм. (3.7V 7000mAh)</t>
  </si>
  <si>
    <t>Аккумулятор 3*70*90 мм. (3.7В, 2500мА)</t>
  </si>
  <si>
    <t>Аккумулятор 4*10*18 мм. (3,7V 160 mAh)</t>
  </si>
  <si>
    <t>Аккумулятор 4*10*20 мм. (3,7V 160 mAh)</t>
  </si>
  <si>
    <t>Аккумулятор 4*10*20 мм. (3,7V 50 mAh)</t>
  </si>
  <si>
    <t>Аккумулятор 4*10*21 мм. (3,7V 160 mAh)</t>
  </si>
  <si>
    <t>Аккумулятор 4*10*30 мм. (3,7V 200 mAh)</t>
  </si>
  <si>
    <t>Аккумулятор 4*12*20 мм. (3,7V 80 mAh)</t>
  </si>
  <si>
    <t>Аккумулятор 4*12*21 мм. (3,7V 120 mAh)</t>
  </si>
  <si>
    <t>Аккумулятор 4*12*25 мм. (3,7V 200 mAh)</t>
  </si>
  <si>
    <t>Аккумулятор 4*12*30 мм. (3,7V 250 mAh)</t>
  </si>
  <si>
    <t>Аккумулятор 4*12*40 мм. (3,7V 350 mAh)</t>
  </si>
  <si>
    <t>Аккумулятор 4*15*17 мм. (3,7V 180 mAh)</t>
  </si>
  <si>
    <t>Аккумулятор 4*20*60 мм. (3,7V 800 mAh)</t>
  </si>
  <si>
    <t>Аккумулятор 4*55*75 мм. (3.7V 2500mAh)</t>
  </si>
  <si>
    <t>Аккумулятор 4*57*49 мм. (3.7V 1500mAh)</t>
  </si>
  <si>
    <t>Аккумулятор 4*8*20 мм. (3,7V 100 mAh)</t>
  </si>
  <si>
    <t>Аккумулятор OnePlus BLP571, 3000mAh</t>
  </si>
  <si>
    <t>Аккумулятор PHILIPS W536 W635 W6350 1630mA (уценка 2012 год)</t>
  </si>
  <si>
    <t>Аккумулятор для беспроводных наушников 0.9*0.7*0.3 см (TWS, Airpods и прочие)</t>
  </si>
  <si>
    <t>аккумулятор для Смарт-часов LG G Watch R W110 W150 (BL-S3)</t>
  </si>
  <si>
    <t>Аккумуляторная батарея Для Meizu MX3 VI018 P0.16, 2400 мАч</t>
  </si>
  <si>
    <t>Батарейки</t>
  </si>
  <si>
    <t>Батарейка Energizer Max LR06 (пальчиковые) цена за штуку</t>
  </si>
  <si>
    <t>Батарейка Energizer Maximum + Power Boost AAA LR03, цена за штуку</t>
  </si>
  <si>
    <t>Батарейка Headliner Алкалиновые ААA LR03, цена за штуку</t>
  </si>
  <si>
    <t>Батарейка MegaMag Home Алкалиновые АА LR06, цена за штуку</t>
  </si>
  <si>
    <t>Батарейка солевая Flarx AAA R3, цена за штуку</t>
  </si>
  <si>
    <t>Блоки питания для ноутбуков</t>
  </si>
  <si>
    <t>Б/П для ноутбуков Lenovo IdeaPad  S9/S10 series 20V 2A (5,5x2,5)</t>
  </si>
  <si>
    <t>Блок питания для Acer 19V 3.42A, 65W, 5.5x1.7 ОРИГ</t>
  </si>
  <si>
    <t>Блок питания для Asus 19V, 2.1A, 40W, 2.5х0.7 ОРИГ</t>
  </si>
  <si>
    <t>Блок питания для Asus 19V, 2.37A, 45W, 4.0х1.35 ОРИГ</t>
  </si>
  <si>
    <t>Блок питания для Asus 19V, 4.74A, 90W, 5.5х2.5 ОРИГ</t>
  </si>
  <si>
    <t>Блок питания для Dell 19.5V 3.34A 65W, 4.5х3.0, (0.6)mm ОРИГ</t>
  </si>
  <si>
    <t>Блок питания для Dell 19.5V, 4.62А, 90W, 7.4х5.0 ОРИГ</t>
  </si>
  <si>
    <t>Блок питания для HP 18.5V 3,5A 65W, без иглы 4.8х1.7 ОРИГ</t>
  </si>
  <si>
    <t>Блок питания для HP 18.5V, 3.5A, 65W с иглой, 7.4х5.0 ОРИГ</t>
  </si>
  <si>
    <t>Блок питания для HP 19.5V 4.62A, 90W, 7.4х5.0 ОРИГ</t>
  </si>
  <si>
    <t>Блок питания для HP 19.5V, 4.62A, 90W с иглой, 4.5x3.0 ОРИГ</t>
  </si>
  <si>
    <t>Блок питания для Lenovo 20V 3.25A, 65W, 4.0*1.7 Настенный</t>
  </si>
  <si>
    <t>Блок питания для Lenovo 20V 3.25A, 65W, 5.5x2.5 ОРИГ</t>
  </si>
  <si>
    <t>Блок питания для Lenovo 20V 4.5A, 90W, 5.5x2.5 ОРИГ</t>
  </si>
  <si>
    <t>Блок питания для Sony 19.5V 4.7A, 90W с иглой, 6.5х4.4 ОРИГ</t>
  </si>
  <si>
    <t>Блок питания для ноутбука Asus / Toshiba 19V 4,74A / 5,5*2,5mm</t>
  </si>
  <si>
    <t>Блок питания для ноутбука Asus/ Toshiba 19V 3,42А разъем 5,5х2,5</t>
  </si>
  <si>
    <t>Блок питания для ноутбука Lenovo 20V 2.25A 4.0*1.7mm</t>
  </si>
  <si>
    <t>Блок питания для ноутбука Lenovo 20V 3.25A прямоугольный разъем  USB PIN</t>
  </si>
  <si>
    <t>Блок питания для ноутбука Samsung 19V 3.16A  5.5*3.0mm</t>
  </si>
  <si>
    <t>Блок питания для ноутбука Samsung 19V 4.74A  5.5*3.0mm</t>
  </si>
  <si>
    <t>Блок питания для ноутбука Samsung Ultrabook (19V 2.1A) (3.0*1.0)  для 530U3B</t>
  </si>
  <si>
    <t>Сетевой адаптер MagSafe 2 60W (MD565Z/A) для Apple MacBook Pro 13 Retina COPY</t>
  </si>
  <si>
    <t>Сетевой адаптер MagSafe 2 60W (MD565Z/A) для Apple MacBook Pro 13 Retina ORIG</t>
  </si>
  <si>
    <t>Сетевой адаптер MagSafe 2 85W (MD506Z/A) для Apple MacBook Pro 15 Retina COPY</t>
  </si>
  <si>
    <t>Сетевой адаптер MagSafe 2 85W (MD506Z/A) для Apple MacBook Pro 15 Retina ORIG</t>
  </si>
  <si>
    <t>Сетевой адаптер MagSafe 45W (MC747Z/A) для MacBook Air 11"/13" COPY</t>
  </si>
  <si>
    <t>Сетевой адаптер MagSafe 45W (MC747Z/A) для MacBook Air 11"/13" ORIG</t>
  </si>
  <si>
    <t>Сетевой адаптер MagSafe 85W (MC556Z/B) для Apple MacBook Pro 15"/17" COPY</t>
  </si>
  <si>
    <t>Сетевой адаптер MagSafe 85W (MC556Z/B) для Apple MacBook Pro 15"/17" ORIG</t>
  </si>
  <si>
    <t>Внешние аккумуляторы</t>
  </si>
  <si>
    <t>Беспроводное зарядное устройство Borofone BQ18 Magnetic</t>
  </si>
  <si>
    <t>Внешний аккумулятор Borofone BJ14B 30 000 mAh</t>
  </si>
  <si>
    <t>Внешний аккумулятор Borofone BJ19 10 000 mAh</t>
  </si>
  <si>
    <t>Внешний аккумулятор DEMACO B1 10000mAh</t>
  </si>
  <si>
    <t>Внешний аккумулятор DEMACO B13 20000mAh с беспроводной зарядкой</t>
  </si>
  <si>
    <t>Внешний аккумулятор Demaco DKK-007 20000mA</t>
  </si>
  <si>
    <t>Внешний аккумулятор Demaco DMK-A10 30000mA (Солнечный элемент питания)</t>
  </si>
  <si>
    <t>Внешний аккумулятор Dictator A1 10000mAh</t>
  </si>
  <si>
    <t>Внешний аккумулятор Dictator A2 10000mAh</t>
  </si>
  <si>
    <t>Внешний аккумулятор Hoco J101B 30 000 mAh (22,5W, Led, 2USB, Type-C)</t>
  </si>
  <si>
    <t>Внешний аккумулятор HOCO J102A 20000mAh (20W, Led, QC 3.0)</t>
  </si>
  <si>
    <t>Внешний аккумулятор HOCO J115 5000mAh</t>
  </si>
  <si>
    <t>Внешний аккумулятор MagSafe Battery Pack 1460mAh (Беспроводная зарядка Qi)</t>
  </si>
  <si>
    <t>Внешний аккумулятор Remax RPP-287 10000 mAh 20W</t>
  </si>
  <si>
    <t>Внешний аккумулятор Urpin P21 10000mA (LED-светильник)</t>
  </si>
  <si>
    <t>Сетевые зарядные устройства</t>
  </si>
  <si>
    <t>Сетевой Адаптер USB (в коробке)</t>
  </si>
  <si>
    <t>СЗУ "Лягушка" с дисплеем с USB выходом</t>
  </si>
  <si>
    <t>СЗУ 20W USB-C Power Adapter A2347 MHJE3ZM/A + кабель USB-C - Ligtning</t>
  </si>
  <si>
    <t>СЗУ 20W USB-C для iPhone MHJ83ZM/A</t>
  </si>
  <si>
    <t>СЗУ 2USB Lider EP-TA300 9.0V-1.67А / 5.0V-2.0A черное</t>
  </si>
  <si>
    <t>СЗУ 35W USB-C Power Adapter A2347 MHJE3ZM/A + кабель USB-C - USB-C</t>
  </si>
  <si>
    <t>СЗУ 4USB HT-CD03 5V-3.1A</t>
  </si>
  <si>
    <t>СЗУ FaizFull FC86 USB-C 20W</t>
  </si>
  <si>
    <t>СЗУ Hoco C9288 microUSB</t>
  </si>
  <si>
    <t>СЗУ HOCO CS14A USB + USB-C</t>
  </si>
  <si>
    <t>СЗУ Nokia 6101</t>
  </si>
  <si>
    <t>СЗУ Nokia 6500, 8600, 6700</t>
  </si>
  <si>
    <t>СЗУ RC-50 18W USB-C для iPhone</t>
  </si>
  <si>
    <t>СЗУ SAMSUNG 800EWE 12.0V-1.6A / 9.0V-2.0А / 5.0V-2.0A белое</t>
  </si>
  <si>
    <t>СЗУ SAMSUNG EP-TA20EWE 9.0V-1.67А/ 5.0V-2.0A белое + кабель microUSB</t>
  </si>
  <si>
    <t>СЗУ Samsung M600/D880/G600</t>
  </si>
  <si>
    <t>СЗУ Travel Charger Smart Mini IPhone 8-pin</t>
  </si>
  <si>
    <t>СЗУ Type-C 35W 2 порта USB-C A2246/MHJE3ZM/A</t>
  </si>
  <si>
    <t>СЗУ UNION EP-TA600 9.0V-1.67А/ 5.0V-2.0A белое</t>
  </si>
  <si>
    <t>СЗУ USB + USB-C 20W FaizFull FC112 + кабель 8-pin</t>
  </si>
  <si>
    <t>СЗУ USB + USB-C BOROFONE BA69A</t>
  </si>
  <si>
    <t>СЗУ USB Afkas-Nova AC-52 5V-3A / 9V-2A / 12V-1.6A + кабель 8-pin</t>
  </si>
  <si>
    <t>СЗУ USB BOROFONE BA20A + Кабель iphone 8-pin</t>
  </si>
  <si>
    <t>СЗУ USB BOROFONE BA20A + Кабель Type-C</t>
  </si>
  <si>
    <t>СЗУ USB BOROFONE BA20A 2.1A + кабель microUSB</t>
  </si>
  <si>
    <t>СЗУ USB BOROFONE BA21A 3A + Type C</t>
  </si>
  <si>
    <t>СЗУ USB Borofone BA38A Plus PD 20W</t>
  </si>
  <si>
    <t>СЗУ USB Borofone BA48A 2.1A + кабель microUSB</t>
  </si>
  <si>
    <t>СЗУ USB Denmen DC03L 2.4A + кабель 8-pin Lightning (белый)</t>
  </si>
  <si>
    <t>СЗУ USB Ecusin EC-10 5V-2.1A + кабель micro USB</t>
  </si>
  <si>
    <t>СЗУ USB Hoco C106A 10.5W</t>
  </si>
  <si>
    <t>СЗУ USB Hoco C106A 10.5W + кабель Type C</t>
  </si>
  <si>
    <t>СЗУ USB Hoco C109A 18W QC3.0</t>
  </si>
  <si>
    <t>СЗУ USB Hoco C109A 18W QC3.0 + кабель Micro (белый)</t>
  </si>
  <si>
    <t>СЗУ USB Hoco C109A 18W QC3.0 + кабель Type-C (белый)</t>
  </si>
  <si>
    <t>СЗУ USB Hoco C12Q 18W QC3.0</t>
  </si>
  <si>
    <t>СЗУ USB Hoco C72Q 18W + кабель Type-C</t>
  </si>
  <si>
    <t>СЗУ USB Hoco C98A 18W QC3.0</t>
  </si>
  <si>
    <t>СЗУ USB Hoco CS11A 2.1A</t>
  </si>
  <si>
    <t>СЗУ USB Mi UN-4 (12.0V-1.5A / 9.0V-2A / 5.0V-3.5A) белое</t>
  </si>
  <si>
    <t>СЗУ USB Type C HOCO C76A Plus 20W + кабель 8-pin, 1м (белый)</t>
  </si>
  <si>
    <t>СЗУ USB Union UH21 5V-3.5A / 9V-2A / 12V-1.5A</t>
  </si>
  <si>
    <t>СЗУ USB Xiaomi 120W</t>
  </si>
  <si>
    <t>СЗУ USB Xiaomi 67W</t>
  </si>
  <si>
    <t>СЗУ USB-C 20W FaizFull FC122 + кабель 8-pin</t>
  </si>
  <si>
    <t>СЗУ USB-C Hoco C94A PD20W</t>
  </si>
  <si>
    <t>СЗУ USB-USB C BOROFONE BA78A 20W</t>
  </si>
  <si>
    <t>СЗУ USB+TypeC BOROFONE BA69A + Кабель iphone 8-pin</t>
  </si>
  <si>
    <t>СЗУ USB+USB-C 2.4A Hoco C80A Plus 20W+ кабель</t>
  </si>
  <si>
    <t>СЗУ для плоттера HOCO 2.75A 66W</t>
  </si>
  <si>
    <t>СЗУ на 2 USB Hoco C12 (2,4A)</t>
  </si>
  <si>
    <t>СЗУ+АЗУ Charger set 3in1 microUSB</t>
  </si>
  <si>
    <t>Универсальные блоки питания</t>
  </si>
  <si>
    <t>Блок питания A-355 12V 4A (5.5*2.5)</t>
  </si>
  <si>
    <t>Блок питания A-388 12V 8A (5.5*2.5)</t>
  </si>
  <si>
    <t>Блок питания Afkas-nova A-222 42V/2A для электросамоката и гироскутера с 3 отверстиями 9mm</t>
  </si>
  <si>
    <t>Блок питания Afkas-nova A-226 24V/2A для электросамоката и гироскутера с 3 отверстиями 12mm</t>
  </si>
  <si>
    <t>Блок питания Afkas-nova A-229 42V/2A для электросамоката и гироскутера 5.5x2.5m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00000"/>
  </numFmts>
  <fonts count="11" x14ac:knownFonts="1">
    <font>
      <sz val="8"/>
      <name val="Arial"/>
    </font>
    <font>
      <b/>
      <sz val="16"/>
      <color rgb="FFFF0000"/>
      <name val="Calibri"/>
    </font>
    <font>
      <i/>
      <sz val="12"/>
      <color rgb="FF3366FF"/>
      <name val="Arial"/>
      <family val="2"/>
    </font>
    <font>
      <i/>
      <sz val="12"/>
      <color rgb="FFFF0000"/>
      <name val="Arial"/>
      <family val="2"/>
    </font>
    <font>
      <sz val="11"/>
      <color rgb="FF000000"/>
      <name val="Calibri"/>
    </font>
    <font>
      <u/>
      <sz val="11"/>
      <color rgb="FF3366FF"/>
      <name val="Calibri"/>
    </font>
    <font>
      <sz val="11"/>
      <color rgb="FF3366FF"/>
      <name val="Calibri"/>
    </font>
    <font>
      <sz val="11"/>
      <name val="Arial"/>
      <family val="2"/>
    </font>
    <font>
      <b/>
      <sz val="11"/>
      <name val="Arial"/>
      <family val="2"/>
    </font>
    <font>
      <b/>
      <sz val="16"/>
      <name val="Arial"/>
      <family val="2"/>
    </font>
    <font>
      <b/>
      <sz val="9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rgb="FFEAEEE0"/>
      </patternFill>
    </fill>
    <fill>
      <patternFill patternType="solid">
        <fgColor rgb="FFFCFF67"/>
      </patternFill>
    </fill>
    <fill>
      <patternFill patternType="solid">
        <fgColor rgb="FF99CC00"/>
      </patternFill>
    </fill>
  </fills>
  <borders count="8"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</borders>
  <cellStyleXfs count="1">
    <xf numFmtId="0" fontId="0" fillId="0" borderId="0"/>
  </cellStyleXfs>
  <cellXfs count="22">
    <xf numFmtId="0" fontId="0" fillId="0" borderId="0" xfId="0"/>
    <xf numFmtId="0" fontId="0" fillId="0" borderId="0" xfId="0" applyAlignment="1">
      <alignment horizontal="left"/>
    </xf>
    <xf numFmtId="0" fontId="1" fillId="0" borderId="1" xfId="0" applyFont="1" applyBorder="1" applyAlignment="1">
      <alignment horizontal="left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left"/>
    </xf>
    <xf numFmtId="0" fontId="2" fillId="0" borderId="0" xfId="0" applyFont="1" applyAlignment="1">
      <alignment horizontal="left"/>
    </xf>
    <xf numFmtId="0" fontId="3" fillId="0" borderId="0" xfId="0" applyFont="1" applyAlignment="1">
      <alignment horizontal="left"/>
    </xf>
    <xf numFmtId="0" fontId="5" fillId="0" borderId="5" xfId="0" applyFont="1" applyBorder="1" applyAlignment="1">
      <alignment horizontal="left"/>
    </xf>
    <xf numFmtId="0" fontId="6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0" fontId="4" fillId="0" borderId="4" xfId="0" applyFont="1" applyBorder="1" applyAlignment="1">
      <alignment horizontal="left"/>
    </xf>
    <xf numFmtId="0" fontId="4" fillId="0" borderId="0" xfId="0" applyFont="1" applyAlignment="1">
      <alignment horizontal="left"/>
    </xf>
    <xf numFmtId="0" fontId="8" fillId="2" borderId="6" xfId="0" applyFont="1" applyFill="1" applyBorder="1" applyAlignment="1">
      <alignment horizontal="center" vertical="center"/>
    </xf>
    <xf numFmtId="0" fontId="8" fillId="2" borderId="6" xfId="0" applyFont="1" applyFill="1" applyBorder="1" applyAlignment="1">
      <alignment horizontal="left" vertical="center"/>
    </xf>
    <xf numFmtId="0" fontId="8" fillId="2" borderId="7" xfId="0" applyFont="1" applyFill="1" applyBorder="1" applyAlignment="1">
      <alignment horizontal="left" vertical="center"/>
    </xf>
    <xf numFmtId="0" fontId="9" fillId="3" borderId="6" xfId="0" applyFont="1" applyFill="1" applyBorder="1" applyAlignment="1">
      <alignment horizontal="left" wrapText="1"/>
    </xf>
    <xf numFmtId="0" fontId="10" fillId="4" borderId="6" xfId="0" applyFont="1" applyFill="1" applyBorder="1" applyAlignment="1">
      <alignment horizontal="left" wrapText="1"/>
    </xf>
    <xf numFmtId="164" fontId="7" fillId="0" borderId="6" xfId="0" applyNumberFormat="1" applyFont="1" applyBorder="1" applyAlignment="1">
      <alignment horizontal="left"/>
    </xf>
    <xf numFmtId="0" fontId="7" fillId="0" borderId="6" xfId="0" applyFont="1" applyBorder="1" applyAlignment="1">
      <alignment horizontal="left" wrapText="1"/>
    </xf>
    <xf numFmtId="1" fontId="7" fillId="0" borderId="6" xfId="0" applyNumberFormat="1" applyFont="1" applyBorder="1" applyAlignment="1">
      <alignment horizontal="right"/>
    </xf>
    <xf numFmtId="3" fontId="7" fillId="0" borderId="6" xfId="0" applyNumberFormat="1" applyFont="1" applyBorder="1" applyAlignment="1">
      <alignment horizontal="right"/>
    </xf>
    <xf numFmtId="0" fontId="7" fillId="0" borderId="6" xfId="0" applyFont="1" applyBorder="1" applyAlignment="1">
      <alignment horizontal="right"/>
    </xf>
  </cellXfs>
  <cellStyles count="1">
    <cellStyle name="Обычный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outlinePr summaryBelow="0" summaryRight="0"/>
    <pageSetUpPr autoPageBreaks="0"/>
  </sheetPr>
  <dimension ref="A1:AA16123"/>
  <sheetViews>
    <sheetView tabSelected="1" workbookViewId="0">
      <pane ySplit="9" topLeftCell="A10" activePane="bottomLeft" state="frozenSplit"/>
      <selection pane="bottomLeft"/>
    </sheetView>
  </sheetViews>
  <sheetFormatPr defaultColWidth="10.5" defaultRowHeight="11.45" customHeight="1" outlineLevelRow="4" x14ac:dyDescent="0.2"/>
  <cols>
    <col min="1" max="1" width="4.6640625" style="1" customWidth="1"/>
    <col min="2" max="2" width="3.1640625" style="1" customWidth="1"/>
    <col min="3" max="3" width="2.6640625" style="1" customWidth="1"/>
    <col min="4" max="10" width="4.6640625" style="1" customWidth="1"/>
    <col min="11" max="11" width="4.1640625" style="1" customWidth="1"/>
    <col min="12" max="13" width="4.6640625" style="1" customWidth="1"/>
    <col min="14" max="14" width="10.5" style="1" customWidth="1"/>
    <col min="15" max="15" width="7.5" style="1" customWidth="1"/>
    <col min="16" max="16" width="5.6640625" style="1" customWidth="1"/>
    <col min="17" max="27" width="4.6640625" style="1" customWidth="1"/>
  </cols>
  <sheetData>
    <row r="1" spans="1:27" s="1" customFormat="1" ht="21.95" customHeight="1" x14ac:dyDescent="0.35">
      <c r="A1" s="2" t="s">
        <v>0</v>
      </c>
      <c r="B1" s="3"/>
      <c r="C1" s="3"/>
      <c r="D1" s="3"/>
      <c r="E1" s="4"/>
    </row>
    <row r="2" spans="1:27" s="1" customFormat="1" ht="15.95" customHeight="1" x14ac:dyDescent="0.2">
      <c r="A2" s="5" t="s">
        <v>1</v>
      </c>
      <c r="O2" s="6" t="s">
        <v>2</v>
      </c>
    </row>
    <row r="3" spans="1:27" s="1" customFormat="1" ht="15" customHeight="1" x14ac:dyDescent="0.25">
      <c r="A3" s="10" t="s">
        <v>3</v>
      </c>
      <c r="B3" s="10"/>
      <c r="C3" s="7" t="s">
        <v>4</v>
      </c>
    </row>
    <row r="4" spans="1:27" s="1" customFormat="1" ht="15" customHeight="1" x14ac:dyDescent="0.25">
      <c r="A4" s="11" t="s">
        <v>5</v>
      </c>
      <c r="B4" s="11"/>
      <c r="C4" s="8" t="s">
        <v>6</v>
      </c>
    </row>
    <row r="5" spans="1:27" s="1" customFormat="1" ht="11.1" customHeight="1" x14ac:dyDescent="0.2"/>
    <row r="6" spans="1:27" s="1" customFormat="1" ht="15" customHeight="1" x14ac:dyDescent="0.2">
      <c r="A6" s="9" t="s">
        <v>7</v>
      </c>
    </row>
    <row r="7" spans="1:27" s="1" customFormat="1" ht="11.1" customHeight="1" x14ac:dyDescent="0.2"/>
    <row r="8" spans="1:27" s="1" customFormat="1" ht="11.1" customHeight="1" x14ac:dyDescent="0.2">
      <c r="A8" s="12" t="s">
        <v>8</v>
      </c>
      <c r="B8" s="12"/>
      <c r="C8" s="12"/>
      <c r="D8" s="13" t="s">
        <v>9</v>
      </c>
      <c r="E8" s="13"/>
      <c r="F8" s="13"/>
      <c r="G8" s="13"/>
      <c r="H8" s="13"/>
      <c r="I8" s="13"/>
      <c r="J8" s="13"/>
      <c r="K8" s="13"/>
      <c r="L8" s="13"/>
      <c r="M8" s="13"/>
      <c r="N8" s="13"/>
      <c r="O8" s="13"/>
      <c r="P8" s="13" t="s">
        <v>10</v>
      </c>
      <c r="Q8" s="13"/>
      <c r="R8" s="13"/>
      <c r="S8" s="13"/>
      <c r="T8" s="13" t="s">
        <v>11</v>
      </c>
      <c r="U8" s="13"/>
      <c r="V8" s="13"/>
      <c r="W8" s="13"/>
      <c r="X8" s="14" t="s">
        <v>12</v>
      </c>
      <c r="Y8" s="14"/>
      <c r="Z8" s="14"/>
      <c r="AA8" s="14"/>
    </row>
    <row r="9" spans="1:27" s="1" customFormat="1" ht="11.1" customHeight="1" x14ac:dyDescent="0.2">
      <c r="A9" s="12"/>
      <c r="B9" s="12"/>
      <c r="C9" s="12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  <c r="O9" s="13"/>
      <c r="P9" s="13"/>
      <c r="Q9" s="13"/>
      <c r="R9" s="13"/>
      <c r="S9" s="13"/>
      <c r="T9" s="13"/>
      <c r="U9" s="13"/>
      <c r="V9" s="13"/>
      <c r="W9" s="13"/>
      <c r="X9" s="14"/>
      <c r="Y9" s="14"/>
      <c r="Z9" s="14"/>
      <c r="AA9" s="14"/>
    </row>
    <row r="10" spans="1:27" s="1" customFormat="1" ht="11.1" customHeight="1" x14ac:dyDescent="0.2">
      <c r="A10" s="15" t="s">
        <v>13</v>
      </c>
      <c r="B10" s="15"/>
      <c r="C10" s="15"/>
      <c r="D10" s="15"/>
      <c r="E10" s="15"/>
      <c r="F10" s="15"/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</row>
    <row r="11" spans="1:27" s="1" customFormat="1" ht="11.1" customHeight="1" x14ac:dyDescent="0.2">
      <c r="A11" s="15"/>
      <c r="B11" s="15"/>
      <c r="C11" s="15"/>
      <c r="D11" s="15"/>
      <c r="E11" s="15"/>
      <c r="F11" s="15"/>
      <c r="G11" s="15"/>
      <c r="H11" s="15"/>
      <c r="I11" s="15"/>
      <c r="J11" s="15"/>
      <c r="K11" s="15"/>
      <c r="L11" s="15"/>
      <c r="M11" s="15"/>
      <c r="N11" s="15"/>
      <c r="O11" s="15"/>
      <c r="P11" s="15"/>
      <c r="Q11" s="15"/>
      <c r="R11" s="15"/>
      <c r="S11" s="15"/>
      <c r="T11" s="15"/>
      <c r="U11" s="15"/>
      <c r="V11" s="15"/>
      <c r="W11" s="15"/>
      <c r="X11" s="15"/>
      <c r="Y11" s="15"/>
      <c r="Z11" s="15"/>
      <c r="AA11" s="15"/>
    </row>
    <row r="12" spans="1:27" s="1" customFormat="1" ht="11.1" customHeight="1" outlineLevel="1" x14ac:dyDescent="0.2">
      <c r="A12" s="16" t="s">
        <v>14</v>
      </c>
      <c r="B12" s="16"/>
      <c r="C12" s="16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/>
      <c r="S12" s="16"/>
      <c r="T12" s="16"/>
      <c r="U12" s="16"/>
      <c r="V12" s="16"/>
      <c r="W12" s="16"/>
      <c r="X12" s="16"/>
      <c r="Y12" s="16"/>
      <c r="Z12" s="16"/>
      <c r="AA12" s="16"/>
    </row>
    <row r="13" spans="1:27" s="1" customFormat="1" ht="11.1" customHeight="1" outlineLevel="1" x14ac:dyDescent="0.2">
      <c r="A13" s="16"/>
      <c r="B13" s="16"/>
      <c r="C13" s="16"/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6"/>
      <c r="U13" s="16"/>
      <c r="V13" s="16"/>
      <c r="W13" s="16"/>
      <c r="X13" s="16"/>
      <c r="Y13" s="16"/>
      <c r="Z13" s="16"/>
      <c r="AA13" s="16"/>
    </row>
    <row r="14" spans="1:27" s="1" customFormat="1" ht="14.1" customHeight="1" outlineLevel="2" x14ac:dyDescent="0.2">
      <c r="A14" s="17">
        <v>15667</v>
      </c>
      <c r="B14" s="17"/>
      <c r="C14" s="17"/>
      <c r="D14" s="18" t="s">
        <v>15</v>
      </c>
      <c r="E14" s="18"/>
      <c r="F14" s="18"/>
      <c r="G14" s="18"/>
      <c r="H14" s="18"/>
      <c r="I14" s="18"/>
      <c r="J14" s="18"/>
      <c r="K14" s="18"/>
      <c r="L14" s="18"/>
      <c r="M14" s="18"/>
      <c r="N14" s="18"/>
      <c r="O14" s="18"/>
      <c r="P14" s="19">
        <v>670</v>
      </c>
      <c r="Q14" s="19"/>
      <c r="R14" s="19"/>
      <c r="S14" s="19"/>
      <c r="T14" s="19">
        <v>550</v>
      </c>
      <c r="U14" s="19"/>
      <c r="V14" s="19"/>
      <c r="W14" s="19"/>
      <c r="X14" s="19">
        <v>38</v>
      </c>
      <c r="Y14" s="19"/>
      <c r="Z14" s="19"/>
      <c r="AA14" s="19"/>
    </row>
    <row r="15" spans="1:27" s="1" customFormat="1" ht="14.1" customHeight="1" outlineLevel="2" x14ac:dyDescent="0.2">
      <c r="A15" s="17"/>
      <c r="B15" s="17"/>
      <c r="C15" s="17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18"/>
      <c r="O15" s="18"/>
      <c r="P15" s="19"/>
      <c r="Q15" s="19"/>
      <c r="R15" s="19"/>
      <c r="S15" s="19"/>
      <c r="T15" s="19"/>
      <c r="U15" s="19"/>
      <c r="V15" s="19"/>
      <c r="W15" s="19"/>
      <c r="X15" s="19"/>
      <c r="Y15" s="19"/>
      <c r="Z15" s="19"/>
      <c r="AA15" s="19"/>
    </row>
    <row r="16" spans="1:27" s="1" customFormat="1" ht="11.1" customHeight="1" outlineLevel="1" x14ac:dyDescent="0.2">
      <c r="A16" s="16" t="s">
        <v>16</v>
      </c>
      <c r="B16" s="16"/>
      <c r="C16" s="16"/>
      <c r="D16" s="16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16"/>
      <c r="U16" s="16"/>
      <c r="V16" s="16"/>
      <c r="W16" s="16"/>
      <c r="X16" s="16"/>
      <c r="Y16" s="16"/>
      <c r="Z16" s="16"/>
      <c r="AA16" s="16"/>
    </row>
    <row r="17" spans="1:27" s="1" customFormat="1" ht="11.1" customHeight="1" outlineLevel="1" x14ac:dyDescent="0.2">
      <c r="A17" s="16"/>
      <c r="B17" s="16"/>
      <c r="C17" s="16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  <c r="Y17" s="16"/>
      <c r="Z17" s="16"/>
      <c r="AA17" s="16"/>
    </row>
    <row r="18" spans="1:27" s="1" customFormat="1" ht="11.1" customHeight="1" outlineLevel="2" x14ac:dyDescent="0.2">
      <c r="A18" s="17">
        <v>17696</v>
      </c>
      <c r="B18" s="17"/>
      <c r="C18" s="17"/>
      <c r="D18" s="18" t="s">
        <v>17</v>
      </c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9">
        <v>500</v>
      </c>
      <c r="Q18" s="19"/>
      <c r="R18" s="19"/>
      <c r="S18" s="19"/>
      <c r="T18" s="19">
        <v>400</v>
      </c>
      <c r="U18" s="19"/>
      <c r="V18" s="19"/>
      <c r="W18" s="19"/>
      <c r="X18" s="19">
        <v>1</v>
      </c>
      <c r="Y18" s="19"/>
      <c r="Z18" s="19"/>
      <c r="AA18" s="19"/>
    </row>
    <row r="19" spans="1:27" s="1" customFormat="1" ht="11.1" customHeight="1" outlineLevel="2" x14ac:dyDescent="0.2">
      <c r="A19" s="17"/>
      <c r="B19" s="17"/>
      <c r="C19" s="17"/>
      <c r="D19" s="18"/>
      <c r="E19" s="18"/>
      <c r="F19" s="18"/>
      <c r="G19" s="18"/>
      <c r="H19" s="18"/>
      <c r="I19" s="18"/>
      <c r="J19" s="18"/>
      <c r="K19" s="18"/>
      <c r="L19" s="18"/>
      <c r="M19" s="18"/>
      <c r="N19" s="18"/>
      <c r="O19" s="18"/>
      <c r="P19" s="19"/>
      <c r="Q19" s="19"/>
      <c r="R19" s="19"/>
      <c r="S19" s="19"/>
      <c r="T19" s="19"/>
      <c r="U19" s="19"/>
      <c r="V19" s="19"/>
      <c r="W19" s="19"/>
      <c r="X19" s="19"/>
      <c r="Y19" s="19"/>
      <c r="Z19" s="19"/>
      <c r="AA19" s="19"/>
    </row>
    <row r="20" spans="1:27" s="1" customFormat="1" ht="11.1" customHeight="1" outlineLevel="2" x14ac:dyDescent="0.2">
      <c r="A20" s="17">
        <v>13827</v>
      </c>
      <c r="B20" s="17"/>
      <c r="C20" s="17"/>
      <c r="D20" s="18" t="s">
        <v>18</v>
      </c>
      <c r="E20" s="18"/>
      <c r="F20" s="18"/>
      <c r="G20" s="18"/>
      <c r="H20" s="18"/>
      <c r="I20" s="18"/>
      <c r="J20" s="18"/>
      <c r="K20" s="18"/>
      <c r="L20" s="18"/>
      <c r="M20" s="18"/>
      <c r="N20" s="18"/>
      <c r="O20" s="18"/>
      <c r="P20" s="19">
        <v>350</v>
      </c>
      <c r="Q20" s="19"/>
      <c r="R20" s="19"/>
      <c r="S20" s="19"/>
      <c r="T20" s="19">
        <v>290</v>
      </c>
      <c r="U20" s="19"/>
      <c r="V20" s="19"/>
      <c r="W20" s="19"/>
      <c r="X20" s="19">
        <v>5</v>
      </c>
      <c r="Y20" s="19"/>
      <c r="Z20" s="19"/>
      <c r="AA20" s="19"/>
    </row>
    <row r="21" spans="1:27" s="1" customFormat="1" ht="11.1" customHeight="1" outlineLevel="2" x14ac:dyDescent="0.2">
      <c r="A21" s="17"/>
      <c r="B21" s="17"/>
      <c r="C21" s="17"/>
      <c r="D21" s="18"/>
      <c r="E21" s="18"/>
      <c r="F21" s="18"/>
      <c r="G21" s="18"/>
      <c r="H21" s="18"/>
      <c r="I21" s="18"/>
      <c r="J21" s="18"/>
      <c r="K21" s="18"/>
      <c r="L21" s="18"/>
      <c r="M21" s="18"/>
      <c r="N21" s="18"/>
      <c r="O21" s="18"/>
      <c r="P21" s="19"/>
      <c r="Q21" s="19"/>
      <c r="R21" s="19"/>
      <c r="S21" s="19"/>
      <c r="T21" s="19"/>
      <c r="U21" s="19"/>
      <c r="V21" s="19"/>
      <c r="W21" s="19"/>
      <c r="X21" s="19"/>
      <c r="Y21" s="19"/>
      <c r="Z21" s="19"/>
      <c r="AA21" s="19"/>
    </row>
    <row r="22" spans="1:27" s="1" customFormat="1" ht="11.1" customHeight="1" outlineLevel="2" x14ac:dyDescent="0.2">
      <c r="A22" s="17">
        <v>9611</v>
      </c>
      <c r="B22" s="17"/>
      <c r="C22" s="17"/>
      <c r="D22" s="18" t="s">
        <v>19</v>
      </c>
      <c r="E22" s="18"/>
      <c r="F22" s="18"/>
      <c r="G22" s="18"/>
      <c r="H22" s="18"/>
      <c r="I22" s="18"/>
      <c r="J22" s="18"/>
      <c r="K22" s="18"/>
      <c r="L22" s="18"/>
      <c r="M22" s="18"/>
      <c r="N22" s="18"/>
      <c r="O22" s="18"/>
      <c r="P22" s="19">
        <v>500</v>
      </c>
      <c r="Q22" s="19"/>
      <c r="R22" s="19"/>
      <c r="S22" s="19"/>
      <c r="T22" s="19">
        <v>442</v>
      </c>
      <c r="U22" s="19"/>
      <c r="V22" s="19"/>
      <c r="W22" s="19"/>
      <c r="X22" s="19">
        <v>5</v>
      </c>
      <c r="Y22" s="19"/>
      <c r="Z22" s="19"/>
      <c r="AA22" s="19"/>
    </row>
    <row r="23" spans="1:27" s="1" customFormat="1" ht="11.1" customHeight="1" outlineLevel="2" x14ac:dyDescent="0.2">
      <c r="A23" s="17"/>
      <c r="B23" s="17"/>
      <c r="C23" s="17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8"/>
      <c r="P23" s="19"/>
      <c r="Q23" s="19"/>
      <c r="R23" s="19"/>
      <c r="S23" s="19"/>
      <c r="T23" s="19"/>
      <c r="U23" s="19"/>
      <c r="V23" s="19"/>
      <c r="W23" s="19"/>
      <c r="X23" s="19"/>
      <c r="Y23" s="19"/>
      <c r="Z23" s="19"/>
      <c r="AA23" s="19"/>
    </row>
    <row r="24" spans="1:27" s="1" customFormat="1" ht="11.1" customHeight="1" outlineLevel="2" x14ac:dyDescent="0.2">
      <c r="A24" s="17">
        <v>13828</v>
      </c>
      <c r="B24" s="17"/>
      <c r="C24" s="17"/>
      <c r="D24" s="18" t="s">
        <v>20</v>
      </c>
      <c r="E24" s="18"/>
      <c r="F24" s="18"/>
      <c r="G24" s="18"/>
      <c r="H24" s="18"/>
      <c r="I24" s="18"/>
      <c r="J24" s="18"/>
      <c r="K24" s="18"/>
      <c r="L24" s="18"/>
      <c r="M24" s="18"/>
      <c r="N24" s="18"/>
      <c r="O24" s="18"/>
      <c r="P24" s="19">
        <v>400</v>
      </c>
      <c r="Q24" s="19"/>
      <c r="R24" s="19"/>
      <c r="S24" s="19"/>
      <c r="T24" s="19">
        <v>320</v>
      </c>
      <c r="U24" s="19"/>
      <c r="V24" s="19"/>
      <c r="W24" s="19"/>
      <c r="X24" s="19">
        <v>4</v>
      </c>
      <c r="Y24" s="19"/>
      <c r="Z24" s="19"/>
      <c r="AA24" s="19"/>
    </row>
    <row r="25" spans="1:27" s="1" customFormat="1" ht="11.1" customHeight="1" outlineLevel="2" x14ac:dyDescent="0.2">
      <c r="A25" s="17"/>
      <c r="B25" s="17"/>
      <c r="C25" s="17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8"/>
      <c r="P25" s="19"/>
      <c r="Q25" s="19"/>
      <c r="R25" s="19"/>
      <c r="S25" s="19"/>
      <c r="T25" s="19"/>
      <c r="U25" s="19"/>
      <c r="V25" s="19"/>
      <c r="W25" s="19"/>
      <c r="X25" s="19"/>
      <c r="Y25" s="19"/>
      <c r="Z25" s="19"/>
      <c r="AA25" s="19"/>
    </row>
    <row r="26" spans="1:27" s="1" customFormat="1" ht="11.1" customHeight="1" outlineLevel="2" x14ac:dyDescent="0.2">
      <c r="A26" s="17">
        <v>13829</v>
      </c>
      <c r="B26" s="17"/>
      <c r="C26" s="17"/>
      <c r="D26" s="18" t="s">
        <v>21</v>
      </c>
      <c r="E26" s="18"/>
      <c r="F26" s="18"/>
      <c r="G26" s="18"/>
      <c r="H26" s="18"/>
      <c r="I26" s="18"/>
      <c r="J26" s="18"/>
      <c r="K26" s="18"/>
      <c r="L26" s="18"/>
      <c r="M26" s="18"/>
      <c r="N26" s="18"/>
      <c r="O26" s="18"/>
      <c r="P26" s="19">
        <v>400</v>
      </c>
      <c r="Q26" s="19"/>
      <c r="R26" s="19"/>
      <c r="S26" s="19"/>
      <c r="T26" s="19">
        <v>320</v>
      </c>
      <c r="U26" s="19"/>
      <c r="V26" s="19"/>
      <c r="W26" s="19"/>
      <c r="X26" s="19">
        <v>4</v>
      </c>
      <c r="Y26" s="19"/>
      <c r="Z26" s="19"/>
      <c r="AA26" s="19"/>
    </row>
    <row r="27" spans="1:27" s="1" customFormat="1" ht="11.1" customHeight="1" outlineLevel="2" x14ac:dyDescent="0.2">
      <c r="A27" s="17"/>
      <c r="B27" s="17"/>
      <c r="C27" s="17"/>
      <c r="D27" s="18"/>
      <c r="E27" s="18"/>
      <c r="F27" s="18"/>
      <c r="G27" s="18"/>
      <c r="H27" s="18"/>
      <c r="I27" s="18"/>
      <c r="J27" s="18"/>
      <c r="K27" s="18"/>
      <c r="L27" s="18"/>
      <c r="M27" s="18"/>
      <c r="N27" s="18"/>
      <c r="O27" s="18"/>
      <c r="P27" s="19"/>
      <c r="Q27" s="19"/>
      <c r="R27" s="19"/>
      <c r="S27" s="19"/>
      <c r="T27" s="19"/>
      <c r="U27" s="19"/>
      <c r="V27" s="19"/>
      <c r="W27" s="19"/>
      <c r="X27" s="19"/>
      <c r="Y27" s="19"/>
      <c r="Z27" s="19"/>
      <c r="AA27" s="19"/>
    </row>
    <row r="28" spans="1:27" s="1" customFormat="1" ht="11.1" customHeight="1" outlineLevel="2" x14ac:dyDescent="0.2">
      <c r="A28" s="17">
        <v>13830</v>
      </c>
      <c r="B28" s="17"/>
      <c r="C28" s="17"/>
      <c r="D28" s="18" t="s">
        <v>22</v>
      </c>
      <c r="E28" s="18"/>
      <c r="F28" s="18"/>
      <c r="G28" s="18"/>
      <c r="H28" s="18"/>
      <c r="I28" s="18"/>
      <c r="J28" s="18"/>
      <c r="K28" s="18"/>
      <c r="L28" s="18"/>
      <c r="M28" s="18"/>
      <c r="N28" s="18"/>
      <c r="O28" s="18"/>
      <c r="P28" s="19">
        <v>750</v>
      </c>
      <c r="Q28" s="19"/>
      <c r="R28" s="19"/>
      <c r="S28" s="19"/>
      <c r="T28" s="19">
        <v>650</v>
      </c>
      <c r="U28" s="19"/>
      <c r="V28" s="19"/>
      <c r="W28" s="19"/>
      <c r="X28" s="19">
        <v>4</v>
      </c>
      <c r="Y28" s="19"/>
      <c r="Z28" s="19"/>
      <c r="AA28" s="19"/>
    </row>
    <row r="29" spans="1:27" s="1" customFormat="1" ht="11.1" customHeight="1" outlineLevel="2" x14ac:dyDescent="0.2">
      <c r="A29" s="17"/>
      <c r="B29" s="17"/>
      <c r="C29" s="17"/>
      <c r="D29" s="18"/>
      <c r="E29" s="18"/>
      <c r="F29" s="18"/>
      <c r="G29" s="18"/>
      <c r="H29" s="18"/>
      <c r="I29" s="18"/>
      <c r="J29" s="18"/>
      <c r="K29" s="18"/>
      <c r="L29" s="18"/>
      <c r="M29" s="18"/>
      <c r="N29" s="18"/>
      <c r="O29" s="18"/>
      <c r="P29" s="19"/>
      <c r="Q29" s="19"/>
      <c r="R29" s="19"/>
      <c r="S29" s="19"/>
      <c r="T29" s="19"/>
      <c r="U29" s="19"/>
      <c r="V29" s="19"/>
      <c r="W29" s="19"/>
      <c r="X29" s="19"/>
      <c r="Y29" s="19"/>
      <c r="Z29" s="19"/>
      <c r="AA29" s="19"/>
    </row>
    <row r="30" spans="1:27" s="1" customFormat="1" ht="11.1" customHeight="1" outlineLevel="2" x14ac:dyDescent="0.2">
      <c r="A30" s="17">
        <v>17694</v>
      </c>
      <c r="B30" s="17"/>
      <c r="C30" s="17"/>
      <c r="D30" s="18" t="s">
        <v>23</v>
      </c>
      <c r="E30" s="18"/>
      <c r="F30" s="18"/>
      <c r="G30" s="18"/>
      <c r="H30" s="18"/>
      <c r="I30" s="18"/>
      <c r="J30" s="18"/>
      <c r="K30" s="18"/>
      <c r="L30" s="18"/>
      <c r="M30" s="18"/>
      <c r="N30" s="18"/>
      <c r="O30" s="18"/>
      <c r="P30" s="19">
        <v>600</v>
      </c>
      <c r="Q30" s="19"/>
      <c r="R30" s="19"/>
      <c r="S30" s="19"/>
      <c r="T30" s="19">
        <v>500</v>
      </c>
      <c r="U30" s="19"/>
      <c r="V30" s="19"/>
      <c r="W30" s="19"/>
      <c r="X30" s="19">
        <v>1</v>
      </c>
      <c r="Y30" s="19"/>
      <c r="Z30" s="19"/>
      <c r="AA30" s="19"/>
    </row>
    <row r="31" spans="1:27" s="1" customFormat="1" ht="11.1" customHeight="1" outlineLevel="2" x14ac:dyDescent="0.2">
      <c r="A31" s="17"/>
      <c r="B31" s="17"/>
      <c r="C31" s="17"/>
      <c r="D31" s="18"/>
      <c r="E31" s="18"/>
      <c r="F31" s="18"/>
      <c r="G31" s="18"/>
      <c r="H31" s="18"/>
      <c r="I31" s="18"/>
      <c r="J31" s="18"/>
      <c r="K31" s="18"/>
      <c r="L31" s="18"/>
      <c r="M31" s="18"/>
      <c r="N31" s="18"/>
      <c r="O31" s="18"/>
      <c r="P31" s="19"/>
      <c r="Q31" s="19"/>
      <c r="R31" s="19"/>
      <c r="S31" s="19"/>
      <c r="T31" s="19"/>
      <c r="U31" s="19"/>
      <c r="V31" s="19"/>
      <c r="W31" s="19"/>
      <c r="X31" s="19"/>
      <c r="Y31" s="19"/>
      <c r="Z31" s="19"/>
      <c r="AA31" s="19"/>
    </row>
    <row r="32" spans="1:27" s="1" customFormat="1" ht="14.1" customHeight="1" outlineLevel="2" x14ac:dyDescent="0.2">
      <c r="A32" s="17">
        <v>17697</v>
      </c>
      <c r="B32" s="17"/>
      <c r="C32" s="17"/>
      <c r="D32" s="18" t="s">
        <v>24</v>
      </c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8"/>
      <c r="P32" s="19">
        <v>400</v>
      </c>
      <c r="Q32" s="19"/>
      <c r="R32" s="19"/>
      <c r="S32" s="19"/>
      <c r="T32" s="19">
        <v>300</v>
      </c>
      <c r="U32" s="19"/>
      <c r="V32" s="19"/>
      <c r="W32" s="19"/>
      <c r="X32" s="19">
        <v>1</v>
      </c>
      <c r="Y32" s="19"/>
      <c r="Z32" s="19"/>
      <c r="AA32" s="19"/>
    </row>
    <row r="33" spans="1:27" s="1" customFormat="1" ht="14.1" customHeight="1" outlineLevel="2" x14ac:dyDescent="0.2">
      <c r="A33" s="17"/>
      <c r="B33" s="17"/>
      <c r="C33" s="17"/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8"/>
      <c r="P33" s="19"/>
      <c r="Q33" s="19"/>
      <c r="R33" s="19"/>
      <c r="S33" s="19"/>
      <c r="T33" s="19"/>
      <c r="U33" s="19"/>
      <c r="V33" s="19"/>
      <c r="W33" s="19"/>
      <c r="X33" s="19"/>
      <c r="Y33" s="19"/>
      <c r="Z33" s="19"/>
      <c r="AA33" s="19"/>
    </row>
    <row r="34" spans="1:27" s="1" customFormat="1" ht="14.1" customHeight="1" outlineLevel="2" x14ac:dyDescent="0.2">
      <c r="A34" s="17">
        <v>17693</v>
      </c>
      <c r="B34" s="17"/>
      <c r="C34" s="17"/>
      <c r="D34" s="18" t="s">
        <v>25</v>
      </c>
      <c r="E34" s="18"/>
      <c r="F34" s="18"/>
      <c r="G34" s="18"/>
      <c r="H34" s="18"/>
      <c r="I34" s="18"/>
      <c r="J34" s="18"/>
      <c r="K34" s="18"/>
      <c r="L34" s="18"/>
      <c r="M34" s="18"/>
      <c r="N34" s="18"/>
      <c r="O34" s="18"/>
      <c r="P34" s="20">
        <v>8500</v>
      </c>
      <c r="Q34" s="20"/>
      <c r="R34" s="20"/>
      <c r="S34" s="20"/>
      <c r="T34" s="20">
        <v>8000</v>
      </c>
      <c r="U34" s="20"/>
      <c r="V34" s="20"/>
      <c r="W34" s="20"/>
      <c r="X34" s="19">
        <v>1</v>
      </c>
      <c r="Y34" s="19"/>
      <c r="Z34" s="19"/>
      <c r="AA34" s="19"/>
    </row>
    <row r="35" spans="1:27" s="1" customFormat="1" ht="14.1" customHeight="1" outlineLevel="2" x14ac:dyDescent="0.2">
      <c r="A35" s="17"/>
      <c r="B35" s="17"/>
      <c r="C35" s="17"/>
      <c r="D35" s="18"/>
      <c r="E35" s="18"/>
      <c r="F35" s="18"/>
      <c r="G35" s="18"/>
      <c r="H35" s="18"/>
      <c r="I35" s="18"/>
      <c r="J35" s="18"/>
      <c r="K35" s="18"/>
      <c r="L35" s="18"/>
      <c r="M35" s="18"/>
      <c r="N35" s="18"/>
      <c r="O35" s="18"/>
      <c r="P35" s="20"/>
      <c r="Q35" s="20"/>
      <c r="R35" s="20"/>
      <c r="S35" s="20"/>
      <c r="T35" s="20"/>
      <c r="U35" s="20"/>
      <c r="V35" s="20"/>
      <c r="W35" s="20"/>
      <c r="X35" s="19"/>
      <c r="Y35" s="19"/>
      <c r="Z35" s="19"/>
      <c r="AA35" s="19"/>
    </row>
    <row r="36" spans="1:27" s="1" customFormat="1" ht="14.1" customHeight="1" outlineLevel="2" x14ac:dyDescent="0.2">
      <c r="A36" s="17">
        <v>13579</v>
      </c>
      <c r="B36" s="17"/>
      <c r="C36" s="17"/>
      <c r="D36" s="18" t="s">
        <v>26</v>
      </c>
      <c r="E36" s="18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20">
        <v>3500</v>
      </c>
      <c r="Q36" s="20"/>
      <c r="R36" s="20"/>
      <c r="S36" s="20"/>
      <c r="T36" s="20">
        <v>3200</v>
      </c>
      <c r="U36" s="20"/>
      <c r="V36" s="20"/>
      <c r="W36" s="20"/>
      <c r="X36" s="19">
        <v>1</v>
      </c>
      <c r="Y36" s="19"/>
      <c r="Z36" s="19"/>
      <c r="AA36" s="19"/>
    </row>
    <row r="37" spans="1:27" s="1" customFormat="1" ht="14.1" customHeight="1" outlineLevel="2" x14ac:dyDescent="0.2">
      <c r="A37" s="17"/>
      <c r="B37" s="17"/>
      <c r="C37" s="17"/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20"/>
      <c r="Q37" s="20"/>
      <c r="R37" s="20"/>
      <c r="S37" s="20"/>
      <c r="T37" s="20"/>
      <c r="U37" s="20"/>
      <c r="V37" s="20"/>
      <c r="W37" s="20"/>
      <c r="X37" s="19"/>
      <c r="Y37" s="19"/>
      <c r="Z37" s="19"/>
      <c r="AA37" s="19"/>
    </row>
    <row r="38" spans="1:27" s="1" customFormat="1" ht="14.1" customHeight="1" outlineLevel="2" x14ac:dyDescent="0.2">
      <c r="A38" s="17">
        <v>13580</v>
      </c>
      <c r="B38" s="17"/>
      <c r="C38" s="17"/>
      <c r="D38" s="18" t="s">
        <v>27</v>
      </c>
      <c r="E38" s="18"/>
      <c r="F38" s="18"/>
      <c r="G38" s="18"/>
      <c r="H38" s="18"/>
      <c r="I38" s="18"/>
      <c r="J38" s="18"/>
      <c r="K38" s="18"/>
      <c r="L38" s="18"/>
      <c r="M38" s="18"/>
      <c r="N38" s="18"/>
      <c r="O38" s="18"/>
      <c r="P38" s="20">
        <v>6400</v>
      </c>
      <c r="Q38" s="20"/>
      <c r="R38" s="20"/>
      <c r="S38" s="20"/>
      <c r="T38" s="20">
        <v>5900</v>
      </c>
      <c r="U38" s="20"/>
      <c r="V38" s="20"/>
      <c r="W38" s="20"/>
      <c r="X38" s="19">
        <v>1</v>
      </c>
      <c r="Y38" s="19"/>
      <c r="Z38" s="19"/>
      <c r="AA38" s="19"/>
    </row>
    <row r="39" spans="1:27" s="1" customFormat="1" ht="14.1" customHeight="1" outlineLevel="2" x14ac:dyDescent="0.2">
      <c r="A39" s="17"/>
      <c r="B39" s="17"/>
      <c r="C39" s="17"/>
      <c r="D39" s="18"/>
      <c r="E39" s="18"/>
      <c r="F39" s="18"/>
      <c r="G39" s="18"/>
      <c r="H39" s="18"/>
      <c r="I39" s="18"/>
      <c r="J39" s="18"/>
      <c r="K39" s="18"/>
      <c r="L39" s="18"/>
      <c r="M39" s="18"/>
      <c r="N39" s="18"/>
      <c r="O39" s="18"/>
      <c r="P39" s="20"/>
      <c r="Q39" s="20"/>
      <c r="R39" s="20"/>
      <c r="S39" s="20"/>
      <c r="T39" s="20"/>
      <c r="U39" s="20"/>
      <c r="V39" s="20"/>
      <c r="W39" s="20"/>
      <c r="X39" s="19"/>
      <c r="Y39" s="19"/>
      <c r="Z39" s="19"/>
      <c r="AA39" s="19"/>
    </row>
    <row r="40" spans="1:27" s="1" customFormat="1" ht="14.1" customHeight="1" outlineLevel="2" x14ac:dyDescent="0.2">
      <c r="A40" s="17">
        <v>11179</v>
      </c>
      <c r="B40" s="17"/>
      <c r="C40" s="17"/>
      <c r="D40" s="18" t="s">
        <v>28</v>
      </c>
      <c r="E40" s="18"/>
      <c r="F40" s="18"/>
      <c r="G40" s="18"/>
      <c r="H40" s="18"/>
      <c r="I40" s="18"/>
      <c r="J40" s="18"/>
      <c r="K40" s="18"/>
      <c r="L40" s="18"/>
      <c r="M40" s="18"/>
      <c r="N40" s="18"/>
      <c r="O40" s="18"/>
      <c r="P40" s="19">
        <v>450</v>
      </c>
      <c r="Q40" s="19"/>
      <c r="R40" s="19"/>
      <c r="S40" s="19"/>
      <c r="T40" s="19">
        <v>400</v>
      </c>
      <c r="U40" s="19"/>
      <c r="V40" s="19"/>
      <c r="W40" s="19"/>
      <c r="X40" s="19">
        <v>12</v>
      </c>
      <c r="Y40" s="19"/>
      <c r="Z40" s="19"/>
      <c r="AA40" s="19"/>
    </row>
    <row r="41" spans="1:27" s="1" customFormat="1" ht="14.1" customHeight="1" outlineLevel="2" x14ac:dyDescent="0.2">
      <c r="A41" s="17"/>
      <c r="B41" s="17"/>
      <c r="C41" s="17"/>
      <c r="D41" s="18"/>
      <c r="E41" s="18"/>
      <c r="F41" s="18"/>
      <c r="G41" s="18"/>
      <c r="H41" s="18"/>
      <c r="I41" s="18"/>
      <c r="J41" s="18"/>
      <c r="K41" s="18"/>
      <c r="L41" s="18"/>
      <c r="M41" s="18"/>
      <c r="N41" s="18"/>
      <c r="O41" s="18"/>
      <c r="P41" s="19"/>
      <c r="Q41" s="19"/>
      <c r="R41" s="19"/>
      <c r="S41" s="19"/>
      <c r="T41" s="19"/>
      <c r="U41" s="19"/>
      <c r="V41" s="19"/>
      <c r="W41" s="19"/>
      <c r="X41" s="19"/>
      <c r="Y41" s="19"/>
      <c r="Z41" s="19"/>
      <c r="AA41" s="19"/>
    </row>
    <row r="42" spans="1:27" s="1" customFormat="1" ht="14.1" customHeight="1" outlineLevel="2" x14ac:dyDescent="0.2">
      <c r="A42" s="17">
        <v>11180</v>
      </c>
      <c r="B42" s="17"/>
      <c r="C42" s="17"/>
      <c r="D42" s="18" t="s">
        <v>29</v>
      </c>
      <c r="E42" s="18"/>
      <c r="F42" s="18"/>
      <c r="G42" s="18"/>
      <c r="H42" s="18"/>
      <c r="I42" s="18"/>
      <c r="J42" s="18"/>
      <c r="K42" s="18"/>
      <c r="L42" s="18"/>
      <c r="M42" s="18"/>
      <c r="N42" s="18"/>
      <c r="O42" s="18"/>
      <c r="P42" s="19">
        <v>420</v>
      </c>
      <c r="Q42" s="19"/>
      <c r="R42" s="19"/>
      <c r="S42" s="19"/>
      <c r="T42" s="19">
        <v>370</v>
      </c>
      <c r="U42" s="19"/>
      <c r="V42" s="19"/>
      <c r="W42" s="19"/>
      <c r="X42" s="19">
        <v>16</v>
      </c>
      <c r="Y42" s="19"/>
      <c r="Z42" s="19"/>
      <c r="AA42" s="19"/>
    </row>
    <row r="43" spans="1:27" s="1" customFormat="1" ht="14.1" customHeight="1" outlineLevel="2" x14ac:dyDescent="0.2">
      <c r="A43" s="17"/>
      <c r="B43" s="17"/>
      <c r="C43" s="17"/>
      <c r="D43" s="18"/>
      <c r="E43" s="18"/>
      <c r="F43" s="18"/>
      <c r="G43" s="18"/>
      <c r="H43" s="18"/>
      <c r="I43" s="18"/>
      <c r="J43" s="18"/>
      <c r="K43" s="18"/>
      <c r="L43" s="18"/>
      <c r="M43" s="18"/>
      <c r="N43" s="18"/>
      <c r="O43" s="18"/>
      <c r="P43" s="19"/>
      <c r="Q43" s="19"/>
      <c r="R43" s="19"/>
      <c r="S43" s="19"/>
      <c r="T43" s="19"/>
      <c r="U43" s="19"/>
      <c r="V43" s="19"/>
      <c r="W43" s="19"/>
      <c r="X43" s="19"/>
      <c r="Y43" s="19"/>
      <c r="Z43" s="19"/>
      <c r="AA43" s="19"/>
    </row>
    <row r="44" spans="1:27" s="1" customFormat="1" ht="14.1" customHeight="1" outlineLevel="2" x14ac:dyDescent="0.2">
      <c r="A44" s="17">
        <v>12545</v>
      </c>
      <c r="B44" s="17"/>
      <c r="C44" s="17"/>
      <c r="D44" s="18" t="s">
        <v>30</v>
      </c>
      <c r="E44" s="18"/>
      <c r="F44" s="18"/>
      <c r="G44" s="18"/>
      <c r="H44" s="18"/>
      <c r="I44" s="18"/>
      <c r="J44" s="18"/>
      <c r="K44" s="18"/>
      <c r="L44" s="18"/>
      <c r="M44" s="18"/>
      <c r="N44" s="18"/>
      <c r="O44" s="18"/>
      <c r="P44" s="19">
        <v>450</v>
      </c>
      <c r="Q44" s="19"/>
      <c r="R44" s="19"/>
      <c r="S44" s="19"/>
      <c r="T44" s="19">
        <v>390</v>
      </c>
      <c r="U44" s="19"/>
      <c r="V44" s="19"/>
      <c r="W44" s="19"/>
      <c r="X44" s="19">
        <v>44</v>
      </c>
      <c r="Y44" s="19"/>
      <c r="Z44" s="19"/>
      <c r="AA44" s="19"/>
    </row>
    <row r="45" spans="1:27" s="1" customFormat="1" ht="14.1" customHeight="1" outlineLevel="2" x14ac:dyDescent="0.2">
      <c r="A45" s="17"/>
      <c r="B45" s="17"/>
      <c r="C45" s="17"/>
      <c r="D45" s="18"/>
      <c r="E45" s="18"/>
      <c r="F45" s="18"/>
      <c r="G45" s="18"/>
      <c r="H45" s="18"/>
      <c r="I45" s="18"/>
      <c r="J45" s="18"/>
      <c r="K45" s="18"/>
      <c r="L45" s="18"/>
      <c r="M45" s="18"/>
      <c r="N45" s="18"/>
      <c r="O45" s="18"/>
      <c r="P45" s="19"/>
      <c r="Q45" s="19"/>
      <c r="R45" s="19"/>
      <c r="S45" s="19"/>
      <c r="T45" s="19"/>
      <c r="U45" s="19"/>
      <c r="V45" s="19"/>
      <c r="W45" s="19"/>
      <c r="X45" s="19"/>
      <c r="Y45" s="19"/>
      <c r="Z45" s="19"/>
      <c r="AA45" s="19"/>
    </row>
    <row r="46" spans="1:27" s="1" customFormat="1" ht="14.1" customHeight="1" outlineLevel="2" x14ac:dyDescent="0.2">
      <c r="A46" s="17">
        <v>12546</v>
      </c>
      <c r="B46" s="17"/>
      <c r="C46" s="17"/>
      <c r="D46" s="18" t="s">
        <v>31</v>
      </c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8"/>
      <c r="P46" s="19">
        <v>320</v>
      </c>
      <c r="Q46" s="19"/>
      <c r="R46" s="19"/>
      <c r="S46" s="19"/>
      <c r="T46" s="19">
        <v>250</v>
      </c>
      <c r="U46" s="19"/>
      <c r="V46" s="19"/>
      <c r="W46" s="19"/>
      <c r="X46" s="19">
        <v>12</v>
      </c>
      <c r="Y46" s="19"/>
      <c r="Z46" s="19"/>
      <c r="AA46" s="19"/>
    </row>
    <row r="47" spans="1:27" s="1" customFormat="1" ht="14.1" customHeight="1" outlineLevel="2" x14ac:dyDescent="0.2">
      <c r="A47" s="17"/>
      <c r="B47" s="17"/>
      <c r="C47" s="17"/>
      <c r="D47" s="18"/>
      <c r="E47" s="18"/>
      <c r="F47" s="18"/>
      <c r="G47" s="18"/>
      <c r="H47" s="18"/>
      <c r="I47" s="18"/>
      <c r="J47" s="18"/>
      <c r="K47" s="18"/>
      <c r="L47" s="18"/>
      <c r="M47" s="18"/>
      <c r="N47" s="18"/>
      <c r="O47" s="18"/>
      <c r="P47" s="19"/>
      <c r="Q47" s="19"/>
      <c r="R47" s="19"/>
      <c r="S47" s="19"/>
      <c r="T47" s="19"/>
      <c r="U47" s="19"/>
      <c r="V47" s="19"/>
      <c r="W47" s="19"/>
      <c r="X47" s="19"/>
      <c r="Y47" s="19"/>
      <c r="Z47" s="19"/>
      <c r="AA47" s="19"/>
    </row>
    <row r="48" spans="1:27" s="1" customFormat="1" ht="11.1" customHeight="1" outlineLevel="2" x14ac:dyDescent="0.2">
      <c r="A48" s="17">
        <v>16416</v>
      </c>
      <c r="B48" s="17"/>
      <c r="C48" s="17"/>
      <c r="D48" s="18" t="s">
        <v>32</v>
      </c>
      <c r="E48" s="18"/>
      <c r="F48" s="18"/>
      <c r="G48" s="18"/>
      <c r="H48" s="18"/>
      <c r="I48" s="18"/>
      <c r="J48" s="18"/>
      <c r="K48" s="18"/>
      <c r="L48" s="18"/>
      <c r="M48" s="18"/>
      <c r="N48" s="18"/>
      <c r="O48" s="18"/>
      <c r="P48" s="19">
        <v>390</v>
      </c>
      <c r="Q48" s="19"/>
      <c r="R48" s="19"/>
      <c r="S48" s="19"/>
      <c r="T48" s="19">
        <v>350</v>
      </c>
      <c r="U48" s="19"/>
      <c r="V48" s="19"/>
      <c r="W48" s="19"/>
      <c r="X48" s="19">
        <v>20</v>
      </c>
      <c r="Y48" s="19"/>
      <c r="Z48" s="19"/>
      <c r="AA48" s="19"/>
    </row>
    <row r="49" spans="1:27" s="1" customFormat="1" ht="11.1" customHeight="1" outlineLevel="2" x14ac:dyDescent="0.2">
      <c r="A49" s="17"/>
      <c r="B49" s="17"/>
      <c r="C49" s="17"/>
      <c r="D49" s="18"/>
      <c r="E49" s="18"/>
      <c r="F49" s="18"/>
      <c r="G49" s="18"/>
      <c r="H49" s="18"/>
      <c r="I49" s="18"/>
      <c r="J49" s="18"/>
      <c r="K49" s="18"/>
      <c r="L49" s="18"/>
      <c r="M49" s="18"/>
      <c r="N49" s="18"/>
      <c r="O49" s="18"/>
      <c r="P49" s="19"/>
      <c r="Q49" s="19"/>
      <c r="R49" s="19"/>
      <c r="S49" s="19"/>
      <c r="T49" s="19"/>
      <c r="U49" s="19"/>
      <c r="V49" s="19"/>
      <c r="W49" s="19"/>
      <c r="X49" s="19"/>
      <c r="Y49" s="19"/>
      <c r="Z49" s="19"/>
      <c r="AA49" s="19"/>
    </row>
    <row r="50" spans="1:27" s="1" customFormat="1" ht="11.1" customHeight="1" outlineLevel="2" x14ac:dyDescent="0.2">
      <c r="A50" s="17">
        <v>9604</v>
      </c>
      <c r="B50" s="17"/>
      <c r="C50" s="17"/>
      <c r="D50" s="18" t="s">
        <v>33</v>
      </c>
      <c r="E50" s="18"/>
      <c r="F50" s="18"/>
      <c r="G50" s="18"/>
      <c r="H50" s="18"/>
      <c r="I50" s="18"/>
      <c r="J50" s="18"/>
      <c r="K50" s="18"/>
      <c r="L50" s="18"/>
      <c r="M50" s="18"/>
      <c r="N50" s="18"/>
      <c r="O50" s="18"/>
      <c r="P50" s="19">
        <v>450</v>
      </c>
      <c r="Q50" s="19"/>
      <c r="R50" s="19"/>
      <c r="S50" s="19"/>
      <c r="T50" s="19">
        <v>380</v>
      </c>
      <c r="U50" s="19"/>
      <c r="V50" s="19"/>
      <c r="W50" s="19"/>
      <c r="X50" s="19">
        <v>3</v>
      </c>
      <c r="Y50" s="19"/>
      <c r="Z50" s="19"/>
      <c r="AA50" s="19"/>
    </row>
    <row r="51" spans="1:27" s="1" customFormat="1" ht="11.1" customHeight="1" outlineLevel="2" x14ac:dyDescent="0.2">
      <c r="A51" s="17"/>
      <c r="B51" s="17"/>
      <c r="C51" s="17"/>
      <c r="D51" s="18"/>
      <c r="E51" s="18"/>
      <c r="F51" s="18"/>
      <c r="G51" s="18"/>
      <c r="H51" s="18"/>
      <c r="I51" s="18"/>
      <c r="J51" s="18"/>
      <c r="K51" s="18"/>
      <c r="L51" s="18"/>
      <c r="M51" s="18"/>
      <c r="N51" s="18"/>
      <c r="O51" s="18"/>
      <c r="P51" s="19"/>
      <c r="Q51" s="19"/>
      <c r="R51" s="19"/>
      <c r="S51" s="19"/>
      <c r="T51" s="19"/>
      <c r="U51" s="19"/>
      <c r="V51" s="19"/>
      <c r="W51" s="19"/>
      <c r="X51" s="19"/>
      <c r="Y51" s="19"/>
      <c r="Z51" s="19"/>
      <c r="AA51" s="19"/>
    </row>
    <row r="52" spans="1:27" s="1" customFormat="1" ht="11.1" customHeight="1" outlineLevel="2" x14ac:dyDescent="0.2">
      <c r="A52" s="17">
        <v>9605</v>
      </c>
      <c r="B52" s="17"/>
      <c r="C52" s="17"/>
      <c r="D52" s="18" t="s">
        <v>34</v>
      </c>
      <c r="E52" s="18"/>
      <c r="F52" s="18"/>
      <c r="G52" s="18"/>
      <c r="H52" s="18"/>
      <c r="I52" s="18"/>
      <c r="J52" s="18"/>
      <c r="K52" s="18"/>
      <c r="L52" s="18"/>
      <c r="M52" s="18"/>
      <c r="N52" s="18"/>
      <c r="O52" s="18"/>
      <c r="P52" s="19">
        <v>530</v>
      </c>
      <c r="Q52" s="19"/>
      <c r="R52" s="19"/>
      <c r="S52" s="19"/>
      <c r="T52" s="19">
        <v>450</v>
      </c>
      <c r="U52" s="19"/>
      <c r="V52" s="19"/>
      <c r="W52" s="19"/>
      <c r="X52" s="19">
        <v>7</v>
      </c>
      <c r="Y52" s="19"/>
      <c r="Z52" s="19"/>
      <c r="AA52" s="19"/>
    </row>
    <row r="53" spans="1:27" s="1" customFormat="1" ht="11.1" customHeight="1" outlineLevel="2" x14ac:dyDescent="0.2">
      <c r="A53" s="17"/>
      <c r="B53" s="17"/>
      <c r="C53" s="17"/>
      <c r="D53" s="18"/>
      <c r="E53" s="18"/>
      <c r="F53" s="18"/>
      <c r="G53" s="18"/>
      <c r="H53" s="18"/>
      <c r="I53" s="18"/>
      <c r="J53" s="18"/>
      <c r="K53" s="18"/>
      <c r="L53" s="18"/>
      <c r="M53" s="18"/>
      <c r="N53" s="18"/>
      <c r="O53" s="18"/>
      <c r="P53" s="19"/>
      <c r="Q53" s="19"/>
      <c r="R53" s="19"/>
      <c r="S53" s="19"/>
      <c r="T53" s="19"/>
      <c r="U53" s="19"/>
      <c r="V53" s="19"/>
      <c r="W53" s="19"/>
      <c r="X53" s="19"/>
      <c r="Y53" s="19"/>
      <c r="Z53" s="19"/>
      <c r="AA53" s="19"/>
    </row>
    <row r="54" spans="1:27" s="1" customFormat="1" ht="11.1" customHeight="1" outlineLevel="2" x14ac:dyDescent="0.2">
      <c r="A54" s="17">
        <v>11999</v>
      </c>
      <c r="B54" s="17"/>
      <c r="C54" s="17"/>
      <c r="D54" s="18" t="s">
        <v>35</v>
      </c>
      <c r="E54" s="18"/>
      <c r="F54" s="18"/>
      <c r="G54" s="18"/>
      <c r="H54" s="18"/>
      <c r="I54" s="18"/>
      <c r="J54" s="18"/>
      <c r="K54" s="18"/>
      <c r="L54" s="18"/>
      <c r="M54" s="18"/>
      <c r="N54" s="18"/>
      <c r="O54" s="18"/>
      <c r="P54" s="20">
        <v>1850</v>
      </c>
      <c r="Q54" s="20"/>
      <c r="R54" s="20"/>
      <c r="S54" s="20"/>
      <c r="T54" s="20">
        <v>1750</v>
      </c>
      <c r="U54" s="20"/>
      <c r="V54" s="20"/>
      <c r="W54" s="20"/>
      <c r="X54" s="19">
        <v>7</v>
      </c>
      <c r="Y54" s="19"/>
      <c r="Z54" s="19"/>
      <c r="AA54" s="19"/>
    </row>
    <row r="55" spans="1:27" s="1" customFormat="1" ht="11.1" customHeight="1" outlineLevel="2" x14ac:dyDescent="0.2">
      <c r="A55" s="17"/>
      <c r="B55" s="17"/>
      <c r="C55" s="17"/>
      <c r="D55" s="18"/>
      <c r="E55" s="18"/>
      <c r="F55" s="18"/>
      <c r="G55" s="18"/>
      <c r="H55" s="18"/>
      <c r="I55" s="18"/>
      <c r="J55" s="18"/>
      <c r="K55" s="18"/>
      <c r="L55" s="18"/>
      <c r="M55" s="18"/>
      <c r="N55" s="18"/>
      <c r="O55" s="18"/>
      <c r="P55" s="20"/>
      <c r="Q55" s="20"/>
      <c r="R55" s="20"/>
      <c r="S55" s="20"/>
      <c r="T55" s="20"/>
      <c r="U55" s="20"/>
      <c r="V55" s="20"/>
      <c r="W55" s="20"/>
      <c r="X55" s="19"/>
      <c r="Y55" s="19"/>
      <c r="Z55" s="19"/>
      <c r="AA55" s="19"/>
    </row>
    <row r="56" spans="1:27" s="1" customFormat="1" ht="11.1" customHeight="1" outlineLevel="2" x14ac:dyDescent="0.2">
      <c r="A56" s="17">
        <v>13581</v>
      </c>
      <c r="B56" s="17"/>
      <c r="C56" s="17"/>
      <c r="D56" s="18" t="s">
        <v>36</v>
      </c>
      <c r="E56" s="18"/>
      <c r="F56" s="18"/>
      <c r="G56" s="18"/>
      <c r="H56" s="18"/>
      <c r="I56" s="18"/>
      <c r="J56" s="18"/>
      <c r="K56" s="18"/>
      <c r="L56" s="18"/>
      <c r="M56" s="18"/>
      <c r="N56" s="18"/>
      <c r="O56" s="18"/>
      <c r="P56" s="20">
        <v>2700</v>
      </c>
      <c r="Q56" s="20"/>
      <c r="R56" s="20"/>
      <c r="S56" s="20"/>
      <c r="T56" s="20">
        <v>2500</v>
      </c>
      <c r="U56" s="20"/>
      <c r="V56" s="20"/>
      <c r="W56" s="20"/>
      <c r="X56" s="19">
        <v>14</v>
      </c>
      <c r="Y56" s="19"/>
      <c r="Z56" s="19"/>
      <c r="AA56" s="19"/>
    </row>
    <row r="57" spans="1:27" s="1" customFormat="1" ht="11.1" customHeight="1" outlineLevel="2" x14ac:dyDescent="0.2">
      <c r="A57" s="17"/>
      <c r="B57" s="17"/>
      <c r="C57" s="17"/>
      <c r="D57" s="18"/>
      <c r="E57" s="18"/>
      <c r="F57" s="18"/>
      <c r="G57" s="18"/>
      <c r="H57" s="18"/>
      <c r="I57" s="18"/>
      <c r="J57" s="18"/>
      <c r="K57" s="18"/>
      <c r="L57" s="18"/>
      <c r="M57" s="18"/>
      <c r="N57" s="18"/>
      <c r="O57" s="18"/>
      <c r="P57" s="20"/>
      <c r="Q57" s="20"/>
      <c r="R57" s="20"/>
      <c r="S57" s="20"/>
      <c r="T57" s="20"/>
      <c r="U57" s="20"/>
      <c r="V57" s="20"/>
      <c r="W57" s="20"/>
      <c r="X57" s="19"/>
      <c r="Y57" s="19"/>
      <c r="Z57" s="19"/>
      <c r="AA57" s="19"/>
    </row>
    <row r="58" spans="1:27" s="1" customFormat="1" ht="11.1" customHeight="1" outlineLevel="2" x14ac:dyDescent="0.2">
      <c r="A58" s="17">
        <v>14744</v>
      </c>
      <c r="B58" s="17"/>
      <c r="C58" s="17"/>
      <c r="D58" s="18" t="s">
        <v>37</v>
      </c>
      <c r="E58" s="18"/>
      <c r="F58" s="18"/>
      <c r="G58" s="18"/>
      <c r="H58" s="18"/>
      <c r="I58" s="18"/>
      <c r="J58" s="18"/>
      <c r="K58" s="18"/>
      <c r="L58" s="18"/>
      <c r="M58" s="18"/>
      <c r="N58" s="18"/>
      <c r="O58" s="18"/>
      <c r="P58" s="20">
        <v>1500</v>
      </c>
      <c r="Q58" s="20"/>
      <c r="R58" s="20"/>
      <c r="S58" s="20"/>
      <c r="T58" s="20">
        <v>1200</v>
      </c>
      <c r="U58" s="20"/>
      <c r="V58" s="20"/>
      <c r="W58" s="20"/>
      <c r="X58" s="19">
        <v>8</v>
      </c>
      <c r="Y58" s="19"/>
      <c r="Z58" s="19"/>
      <c r="AA58" s="19"/>
    </row>
    <row r="59" spans="1:27" s="1" customFormat="1" ht="11.1" customHeight="1" outlineLevel="2" x14ac:dyDescent="0.2">
      <c r="A59" s="17"/>
      <c r="B59" s="17"/>
      <c r="C59" s="17"/>
      <c r="D59" s="18"/>
      <c r="E59" s="18"/>
      <c r="F59" s="18"/>
      <c r="G59" s="18"/>
      <c r="H59" s="18"/>
      <c r="I59" s="18"/>
      <c r="J59" s="18"/>
      <c r="K59" s="18"/>
      <c r="L59" s="18"/>
      <c r="M59" s="18"/>
      <c r="N59" s="18"/>
      <c r="O59" s="18"/>
      <c r="P59" s="20"/>
      <c r="Q59" s="20"/>
      <c r="R59" s="20"/>
      <c r="S59" s="20"/>
      <c r="T59" s="20"/>
      <c r="U59" s="20"/>
      <c r="V59" s="20"/>
      <c r="W59" s="20"/>
      <c r="X59" s="19"/>
      <c r="Y59" s="19"/>
      <c r="Z59" s="19"/>
      <c r="AA59" s="19"/>
    </row>
    <row r="60" spans="1:27" s="1" customFormat="1" ht="11.1" customHeight="1" outlineLevel="2" x14ac:dyDescent="0.2">
      <c r="A60" s="17">
        <v>9607</v>
      </c>
      <c r="B60" s="17"/>
      <c r="C60" s="17"/>
      <c r="D60" s="18" t="s">
        <v>38</v>
      </c>
      <c r="E60" s="18"/>
      <c r="F60" s="18"/>
      <c r="G60" s="18"/>
      <c r="H60" s="18"/>
      <c r="I60" s="18"/>
      <c r="J60" s="18"/>
      <c r="K60" s="18"/>
      <c r="L60" s="18"/>
      <c r="M60" s="18"/>
      <c r="N60" s="18"/>
      <c r="O60" s="18"/>
      <c r="P60" s="19">
        <v>940</v>
      </c>
      <c r="Q60" s="19"/>
      <c r="R60" s="19"/>
      <c r="S60" s="19"/>
      <c r="T60" s="19">
        <v>850</v>
      </c>
      <c r="U60" s="19"/>
      <c r="V60" s="19"/>
      <c r="W60" s="19"/>
      <c r="X60" s="19">
        <v>1</v>
      </c>
      <c r="Y60" s="19"/>
      <c r="Z60" s="19"/>
      <c r="AA60" s="19"/>
    </row>
    <row r="61" spans="1:27" s="1" customFormat="1" ht="11.1" customHeight="1" outlineLevel="2" x14ac:dyDescent="0.2">
      <c r="A61" s="17"/>
      <c r="B61" s="17"/>
      <c r="C61" s="17"/>
      <c r="D61" s="18"/>
      <c r="E61" s="18"/>
      <c r="F61" s="18"/>
      <c r="G61" s="18"/>
      <c r="H61" s="18"/>
      <c r="I61" s="18"/>
      <c r="J61" s="18"/>
      <c r="K61" s="18"/>
      <c r="L61" s="18"/>
      <c r="M61" s="18"/>
      <c r="N61" s="18"/>
      <c r="O61" s="18"/>
      <c r="P61" s="19"/>
      <c r="Q61" s="19"/>
      <c r="R61" s="19"/>
      <c r="S61" s="19"/>
      <c r="T61" s="19"/>
      <c r="U61" s="19"/>
      <c r="V61" s="19"/>
      <c r="W61" s="19"/>
      <c r="X61" s="19"/>
      <c r="Y61" s="19"/>
      <c r="Z61" s="19"/>
      <c r="AA61" s="19"/>
    </row>
    <row r="62" spans="1:27" s="1" customFormat="1" ht="11.1" customHeight="1" outlineLevel="2" x14ac:dyDescent="0.2">
      <c r="A62" s="17">
        <v>14745</v>
      </c>
      <c r="B62" s="17"/>
      <c r="C62" s="17"/>
      <c r="D62" s="18" t="s">
        <v>39</v>
      </c>
      <c r="E62" s="18"/>
      <c r="F62" s="18"/>
      <c r="G62" s="18"/>
      <c r="H62" s="18"/>
      <c r="I62" s="18"/>
      <c r="J62" s="18"/>
      <c r="K62" s="18"/>
      <c r="L62" s="18"/>
      <c r="M62" s="18"/>
      <c r="N62" s="18"/>
      <c r="O62" s="18"/>
      <c r="P62" s="19">
        <v>590</v>
      </c>
      <c r="Q62" s="19"/>
      <c r="R62" s="19"/>
      <c r="S62" s="19"/>
      <c r="T62" s="19">
        <v>490</v>
      </c>
      <c r="U62" s="19"/>
      <c r="V62" s="19"/>
      <c r="W62" s="19"/>
      <c r="X62" s="19">
        <v>15</v>
      </c>
      <c r="Y62" s="19"/>
      <c r="Z62" s="19"/>
      <c r="AA62" s="19"/>
    </row>
    <row r="63" spans="1:27" s="1" customFormat="1" ht="11.1" customHeight="1" outlineLevel="2" x14ac:dyDescent="0.2">
      <c r="A63" s="17"/>
      <c r="B63" s="17"/>
      <c r="C63" s="17"/>
      <c r="D63" s="18"/>
      <c r="E63" s="18"/>
      <c r="F63" s="18"/>
      <c r="G63" s="18"/>
      <c r="H63" s="18"/>
      <c r="I63" s="18"/>
      <c r="J63" s="18"/>
      <c r="K63" s="18"/>
      <c r="L63" s="18"/>
      <c r="M63" s="18"/>
      <c r="N63" s="18"/>
      <c r="O63" s="18"/>
      <c r="P63" s="19"/>
      <c r="Q63" s="19"/>
      <c r="R63" s="19"/>
      <c r="S63" s="19"/>
      <c r="T63" s="19"/>
      <c r="U63" s="19"/>
      <c r="V63" s="19"/>
      <c r="W63" s="19"/>
      <c r="X63" s="19"/>
      <c r="Y63" s="19"/>
      <c r="Z63" s="19"/>
      <c r="AA63" s="19"/>
    </row>
    <row r="64" spans="1:27" s="1" customFormat="1" ht="11.1" customHeight="1" outlineLevel="2" x14ac:dyDescent="0.2">
      <c r="A64" s="17">
        <v>14746</v>
      </c>
      <c r="B64" s="17"/>
      <c r="C64" s="17"/>
      <c r="D64" s="18" t="s">
        <v>40</v>
      </c>
      <c r="E64" s="18"/>
      <c r="F64" s="18"/>
      <c r="G64" s="18"/>
      <c r="H64" s="18"/>
      <c r="I64" s="18"/>
      <c r="J64" s="18"/>
      <c r="K64" s="18"/>
      <c r="L64" s="18"/>
      <c r="M64" s="18"/>
      <c r="N64" s="18"/>
      <c r="O64" s="18"/>
      <c r="P64" s="19">
        <v>590</v>
      </c>
      <c r="Q64" s="19"/>
      <c r="R64" s="19"/>
      <c r="S64" s="19"/>
      <c r="T64" s="19">
        <v>490</v>
      </c>
      <c r="U64" s="19"/>
      <c r="V64" s="19"/>
      <c r="W64" s="19"/>
      <c r="X64" s="19">
        <v>10</v>
      </c>
      <c r="Y64" s="19"/>
      <c r="Z64" s="19"/>
      <c r="AA64" s="19"/>
    </row>
    <row r="65" spans="1:27" s="1" customFormat="1" ht="11.1" customHeight="1" outlineLevel="2" x14ac:dyDescent="0.2">
      <c r="A65" s="17"/>
      <c r="B65" s="17"/>
      <c r="C65" s="17"/>
      <c r="D65" s="18"/>
      <c r="E65" s="18"/>
      <c r="F65" s="18"/>
      <c r="G65" s="18"/>
      <c r="H65" s="18"/>
      <c r="I65" s="18"/>
      <c r="J65" s="18"/>
      <c r="K65" s="18"/>
      <c r="L65" s="18"/>
      <c r="M65" s="18"/>
      <c r="N65" s="18"/>
      <c r="O65" s="18"/>
      <c r="P65" s="19"/>
      <c r="Q65" s="19"/>
      <c r="R65" s="19"/>
      <c r="S65" s="19"/>
      <c r="T65" s="19"/>
      <c r="U65" s="19"/>
      <c r="V65" s="19"/>
      <c r="W65" s="19"/>
      <c r="X65" s="19"/>
      <c r="Y65" s="19"/>
      <c r="Z65" s="19"/>
      <c r="AA65" s="19"/>
    </row>
    <row r="66" spans="1:27" s="1" customFormat="1" ht="11.1" customHeight="1" outlineLevel="2" x14ac:dyDescent="0.2">
      <c r="A66" s="17">
        <v>17283</v>
      </c>
      <c r="B66" s="17"/>
      <c r="C66" s="17"/>
      <c r="D66" s="18" t="s">
        <v>41</v>
      </c>
      <c r="E66" s="18"/>
      <c r="F66" s="18"/>
      <c r="G66" s="18"/>
      <c r="H66" s="18"/>
      <c r="I66" s="18"/>
      <c r="J66" s="18"/>
      <c r="K66" s="18"/>
      <c r="L66" s="18"/>
      <c r="M66" s="18"/>
      <c r="N66" s="18"/>
      <c r="O66" s="18"/>
      <c r="P66" s="19">
        <v>590</v>
      </c>
      <c r="Q66" s="19"/>
      <c r="R66" s="19"/>
      <c r="S66" s="19"/>
      <c r="T66" s="19">
        <v>490</v>
      </c>
      <c r="U66" s="19"/>
      <c r="V66" s="19"/>
      <c r="W66" s="19"/>
      <c r="X66" s="19">
        <v>5</v>
      </c>
      <c r="Y66" s="19"/>
      <c r="Z66" s="19"/>
      <c r="AA66" s="19"/>
    </row>
    <row r="67" spans="1:27" s="1" customFormat="1" ht="11.1" customHeight="1" outlineLevel="2" x14ac:dyDescent="0.2">
      <c r="A67" s="17"/>
      <c r="B67" s="17"/>
      <c r="C67" s="17"/>
      <c r="D67" s="18"/>
      <c r="E67" s="18"/>
      <c r="F67" s="18"/>
      <c r="G67" s="18"/>
      <c r="H67" s="18"/>
      <c r="I67" s="18"/>
      <c r="J67" s="18"/>
      <c r="K67" s="18"/>
      <c r="L67" s="18"/>
      <c r="M67" s="18"/>
      <c r="N67" s="18"/>
      <c r="O67" s="18"/>
      <c r="P67" s="19"/>
      <c r="Q67" s="19"/>
      <c r="R67" s="19"/>
      <c r="S67" s="19"/>
      <c r="T67" s="19"/>
      <c r="U67" s="19"/>
      <c r="V67" s="19"/>
      <c r="W67" s="19"/>
      <c r="X67" s="19"/>
      <c r="Y67" s="19"/>
      <c r="Z67" s="19"/>
      <c r="AA67" s="19"/>
    </row>
    <row r="68" spans="1:27" s="1" customFormat="1" ht="14.1" customHeight="1" outlineLevel="2" x14ac:dyDescent="0.2">
      <c r="A68" s="17">
        <v>16049</v>
      </c>
      <c r="B68" s="17"/>
      <c r="C68" s="17"/>
      <c r="D68" s="18" t="s">
        <v>42</v>
      </c>
      <c r="E68" s="18"/>
      <c r="F68" s="18"/>
      <c r="G68" s="18"/>
      <c r="H68" s="18"/>
      <c r="I68" s="18"/>
      <c r="J68" s="18"/>
      <c r="K68" s="18"/>
      <c r="L68" s="18"/>
      <c r="M68" s="18"/>
      <c r="N68" s="18"/>
      <c r="O68" s="18"/>
      <c r="P68" s="19">
        <v>870</v>
      </c>
      <c r="Q68" s="19"/>
      <c r="R68" s="19"/>
      <c r="S68" s="19"/>
      <c r="T68" s="19">
        <v>750</v>
      </c>
      <c r="U68" s="19"/>
      <c r="V68" s="19"/>
      <c r="W68" s="19"/>
      <c r="X68" s="19">
        <v>7</v>
      </c>
      <c r="Y68" s="19"/>
      <c r="Z68" s="19"/>
      <c r="AA68" s="19"/>
    </row>
    <row r="69" spans="1:27" s="1" customFormat="1" ht="14.1" customHeight="1" outlineLevel="2" x14ac:dyDescent="0.2">
      <c r="A69" s="17"/>
      <c r="B69" s="17"/>
      <c r="C69" s="17"/>
      <c r="D69" s="18"/>
      <c r="E69" s="18"/>
      <c r="F69" s="18"/>
      <c r="G69" s="18"/>
      <c r="H69" s="18"/>
      <c r="I69" s="18"/>
      <c r="J69" s="18"/>
      <c r="K69" s="18"/>
      <c r="L69" s="18"/>
      <c r="M69" s="18"/>
      <c r="N69" s="18"/>
      <c r="O69" s="18"/>
      <c r="P69" s="19"/>
      <c r="Q69" s="19"/>
      <c r="R69" s="19"/>
      <c r="S69" s="19"/>
      <c r="T69" s="19"/>
      <c r="U69" s="19"/>
      <c r="V69" s="19"/>
      <c r="W69" s="19"/>
      <c r="X69" s="19"/>
      <c r="Y69" s="19"/>
      <c r="Z69" s="19"/>
      <c r="AA69" s="19"/>
    </row>
    <row r="70" spans="1:27" s="1" customFormat="1" ht="11.1" customHeight="1" outlineLevel="2" x14ac:dyDescent="0.2">
      <c r="A70" s="17">
        <v>12587</v>
      </c>
      <c r="B70" s="17"/>
      <c r="C70" s="17"/>
      <c r="D70" s="18" t="s">
        <v>43</v>
      </c>
      <c r="E70" s="18"/>
      <c r="F70" s="18"/>
      <c r="G70" s="18"/>
      <c r="H70" s="18"/>
      <c r="I70" s="18"/>
      <c r="J70" s="18"/>
      <c r="K70" s="18"/>
      <c r="L70" s="18"/>
      <c r="M70" s="18"/>
      <c r="N70" s="18"/>
      <c r="O70" s="18"/>
      <c r="P70" s="20">
        <v>2700</v>
      </c>
      <c r="Q70" s="20"/>
      <c r="R70" s="20"/>
      <c r="S70" s="20"/>
      <c r="T70" s="20">
        <v>2500</v>
      </c>
      <c r="U70" s="20"/>
      <c r="V70" s="20"/>
      <c r="W70" s="20"/>
      <c r="X70" s="19">
        <v>6</v>
      </c>
      <c r="Y70" s="19"/>
      <c r="Z70" s="19"/>
      <c r="AA70" s="19"/>
    </row>
    <row r="71" spans="1:27" s="1" customFormat="1" ht="11.1" customHeight="1" outlineLevel="2" x14ac:dyDescent="0.2">
      <c r="A71" s="17"/>
      <c r="B71" s="17"/>
      <c r="C71" s="17"/>
      <c r="D71" s="18"/>
      <c r="E71" s="18"/>
      <c r="F71" s="18"/>
      <c r="G71" s="18"/>
      <c r="H71" s="18"/>
      <c r="I71" s="18"/>
      <c r="J71" s="18"/>
      <c r="K71" s="18"/>
      <c r="L71" s="18"/>
      <c r="M71" s="18"/>
      <c r="N71" s="18"/>
      <c r="O71" s="18"/>
      <c r="P71" s="20"/>
      <c r="Q71" s="20"/>
      <c r="R71" s="20"/>
      <c r="S71" s="20"/>
      <c r="T71" s="20"/>
      <c r="U71" s="20"/>
      <c r="V71" s="20"/>
      <c r="W71" s="20"/>
      <c r="X71" s="19"/>
      <c r="Y71" s="19"/>
      <c r="Z71" s="19"/>
      <c r="AA71" s="19"/>
    </row>
    <row r="72" spans="1:27" s="1" customFormat="1" ht="11.1" customHeight="1" outlineLevel="2" x14ac:dyDescent="0.2">
      <c r="A72" s="17">
        <v>14747</v>
      </c>
      <c r="B72" s="17"/>
      <c r="C72" s="17"/>
      <c r="D72" s="18" t="s">
        <v>44</v>
      </c>
      <c r="E72" s="18"/>
      <c r="F72" s="18"/>
      <c r="G72" s="18"/>
      <c r="H72" s="18"/>
      <c r="I72" s="18"/>
      <c r="J72" s="18"/>
      <c r="K72" s="18"/>
      <c r="L72" s="18"/>
      <c r="M72" s="18"/>
      <c r="N72" s="18"/>
      <c r="O72" s="18"/>
      <c r="P72" s="19">
        <v>680</v>
      </c>
      <c r="Q72" s="19"/>
      <c r="R72" s="19"/>
      <c r="S72" s="19"/>
      <c r="T72" s="19">
        <v>600</v>
      </c>
      <c r="U72" s="19"/>
      <c r="V72" s="19"/>
      <c r="W72" s="19"/>
      <c r="X72" s="19">
        <v>5</v>
      </c>
      <c r="Y72" s="19"/>
      <c r="Z72" s="19"/>
      <c r="AA72" s="19"/>
    </row>
    <row r="73" spans="1:27" s="1" customFormat="1" ht="11.1" customHeight="1" outlineLevel="2" x14ac:dyDescent="0.2">
      <c r="A73" s="17"/>
      <c r="B73" s="17"/>
      <c r="C73" s="17"/>
      <c r="D73" s="18"/>
      <c r="E73" s="18"/>
      <c r="F73" s="18"/>
      <c r="G73" s="18"/>
      <c r="H73" s="18"/>
      <c r="I73" s="18"/>
      <c r="J73" s="18"/>
      <c r="K73" s="18"/>
      <c r="L73" s="18"/>
      <c r="M73" s="18"/>
      <c r="N73" s="18"/>
      <c r="O73" s="18"/>
      <c r="P73" s="19"/>
      <c r="Q73" s="19"/>
      <c r="R73" s="19"/>
      <c r="S73" s="19"/>
      <c r="T73" s="19"/>
      <c r="U73" s="19"/>
      <c r="V73" s="19"/>
      <c r="W73" s="19"/>
      <c r="X73" s="19"/>
      <c r="Y73" s="19"/>
      <c r="Z73" s="19"/>
      <c r="AA73" s="19"/>
    </row>
    <row r="74" spans="1:27" s="1" customFormat="1" ht="11.1" customHeight="1" outlineLevel="2" x14ac:dyDescent="0.2">
      <c r="A74" s="17">
        <v>12586</v>
      </c>
      <c r="B74" s="17"/>
      <c r="C74" s="17"/>
      <c r="D74" s="18" t="s">
        <v>45</v>
      </c>
      <c r="E74" s="18"/>
      <c r="F74" s="18"/>
      <c r="G74" s="18"/>
      <c r="H74" s="18"/>
      <c r="I74" s="18"/>
      <c r="J74" s="18"/>
      <c r="K74" s="18"/>
      <c r="L74" s="18"/>
      <c r="M74" s="18"/>
      <c r="N74" s="18"/>
      <c r="O74" s="18"/>
      <c r="P74" s="20">
        <v>2700</v>
      </c>
      <c r="Q74" s="20"/>
      <c r="R74" s="20"/>
      <c r="S74" s="20"/>
      <c r="T74" s="20">
        <v>2500</v>
      </c>
      <c r="U74" s="20"/>
      <c r="V74" s="20"/>
      <c r="W74" s="20"/>
      <c r="X74" s="19">
        <v>5</v>
      </c>
      <c r="Y74" s="19"/>
      <c r="Z74" s="19"/>
      <c r="AA74" s="19"/>
    </row>
    <row r="75" spans="1:27" s="1" customFormat="1" ht="11.1" customHeight="1" outlineLevel="2" x14ac:dyDescent="0.2">
      <c r="A75" s="17"/>
      <c r="B75" s="17"/>
      <c r="C75" s="17"/>
      <c r="D75" s="18"/>
      <c r="E75" s="18"/>
      <c r="F75" s="18"/>
      <c r="G75" s="18"/>
      <c r="H75" s="18"/>
      <c r="I75" s="18"/>
      <c r="J75" s="18"/>
      <c r="K75" s="18"/>
      <c r="L75" s="18"/>
      <c r="M75" s="18"/>
      <c r="N75" s="18"/>
      <c r="O75" s="18"/>
      <c r="P75" s="20"/>
      <c r="Q75" s="20"/>
      <c r="R75" s="20"/>
      <c r="S75" s="20"/>
      <c r="T75" s="20"/>
      <c r="U75" s="20"/>
      <c r="V75" s="20"/>
      <c r="W75" s="20"/>
      <c r="X75" s="19"/>
      <c r="Y75" s="19"/>
      <c r="Z75" s="19"/>
      <c r="AA75" s="19"/>
    </row>
    <row r="76" spans="1:27" s="1" customFormat="1" ht="11.1" customHeight="1" outlineLevel="2" x14ac:dyDescent="0.2">
      <c r="A76" s="17">
        <v>14748</v>
      </c>
      <c r="B76" s="17"/>
      <c r="C76" s="17"/>
      <c r="D76" s="18" t="s">
        <v>46</v>
      </c>
      <c r="E76" s="18"/>
      <c r="F76" s="18"/>
      <c r="G76" s="18"/>
      <c r="H76" s="18"/>
      <c r="I76" s="18"/>
      <c r="J76" s="18"/>
      <c r="K76" s="18"/>
      <c r="L76" s="18"/>
      <c r="M76" s="18"/>
      <c r="N76" s="18"/>
      <c r="O76" s="18"/>
      <c r="P76" s="19">
        <v>680</v>
      </c>
      <c r="Q76" s="19"/>
      <c r="R76" s="19"/>
      <c r="S76" s="19"/>
      <c r="T76" s="19">
        <v>600</v>
      </c>
      <c r="U76" s="19"/>
      <c r="V76" s="19"/>
      <c r="W76" s="19"/>
      <c r="X76" s="19">
        <v>4</v>
      </c>
      <c r="Y76" s="19"/>
      <c r="Z76" s="19"/>
      <c r="AA76" s="19"/>
    </row>
    <row r="77" spans="1:27" s="1" customFormat="1" ht="11.1" customHeight="1" outlineLevel="2" x14ac:dyDescent="0.2">
      <c r="A77" s="17"/>
      <c r="B77" s="17"/>
      <c r="C77" s="17"/>
      <c r="D77" s="18"/>
      <c r="E77" s="18"/>
      <c r="F77" s="18"/>
      <c r="G77" s="18"/>
      <c r="H77" s="18"/>
      <c r="I77" s="18"/>
      <c r="J77" s="18"/>
      <c r="K77" s="18"/>
      <c r="L77" s="18"/>
      <c r="M77" s="18"/>
      <c r="N77" s="18"/>
      <c r="O77" s="18"/>
      <c r="P77" s="19"/>
      <c r="Q77" s="19"/>
      <c r="R77" s="19"/>
      <c r="S77" s="19"/>
      <c r="T77" s="19"/>
      <c r="U77" s="19"/>
      <c r="V77" s="19"/>
      <c r="W77" s="19"/>
      <c r="X77" s="19"/>
      <c r="Y77" s="19"/>
      <c r="Z77" s="19"/>
      <c r="AA77" s="19"/>
    </row>
    <row r="78" spans="1:27" s="1" customFormat="1" ht="11.1" customHeight="1" outlineLevel="2" x14ac:dyDescent="0.2">
      <c r="A78" s="17">
        <v>12009</v>
      </c>
      <c r="B78" s="17"/>
      <c r="C78" s="17"/>
      <c r="D78" s="18" t="s">
        <v>47</v>
      </c>
      <c r="E78" s="18"/>
      <c r="F78" s="18"/>
      <c r="G78" s="18"/>
      <c r="H78" s="18"/>
      <c r="I78" s="18"/>
      <c r="J78" s="18"/>
      <c r="K78" s="18"/>
      <c r="L78" s="18"/>
      <c r="M78" s="18"/>
      <c r="N78" s="18"/>
      <c r="O78" s="18"/>
      <c r="P78" s="19">
        <v>250</v>
      </c>
      <c r="Q78" s="19"/>
      <c r="R78" s="19"/>
      <c r="S78" s="19"/>
      <c r="T78" s="19">
        <v>190</v>
      </c>
      <c r="U78" s="19"/>
      <c r="V78" s="19"/>
      <c r="W78" s="19"/>
      <c r="X78" s="19">
        <v>3</v>
      </c>
      <c r="Y78" s="19"/>
      <c r="Z78" s="19"/>
      <c r="AA78" s="19"/>
    </row>
    <row r="79" spans="1:27" s="1" customFormat="1" ht="11.1" customHeight="1" outlineLevel="2" x14ac:dyDescent="0.2">
      <c r="A79" s="17"/>
      <c r="B79" s="17"/>
      <c r="C79" s="17"/>
      <c r="D79" s="18"/>
      <c r="E79" s="18"/>
      <c r="F79" s="18"/>
      <c r="G79" s="18"/>
      <c r="H79" s="18"/>
      <c r="I79" s="18"/>
      <c r="J79" s="18"/>
      <c r="K79" s="18"/>
      <c r="L79" s="18"/>
      <c r="M79" s="18"/>
      <c r="N79" s="18"/>
      <c r="O79" s="18"/>
      <c r="P79" s="19"/>
      <c r="Q79" s="19"/>
      <c r="R79" s="19"/>
      <c r="S79" s="19"/>
      <c r="T79" s="19"/>
      <c r="U79" s="19"/>
      <c r="V79" s="19"/>
      <c r="W79" s="19"/>
      <c r="X79" s="19"/>
      <c r="Y79" s="19"/>
      <c r="Z79" s="19"/>
      <c r="AA79" s="19"/>
    </row>
    <row r="80" spans="1:27" s="1" customFormat="1" ht="11.1" customHeight="1" outlineLevel="2" x14ac:dyDescent="0.2">
      <c r="A80" s="17">
        <v>12008</v>
      </c>
      <c r="B80" s="17"/>
      <c r="C80" s="17"/>
      <c r="D80" s="18" t="s">
        <v>48</v>
      </c>
      <c r="E80" s="18"/>
      <c r="F80" s="18"/>
      <c r="G80" s="18"/>
      <c r="H80" s="18"/>
      <c r="I80" s="18"/>
      <c r="J80" s="18"/>
      <c r="K80" s="18"/>
      <c r="L80" s="18"/>
      <c r="M80" s="18"/>
      <c r="N80" s="18"/>
      <c r="O80" s="18"/>
      <c r="P80" s="19">
        <v>250</v>
      </c>
      <c r="Q80" s="19"/>
      <c r="R80" s="19"/>
      <c r="S80" s="19"/>
      <c r="T80" s="19">
        <v>190</v>
      </c>
      <c r="U80" s="19"/>
      <c r="V80" s="19"/>
      <c r="W80" s="19"/>
      <c r="X80" s="19">
        <v>2</v>
      </c>
      <c r="Y80" s="19"/>
      <c r="Z80" s="19"/>
      <c r="AA80" s="19"/>
    </row>
    <row r="81" spans="1:27" s="1" customFormat="1" ht="11.1" customHeight="1" outlineLevel="2" x14ac:dyDescent="0.2">
      <c r="A81" s="17"/>
      <c r="B81" s="17"/>
      <c r="C81" s="17"/>
      <c r="D81" s="18"/>
      <c r="E81" s="18"/>
      <c r="F81" s="18"/>
      <c r="G81" s="18"/>
      <c r="H81" s="18"/>
      <c r="I81" s="18"/>
      <c r="J81" s="18"/>
      <c r="K81" s="18"/>
      <c r="L81" s="18"/>
      <c r="M81" s="18"/>
      <c r="N81" s="18"/>
      <c r="O81" s="18"/>
      <c r="P81" s="19"/>
      <c r="Q81" s="19"/>
      <c r="R81" s="19"/>
      <c r="S81" s="19"/>
      <c r="T81" s="19"/>
      <c r="U81" s="19"/>
      <c r="V81" s="19"/>
      <c r="W81" s="19"/>
      <c r="X81" s="19"/>
      <c r="Y81" s="19"/>
      <c r="Z81" s="19"/>
      <c r="AA81" s="19"/>
    </row>
    <row r="82" spans="1:27" s="1" customFormat="1" ht="11.1" customHeight="1" outlineLevel="2" x14ac:dyDescent="0.2">
      <c r="A82" s="17">
        <v>12007</v>
      </c>
      <c r="B82" s="17"/>
      <c r="C82" s="17"/>
      <c r="D82" s="18" t="s">
        <v>49</v>
      </c>
      <c r="E82" s="18"/>
      <c r="F82" s="18"/>
      <c r="G82" s="18"/>
      <c r="H82" s="18"/>
      <c r="I82" s="18"/>
      <c r="J82" s="18"/>
      <c r="K82" s="18"/>
      <c r="L82" s="18"/>
      <c r="M82" s="18"/>
      <c r="N82" s="18"/>
      <c r="O82" s="18"/>
      <c r="P82" s="19">
        <v>260</v>
      </c>
      <c r="Q82" s="19"/>
      <c r="R82" s="19"/>
      <c r="S82" s="19"/>
      <c r="T82" s="19">
        <v>190</v>
      </c>
      <c r="U82" s="19"/>
      <c r="V82" s="19"/>
      <c r="W82" s="19"/>
      <c r="X82" s="19">
        <v>3</v>
      </c>
      <c r="Y82" s="19"/>
      <c r="Z82" s="19"/>
      <c r="AA82" s="19"/>
    </row>
    <row r="83" spans="1:27" s="1" customFormat="1" ht="11.1" customHeight="1" outlineLevel="2" x14ac:dyDescent="0.2">
      <c r="A83" s="17"/>
      <c r="B83" s="17"/>
      <c r="C83" s="17"/>
      <c r="D83" s="18"/>
      <c r="E83" s="18"/>
      <c r="F83" s="18"/>
      <c r="G83" s="18"/>
      <c r="H83" s="18"/>
      <c r="I83" s="18"/>
      <c r="J83" s="18"/>
      <c r="K83" s="18"/>
      <c r="L83" s="18"/>
      <c r="M83" s="18"/>
      <c r="N83" s="18"/>
      <c r="O83" s="18"/>
      <c r="P83" s="19"/>
      <c r="Q83" s="19"/>
      <c r="R83" s="19"/>
      <c r="S83" s="19"/>
      <c r="T83" s="19"/>
      <c r="U83" s="19"/>
      <c r="V83" s="19"/>
      <c r="W83" s="19"/>
      <c r="X83" s="19"/>
      <c r="Y83" s="19"/>
      <c r="Z83" s="19"/>
      <c r="AA83" s="19"/>
    </row>
    <row r="84" spans="1:27" s="1" customFormat="1" ht="11.1" customHeight="1" outlineLevel="2" x14ac:dyDescent="0.2">
      <c r="A84" s="17">
        <v>13582</v>
      </c>
      <c r="B84" s="17"/>
      <c r="C84" s="17"/>
      <c r="D84" s="18" t="s">
        <v>50</v>
      </c>
      <c r="E84" s="18"/>
      <c r="F84" s="18"/>
      <c r="G84" s="18"/>
      <c r="H84" s="18"/>
      <c r="I84" s="18"/>
      <c r="J84" s="18"/>
      <c r="K84" s="18"/>
      <c r="L84" s="18"/>
      <c r="M84" s="18"/>
      <c r="N84" s="18"/>
      <c r="O84" s="18"/>
      <c r="P84" s="19">
        <v>210</v>
      </c>
      <c r="Q84" s="19"/>
      <c r="R84" s="19"/>
      <c r="S84" s="19"/>
      <c r="T84" s="19">
        <v>150</v>
      </c>
      <c r="U84" s="19"/>
      <c r="V84" s="19"/>
      <c r="W84" s="19"/>
      <c r="X84" s="19">
        <v>5</v>
      </c>
      <c r="Y84" s="19"/>
      <c r="Z84" s="19"/>
      <c r="AA84" s="19"/>
    </row>
    <row r="85" spans="1:27" s="1" customFormat="1" ht="11.1" customHeight="1" outlineLevel="2" x14ac:dyDescent="0.2">
      <c r="A85" s="17"/>
      <c r="B85" s="17"/>
      <c r="C85" s="17"/>
      <c r="D85" s="18"/>
      <c r="E85" s="18"/>
      <c r="F85" s="18"/>
      <c r="G85" s="18"/>
      <c r="H85" s="18"/>
      <c r="I85" s="18"/>
      <c r="J85" s="18"/>
      <c r="K85" s="18"/>
      <c r="L85" s="18"/>
      <c r="M85" s="18"/>
      <c r="N85" s="18"/>
      <c r="O85" s="18"/>
      <c r="P85" s="19"/>
      <c r="Q85" s="19"/>
      <c r="R85" s="19"/>
      <c r="S85" s="19"/>
      <c r="T85" s="19"/>
      <c r="U85" s="19"/>
      <c r="V85" s="19"/>
      <c r="W85" s="19"/>
      <c r="X85" s="19"/>
      <c r="Y85" s="19"/>
      <c r="Z85" s="19"/>
      <c r="AA85" s="19"/>
    </row>
    <row r="86" spans="1:27" s="1" customFormat="1" ht="11.1" customHeight="1" outlineLevel="2" x14ac:dyDescent="0.2">
      <c r="A86" s="17">
        <v>13583</v>
      </c>
      <c r="B86" s="17"/>
      <c r="C86" s="17"/>
      <c r="D86" s="18" t="s">
        <v>51</v>
      </c>
      <c r="E86" s="18"/>
      <c r="F86" s="18"/>
      <c r="G86" s="18"/>
      <c r="H86" s="18"/>
      <c r="I86" s="18"/>
      <c r="J86" s="18"/>
      <c r="K86" s="18"/>
      <c r="L86" s="18"/>
      <c r="M86" s="18"/>
      <c r="N86" s="18"/>
      <c r="O86" s="18"/>
      <c r="P86" s="19">
        <v>260</v>
      </c>
      <c r="Q86" s="19"/>
      <c r="R86" s="19"/>
      <c r="S86" s="19"/>
      <c r="T86" s="19">
        <v>200</v>
      </c>
      <c r="U86" s="19"/>
      <c r="V86" s="19"/>
      <c r="W86" s="19"/>
      <c r="X86" s="19">
        <v>1</v>
      </c>
      <c r="Y86" s="19"/>
      <c r="Z86" s="19"/>
      <c r="AA86" s="19"/>
    </row>
    <row r="87" spans="1:27" s="1" customFormat="1" ht="11.1" customHeight="1" outlineLevel="2" x14ac:dyDescent="0.2">
      <c r="A87" s="17"/>
      <c r="B87" s="17"/>
      <c r="C87" s="17"/>
      <c r="D87" s="18"/>
      <c r="E87" s="18"/>
      <c r="F87" s="18"/>
      <c r="G87" s="18"/>
      <c r="H87" s="18"/>
      <c r="I87" s="18"/>
      <c r="J87" s="18"/>
      <c r="K87" s="18"/>
      <c r="L87" s="18"/>
      <c r="M87" s="18"/>
      <c r="N87" s="18"/>
      <c r="O87" s="18"/>
      <c r="P87" s="19"/>
      <c r="Q87" s="19"/>
      <c r="R87" s="19"/>
      <c r="S87" s="19"/>
      <c r="T87" s="19"/>
      <c r="U87" s="19"/>
      <c r="V87" s="19"/>
      <c r="W87" s="19"/>
      <c r="X87" s="19"/>
      <c r="Y87" s="19"/>
      <c r="Z87" s="19"/>
      <c r="AA87" s="19"/>
    </row>
    <row r="88" spans="1:27" s="1" customFormat="1" ht="11.1" customHeight="1" outlineLevel="2" x14ac:dyDescent="0.2">
      <c r="A88" s="17">
        <v>13584</v>
      </c>
      <c r="B88" s="17"/>
      <c r="C88" s="17"/>
      <c r="D88" s="18" t="s">
        <v>52</v>
      </c>
      <c r="E88" s="18"/>
      <c r="F88" s="18"/>
      <c r="G88" s="18"/>
      <c r="H88" s="18"/>
      <c r="I88" s="18"/>
      <c r="J88" s="18"/>
      <c r="K88" s="18"/>
      <c r="L88" s="18"/>
      <c r="M88" s="18"/>
      <c r="N88" s="18"/>
      <c r="O88" s="18"/>
      <c r="P88" s="19">
        <v>260</v>
      </c>
      <c r="Q88" s="19"/>
      <c r="R88" s="19"/>
      <c r="S88" s="19"/>
      <c r="T88" s="19">
        <v>200</v>
      </c>
      <c r="U88" s="19"/>
      <c r="V88" s="19"/>
      <c r="W88" s="19"/>
      <c r="X88" s="19">
        <v>3</v>
      </c>
      <c r="Y88" s="19"/>
      <c r="Z88" s="19"/>
      <c r="AA88" s="19"/>
    </row>
    <row r="89" spans="1:27" s="1" customFormat="1" ht="11.1" customHeight="1" outlineLevel="2" x14ac:dyDescent="0.2">
      <c r="A89" s="17"/>
      <c r="B89" s="17"/>
      <c r="C89" s="17"/>
      <c r="D89" s="18"/>
      <c r="E89" s="18"/>
      <c r="F89" s="18"/>
      <c r="G89" s="18"/>
      <c r="H89" s="18"/>
      <c r="I89" s="18"/>
      <c r="J89" s="18"/>
      <c r="K89" s="18"/>
      <c r="L89" s="18"/>
      <c r="M89" s="18"/>
      <c r="N89" s="18"/>
      <c r="O89" s="18"/>
      <c r="P89" s="19"/>
      <c r="Q89" s="19"/>
      <c r="R89" s="19"/>
      <c r="S89" s="19"/>
      <c r="T89" s="19"/>
      <c r="U89" s="19"/>
      <c r="V89" s="19"/>
      <c r="W89" s="19"/>
      <c r="X89" s="19"/>
      <c r="Y89" s="19"/>
      <c r="Z89" s="19"/>
      <c r="AA89" s="19"/>
    </row>
    <row r="90" spans="1:27" s="1" customFormat="1" ht="11.1" customHeight="1" outlineLevel="2" x14ac:dyDescent="0.2">
      <c r="A90" s="17">
        <v>13585</v>
      </c>
      <c r="B90" s="17"/>
      <c r="C90" s="17"/>
      <c r="D90" s="18" t="s">
        <v>53</v>
      </c>
      <c r="E90" s="18"/>
      <c r="F90" s="18"/>
      <c r="G90" s="18"/>
      <c r="H90" s="18"/>
      <c r="I90" s="18"/>
      <c r="J90" s="18"/>
      <c r="K90" s="18"/>
      <c r="L90" s="18"/>
      <c r="M90" s="18"/>
      <c r="N90" s="18"/>
      <c r="O90" s="18"/>
      <c r="P90" s="19">
        <v>260</v>
      </c>
      <c r="Q90" s="19"/>
      <c r="R90" s="19"/>
      <c r="S90" s="19"/>
      <c r="T90" s="19">
        <v>200</v>
      </c>
      <c r="U90" s="19"/>
      <c r="V90" s="19"/>
      <c r="W90" s="19"/>
      <c r="X90" s="19">
        <v>2</v>
      </c>
      <c r="Y90" s="19"/>
      <c r="Z90" s="19"/>
      <c r="AA90" s="19"/>
    </row>
    <row r="91" spans="1:27" s="1" customFormat="1" ht="11.1" customHeight="1" outlineLevel="2" x14ac:dyDescent="0.2">
      <c r="A91" s="17"/>
      <c r="B91" s="17"/>
      <c r="C91" s="17"/>
      <c r="D91" s="18"/>
      <c r="E91" s="18"/>
      <c r="F91" s="18"/>
      <c r="G91" s="18"/>
      <c r="H91" s="18"/>
      <c r="I91" s="18"/>
      <c r="J91" s="18"/>
      <c r="K91" s="18"/>
      <c r="L91" s="18"/>
      <c r="M91" s="18"/>
      <c r="N91" s="18"/>
      <c r="O91" s="18"/>
      <c r="P91" s="19"/>
      <c r="Q91" s="19"/>
      <c r="R91" s="19"/>
      <c r="S91" s="19"/>
      <c r="T91" s="19"/>
      <c r="U91" s="19"/>
      <c r="V91" s="19"/>
      <c r="W91" s="19"/>
      <c r="X91" s="19"/>
      <c r="Y91" s="19"/>
      <c r="Z91" s="19"/>
      <c r="AA91" s="19"/>
    </row>
    <row r="92" spans="1:27" s="1" customFormat="1" ht="11.1" customHeight="1" outlineLevel="1" x14ac:dyDescent="0.2">
      <c r="A92" s="16" t="s">
        <v>54</v>
      </c>
      <c r="B92" s="16"/>
      <c r="C92" s="16"/>
      <c r="D92" s="16"/>
      <c r="E92" s="16"/>
      <c r="F92" s="16"/>
      <c r="G92" s="16"/>
      <c r="H92" s="16"/>
      <c r="I92" s="16"/>
      <c r="J92" s="16"/>
      <c r="K92" s="16"/>
      <c r="L92" s="16"/>
      <c r="M92" s="16"/>
      <c r="N92" s="16"/>
      <c r="O92" s="16"/>
      <c r="P92" s="16"/>
      <c r="Q92" s="16"/>
      <c r="R92" s="16"/>
      <c r="S92" s="16"/>
      <c r="T92" s="16"/>
      <c r="U92" s="16"/>
      <c r="V92" s="16"/>
      <c r="W92" s="16"/>
      <c r="X92" s="16"/>
      <c r="Y92" s="16"/>
      <c r="Z92" s="16"/>
      <c r="AA92" s="16"/>
    </row>
    <row r="93" spans="1:27" s="1" customFormat="1" ht="11.1" customHeight="1" outlineLevel="1" x14ac:dyDescent="0.2">
      <c r="A93" s="16"/>
      <c r="B93" s="16"/>
      <c r="C93" s="16"/>
      <c r="D93" s="16"/>
      <c r="E93" s="16"/>
      <c r="F93" s="16"/>
      <c r="G93" s="16"/>
      <c r="H93" s="16"/>
      <c r="I93" s="16"/>
      <c r="J93" s="16"/>
      <c r="K93" s="16"/>
      <c r="L93" s="16"/>
      <c r="M93" s="16"/>
      <c r="N93" s="16"/>
      <c r="O93" s="16"/>
      <c r="P93" s="16"/>
      <c r="Q93" s="16"/>
      <c r="R93" s="16"/>
      <c r="S93" s="16"/>
      <c r="T93" s="16"/>
      <c r="U93" s="16"/>
      <c r="V93" s="16"/>
      <c r="W93" s="16"/>
      <c r="X93" s="16"/>
      <c r="Y93" s="16"/>
      <c r="Z93" s="16"/>
      <c r="AA93" s="16"/>
    </row>
    <row r="94" spans="1:27" s="1" customFormat="1" ht="11.1" customHeight="1" outlineLevel="2" x14ac:dyDescent="0.2">
      <c r="A94" s="17">
        <v>12179</v>
      </c>
      <c r="B94" s="17"/>
      <c r="C94" s="17"/>
      <c r="D94" s="18" t="s">
        <v>55</v>
      </c>
      <c r="E94" s="18"/>
      <c r="F94" s="18"/>
      <c r="G94" s="18"/>
      <c r="H94" s="18"/>
      <c r="I94" s="18"/>
      <c r="J94" s="18"/>
      <c r="K94" s="18"/>
      <c r="L94" s="18"/>
      <c r="M94" s="18"/>
      <c r="N94" s="18"/>
      <c r="O94" s="18"/>
      <c r="P94" s="20">
        <v>1100</v>
      </c>
      <c r="Q94" s="20"/>
      <c r="R94" s="20"/>
      <c r="S94" s="20"/>
      <c r="T94" s="19">
        <v>900</v>
      </c>
      <c r="U94" s="19"/>
      <c r="V94" s="19"/>
      <c r="W94" s="19"/>
      <c r="X94" s="19">
        <v>1</v>
      </c>
      <c r="Y94" s="19"/>
      <c r="Z94" s="19"/>
      <c r="AA94" s="19"/>
    </row>
    <row r="95" spans="1:27" s="1" customFormat="1" ht="11.1" customHeight="1" outlineLevel="2" x14ac:dyDescent="0.2">
      <c r="A95" s="17"/>
      <c r="B95" s="17"/>
      <c r="C95" s="17"/>
      <c r="D95" s="18"/>
      <c r="E95" s="18"/>
      <c r="F95" s="18"/>
      <c r="G95" s="18"/>
      <c r="H95" s="18"/>
      <c r="I95" s="18"/>
      <c r="J95" s="18"/>
      <c r="K95" s="18"/>
      <c r="L95" s="18"/>
      <c r="M95" s="18"/>
      <c r="N95" s="18"/>
      <c r="O95" s="18"/>
      <c r="P95" s="20"/>
      <c r="Q95" s="20"/>
      <c r="R95" s="20"/>
      <c r="S95" s="20"/>
      <c r="T95" s="19"/>
      <c r="U95" s="19"/>
      <c r="V95" s="19"/>
      <c r="W95" s="19"/>
      <c r="X95" s="19"/>
      <c r="Y95" s="19"/>
      <c r="Z95" s="19"/>
      <c r="AA95" s="19"/>
    </row>
    <row r="96" spans="1:27" s="1" customFormat="1" ht="14.1" customHeight="1" outlineLevel="2" x14ac:dyDescent="0.2">
      <c r="A96" s="17">
        <v>16026</v>
      </c>
      <c r="B96" s="17"/>
      <c r="C96" s="17"/>
      <c r="D96" s="18" t="s">
        <v>56</v>
      </c>
      <c r="E96" s="18"/>
      <c r="F96" s="18"/>
      <c r="G96" s="18"/>
      <c r="H96" s="18"/>
      <c r="I96" s="18"/>
      <c r="J96" s="18"/>
      <c r="K96" s="18"/>
      <c r="L96" s="18"/>
      <c r="M96" s="18"/>
      <c r="N96" s="18"/>
      <c r="O96" s="18"/>
      <c r="P96" s="20">
        <v>5300</v>
      </c>
      <c r="Q96" s="20"/>
      <c r="R96" s="20"/>
      <c r="S96" s="20"/>
      <c r="T96" s="20">
        <v>4900</v>
      </c>
      <c r="U96" s="20"/>
      <c r="V96" s="20"/>
      <c r="W96" s="20"/>
      <c r="X96" s="19">
        <v>2</v>
      </c>
      <c r="Y96" s="19"/>
      <c r="Z96" s="19"/>
      <c r="AA96" s="19"/>
    </row>
    <row r="97" spans="1:27" s="1" customFormat="1" ht="14.1" customHeight="1" outlineLevel="2" x14ac:dyDescent="0.2">
      <c r="A97" s="17"/>
      <c r="B97" s="17"/>
      <c r="C97" s="17"/>
      <c r="D97" s="18"/>
      <c r="E97" s="18"/>
      <c r="F97" s="18"/>
      <c r="G97" s="18"/>
      <c r="H97" s="18"/>
      <c r="I97" s="18"/>
      <c r="J97" s="18"/>
      <c r="K97" s="18"/>
      <c r="L97" s="18"/>
      <c r="M97" s="18"/>
      <c r="N97" s="18"/>
      <c r="O97" s="18"/>
      <c r="P97" s="20"/>
      <c r="Q97" s="20"/>
      <c r="R97" s="20"/>
      <c r="S97" s="20"/>
      <c r="T97" s="20"/>
      <c r="U97" s="20"/>
      <c r="V97" s="20"/>
      <c r="W97" s="20"/>
      <c r="X97" s="19"/>
      <c r="Y97" s="19"/>
      <c r="Z97" s="19"/>
      <c r="AA97" s="19"/>
    </row>
    <row r="98" spans="1:27" s="1" customFormat="1" ht="11.1" customHeight="1" outlineLevel="2" x14ac:dyDescent="0.2">
      <c r="A98" s="17">
        <v>6670</v>
      </c>
      <c r="B98" s="17"/>
      <c r="C98" s="17"/>
      <c r="D98" s="18" t="s">
        <v>57</v>
      </c>
      <c r="E98" s="18"/>
      <c r="F98" s="18"/>
      <c r="G98" s="18"/>
      <c r="H98" s="18"/>
      <c r="I98" s="18"/>
      <c r="J98" s="18"/>
      <c r="K98" s="18"/>
      <c r="L98" s="18"/>
      <c r="M98" s="18"/>
      <c r="N98" s="18"/>
      <c r="O98" s="18"/>
      <c r="P98" s="19">
        <v>350</v>
      </c>
      <c r="Q98" s="19"/>
      <c r="R98" s="19"/>
      <c r="S98" s="19"/>
      <c r="T98" s="19">
        <v>300</v>
      </c>
      <c r="U98" s="19"/>
      <c r="V98" s="19"/>
      <c r="W98" s="19"/>
      <c r="X98" s="19">
        <v>1</v>
      </c>
      <c r="Y98" s="19"/>
      <c r="Z98" s="19"/>
      <c r="AA98" s="19"/>
    </row>
    <row r="99" spans="1:27" s="1" customFormat="1" ht="11.1" customHeight="1" outlineLevel="2" x14ac:dyDescent="0.2">
      <c r="A99" s="17"/>
      <c r="B99" s="17"/>
      <c r="C99" s="17"/>
      <c r="D99" s="18"/>
      <c r="E99" s="18"/>
      <c r="F99" s="18"/>
      <c r="G99" s="18"/>
      <c r="H99" s="18"/>
      <c r="I99" s="18"/>
      <c r="J99" s="18"/>
      <c r="K99" s="18"/>
      <c r="L99" s="18"/>
      <c r="M99" s="18"/>
      <c r="N99" s="18"/>
      <c r="O99" s="18"/>
      <c r="P99" s="19"/>
      <c r="Q99" s="19"/>
      <c r="R99" s="19"/>
      <c r="S99" s="19"/>
      <c r="T99" s="19"/>
      <c r="U99" s="19"/>
      <c r="V99" s="19"/>
      <c r="W99" s="19"/>
      <c r="X99" s="19"/>
      <c r="Y99" s="19"/>
      <c r="Z99" s="19"/>
      <c r="AA99" s="19"/>
    </row>
    <row r="100" spans="1:27" s="1" customFormat="1" ht="11.1" customHeight="1" outlineLevel="2" x14ac:dyDescent="0.2">
      <c r="A100" s="17">
        <v>6726</v>
      </c>
      <c r="B100" s="17"/>
      <c r="C100" s="17"/>
      <c r="D100" s="18" t="s">
        <v>58</v>
      </c>
      <c r="E100" s="18"/>
      <c r="F100" s="18"/>
      <c r="G100" s="18"/>
      <c r="H100" s="18"/>
      <c r="I100" s="18"/>
      <c r="J100" s="18"/>
      <c r="K100" s="18"/>
      <c r="L100" s="18"/>
      <c r="M100" s="18"/>
      <c r="N100" s="18"/>
      <c r="O100" s="18"/>
      <c r="P100" s="19">
        <v>850</v>
      </c>
      <c r="Q100" s="19"/>
      <c r="R100" s="19"/>
      <c r="S100" s="19"/>
      <c r="T100" s="19">
        <v>800</v>
      </c>
      <c r="U100" s="19"/>
      <c r="V100" s="19"/>
      <c r="W100" s="19"/>
      <c r="X100" s="19">
        <v>1</v>
      </c>
      <c r="Y100" s="19"/>
      <c r="Z100" s="19"/>
      <c r="AA100" s="19"/>
    </row>
    <row r="101" spans="1:27" s="1" customFormat="1" ht="11.1" customHeight="1" outlineLevel="2" x14ac:dyDescent="0.2">
      <c r="A101" s="17"/>
      <c r="B101" s="17"/>
      <c r="C101" s="17"/>
      <c r="D101" s="18"/>
      <c r="E101" s="18"/>
      <c r="F101" s="18"/>
      <c r="G101" s="18"/>
      <c r="H101" s="18"/>
      <c r="I101" s="18"/>
      <c r="J101" s="18"/>
      <c r="K101" s="18"/>
      <c r="L101" s="18"/>
      <c r="M101" s="18"/>
      <c r="N101" s="18"/>
      <c r="O101" s="18"/>
      <c r="P101" s="19"/>
      <c r="Q101" s="19"/>
      <c r="R101" s="19"/>
      <c r="S101" s="19"/>
      <c r="T101" s="19"/>
      <c r="U101" s="19"/>
      <c r="V101" s="19"/>
      <c r="W101" s="19"/>
      <c r="X101" s="19"/>
      <c r="Y101" s="19"/>
      <c r="Z101" s="19"/>
      <c r="AA101" s="19"/>
    </row>
    <row r="102" spans="1:27" s="1" customFormat="1" ht="11.1" customHeight="1" outlineLevel="2" x14ac:dyDescent="0.2">
      <c r="A102" s="17">
        <v>10271</v>
      </c>
      <c r="B102" s="17"/>
      <c r="C102" s="17"/>
      <c r="D102" s="18" t="s">
        <v>59</v>
      </c>
      <c r="E102" s="18"/>
      <c r="F102" s="18"/>
      <c r="G102" s="18"/>
      <c r="H102" s="18"/>
      <c r="I102" s="18"/>
      <c r="J102" s="18"/>
      <c r="K102" s="18"/>
      <c r="L102" s="18"/>
      <c r="M102" s="18"/>
      <c r="N102" s="18"/>
      <c r="O102" s="18"/>
      <c r="P102" s="19">
        <v>120</v>
      </c>
      <c r="Q102" s="19"/>
      <c r="R102" s="19"/>
      <c r="S102" s="19"/>
      <c r="T102" s="19">
        <v>90</v>
      </c>
      <c r="U102" s="19"/>
      <c r="V102" s="19"/>
      <c r="W102" s="19"/>
      <c r="X102" s="19">
        <v>1</v>
      </c>
      <c r="Y102" s="19"/>
      <c r="Z102" s="19"/>
      <c r="AA102" s="19"/>
    </row>
    <row r="103" spans="1:27" s="1" customFormat="1" ht="11.1" customHeight="1" outlineLevel="2" x14ac:dyDescent="0.2">
      <c r="A103" s="17"/>
      <c r="B103" s="17"/>
      <c r="C103" s="17"/>
      <c r="D103" s="18"/>
      <c r="E103" s="18"/>
      <c r="F103" s="18"/>
      <c r="G103" s="18"/>
      <c r="H103" s="18"/>
      <c r="I103" s="18"/>
      <c r="J103" s="18"/>
      <c r="K103" s="18"/>
      <c r="L103" s="18"/>
      <c r="M103" s="18"/>
      <c r="N103" s="18"/>
      <c r="O103" s="18"/>
      <c r="P103" s="19"/>
      <c r="Q103" s="19"/>
      <c r="R103" s="19"/>
      <c r="S103" s="19"/>
      <c r="T103" s="19"/>
      <c r="U103" s="19"/>
      <c r="V103" s="19"/>
      <c r="W103" s="19"/>
      <c r="X103" s="19"/>
      <c r="Y103" s="19"/>
      <c r="Z103" s="19"/>
      <c r="AA103" s="19"/>
    </row>
    <row r="104" spans="1:27" s="1" customFormat="1" ht="11.1" customHeight="1" outlineLevel="2" x14ac:dyDescent="0.2">
      <c r="A104" s="17">
        <v>10277</v>
      </c>
      <c r="B104" s="17"/>
      <c r="C104" s="17"/>
      <c r="D104" s="18" t="s">
        <v>60</v>
      </c>
      <c r="E104" s="18"/>
      <c r="F104" s="18"/>
      <c r="G104" s="18"/>
      <c r="H104" s="18"/>
      <c r="I104" s="18"/>
      <c r="J104" s="18"/>
      <c r="K104" s="18"/>
      <c r="L104" s="18"/>
      <c r="M104" s="18"/>
      <c r="N104" s="18"/>
      <c r="O104" s="18"/>
      <c r="P104" s="19">
        <v>220</v>
      </c>
      <c r="Q104" s="19"/>
      <c r="R104" s="19"/>
      <c r="S104" s="19"/>
      <c r="T104" s="19">
        <v>150</v>
      </c>
      <c r="U104" s="19"/>
      <c r="V104" s="19"/>
      <c r="W104" s="19"/>
      <c r="X104" s="19">
        <v>3</v>
      </c>
      <c r="Y104" s="19"/>
      <c r="Z104" s="19"/>
      <c r="AA104" s="19"/>
    </row>
    <row r="105" spans="1:27" s="1" customFormat="1" ht="11.1" customHeight="1" outlineLevel="2" x14ac:dyDescent="0.2">
      <c r="A105" s="17"/>
      <c r="B105" s="17"/>
      <c r="C105" s="17"/>
      <c r="D105" s="18"/>
      <c r="E105" s="18"/>
      <c r="F105" s="18"/>
      <c r="G105" s="18"/>
      <c r="H105" s="18"/>
      <c r="I105" s="18"/>
      <c r="J105" s="18"/>
      <c r="K105" s="18"/>
      <c r="L105" s="18"/>
      <c r="M105" s="18"/>
      <c r="N105" s="18"/>
      <c r="O105" s="18"/>
      <c r="P105" s="19"/>
      <c r="Q105" s="19"/>
      <c r="R105" s="19"/>
      <c r="S105" s="19"/>
      <c r="T105" s="19"/>
      <c r="U105" s="19"/>
      <c r="V105" s="19"/>
      <c r="W105" s="19"/>
      <c r="X105" s="19"/>
      <c r="Y105" s="19"/>
      <c r="Z105" s="19"/>
      <c r="AA105" s="19"/>
    </row>
    <row r="106" spans="1:27" s="1" customFormat="1" ht="14.1" customHeight="1" outlineLevel="2" x14ac:dyDescent="0.2">
      <c r="A106" s="17">
        <v>10278</v>
      </c>
      <c r="B106" s="17"/>
      <c r="C106" s="17"/>
      <c r="D106" s="18" t="s">
        <v>61</v>
      </c>
      <c r="E106" s="18"/>
      <c r="F106" s="18"/>
      <c r="G106" s="18"/>
      <c r="H106" s="18"/>
      <c r="I106" s="18"/>
      <c r="J106" s="18"/>
      <c r="K106" s="18"/>
      <c r="L106" s="18"/>
      <c r="M106" s="18"/>
      <c r="N106" s="18"/>
      <c r="O106" s="18"/>
      <c r="P106" s="19">
        <v>220</v>
      </c>
      <c r="Q106" s="19"/>
      <c r="R106" s="19"/>
      <c r="S106" s="19"/>
      <c r="T106" s="19">
        <v>150</v>
      </c>
      <c r="U106" s="19"/>
      <c r="V106" s="19"/>
      <c r="W106" s="19"/>
      <c r="X106" s="19">
        <v>3</v>
      </c>
      <c r="Y106" s="19"/>
      <c r="Z106" s="19"/>
      <c r="AA106" s="19"/>
    </row>
    <row r="107" spans="1:27" s="1" customFormat="1" ht="14.1" customHeight="1" outlineLevel="2" x14ac:dyDescent="0.2">
      <c r="A107" s="17"/>
      <c r="B107" s="17"/>
      <c r="C107" s="17"/>
      <c r="D107" s="18"/>
      <c r="E107" s="18"/>
      <c r="F107" s="18"/>
      <c r="G107" s="18"/>
      <c r="H107" s="18"/>
      <c r="I107" s="18"/>
      <c r="J107" s="18"/>
      <c r="K107" s="18"/>
      <c r="L107" s="18"/>
      <c r="M107" s="18"/>
      <c r="N107" s="18"/>
      <c r="O107" s="18"/>
      <c r="P107" s="19"/>
      <c r="Q107" s="19"/>
      <c r="R107" s="19"/>
      <c r="S107" s="19"/>
      <c r="T107" s="19"/>
      <c r="U107" s="19"/>
      <c r="V107" s="19"/>
      <c r="W107" s="19"/>
      <c r="X107" s="19"/>
      <c r="Y107" s="19"/>
      <c r="Z107" s="19"/>
      <c r="AA107" s="19"/>
    </row>
    <row r="108" spans="1:27" s="1" customFormat="1" ht="14.1" customHeight="1" outlineLevel="2" x14ac:dyDescent="0.2">
      <c r="A108" s="17">
        <v>10275</v>
      </c>
      <c r="B108" s="17"/>
      <c r="C108" s="17"/>
      <c r="D108" s="18" t="s">
        <v>62</v>
      </c>
      <c r="E108" s="18"/>
      <c r="F108" s="18"/>
      <c r="G108" s="18"/>
      <c r="H108" s="18"/>
      <c r="I108" s="18"/>
      <c r="J108" s="18"/>
      <c r="K108" s="18"/>
      <c r="L108" s="18"/>
      <c r="M108" s="18"/>
      <c r="N108" s="18"/>
      <c r="O108" s="18"/>
      <c r="P108" s="19">
        <v>220</v>
      </c>
      <c r="Q108" s="19"/>
      <c r="R108" s="19"/>
      <c r="S108" s="19"/>
      <c r="T108" s="19">
        <v>195</v>
      </c>
      <c r="U108" s="19"/>
      <c r="V108" s="19"/>
      <c r="W108" s="19"/>
      <c r="X108" s="19">
        <v>5</v>
      </c>
      <c r="Y108" s="19"/>
      <c r="Z108" s="19"/>
      <c r="AA108" s="19"/>
    </row>
    <row r="109" spans="1:27" s="1" customFormat="1" ht="14.1" customHeight="1" outlineLevel="2" x14ac:dyDescent="0.2">
      <c r="A109" s="17"/>
      <c r="B109" s="17"/>
      <c r="C109" s="17"/>
      <c r="D109" s="18"/>
      <c r="E109" s="18"/>
      <c r="F109" s="18"/>
      <c r="G109" s="18"/>
      <c r="H109" s="18"/>
      <c r="I109" s="18"/>
      <c r="J109" s="18"/>
      <c r="K109" s="18"/>
      <c r="L109" s="18"/>
      <c r="M109" s="18"/>
      <c r="N109" s="18"/>
      <c r="O109" s="18"/>
      <c r="P109" s="19"/>
      <c r="Q109" s="19"/>
      <c r="R109" s="19"/>
      <c r="S109" s="19"/>
      <c r="T109" s="19"/>
      <c r="U109" s="19"/>
      <c r="V109" s="19"/>
      <c r="W109" s="19"/>
      <c r="X109" s="19"/>
      <c r="Y109" s="19"/>
      <c r="Z109" s="19"/>
      <c r="AA109" s="19"/>
    </row>
    <row r="110" spans="1:27" s="1" customFormat="1" ht="14.1" customHeight="1" outlineLevel="2" x14ac:dyDescent="0.2">
      <c r="A110" s="17">
        <v>10690</v>
      </c>
      <c r="B110" s="17"/>
      <c r="C110" s="17"/>
      <c r="D110" s="18" t="s">
        <v>63</v>
      </c>
      <c r="E110" s="18"/>
      <c r="F110" s="18"/>
      <c r="G110" s="18"/>
      <c r="H110" s="18"/>
      <c r="I110" s="18"/>
      <c r="J110" s="18"/>
      <c r="K110" s="18"/>
      <c r="L110" s="18"/>
      <c r="M110" s="18"/>
      <c r="N110" s="18"/>
      <c r="O110" s="18"/>
      <c r="P110" s="19">
        <v>110</v>
      </c>
      <c r="Q110" s="19"/>
      <c r="R110" s="19"/>
      <c r="S110" s="19"/>
      <c r="T110" s="19">
        <v>90</v>
      </c>
      <c r="U110" s="19"/>
      <c r="V110" s="19"/>
      <c r="W110" s="19"/>
      <c r="X110" s="19">
        <v>1</v>
      </c>
      <c r="Y110" s="19"/>
      <c r="Z110" s="19"/>
      <c r="AA110" s="19"/>
    </row>
    <row r="111" spans="1:27" s="1" customFormat="1" ht="14.1" customHeight="1" outlineLevel="2" x14ac:dyDescent="0.2">
      <c r="A111" s="17"/>
      <c r="B111" s="17"/>
      <c r="C111" s="17"/>
      <c r="D111" s="18"/>
      <c r="E111" s="18"/>
      <c r="F111" s="18"/>
      <c r="G111" s="18"/>
      <c r="H111" s="18"/>
      <c r="I111" s="18"/>
      <c r="J111" s="18"/>
      <c r="K111" s="18"/>
      <c r="L111" s="18"/>
      <c r="M111" s="18"/>
      <c r="N111" s="18"/>
      <c r="O111" s="18"/>
      <c r="P111" s="19"/>
      <c r="Q111" s="19"/>
      <c r="R111" s="19"/>
      <c r="S111" s="19"/>
      <c r="T111" s="19"/>
      <c r="U111" s="19"/>
      <c r="V111" s="19"/>
      <c r="W111" s="19"/>
      <c r="X111" s="19"/>
      <c r="Y111" s="19"/>
      <c r="Z111" s="19"/>
      <c r="AA111" s="19"/>
    </row>
    <row r="112" spans="1:27" s="1" customFormat="1" ht="14.1" customHeight="1" outlineLevel="2" x14ac:dyDescent="0.2">
      <c r="A112" s="17">
        <v>10276</v>
      </c>
      <c r="B112" s="17"/>
      <c r="C112" s="17"/>
      <c r="D112" s="18" t="s">
        <v>64</v>
      </c>
      <c r="E112" s="18"/>
      <c r="F112" s="18"/>
      <c r="G112" s="18"/>
      <c r="H112" s="18"/>
      <c r="I112" s="18"/>
      <c r="J112" s="18"/>
      <c r="K112" s="18"/>
      <c r="L112" s="18"/>
      <c r="M112" s="18"/>
      <c r="N112" s="18"/>
      <c r="O112" s="18"/>
      <c r="P112" s="19">
        <v>110</v>
      </c>
      <c r="Q112" s="19"/>
      <c r="R112" s="19"/>
      <c r="S112" s="19"/>
      <c r="T112" s="19">
        <v>95</v>
      </c>
      <c r="U112" s="19"/>
      <c r="V112" s="19"/>
      <c r="W112" s="19"/>
      <c r="X112" s="19">
        <v>4</v>
      </c>
      <c r="Y112" s="19"/>
      <c r="Z112" s="19"/>
      <c r="AA112" s="19"/>
    </row>
    <row r="113" spans="1:27" s="1" customFormat="1" ht="14.1" customHeight="1" outlineLevel="2" x14ac:dyDescent="0.2">
      <c r="A113" s="17"/>
      <c r="B113" s="17"/>
      <c r="C113" s="17"/>
      <c r="D113" s="18"/>
      <c r="E113" s="18"/>
      <c r="F113" s="18"/>
      <c r="G113" s="18"/>
      <c r="H113" s="18"/>
      <c r="I113" s="18"/>
      <c r="J113" s="18"/>
      <c r="K113" s="18"/>
      <c r="L113" s="18"/>
      <c r="M113" s="18"/>
      <c r="N113" s="18"/>
      <c r="O113" s="18"/>
      <c r="P113" s="19"/>
      <c r="Q113" s="19"/>
      <c r="R113" s="19"/>
      <c r="S113" s="19"/>
      <c r="T113" s="19"/>
      <c r="U113" s="19"/>
      <c r="V113" s="19"/>
      <c r="W113" s="19"/>
      <c r="X113" s="19"/>
      <c r="Y113" s="19"/>
      <c r="Z113" s="19"/>
      <c r="AA113" s="19"/>
    </row>
    <row r="114" spans="1:27" s="1" customFormat="1" ht="11.1" customHeight="1" outlineLevel="2" x14ac:dyDescent="0.2">
      <c r="A114" s="17">
        <v>16426</v>
      </c>
      <c r="B114" s="17"/>
      <c r="C114" s="17"/>
      <c r="D114" s="18" t="s">
        <v>65</v>
      </c>
      <c r="E114" s="18"/>
      <c r="F114" s="18"/>
      <c r="G114" s="18"/>
      <c r="H114" s="18"/>
      <c r="I114" s="18"/>
      <c r="J114" s="18"/>
      <c r="K114" s="18"/>
      <c r="L114" s="18"/>
      <c r="M114" s="18"/>
      <c r="N114" s="18"/>
      <c r="O114" s="18"/>
      <c r="P114" s="20">
        <v>1100</v>
      </c>
      <c r="Q114" s="20"/>
      <c r="R114" s="20"/>
      <c r="S114" s="20"/>
      <c r="T114" s="19">
        <v>950</v>
      </c>
      <c r="U114" s="19"/>
      <c r="V114" s="19"/>
      <c r="W114" s="19"/>
      <c r="X114" s="19">
        <v>3</v>
      </c>
      <c r="Y114" s="19"/>
      <c r="Z114" s="19"/>
      <c r="AA114" s="19"/>
    </row>
    <row r="115" spans="1:27" s="1" customFormat="1" ht="11.1" customHeight="1" outlineLevel="2" x14ac:dyDescent="0.2">
      <c r="A115" s="17"/>
      <c r="B115" s="17"/>
      <c r="C115" s="17"/>
      <c r="D115" s="18"/>
      <c r="E115" s="18"/>
      <c r="F115" s="18"/>
      <c r="G115" s="18"/>
      <c r="H115" s="18"/>
      <c r="I115" s="18"/>
      <c r="J115" s="18"/>
      <c r="K115" s="18"/>
      <c r="L115" s="18"/>
      <c r="M115" s="18"/>
      <c r="N115" s="18"/>
      <c r="O115" s="18"/>
      <c r="P115" s="20"/>
      <c r="Q115" s="20"/>
      <c r="R115" s="20"/>
      <c r="S115" s="20"/>
      <c r="T115" s="19"/>
      <c r="U115" s="19"/>
      <c r="V115" s="19"/>
      <c r="W115" s="19"/>
      <c r="X115" s="19"/>
      <c r="Y115" s="19"/>
      <c r="Z115" s="19"/>
      <c r="AA115" s="19"/>
    </row>
    <row r="116" spans="1:27" s="1" customFormat="1" ht="14.1" customHeight="1" outlineLevel="2" x14ac:dyDescent="0.2">
      <c r="A116" s="17">
        <v>14818</v>
      </c>
      <c r="B116" s="17"/>
      <c r="C116" s="17"/>
      <c r="D116" s="18" t="s">
        <v>66</v>
      </c>
      <c r="E116" s="18"/>
      <c r="F116" s="18"/>
      <c r="G116" s="18"/>
      <c r="H116" s="18"/>
      <c r="I116" s="18"/>
      <c r="J116" s="18"/>
      <c r="K116" s="18"/>
      <c r="L116" s="18"/>
      <c r="M116" s="18"/>
      <c r="N116" s="18"/>
      <c r="O116" s="18"/>
      <c r="P116" s="19">
        <v>660</v>
      </c>
      <c r="Q116" s="19"/>
      <c r="R116" s="19"/>
      <c r="S116" s="19"/>
      <c r="T116" s="19">
        <v>590</v>
      </c>
      <c r="U116" s="19"/>
      <c r="V116" s="19"/>
      <c r="W116" s="19"/>
      <c r="X116" s="19">
        <v>2</v>
      </c>
      <c r="Y116" s="19"/>
      <c r="Z116" s="19"/>
      <c r="AA116" s="19"/>
    </row>
    <row r="117" spans="1:27" s="1" customFormat="1" ht="14.1" customHeight="1" outlineLevel="2" x14ac:dyDescent="0.2">
      <c r="A117" s="17"/>
      <c r="B117" s="17"/>
      <c r="C117" s="17"/>
      <c r="D117" s="18"/>
      <c r="E117" s="18"/>
      <c r="F117" s="18"/>
      <c r="G117" s="18"/>
      <c r="H117" s="18"/>
      <c r="I117" s="18"/>
      <c r="J117" s="18"/>
      <c r="K117" s="18"/>
      <c r="L117" s="18"/>
      <c r="M117" s="18"/>
      <c r="N117" s="18"/>
      <c r="O117" s="18"/>
      <c r="P117" s="19"/>
      <c r="Q117" s="19"/>
      <c r="R117" s="19"/>
      <c r="S117" s="19"/>
      <c r="T117" s="19"/>
      <c r="U117" s="19"/>
      <c r="V117" s="19"/>
      <c r="W117" s="19"/>
      <c r="X117" s="19"/>
      <c r="Y117" s="19"/>
      <c r="Z117" s="19"/>
      <c r="AA117" s="19"/>
    </row>
    <row r="118" spans="1:27" s="1" customFormat="1" ht="11.1" customHeight="1" outlineLevel="2" x14ac:dyDescent="0.2">
      <c r="A118" s="17">
        <v>1406</v>
      </c>
      <c r="B118" s="17"/>
      <c r="C118" s="17"/>
      <c r="D118" s="18" t="s">
        <v>67</v>
      </c>
      <c r="E118" s="18"/>
      <c r="F118" s="18"/>
      <c r="G118" s="18"/>
      <c r="H118" s="18"/>
      <c r="I118" s="18"/>
      <c r="J118" s="18"/>
      <c r="K118" s="18"/>
      <c r="L118" s="18"/>
      <c r="M118" s="18"/>
      <c r="N118" s="18"/>
      <c r="O118" s="18"/>
      <c r="P118" s="19">
        <v>680</v>
      </c>
      <c r="Q118" s="19"/>
      <c r="R118" s="19"/>
      <c r="S118" s="19"/>
      <c r="T118" s="19">
        <v>590</v>
      </c>
      <c r="U118" s="19"/>
      <c r="V118" s="19"/>
      <c r="W118" s="19"/>
      <c r="X118" s="19">
        <v>10</v>
      </c>
      <c r="Y118" s="19"/>
      <c r="Z118" s="19"/>
      <c r="AA118" s="19"/>
    </row>
    <row r="119" spans="1:27" s="1" customFormat="1" ht="11.1" customHeight="1" outlineLevel="2" x14ac:dyDescent="0.2">
      <c r="A119" s="17"/>
      <c r="B119" s="17"/>
      <c r="C119" s="17"/>
      <c r="D119" s="18"/>
      <c r="E119" s="18"/>
      <c r="F119" s="18"/>
      <c r="G119" s="18"/>
      <c r="H119" s="18"/>
      <c r="I119" s="18"/>
      <c r="J119" s="18"/>
      <c r="K119" s="18"/>
      <c r="L119" s="18"/>
      <c r="M119" s="18"/>
      <c r="N119" s="18"/>
      <c r="O119" s="18"/>
      <c r="P119" s="19"/>
      <c r="Q119" s="19"/>
      <c r="R119" s="19"/>
      <c r="S119" s="19"/>
      <c r="T119" s="19"/>
      <c r="U119" s="19"/>
      <c r="V119" s="19"/>
      <c r="W119" s="19"/>
      <c r="X119" s="19"/>
      <c r="Y119" s="19"/>
      <c r="Z119" s="19"/>
      <c r="AA119" s="19"/>
    </row>
    <row r="120" spans="1:27" s="1" customFormat="1" ht="11.1" customHeight="1" outlineLevel="2" x14ac:dyDescent="0.2">
      <c r="A120" s="17">
        <v>13137</v>
      </c>
      <c r="B120" s="17"/>
      <c r="C120" s="17"/>
      <c r="D120" s="18" t="s">
        <v>68</v>
      </c>
      <c r="E120" s="18"/>
      <c r="F120" s="18"/>
      <c r="G120" s="18"/>
      <c r="H120" s="18"/>
      <c r="I120" s="18"/>
      <c r="J120" s="18"/>
      <c r="K120" s="18"/>
      <c r="L120" s="18"/>
      <c r="M120" s="18"/>
      <c r="N120" s="18"/>
      <c r="O120" s="18"/>
      <c r="P120" s="20">
        <v>1050</v>
      </c>
      <c r="Q120" s="20"/>
      <c r="R120" s="20"/>
      <c r="S120" s="20"/>
      <c r="T120" s="19">
        <v>900</v>
      </c>
      <c r="U120" s="19"/>
      <c r="V120" s="19"/>
      <c r="W120" s="19"/>
      <c r="X120" s="19">
        <v>8</v>
      </c>
      <c r="Y120" s="19"/>
      <c r="Z120" s="19"/>
      <c r="AA120" s="19"/>
    </row>
    <row r="121" spans="1:27" s="1" customFormat="1" ht="11.1" customHeight="1" outlineLevel="2" x14ac:dyDescent="0.2">
      <c r="A121" s="17"/>
      <c r="B121" s="17"/>
      <c r="C121" s="17"/>
      <c r="D121" s="18"/>
      <c r="E121" s="18"/>
      <c r="F121" s="18"/>
      <c r="G121" s="18"/>
      <c r="H121" s="18"/>
      <c r="I121" s="18"/>
      <c r="J121" s="18"/>
      <c r="K121" s="18"/>
      <c r="L121" s="18"/>
      <c r="M121" s="18"/>
      <c r="N121" s="18"/>
      <c r="O121" s="18"/>
      <c r="P121" s="20"/>
      <c r="Q121" s="20"/>
      <c r="R121" s="20"/>
      <c r="S121" s="20"/>
      <c r="T121" s="19"/>
      <c r="U121" s="19"/>
      <c r="V121" s="19"/>
      <c r="W121" s="19"/>
      <c r="X121" s="19"/>
      <c r="Y121" s="19"/>
      <c r="Z121" s="19"/>
      <c r="AA121" s="19"/>
    </row>
    <row r="122" spans="1:27" s="1" customFormat="1" ht="11.1" customHeight="1" outlineLevel="2" x14ac:dyDescent="0.2">
      <c r="A122" s="17">
        <v>13136</v>
      </c>
      <c r="B122" s="17"/>
      <c r="C122" s="17"/>
      <c r="D122" s="18" t="s">
        <v>69</v>
      </c>
      <c r="E122" s="18"/>
      <c r="F122" s="18"/>
      <c r="G122" s="18"/>
      <c r="H122" s="18"/>
      <c r="I122" s="18"/>
      <c r="J122" s="18"/>
      <c r="K122" s="18"/>
      <c r="L122" s="18"/>
      <c r="M122" s="18"/>
      <c r="N122" s="18"/>
      <c r="O122" s="18"/>
      <c r="P122" s="20">
        <v>1050</v>
      </c>
      <c r="Q122" s="20"/>
      <c r="R122" s="20"/>
      <c r="S122" s="20"/>
      <c r="T122" s="19">
        <v>900</v>
      </c>
      <c r="U122" s="19"/>
      <c r="V122" s="19"/>
      <c r="W122" s="19"/>
      <c r="X122" s="19">
        <v>9</v>
      </c>
      <c r="Y122" s="19"/>
      <c r="Z122" s="19"/>
      <c r="AA122" s="19"/>
    </row>
    <row r="123" spans="1:27" s="1" customFormat="1" ht="11.1" customHeight="1" outlineLevel="2" x14ac:dyDescent="0.2">
      <c r="A123" s="17"/>
      <c r="B123" s="17"/>
      <c r="C123" s="17"/>
      <c r="D123" s="18"/>
      <c r="E123" s="18"/>
      <c r="F123" s="18"/>
      <c r="G123" s="18"/>
      <c r="H123" s="18"/>
      <c r="I123" s="18"/>
      <c r="J123" s="18"/>
      <c r="K123" s="18"/>
      <c r="L123" s="18"/>
      <c r="M123" s="18"/>
      <c r="N123" s="18"/>
      <c r="O123" s="18"/>
      <c r="P123" s="20"/>
      <c r="Q123" s="20"/>
      <c r="R123" s="20"/>
      <c r="S123" s="20"/>
      <c r="T123" s="19"/>
      <c r="U123" s="19"/>
      <c r="V123" s="19"/>
      <c r="W123" s="19"/>
      <c r="X123" s="19"/>
      <c r="Y123" s="19"/>
      <c r="Z123" s="19"/>
      <c r="AA123" s="19"/>
    </row>
    <row r="124" spans="1:27" s="1" customFormat="1" ht="11.1" customHeight="1" outlineLevel="2" x14ac:dyDescent="0.2">
      <c r="A124" s="17">
        <v>1408</v>
      </c>
      <c r="B124" s="17"/>
      <c r="C124" s="17"/>
      <c r="D124" s="18" t="s">
        <v>70</v>
      </c>
      <c r="E124" s="18"/>
      <c r="F124" s="18"/>
      <c r="G124" s="18"/>
      <c r="H124" s="18"/>
      <c r="I124" s="18"/>
      <c r="J124" s="18"/>
      <c r="K124" s="18"/>
      <c r="L124" s="18"/>
      <c r="M124" s="18"/>
      <c r="N124" s="18"/>
      <c r="O124" s="18"/>
      <c r="P124" s="19">
        <v>710</v>
      </c>
      <c r="Q124" s="19"/>
      <c r="R124" s="19"/>
      <c r="S124" s="19"/>
      <c r="T124" s="19">
        <v>620</v>
      </c>
      <c r="U124" s="19"/>
      <c r="V124" s="19"/>
      <c r="W124" s="19"/>
      <c r="X124" s="19">
        <v>10</v>
      </c>
      <c r="Y124" s="19"/>
      <c r="Z124" s="19"/>
      <c r="AA124" s="19"/>
    </row>
    <row r="125" spans="1:27" s="1" customFormat="1" ht="11.1" customHeight="1" outlineLevel="2" x14ac:dyDescent="0.2">
      <c r="A125" s="17"/>
      <c r="B125" s="17"/>
      <c r="C125" s="17"/>
      <c r="D125" s="18"/>
      <c r="E125" s="18"/>
      <c r="F125" s="18"/>
      <c r="G125" s="18"/>
      <c r="H125" s="18"/>
      <c r="I125" s="18"/>
      <c r="J125" s="18"/>
      <c r="K125" s="18"/>
      <c r="L125" s="18"/>
      <c r="M125" s="18"/>
      <c r="N125" s="18"/>
      <c r="O125" s="18"/>
      <c r="P125" s="19"/>
      <c r="Q125" s="19"/>
      <c r="R125" s="19"/>
      <c r="S125" s="19"/>
      <c r="T125" s="19"/>
      <c r="U125" s="19"/>
      <c r="V125" s="19"/>
      <c r="W125" s="19"/>
      <c r="X125" s="19"/>
      <c r="Y125" s="19"/>
      <c r="Z125" s="19"/>
      <c r="AA125" s="19"/>
    </row>
    <row r="126" spans="1:27" s="1" customFormat="1" ht="11.1" customHeight="1" outlineLevel="2" x14ac:dyDescent="0.2">
      <c r="A126" s="17">
        <v>11317</v>
      </c>
      <c r="B126" s="17"/>
      <c r="C126" s="17"/>
      <c r="D126" s="18" t="s">
        <v>71</v>
      </c>
      <c r="E126" s="18"/>
      <c r="F126" s="18"/>
      <c r="G126" s="18"/>
      <c r="H126" s="18"/>
      <c r="I126" s="18"/>
      <c r="J126" s="18"/>
      <c r="K126" s="18"/>
      <c r="L126" s="18"/>
      <c r="M126" s="18"/>
      <c r="N126" s="18"/>
      <c r="O126" s="18"/>
      <c r="P126" s="20">
        <v>1050</v>
      </c>
      <c r="Q126" s="20"/>
      <c r="R126" s="20"/>
      <c r="S126" s="20"/>
      <c r="T126" s="19">
        <v>900</v>
      </c>
      <c r="U126" s="19"/>
      <c r="V126" s="19"/>
      <c r="W126" s="19"/>
      <c r="X126" s="19">
        <v>11</v>
      </c>
      <c r="Y126" s="19"/>
      <c r="Z126" s="19"/>
      <c r="AA126" s="19"/>
    </row>
    <row r="127" spans="1:27" s="1" customFormat="1" ht="11.1" customHeight="1" outlineLevel="2" x14ac:dyDescent="0.2">
      <c r="A127" s="17"/>
      <c r="B127" s="17"/>
      <c r="C127" s="17"/>
      <c r="D127" s="18"/>
      <c r="E127" s="18"/>
      <c r="F127" s="18"/>
      <c r="G127" s="18"/>
      <c r="H127" s="18"/>
      <c r="I127" s="18"/>
      <c r="J127" s="18"/>
      <c r="K127" s="18"/>
      <c r="L127" s="18"/>
      <c r="M127" s="18"/>
      <c r="N127" s="18"/>
      <c r="O127" s="18"/>
      <c r="P127" s="20"/>
      <c r="Q127" s="20"/>
      <c r="R127" s="20"/>
      <c r="S127" s="20"/>
      <c r="T127" s="19"/>
      <c r="U127" s="19"/>
      <c r="V127" s="19"/>
      <c r="W127" s="19"/>
      <c r="X127" s="19"/>
      <c r="Y127" s="19"/>
      <c r="Z127" s="19"/>
      <c r="AA127" s="19"/>
    </row>
    <row r="128" spans="1:27" s="1" customFormat="1" ht="11.1" customHeight="1" outlineLevel="2" x14ac:dyDescent="0.2">
      <c r="A128" s="17">
        <v>1407</v>
      </c>
      <c r="B128" s="17"/>
      <c r="C128" s="17"/>
      <c r="D128" s="18" t="s">
        <v>72</v>
      </c>
      <c r="E128" s="18"/>
      <c r="F128" s="18"/>
      <c r="G128" s="18"/>
      <c r="H128" s="18"/>
      <c r="I128" s="18"/>
      <c r="J128" s="18"/>
      <c r="K128" s="18"/>
      <c r="L128" s="18"/>
      <c r="M128" s="18"/>
      <c r="N128" s="18"/>
      <c r="O128" s="18"/>
      <c r="P128" s="19">
        <v>710</v>
      </c>
      <c r="Q128" s="19"/>
      <c r="R128" s="19"/>
      <c r="S128" s="19"/>
      <c r="T128" s="19">
        <v>620</v>
      </c>
      <c r="U128" s="19"/>
      <c r="V128" s="19"/>
      <c r="W128" s="19"/>
      <c r="X128" s="19">
        <v>7</v>
      </c>
      <c r="Y128" s="19"/>
      <c r="Z128" s="19"/>
      <c r="AA128" s="19"/>
    </row>
    <row r="129" spans="1:27" s="1" customFormat="1" ht="11.1" customHeight="1" outlineLevel="2" x14ac:dyDescent="0.2">
      <c r="A129" s="17"/>
      <c r="B129" s="17"/>
      <c r="C129" s="17"/>
      <c r="D129" s="18"/>
      <c r="E129" s="18"/>
      <c r="F129" s="18"/>
      <c r="G129" s="18"/>
      <c r="H129" s="18"/>
      <c r="I129" s="18"/>
      <c r="J129" s="18"/>
      <c r="K129" s="18"/>
      <c r="L129" s="18"/>
      <c r="M129" s="18"/>
      <c r="N129" s="18"/>
      <c r="O129" s="18"/>
      <c r="P129" s="19"/>
      <c r="Q129" s="19"/>
      <c r="R129" s="19"/>
      <c r="S129" s="19"/>
      <c r="T129" s="19"/>
      <c r="U129" s="19"/>
      <c r="V129" s="19"/>
      <c r="W129" s="19"/>
      <c r="X129" s="19"/>
      <c r="Y129" s="19"/>
      <c r="Z129" s="19"/>
      <c r="AA129" s="19"/>
    </row>
    <row r="130" spans="1:27" s="1" customFormat="1" ht="11.1" customHeight="1" outlineLevel="2" x14ac:dyDescent="0.2">
      <c r="A130" s="17">
        <v>13004</v>
      </c>
      <c r="B130" s="17"/>
      <c r="C130" s="17"/>
      <c r="D130" s="18" t="s">
        <v>73</v>
      </c>
      <c r="E130" s="18"/>
      <c r="F130" s="18"/>
      <c r="G130" s="18"/>
      <c r="H130" s="18"/>
      <c r="I130" s="18"/>
      <c r="J130" s="18"/>
      <c r="K130" s="18"/>
      <c r="L130" s="18"/>
      <c r="M130" s="18"/>
      <c r="N130" s="18"/>
      <c r="O130" s="18"/>
      <c r="P130" s="20">
        <v>1050</v>
      </c>
      <c r="Q130" s="20"/>
      <c r="R130" s="20"/>
      <c r="S130" s="20"/>
      <c r="T130" s="19">
        <v>900</v>
      </c>
      <c r="U130" s="19"/>
      <c r="V130" s="19"/>
      <c r="W130" s="19"/>
      <c r="X130" s="19">
        <v>8</v>
      </c>
      <c r="Y130" s="19"/>
      <c r="Z130" s="19"/>
      <c r="AA130" s="19"/>
    </row>
    <row r="131" spans="1:27" s="1" customFormat="1" ht="11.1" customHeight="1" outlineLevel="2" x14ac:dyDescent="0.2">
      <c r="A131" s="17"/>
      <c r="B131" s="17"/>
      <c r="C131" s="17"/>
      <c r="D131" s="18"/>
      <c r="E131" s="18"/>
      <c r="F131" s="18"/>
      <c r="G131" s="18"/>
      <c r="H131" s="18"/>
      <c r="I131" s="18"/>
      <c r="J131" s="18"/>
      <c r="K131" s="18"/>
      <c r="L131" s="18"/>
      <c r="M131" s="18"/>
      <c r="N131" s="18"/>
      <c r="O131" s="18"/>
      <c r="P131" s="20"/>
      <c r="Q131" s="20"/>
      <c r="R131" s="20"/>
      <c r="S131" s="20"/>
      <c r="T131" s="19"/>
      <c r="U131" s="19"/>
      <c r="V131" s="19"/>
      <c r="W131" s="19"/>
      <c r="X131" s="19"/>
      <c r="Y131" s="19"/>
      <c r="Z131" s="19"/>
      <c r="AA131" s="19"/>
    </row>
    <row r="132" spans="1:27" s="1" customFormat="1" ht="11.1" customHeight="1" outlineLevel="2" x14ac:dyDescent="0.2">
      <c r="A132" s="17">
        <v>13141</v>
      </c>
      <c r="B132" s="17"/>
      <c r="C132" s="17"/>
      <c r="D132" s="18" t="s">
        <v>74</v>
      </c>
      <c r="E132" s="18"/>
      <c r="F132" s="18"/>
      <c r="G132" s="18"/>
      <c r="H132" s="18"/>
      <c r="I132" s="18"/>
      <c r="J132" s="18"/>
      <c r="K132" s="18"/>
      <c r="L132" s="18"/>
      <c r="M132" s="18"/>
      <c r="N132" s="18"/>
      <c r="O132" s="18"/>
      <c r="P132" s="19">
        <v>750</v>
      </c>
      <c r="Q132" s="19"/>
      <c r="R132" s="19"/>
      <c r="S132" s="19"/>
      <c r="T132" s="19">
        <v>650</v>
      </c>
      <c r="U132" s="19"/>
      <c r="V132" s="19"/>
      <c r="W132" s="19"/>
      <c r="X132" s="19">
        <v>6</v>
      </c>
      <c r="Y132" s="19"/>
      <c r="Z132" s="19"/>
      <c r="AA132" s="19"/>
    </row>
    <row r="133" spans="1:27" s="1" customFormat="1" ht="11.1" customHeight="1" outlineLevel="2" x14ac:dyDescent="0.2">
      <c r="A133" s="17"/>
      <c r="B133" s="17"/>
      <c r="C133" s="17"/>
      <c r="D133" s="18"/>
      <c r="E133" s="18"/>
      <c r="F133" s="18"/>
      <c r="G133" s="18"/>
      <c r="H133" s="18"/>
      <c r="I133" s="18"/>
      <c r="J133" s="18"/>
      <c r="K133" s="18"/>
      <c r="L133" s="18"/>
      <c r="M133" s="18"/>
      <c r="N133" s="18"/>
      <c r="O133" s="18"/>
      <c r="P133" s="19"/>
      <c r="Q133" s="19"/>
      <c r="R133" s="19"/>
      <c r="S133" s="19"/>
      <c r="T133" s="19"/>
      <c r="U133" s="19"/>
      <c r="V133" s="19"/>
      <c r="W133" s="19"/>
      <c r="X133" s="19"/>
      <c r="Y133" s="19"/>
      <c r="Z133" s="19"/>
      <c r="AA133" s="19"/>
    </row>
    <row r="134" spans="1:27" s="1" customFormat="1" ht="11.1" customHeight="1" outlineLevel="2" x14ac:dyDescent="0.2">
      <c r="A134" s="17">
        <v>13143</v>
      </c>
      <c r="B134" s="17"/>
      <c r="C134" s="17"/>
      <c r="D134" s="18" t="s">
        <v>75</v>
      </c>
      <c r="E134" s="18"/>
      <c r="F134" s="18"/>
      <c r="G134" s="18"/>
      <c r="H134" s="18"/>
      <c r="I134" s="18"/>
      <c r="J134" s="18"/>
      <c r="K134" s="18"/>
      <c r="L134" s="18"/>
      <c r="M134" s="18"/>
      <c r="N134" s="18"/>
      <c r="O134" s="18"/>
      <c r="P134" s="20">
        <v>1050</v>
      </c>
      <c r="Q134" s="20"/>
      <c r="R134" s="20"/>
      <c r="S134" s="20"/>
      <c r="T134" s="19">
        <v>900</v>
      </c>
      <c r="U134" s="19"/>
      <c r="V134" s="19"/>
      <c r="W134" s="19"/>
      <c r="X134" s="19">
        <v>7</v>
      </c>
      <c r="Y134" s="19"/>
      <c r="Z134" s="19"/>
      <c r="AA134" s="19"/>
    </row>
    <row r="135" spans="1:27" s="1" customFormat="1" ht="11.1" customHeight="1" outlineLevel="2" x14ac:dyDescent="0.2">
      <c r="A135" s="17"/>
      <c r="B135" s="17"/>
      <c r="C135" s="17"/>
      <c r="D135" s="18"/>
      <c r="E135" s="18"/>
      <c r="F135" s="18"/>
      <c r="G135" s="18"/>
      <c r="H135" s="18"/>
      <c r="I135" s="18"/>
      <c r="J135" s="18"/>
      <c r="K135" s="18"/>
      <c r="L135" s="18"/>
      <c r="M135" s="18"/>
      <c r="N135" s="18"/>
      <c r="O135" s="18"/>
      <c r="P135" s="20"/>
      <c r="Q135" s="20"/>
      <c r="R135" s="20"/>
      <c r="S135" s="20"/>
      <c r="T135" s="19"/>
      <c r="U135" s="19"/>
      <c r="V135" s="19"/>
      <c r="W135" s="19"/>
      <c r="X135" s="19"/>
      <c r="Y135" s="19"/>
      <c r="Z135" s="19"/>
      <c r="AA135" s="19"/>
    </row>
    <row r="136" spans="1:27" s="1" customFormat="1" ht="11.1" customHeight="1" outlineLevel="2" x14ac:dyDescent="0.2">
      <c r="A136" s="17">
        <v>13142</v>
      </c>
      <c r="B136" s="17"/>
      <c r="C136" s="17"/>
      <c r="D136" s="18" t="s">
        <v>76</v>
      </c>
      <c r="E136" s="18"/>
      <c r="F136" s="18"/>
      <c r="G136" s="18"/>
      <c r="H136" s="18"/>
      <c r="I136" s="18"/>
      <c r="J136" s="18"/>
      <c r="K136" s="18"/>
      <c r="L136" s="18"/>
      <c r="M136" s="18"/>
      <c r="N136" s="18"/>
      <c r="O136" s="18"/>
      <c r="P136" s="19">
        <v>750</v>
      </c>
      <c r="Q136" s="19"/>
      <c r="R136" s="19"/>
      <c r="S136" s="19"/>
      <c r="T136" s="19">
        <v>650</v>
      </c>
      <c r="U136" s="19"/>
      <c r="V136" s="19"/>
      <c r="W136" s="19"/>
      <c r="X136" s="19">
        <v>8</v>
      </c>
      <c r="Y136" s="19"/>
      <c r="Z136" s="19"/>
      <c r="AA136" s="19"/>
    </row>
    <row r="137" spans="1:27" s="1" customFormat="1" ht="11.1" customHeight="1" outlineLevel="2" x14ac:dyDescent="0.2">
      <c r="A137" s="17"/>
      <c r="B137" s="17"/>
      <c r="C137" s="17"/>
      <c r="D137" s="18"/>
      <c r="E137" s="18"/>
      <c r="F137" s="18"/>
      <c r="G137" s="18"/>
      <c r="H137" s="18"/>
      <c r="I137" s="18"/>
      <c r="J137" s="18"/>
      <c r="K137" s="18"/>
      <c r="L137" s="18"/>
      <c r="M137" s="18"/>
      <c r="N137" s="18"/>
      <c r="O137" s="18"/>
      <c r="P137" s="19"/>
      <c r="Q137" s="19"/>
      <c r="R137" s="19"/>
      <c r="S137" s="19"/>
      <c r="T137" s="19"/>
      <c r="U137" s="19"/>
      <c r="V137" s="19"/>
      <c r="W137" s="19"/>
      <c r="X137" s="19"/>
      <c r="Y137" s="19"/>
      <c r="Z137" s="19"/>
      <c r="AA137" s="19"/>
    </row>
    <row r="138" spans="1:27" s="1" customFormat="1" ht="11.1" customHeight="1" outlineLevel="2" x14ac:dyDescent="0.2">
      <c r="A138" s="17">
        <v>13140</v>
      </c>
      <c r="B138" s="17"/>
      <c r="C138" s="17"/>
      <c r="D138" s="18" t="s">
        <v>77</v>
      </c>
      <c r="E138" s="18"/>
      <c r="F138" s="18"/>
      <c r="G138" s="18"/>
      <c r="H138" s="18"/>
      <c r="I138" s="18"/>
      <c r="J138" s="18"/>
      <c r="K138" s="18"/>
      <c r="L138" s="18"/>
      <c r="M138" s="18"/>
      <c r="N138" s="18"/>
      <c r="O138" s="18"/>
      <c r="P138" s="20">
        <v>1200</v>
      </c>
      <c r="Q138" s="20"/>
      <c r="R138" s="20"/>
      <c r="S138" s="20"/>
      <c r="T138" s="20">
        <v>1040</v>
      </c>
      <c r="U138" s="20"/>
      <c r="V138" s="20"/>
      <c r="W138" s="20"/>
      <c r="X138" s="19">
        <v>7</v>
      </c>
      <c r="Y138" s="19"/>
      <c r="Z138" s="19"/>
      <c r="AA138" s="19"/>
    </row>
    <row r="139" spans="1:27" s="1" customFormat="1" ht="11.1" customHeight="1" outlineLevel="2" x14ac:dyDescent="0.2">
      <c r="A139" s="17"/>
      <c r="B139" s="17"/>
      <c r="C139" s="17"/>
      <c r="D139" s="18"/>
      <c r="E139" s="18"/>
      <c r="F139" s="18"/>
      <c r="G139" s="18"/>
      <c r="H139" s="18"/>
      <c r="I139" s="18"/>
      <c r="J139" s="18"/>
      <c r="K139" s="18"/>
      <c r="L139" s="18"/>
      <c r="M139" s="18"/>
      <c r="N139" s="18"/>
      <c r="O139" s="18"/>
      <c r="P139" s="20"/>
      <c r="Q139" s="20"/>
      <c r="R139" s="20"/>
      <c r="S139" s="20"/>
      <c r="T139" s="20"/>
      <c r="U139" s="20"/>
      <c r="V139" s="20"/>
      <c r="W139" s="20"/>
      <c r="X139" s="19"/>
      <c r="Y139" s="19"/>
      <c r="Z139" s="19"/>
      <c r="AA139" s="19"/>
    </row>
    <row r="140" spans="1:27" s="1" customFormat="1" ht="11.1" customHeight="1" outlineLevel="2" x14ac:dyDescent="0.2">
      <c r="A140" s="17">
        <v>13138</v>
      </c>
      <c r="B140" s="17"/>
      <c r="C140" s="17"/>
      <c r="D140" s="18" t="s">
        <v>78</v>
      </c>
      <c r="E140" s="18"/>
      <c r="F140" s="18"/>
      <c r="G140" s="18"/>
      <c r="H140" s="18"/>
      <c r="I140" s="18"/>
      <c r="J140" s="18"/>
      <c r="K140" s="18"/>
      <c r="L140" s="18"/>
      <c r="M140" s="18"/>
      <c r="N140" s="18"/>
      <c r="O140" s="18"/>
      <c r="P140" s="19">
        <v>620</v>
      </c>
      <c r="Q140" s="19"/>
      <c r="R140" s="19"/>
      <c r="S140" s="19"/>
      <c r="T140" s="19">
        <v>550</v>
      </c>
      <c r="U140" s="19"/>
      <c r="V140" s="19"/>
      <c r="W140" s="19"/>
      <c r="X140" s="19">
        <v>8</v>
      </c>
      <c r="Y140" s="19"/>
      <c r="Z140" s="19"/>
      <c r="AA140" s="19"/>
    </row>
    <row r="141" spans="1:27" s="1" customFormat="1" ht="11.1" customHeight="1" outlineLevel="2" x14ac:dyDescent="0.2">
      <c r="A141" s="17"/>
      <c r="B141" s="17"/>
      <c r="C141" s="17"/>
      <c r="D141" s="18"/>
      <c r="E141" s="18"/>
      <c r="F141" s="18"/>
      <c r="G141" s="18"/>
      <c r="H141" s="18"/>
      <c r="I141" s="18"/>
      <c r="J141" s="18"/>
      <c r="K141" s="18"/>
      <c r="L141" s="18"/>
      <c r="M141" s="18"/>
      <c r="N141" s="18"/>
      <c r="O141" s="18"/>
      <c r="P141" s="19"/>
      <c r="Q141" s="19"/>
      <c r="R141" s="19"/>
      <c r="S141" s="19"/>
      <c r="T141" s="19"/>
      <c r="U141" s="19"/>
      <c r="V141" s="19"/>
      <c r="W141" s="19"/>
      <c r="X141" s="19"/>
      <c r="Y141" s="19"/>
      <c r="Z141" s="19"/>
      <c r="AA141" s="19"/>
    </row>
    <row r="142" spans="1:27" s="1" customFormat="1" ht="11.1" customHeight="1" outlineLevel="2" x14ac:dyDescent="0.2">
      <c r="A142" s="17">
        <v>13139</v>
      </c>
      <c r="B142" s="17"/>
      <c r="C142" s="17"/>
      <c r="D142" s="18" t="s">
        <v>79</v>
      </c>
      <c r="E142" s="18"/>
      <c r="F142" s="18"/>
      <c r="G142" s="18"/>
      <c r="H142" s="18"/>
      <c r="I142" s="18"/>
      <c r="J142" s="18"/>
      <c r="K142" s="18"/>
      <c r="L142" s="18"/>
      <c r="M142" s="18"/>
      <c r="N142" s="18"/>
      <c r="O142" s="18"/>
      <c r="P142" s="20">
        <v>1200</v>
      </c>
      <c r="Q142" s="20"/>
      <c r="R142" s="20"/>
      <c r="S142" s="20"/>
      <c r="T142" s="20">
        <v>1040</v>
      </c>
      <c r="U142" s="20"/>
      <c r="V142" s="20"/>
      <c r="W142" s="20"/>
      <c r="X142" s="19">
        <v>8</v>
      </c>
      <c r="Y142" s="19"/>
      <c r="Z142" s="19"/>
      <c r="AA142" s="19"/>
    </row>
    <row r="143" spans="1:27" s="1" customFormat="1" ht="11.1" customHeight="1" outlineLevel="2" x14ac:dyDescent="0.2">
      <c r="A143" s="17"/>
      <c r="B143" s="17"/>
      <c r="C143" s="17"/>
      <c r="D143" s="18"/>
      <c r="E143" s="18"/>
      <c r="F143" s="18"/>
      <c r="G143" s="18"/>
      <c r="H143" s="18"/>
      <c r="I143" s="18"/>
      <c r="J143" s="18"/>
      <c r="K143" s="18"/>
      <c r="L143" s="18"/>
      <c r="M143" s="18"/>
      <c r="N143" s="18"/>
      <c r="O143" s="18"/>
      <c r="P143" s="20"/>
      <c r="Q143" s="20"/>
      <c r="R143" s="20"/>
      <c r="S143" s="20"/>
      <c r="T143" s="20"/>
      <c r="U143" s="20"/>
      <c r="V143" s="20"/>
      <c r="W143" s="20"/>
      <c r="X143" s="19"/>
      <c r="Y143" s="19"/>
      <c r="Z143" s="19"/>
      <c r="AA143" s="19"/>
    </row>
    <row r="144" spans="1:27" s="1" customFormat="1" ht="11.1" customHeight="1" outlineLevel="2" x14ac:dyDescent="0.2">
      <c r="A144" s="17">
        <v>13144</v>
      </c>
      <c r="B144" s="17"/>
      <c r="C144" s="17"/>
      <c r="D144" s="18" t="s">
        <v>80</v>
      </c>
      <c r="E144" s="18"/>
      <c r="F144" s="18"/>
      <c r="G144" s="18"/>
      <c r="H144" s="18"/>
      <c r="I144" s="18"/>
      <c r="J144" s="18"/>
      <c r="K144" s="18"/>
      <c r="L144" s="18"/>
      <c r="M144" s="18"/>
      <c r="N144" s="18"/>
      <c r="O144" s="18"/>
      <c r="P144" s="19">
        <v>715</v>
      </c>
      <c r="Q144" s="19"/>
      <c r="R144" s="19"/>
      <c r="S144" s="19"/>
      <c r="T144" s="19">
        <v>620</v>
      </c>
      <c r="U144" s="19"/>
      <c r="V144" s="19"/>
      <c r="W144" s="19"/>
      <c r="X144" s="19">
        <v>9</v>
      </c>
      <c r="Y144" s="19"/>
      <c r="Z144" s="19"/>
      <c r="AA144" s="19"/>
    </row>
    <row r="145" spans="1:27" s="1" customFormat="1" ht="11.1" customHeight="1" outlineLevel="2" x14ac:dyDescent="0.2">
      <c r="A145" s="17"/>
      <c r="B145" s="17"/>
      <c r="C145" s="17"/>
      <c r="D145" s="18"/>
      <c r="E145" s="18"/>
      <c r="F145" s="18"/>
      <c r="G145" s="18"/>
      <c r="H145" s="18"/>
      <c r="I145" s="18"/>
      <c r="J145" s="18"/>
      <c r="K145" s="18"/>
      <c r="L145" s="18"/>
      <c r="M145" s="18"/>
      <c r="N145" s="18"/>
      <c r="O145" s="18"/>
      <c r="P145" s="19"/>
      <c r="Q145" s="19"/>
      <c r="R145" s="19"/>
      <c r="S145" s="19"/>
      <c r="T145" s="19"/>
      <c r="U145" s="19"/>
      <c r="V145" s="19"/>
      <c r="W145" s="19"/>
      <c r="X145" s="19"/>
      <c r="Y145" s="19"/>
      <c r="Z145" s="19"/>
      <c r="AA145" s="19"/>
    </row>
    <row r="146" spans="1:27" s="1" customFormat="1" ht="11.1" customHeight="1" outlineLevel="2" x14ac:dyDescent="0.2">
      <c r="A146" s="17">
        <v>13146</v>
      </c>
      <c r="B146" s="17"/>
      <c r="C146" s="17"/>
      <c r="D146" s="18" t="s">
        <v>81</v>
      </c>
      <c r="E146" s="18"/>
      <c r="F146" s="18"/>
      <c r="G146" s="18"/>
      <c r="H146" s="18"/>
      <c r="I146" s="18"/>
      <c r="J146" s="18"/>
      <c r="K146" s="18"/>
      <c r="L146" s="18"/>
      <c r="M146" s="18"/>
      <c r="N146" s="18"/>
      <c r="O146" s="18"/>
      <c r="P146" s="20">
        <v>1270</v>
      </c>
      <c r="Q146" s="20"/>
      <c r="R146" s="20"/>
      <c r="S146" s="20"/>
      <c r="T146" s="20">
        <v>1100</v>
      </c>
      <c r="U146" s="20"/>
      <c r="V146" s="20"/>
      <c r="W146" s="20"/>
      <c r="X146" s="19">
        <v>8</v>
      </c>
      <c r="Y146" s="19"/>
      <c r="Z146" s="19"/>
      <c r="AA146" s="19"/>
    </row>
    <row r="147" spans="1:27" s="1" customFormat="1" ht="11.1" customHeight="1" outlineLevel="2" x14ac:dyDescent="0.2">
      <c r="A147" s="17"/>
      <c r="B147" s="17"/>
      <c r="C147" s="17"/>
      <c r="D147" s="18"/>
      <c r="E147" s="18"/>
      <c r="F147" s="18"/>
      <c r="G147" s="18"/>
      <c r="H147" s="18"/>
      <c r="I147" s="18"/>
      <c r="J147" s="18"/>
      <c r="K147" s="18"/>
      <c r="L147" s="18"/>
      <c r="M147" s="18"/>
      <c r="N147" s="18"/>
      <c r="O147" s="18"/>
      <c r="P147" s="20"/>
      <c r="Q147" s="20"/>
      <c r="R147" s="20"/>
      <c r="S147" s="20"/>
      <c r="T147" s="20"/>
      <c r="U147" s="20"/>
      <c r="V147" s="20"/>
      <c r="W147" s="20"/>
      <c r="X147" s="19"/>
      <c r="Y147" s="19"/>
      <c r="Z147" s="19"/>
      <c r="AA147" s="19"/>
    </row>
    <row r="148" spans="1:27" s="1" customFormat="1" ht="11.1" customHeight="1" outlineLevel="2" x14ac:dyDescent="0.2">
      <c r="A148" s="17">
        <v>13145</v>
      </c>
      <c r="B148" s="17"/>
      <c r="C148" s="17"/>
      <c r="D148" s="18" t="s">
        <v>82</v>
      </c>
      <c r="E148" s="18"/>
      <c r="F148" s="18"/>
      <c r="G148" s="18"/>
      <c r="H148" s="18"/>
      <c r="I148" s="18"/>
      <c r="J148" s="18"/>
      <c r="K148" s="18"/>
      <c r="L148" s="18"/>
      <c r="M148" s="18"/>
      <c r="N148" s="18"/>
      <c r="O148" s="18"/>
      <c r="P148" s="19">
        <v>715</v>
      </c>
      <c r="Q148" s="19"/>
      <c r="R148" s="19"/>
      <c r="S148" s="19"/>
      <c r="T148" s="19">
        <v>620</v>
      </c>
      <c r="U148" s="19"/>
      <c r="V148" s="19"/>
      <c r="W148" s="19"/>
      <c r="X148" s="19">
        <v>8</v>
      </c>
      <c r="Y148" s="19"/>
      <c r="Z148" s="19"/>
      <c r="AA148" s="19"/>
    </row>
    <row r="149" spans="1:27" s="1" customFormat="1" ht="11.1" customHeight="1" outlineLevel="2" x14ac:dyDescent="0.2">
      <c r="A149" s="17"/>
      <c r="B149" s="17"/>
      <c r="C149" s="17"/>
      <c r="D149" s="18"/>
      <c r="E149" s="18"/>
      <c r="F149" s="18"/>
      <c r="G149" s="18"/>
      <c r="H149" s="18"/>
      <c r="I149" s="18"/>
      <c r="J149" s="18"/>
      <c r="K149" s="18"/>
      <c r="L149" s="18"/>
      <c r="M149" s="18"/>
      <c r="N149" s="18"/>
      <c r="O149" s="18"/>
      <c r="P149" s="19"/>
      <c r="Q149" s="19"/>
      <c r="R149" s="19"/>
      <c r="S149" s="19"/>
      <c r="T149" s="19"/>
      <c r="U149" s="19"/>
      <c r="V149" s="19"/>
      <c r="W149" s="19"/>
      <c r="X149" s="19"/>
      <c r="Y149" s="19"/>
      <c r="Z149" s="19"/>
      <c r="AA149" s="19"/>
    </row>
    <row r="150" spans="1:27" s="1" customFormat="1" ht="11.1" customHeight="1" outlineLevel="2" x14ac:dyDescent="0.2">
      <c r="A150" s="17">
        <v>13147</v>
      </c>
      <c r="B150" s="17"/>
      <c r="C150" s="17"/>
      <c r="D150" s="18" t="s">
        <v>83</v>
      </c>
      <c r="E150" s="18"/>
      <c r="F150" s="18"/>
      <c r="G150" s="18"/>
      <c r="H150" s="18"/>
      <c r="I150" s="18"/>
      <c r="J150" s="18"/>
      <c r="K150" s="18"/>
      <c r="L150" s="18"/>
      <c r="M150" s="18"/>
      <c r="N150" s="18"/>
      <c r="O150" s="18"/>
      <c r="P150" s="20">
        <v>1270</v>
      </c>
      <c r="Q150" s="20"/>
      <c r="R150" s="20"/>
      <c r="S150" s="20"/>
      <c r="T150" s="20">
        <v>1100</v>
      </c>
      <c r="U150" s="20"/>
      <c r="V150" s="20"/>
      <c r="W150" s="20"/>
      <c r="X150" s="19">
        <v>4</v>
      </c>
      <c r="Y150" s="19"/>
      <c r="Z150" s="19"/>
      <c r="AA150" s="19"/>
    </row>
    <row r="151" spans="1:27" s="1" customFormat="1" ht="11.1" customHeight="1" outlineLevel="2" x14ac:dyDescent="0.2">
      <c r="A151" s="17"/>
      <c r="B151" s="17"/>
      <c r="C151" s="17"/>
      <c r="D151" s="18"/>
      <c r="E151" s="18"/>
      <c r="F151" s="18"/>
      <c r="G151" s="18"/>
      <c r="H151" s="18"/>
      <c r="I151" s="18"/>
      <c r="J151" s="18"/>
      <c r="K151" s="18"/>
      <c r="L151" s="18"/>
      <c r="M151" s="18"/>
      <c r="N151" s="18"/>
      <c r="O151" s="18"/>
      <c r="P151" s="20"/>
      <c r="Q151" s="20"/>
      <c r="R151" s="20"/>
      <c r="S151" s="20"/>
      <c r="T151" s="20"/>
      <c r="U151" s="20"/>
      <c r="V151" s="20"/>
      <c r="W151" s="20"/>
      <c r="X151" s="19"/>
      <c r="Y151" s="19"/>
      <c r="Z151" s="19"/>
      <c r="AA151" s="19"/>
    </row>
    <row r="152" spans="1:27" s="1" customFormat="1" ht="14.1" customHeight="1" outlineLevel="2" x14ac:dyDescent="0.2">
      <c r="A152" s="17">
        <v>13148</v>
      </c>
      <c r="B152" s="17"/>
      <c r="C152" s="17"/>
      <c r="D152" s="18" t="s">
        <v>84</v>
      </c>
      <c r="E152" s="18"/>
      <c r="F152" s="18"/>
      <c r="G152" s="18"/>
      <c r="H152" s="18"/>
      <c r="I152" s="18"/>
      <c r="J152" s="18"/>
      <c r="K152" s="18"/>
      <c r="L152" s="18"/>
      <c r="M152" s="18"/>
      <c r="N152" s="18"/>
      <c r="O152" s="18"/>
      <c r="P152" s="19">
        <v>715</v>
      </c>
      <c r="Q152" s="19"/>
      <c r="R152" s="19"/>
      <c r="S152" s="19"/>
      <c r="T152" s="19">
        <v>620</v>
      </c>
      <c r="U152" s="19"/>
      <c r="V152" s="19"/>
      <c r="W152" s="19"/>
      <c r="X152" s="19">
        <v>4</v>
      </c>
      <c r="Y152" s="19"/>
      <c r="Z152" s="19"/>
      <c r="AA152" s="19"/>
    </row>
    <row r="153" spans="1:27" s="1" customFormat="1" ht="14.1" customHeight="1" outlineLevel="2" x14ac:dyDescent="0.2">
      <c r="A153" s="17"/>
      <c r="B153" s="17"/>
      <c r="C153" s="17"/>
      <c r="D153" s="18"/>
      <c r="E153" s="18"/>
      <c r="F153" s="18"/>
      <c r="G153" s="18"/>
      <c r="H153" s="18"/>
      <c r="I153" s="18"/>
      <c r="J153" s="18"/>
      <c r="K153" s="18"/>
      <c r="L153" s="18"/>
      <c r="M153" s="18"/>
      <c r="N153" s="18"/>
      <c r="O153" s="18"/>
      <c r="P153" s="19"/>
      <c r="Q153" s="19"/>
      <c r="R153" s="19"/>
      <c r="S153" s="19"/>
      <c r="T153" s="19"/>
      <c r="U153" s="19"/>
      <c r="V153" s="19"/>
      <c r="W153" s="19"/>
      <c r="X153" s="19"/>
      <c r="Y153" s="19"/>
      <c r="Z153" s="19"/>
      <c r="AA153" s="19"/>
    </row>
    <row r="154" spans="1:27" s="1" customFormat="1" ht="14.1" customHeight="1" outlineLevel="2" x14ac:dyDescent="0.2">
      <c r="A154" s="17">
        <v>13150</v>
      </c>
      <c r="B154" s="17"/>
      <c r="C154" s="17"/>
      <c r="D154" s="18" t="s">
        <v>85</v>
      </c>
      <c r="E154" s="18"/>
      <c r="F154" s="18"/>
      <c r="G154" s="18"/>
      <c r="H154" s="18"/>
      <c r="I154" s="18"/>
      <c r="J154" s="18"/>
      <c r="K154" s="18"/>
      <c r="L154" s="18"/>
      <c r="M154" s="18"/>
      <c r="N154" s="18"/>
      <c r="O154" s="18"/>
      <c r="P154" s="20">
        <v>1270</v>
      </c>
      <c r="Q154" s="20"/>
      <c r="R154" s="20"/>
      <c r="S154" s="20"/>
      <c r="T154" s="20">
        <v>1100</v>
      </c>
      <c r="U154" s="20"/>
      <c r="V154" s="20"/>
      <c r="W154" s="20"/>
      <c r="X154" s="19">
        <v>5</v>
      </c>
      <c r="Y154" s="19"/>
      <c r="Z154" s="19"/>
      <c r="AA154" s="19"/>
    </row>
    <row r="155" spans="1:27" s="1" customFormat="1" ht="14.1" customHeight="1" outlineLevel="2" x14ac:dyDescent="0.2">
      <c r="A155" s="17"/>
      <c r="B155" s="17"/>
      <c r="C155" s="17"/>
      <c r="D155" s="18"/>
      <c r="E155" s="18"/>
      <c r="F155" s="18"/>
      <c r="G155" s="18"/>
      <c r="H155" s="18"/>
      <c r="I155" s="18"/>
      <c r="J155" s="18"/>
      <c r="K155" s="18"/>
      <c r="L155" s="18"/>
      <c r="M155" s="18"/>
      <c r="N155" s="18"/>
      <c r="O155" s="18"/>
      <c r="P155" s="20"/>
      <c r="Q155" s="20"/>
      <c r="R155" s="20"/>
      <c r="S155" s="20"/>
      <c r="T155" s="20"/>
      <c r="U155" s="20"/>
      <c r="V155" s="20"/>
      <c r="W155" s="20"/>
      <c r="X155" s="19"/>
      <c r="Y155" s="19"/>
      <c r="Z155" s="19"/>
      <c r="AA155" s="19"/>
    </row>
    <row r="156" spans="1:27" s="1" customFormat="1" ht="14.1" customHeight="1" outlineLevel="2" x14ac:dyDescent="0.2">
      <c r="A156" s="17">
        <v>13151</v>
      </c>
      <c r="B156" s="17"/>
      <c r="C156" s="17"/>
      <c r="D156" s="18" t="s">
        <v>86</v>
      </c>
      <c r="E156" s="18"/>
      <c r="F156" s="18"/>
      <c r="G156" s="18"/>
      <c r="H156" s="18"/>
      <c r="I156" s="18"/>
      <c r="J156" s="18"/>
      <c r="K156" s="18"/>
      <c r="L156" s="18"/>
      <c r="M156" s="18"/>
      <c r="N156" s="18"/>
      <c r="O156" s="18"/>
      <c r="P156" s="20">
        <v>1270</v>
      </c>
      <c r="Q156" s="20"/>
      <c r="R156" s="20"/>
      <c r="S156" s="20"/>
      <c r="T156" s="20">
        <v>1100</v>
      </c>
      <c r="U156" s="20"/>
      <c r="V156" s="20"/>
      <c r="W156" s="20"/>
      <c r="X156" s="19">
        <v>5</v>
      </c>
      <c r="Y156" s="19"/>
      <c r="Z156" s="19"/>
      <c r="AA156" s="19"/>
    </row>
    <row r="157" spans="1:27" s="1" customFormat="1" ht="14.1" customHeight="1" outlineLevel="2" x14ac:dyDescent="0.2">
      <c r="A157" s="17"/>
      <c r="B157" s="17"/>
      <c r="C157" s="17"/>
      <c r="D157" s="18"/>
      <c r="E157" s="18"/>
      <c r="F157" s="18"/>
      <c r="G157" s="18"/>
      <c r="H157" s="18"/>
      <c r="I157" s="18"/>
      <c r="J157" s="18"/>
      <c r="K157" s="18"/>
      <c r="L157" s="18"/>
      <c r="M157" s="18"/>
      <c r="N157" s="18"/>
      <c r="O157" s="18"/>
      <c r="P157" s="20"/>
      <c r="Q157" s="20"/>
      <c r="R157" s="20"/>
      <c r="S157" s="20"/>
      <c r="T157" s="20"/>
      <c r="U157" s="20"/>
      <c r="V157" s="20"/>
      <c r="W157" s="20"/>
      <c r="X157" s="19"/>
      <c r="Y157" s="19"/>
      <c r="Z157" s="19"/>
      <c r="AA157" s="19"/>
    </row>
    <row r="158" spans="1:27" s="1" customFormat="1" ht="11.1" customHeight="1" outlineLevel="2" x14ac:dyDescent="0.2">
      <c r="A158" s="17">
        <v>13133</v>
      </c>
      <c r="B158" s="17"/>
      <c r="C158" s="17"/>
      <c r="D158" s="18" t="s">
        <v>87</v>
      </c>
      <c r="E158" s="18"/>
      <c r="F158" s="18"/>
      <c r="G158" s="18"/>
      <c r="H158" s="18"/>
      <c r="I158" s="18"/>
      <c r="J158" s="18"/>
      <c r="K158" s="18"/>
      <c r="L158" s="18"/>
      <c r="M158" s="18"/>
      <c r="N158" s="18"/>
      <c r="O158" s="18"/>
      <c r="P158" s="20">
        <v>1090</v>
      </c>
      <c r="Q158" s="20"/>
      <c r="R158" s="20"/>
      <c r="S158" s="20"/>
      <c r="T158" s="19">
        <v>990</v>
      </c>
      <c r="U158" s="19"/>
      <c r="V158" s="19"/>
      <c r="W158" s="19"/>
      <c r="X158" s="19">
        <v>8</v>
      </c>
      <c r="Y158" s="19"/>
      <c r="Z158" s="19"/>
      <c r="AA158" s="19"/>
    </row>
    <row r="159" spans="1:27" s="1" customFormat="1" ht="11.1" customHeight="1" outlineLevel="2" x14ac:dyDescent="0.2">
      <c r="A159" s="17"/>
      <c r="B159" s="17"/>
      <c r="C159" s="17"/>
      <c r="D159" s="18"/>
      <c r="E159" s="18"/>
      <c r="F159" s="18"/>
      <c r="G159" s="18"/>
      <c r="H159" s="18"/>
      <c r="I159" s="18"/>
      <c r="J159" s="18"/>
      <c r="K159" s="18"/>
      <c r="L159" s="18"/>
      <c r="M159" s="18"/>
      <c r="N159" s="18"/>
      <c r="O159" s="18"/>
      <c r="P159" s="20"/>
      <c r="Q159" s="20"/>
      <c r="R159" s="20"/>
      <c r="S159" s="20"/>
      <c r="T159" s="19"/>
      <c r="U159" s="19"/>
      <c r="V159" s="19"/>
      <c r="W159" s="19"/>
      <c r="X159" s="19"/>
      <c r="Y159" s="19"/>
      <c r="Z159" s="19"/>
      <c r="AA159" s="19"/>
    </row>
    <row r="160" spans="1:27" s="1" customFormat="1" ht="11.1" customHeight="1" outlineLevel="2" x14ac:dyDescent="0.2">
      <c r="A160" s="17">
        <v>13132</v>
      </c>
      <c r="B160" s="17"/>
      <c r="C160" s="17"/>
      <c r="D160" s="18" t="s">
        <v>88</v>
      </c>
      <c r="E160" s="18"/>
      <c r="F160" s="18"/>
      <c r="G160" s="18"/>
      <c r="H160" s="18"/>
      <c r="I160" s="18"/>
      <c r="J160" s="18"/>
      <c r="K160" s="18"/>
      <c r="L160" s="18"/>
      <c r="M160" s="18"/>
      <c r="N160" s="18"/>
      <c r="O160" s="18"/>
      <c r="P160" s="20">
        <v>1090</v>
      </c>
      <c r="Q160" s="20"/>
      <c r="R160" s="20"/>
      <c r="S160" s="20"/>
      <c r="T160" s="19">
        <v>990</v>
      </c>
      <c r="U160" s="19"/>
      <c r="V160" s="19"/>
      <c r="W160" s="19"/>
      <c r="X160" s="19">
        <v>9</v>
      </c>
      <c r="Y160" s="19"/>
      <c r="Z160" s="19"/>
      <c r="AA160" s="19"/>
    </row>
    <row r="161" spans="1:27" s="1" customFormat="1" ht="11.1" customHeight="1" outlineLevel="2" x14ac:dyDescent="0.2">
      <c r="A161" s="17"/>
      <c r="B161" s="17"/>
      <c r="C161" s="17"/>
      <c r="D161" s="18"/>
      <c r="E161" s="18"/>
      <c r="F161" s="18"/>
      <c r="G161" s="18"/>
      <c r="H161" s="18"/>
      <c r="I161" s="18"/>
      <c r="J161" s="18"/>
      <c r="K161" s="18"/>
      <c r="L161" s="18"/>
      <c r="M161" s="18"/>
      <c r="N161" s="18"/>
      <c r="O161" s="18"/>
      <c r="P161" s="20"/>
      <c r="Q161" s="20"/>
      <c r="R161" s="20"/>
      <c r="S161" s="20"/>
      <c r="T161" s="19"/>
      <c r="U161" s="19"/>
      <c r="V161" s="19"/>
      <c r="W161" s="19"/>
      <c r="X161" s="19"/>
      <c r="Y161" s="19"/>
      <c r="Z161" s="19"/>
      <c r="AA161" s="19"/>
    </row>
    <row r="162" spans="1:27" s="1" customFormat="1" ht="11.1" customHeight="1" outlineLevel="2" x14ac:dyDescent="0.2">
      <c r="A162" s="17">
        <v>9932</v>
      </c>
      <c r="B162" s="17"/>
      <c r="C162" s="17"/>
      <c r="D162" s="18" t="s">
        <v>89</v>
      </c>
      <c r="E162" s="18"/>
      <c r="F162" s="18"/>
      <c r="G162" s="18"/>
      <c r="H162" s="18"/>
      <c r="I162" s="18"/>
      <c r="J162" s="18"/>
      <c r="K162" s="18"/>
      <c r="L162" s="18"/>
      <c r="M162" s="18"/>
      <c r="N162" s="18"/>
      <c r="O162" s="18"/>
      <c r="P162" s="19">
        <v>750</v>
      </c>
      <c r="Q162" s="19"/>
      <c r="R162" s="19"/>
      <c r="S162" s="19"/>
      <c r="T162" s="19">
        <v>670</v>
      </c>
      <c r="U162" s="19"/>
      <c r="V162" s="19"/>
      <c r="W162" s="19"/>
      <c r="X162" s="19">
        <v>7</v>
      </c>
      <c r="Y162" s="19"/>
      <c r="Z162" s="19"/>
      <c r="AA162" s="19"/>
    </row>
    <row r="163" spans="1:27" s="1" customFormat="1" ht="11.1" customHeight="1" outlineLevel="2" x14ac:dyDescent="0.2">
      <c r="A163" s="17"/>
      <c r="B163" s="17"/>
      <c r="C163" s="17"/>
      <c r="D163" s="18"/>
      <c r="E163" s="18"/>
      <c r="F163" s="18"/>
      <c r="G163" s="18"/>
      <c r="H163" s="18"/>
      <c r="I163" s="18"/>
      <c r="J163" s="18"/>
      <c r="K163" s="18"/>
      <c r="L163" s="18"/>
      <c r="M163" s="18"/>
      <c r="N163" s="18"/>
      <c r="O163" s="18"/>
      <c r="P163" s="19"/>
      <c r="Q163" s="19"/>
      <c r="R163" s="19"/>
      <c r="S163" s="19"/>
      <c r="T163" s="19"/>
      <c r="U163" s="19"/>
      <c r="V163" s="19"/>
      <c r="W163" s="19"/>
      <c r="X163" s="19"/>
      <c r="Y163" s="19"/>
      <c r="Z163" s="19"/>
      <c r="AA163" s="19"/>
    </row>
    <row r="164" spans="1:27" s="1" customFormat="1" ht="11.1" customHeight="1" outlineLevel="2" x14ac:dyDescent="0.2">
      <c r="A164" s="17">
        <v>9933</v>
      </c>
      <c r="B164" s="17"/>
      <c r="C164" s="17"/>
      <c r="D164" s="18" t="s">
        <v>90</v>
      </c>
      <c r="E164" s="18"/>
      <c r="F164" s="18"/>
      <c r="G164" s="18"/>
      <c r="H164" s="18"/>
      <c r="I164" s="18"/>
      <c r="J164" s="18"/>
      <c r="K164" s="18"/>
      <c r="L164" s="18"/>
      <c r="M164" s="18"/>
      <c r="N164" s="18"/>
      <c r="O164" s="18"/>
      <c r="P164" s="20">
        <v>1180</v>
      </c>
      <c r="Q164" s="20"/>
      <c r="R164" s="20"/>
      <c r="S164" s="20"/>
      <c r="T164" s="20">
        <v>1040</v>
      </c>
      <c r="U164" s="20"/>
      <c r="V164" s="20"/>
      <c r="W164" s="20"/>
      <c r="X164" s="19">
        <v>7</v>
      </c>
      <c r="Y164" s="19"/>
      <c r="Z164" s="19"/>
      <c r="AA164" s="19"/>
    </row>
    <row r="165" spans="1:27" s="1" customFormat="1" ht="11.1" customHeight="1" outlineLevel="2" x14ac:dyDescent="0.2">
      <c r="A165" s="17"/>
      <c r="B165" s="17"/>
      <c r="C165" s="17"/>
      <c r="D165" s="18"/>
      <c r="E165" s="18"/>
      <c r="F165" s="18"/>
      <c r="G165" s="18"/>
      <c r="H165" s="18"/>
      <c r="I165" s="18"/>
      <c r="J165" s="18"/>
      <c r="K165" s="18"/>
      <c r="L165" s="18"/>
      <c r="M165" s="18"/>
      <c r="N165" s="18"/>
      <c r="O165" s="18"/>
      <c r="P165" s="20"/>
      <c r="Q165" s="20"/>
      <c r="R165" s="20"/>
      <c r="S165" s="20"/>
      <c r="T165" s="20"/>
      <c r="U165" s="20"/>
      <c r="V165" s="20"/>
      <c r="W165" s="20"/>
      <c r="X165" s="19"/>
      <c r="Y165" s="19"/>
      <c r="Z165" s="19"/>
      <c r="AA165" s="19"/>
    </row>
    <row r="166" spans="1:27" s="1" customFormat="1" ht="11.1" customHeight="1" outlineLevel="2" x14ac:dyDescent="0.2">
      <c r="A166" s="17">
        <v>9931</v>
      </c>
      <c r="B166" s="17"/>
      <c r="C166" s="17"/>
      <c r="D166" s="18" t="s">
        <v>91</v>
      </c>
      <c r="E166" s="18"/>
      <c r="F166" s="18"/>
      <c r="G166" s="18"/>
      <c r="H166" s="18"/>
      <c r="I166" s="18"/>
      <c r="J166" s="18"/>
      <c r="K166" s="18"/>
      <c r="L166" s="18"/>
      <c r="M166" s="18"/>
      <c r="N166" s="18"/>
      <c r="O166" s="18"/>
      <c r="P166" s="19">
        <v>750</v>
      </c>
      <c r="Q166" s="19"/>
      <c r="R166" s="19"/>
      <c r="S166" s="19"/>
      <c r="T166" s="19">
        <v>670</v>
      </c>
      <c r="U166" s="19"/>
      <c r="V166" s="19"/>
      <c r="W166" s="19"/>
      <c r="X166" s="19">
        <v>15</v>
      </c>
      <c r="Y166" s="19"/>
      <c r="Z166" s="19"/>
      <c r="AA166" s="19"/>
    </row>
    <row r="167" spans="1:27" s="1" customFormat="1" ht="11.1" customHeight="1" outlineLevel="2" x14ac:dyDescent="0.2">
      <c r="A167" s="17"/>
      <c r="B167" s="17"/>
      <c r="C167" s="17"/>
      <c r="D167" s="18"/>
      <c r="E167" s="18"/>
      <c r="F167" s="18"/>
      <c r="G167" s="18"/>
      <c r="H167" s="18"/>
      <c r="I167" s="18"/>
      <c r="J167" s="18"/>
      <c r="K167" s="18"/>
      <c r="L167" s="18"/>
      <c r="M167" s="18"/>
      <c r="N167" s="18"/>
      <c r="O167" s="18"/>
      <c r="P167" s="19"/>
      <c r="Q167" s="19"/>
      <c r="R167" s="19"/>
      <c r="S167" s="19"/>
      <c r="T167" s="19"/>
      <c r="U167" s="19"/>
      <c r="V167" s="19"/>
      <c r="W167" s="19"/>
      <c r="X167" s="19"/>
      <c r="Y167" s="19"/>
      <c r="Z167" s="19"/>
      <c r="AA167" s="19"/>
    </row>
    <row r="168" spans="1:27" s="1" customFormat="1" ht="11.1" customHeight="1" outlineLevel="2" x14ac:dyDescent="0.2">
      <c r="A168" s="17">
        <v>9934</v>
      </c>
      <c r="B168" s="17"/>
      <c r="C168" s="17"/>
      <c r="D168" s="18" t="s">
        <v>92</v>
      </c>
      <c r="E168" s="18"/>
      <c r="F168" s="18"/>
      <c r="G168" s="18"/>
      <c r="H168" s="18"/>
      <c r="I168" s="18"/>
      <c r="J168" s="18"/>
      <c r="K168" s="18"/>
      <c r="L168" s="18"/>
      <c r="M168" s="18"/>
      <c r="N168" s="18"/>
      <c r="O168" s="18"/>
      <c r="P168" s="20">
        <v>1180</v>
      </c>
      <c r="Q168" s="20"/>
      <c r="R168" s="20"/>
      <c r="S168" s="20"/>
      <c r="T168" s="20">
        <v>1040</v>
      </c>
      <c r="U168" s="20"/>
      <c r="V168" s="20"/>
      <c r="W168" s="20"/>
      <c r="X168" s="19">
        <v>8</v>
      </c>
      <c r="Y168" s="19"/>
      <c r="Z168" s="19"/>
      <c r="AA168" s="19"/>
    </row>
    <row r="169" spans="1:27" s="1" customFormat="1" ht="11.1" customHeight="1" outlineLevel="2" x14ac:dyDescent="0.2">
      <c r="A169" s="17"/>
      <c r="B169" s="17"/>
      <c r="C169" s="17"/>
      <c r="D169" s="18"/>
      <c r="E169" s="18"/>
      <c r="F169" s="18"/>
      <c r="G169" s="18"/>
      <c r="H169" s="18"/>
      <c r="I169" s="18"/>
      <c r="J169" s="18"/>
      <c r="K169" s="18"/>
      <c r="L169" s="18"/>
      <c r="M169" s="18"/>
      <c r="N169" s="18"/>
      <c r="O169" s="18"/>
      <c r="P169" s="20"/>
      <c r="Q169" s="20"/>
      <c r="R169" s="20"/>
      <c r="S169" s="20"/>
      <c r="T169" s="20"/>
      <c r="U169" s="20"/>
      <c r="V169" s="20"/>
      <c r="W169" s="20"/>
      <c r="X169" s="19"/>
      <c r="Y169" s="19"/>
      <c r="Z169" s="19"/>
      <c r="AA169" s="19"/>
    </row>
    <row r="170" spans="1:27" s="1" customFormat="1" ht="11.1" customHeight="1" outlineLevel="2" x14ac:dyDescent="0.2">
      <c r="A170" s="17">
        <v>13134</v>
      </c>
      <c r="B170" s="17"/>
      <c r="C170" s="17"/>
      <c r="D170" s="18" t="s">
        <v>93</v>
      </c>
      <c r="E170" s="18"/>
      <c r="F170" s="18"/>
      <c r="G170" s="18"/>
      <c r="H170" s="18"/>
      <c r="I170" s="18"/>
      <c r="J170" s="18"/>
      <c r="K170" s="18"/>
      <c r="L170" s="18"/>
      <c r="M170" s="18"/>
      <c r="N170" s="18"/>
      <c r="O170" s="18"/>
      <c r="P170" s="20">
        <v>1290</v>
      </c>
      <c r="Q170" s="20"/>
      <c r="R170" s="20"/>
      <c r="S170" s="20"/>
      <c r="T170" s="20">
        <v>1200</v>
      </c>
      <c r="U170" s="20"/>
      <c r="V170" s="20"/>
      <c r="W170" s="20"/>
      <c r="X170" s="19">
        <v>10</v>
      </c>
      <c r="Y170" s="19"/>
      <c r="Z170" s="19"/>
      <c r="AA170" s="19"/>
    </row>
    <row r="171" spans="1:27" s="1" customFormat="1" ht="11.1" customHeight="1" outlineLevel="2" x14ac:dyDescent="0.2">
      <c r="A171" s="17"/>
      <c r="B171" s="17"/>
      <c r="C171" s="17"/>
      <c r="D171" s="18"/>
      <c r="E171" s="18"/>
      <c r="F171" s="18"/>
      <c r="G171" s="18"/>
      <c r="H171" s="18"/>
      <c r="I171" s="18"/>
      <c r="J171" s="18"/>
      <c r="K171" s="18"/>
      <c r="L171" s="18"/>
      <c r="M171" s="18"/>
      <c r="N171" s="18"/>
      <c r="O171" s="18"/>
      <c r="P171" s="20"/>
      <c r="Q171" s="20"/>
      <c r="R171" s="20"/>
      <c r="S171" s="20"/>
      <c r="T171" s="20"/>
      <c r="U171" s="20"/>
      <c r="V171" s="20"/>
      <c r="W171" s="20"/>
      <c r="X171" s="19"/>
      <c r="Y171" s="19"/>
      <c r="Z171" s="19"/>
      <c r="AA171" s="19"/>
    </row>
    <row r="172" spans="1:27" s="1" customFormat="1" ht="11.1" customHeight="1" outlineLevel="2" x14ac:dyDescent="0.2">
      <c r="A172" s="17">
        <v>9930</v>
      </c>
      <c r="B172" s="17"/>
      <c r="C172" s="17"/>
      <c r="D172" s="18" t="s">
        <v>94</v>
      </c>
      <c r="E172" s="18"/>
      <c r="F172" s="18"/>
      <c r="G172" s="18"/>
      <c r="H172" s="18"/>
      <c r="I172" s="18"/>
      <c r="J172" s="18"/>
      <c r="K172" s="18"/>
      <c r="L172" s="18"/>
      <c r="M172" s="18"/>
      <c r="N172" s="18"/>
      <c r="O172" s="18"/>
      <c r="P172" s="20">
        <v>1500</v>
      </c>
      <c r="Q172" s="20"/>
      <c r="R172" s="20"/>
      <c r="S172" s="20"/>
      <c r="T172" s="20">
        <v>1400</v>
      </c>
      <c r="U172" s="20"/>
      <c r="V172" s="20"/>
      <c r="W172" s="20"/>
      <c r="X172" s="19">
        <v>1</v>
      </c>
      <c r="Y172" s="19"/>
      <c r="Z172" s="19"/>
      <c r="AA172" s="19"/>
    </row>
    <row r="173" spans="1:27" s="1" customFormat="1" ht="11.1" customHeight="1" outlineLevel="2" x14ac:dyDescent="0.2">
      <c r="A173" s="17"/>
      <c r="B173" s="17"/>
      <c r="C173" s="17"/>
      <c r="D173" s="18"/>
      <c r="E173" s="18"/>
      <c r="F173" s="18"/>
      <c r="G173" s="18"/>
      <c r="H173" s="18"/>
      <c r="I173" s="18"/>
      <c r="J173" s="18"/>
      <c r="K173" s="18"/>
      <c r="L173" s="18"/>
      <c r="M173" s="18"/>
      <c r="N173" s="18"/>
      <c r="O173" s="18"/>
      <c r="P173" s="20"/>
      <c r="Q173" s="20"/>
      <c r="R173" s="20"/>
      <c r="S173" s="20"/>
      <c r="T173" s="20"/>
      <c r="U173" s="20"/>
      <c r="V173" s="20"/>
      <c r="W173" s="20"/>
      <c r="X173" s="19"/>
      <c r="Y173" s="19"/>
      <c r="Z173" s="19"/>
      <c r="AA173" s="19"/>
    </row>
    <row r="174" spans="1:27" s="1" customFormat="1" ht="11.1" customHeight="1" outlineLevel="2" x14ac:dyDescent="0.2">
      <c r="A174" s="17">
        <v>13135</v>
      </c>
      <c r="B174" s="17"/>
      <c r="C174" s="17"/>
      <c r="D174" s="18" t="s">
        <v>95</v>
      </c>
      <c r="E174" s="18"/>
      <c r="F174" s="18"/>
      <c r="G174" s="18"/>
      <c r="H174" s="18"/>
      <c r="I174" s="18"/>
      <c r="J174" s="18"/>
      <c r="K174" s="18"/>
      <c r="L174" s="18"/>
      <c r="M174" s="18"/>
      <c r="N174" s="18"/>
      <c r="O174" s="18"/>
      <c r="P174" s="20">
        <v>1290</v>
      </c>
      <c r="Q174" s="20"/>
      <c r="R174" s="20"/>
      <c r="S174" s="20"/>
      <c r="T174" s="20">
        <v>1200</v>
      </c>
      <c r="U174" s="20"/>
      <c r="V174" s="20"/>
      <c r="W174" s="20"/>
      <c r="X174" s="19">
        <v>8</v>
      </c>
      <c r="Y174" s="19"/>
      <c r="Z174" s="19"/>
      <c r="AA174" s="19"/>
    </row>
    <row r="175" spans="1:27" s="1" customFormat="1" ht="11.1" customHeight="1" outlineLevel="2" x14ac:dyDescent="0.2">
      <c r="A175" s="17"/>
      <c r="B175" s="17"/>
      <c r="C175" s="17"/>
      <c r="D175" s="18"/>
      <c r="E175" s="18"/>
      <c r="F175" s="18"/>
      <c r="G175" s="18"/>
      <c r="H175" s="18"/>
      <c r="I175" s="18"/>
      <c r="J175" s="18"/>
      <c r="K175" s="18"/>
      <c r="L175" s="18"/>
      <c r="M175" s="18"/>
      <c r="N175" s="18"/>
      <c r="O175" s="18"/>
      <c r="P175" s="20"/>
      <c r="Q175" s="20"/>
      <c r="R175" s="20"/>
      <c r="S175" s="20"/>
      <c r="T175" s="20"/>
      <c r="U175" s="20"/>
      <c r="V175" s="20"/>
      <c r="W175" s="20"/>
      <c r="X175" s="19"/>
      <c r="Y175" s="19"/>
      <c r="Z175" s="19"/>
      <c r="AA175" s="19"/>
    </row>
    <row r="176" spans="1:27" s="1" customFormat="1" ht="11.1" customHeight="1" outlineLevel="2" x14ac:dyDescent="0.2">
      <c r="A176" s="17">
        <v>9929</v>
      </c>
      <c r="B176" s="17"/>
      <c r="C176" s="17"/>
      <c r="D176" s="18" t="s">
        <v>96</v>
      </c>
      <c r="E176" s="18"/>
      <c r="F176" s="18"/>
      <c r="G176" s="18"/>
      <c r="H176" s="18"/>
      <c r="I176" s="18"/>
      <c r="J176" s="18"/>
      <c r="K176" s="18"/>
      <c r="L176" s="18"/>
      <c r="M176" s="18"/>
      <c r="N176" s="18"/>
      <c r="O176" s="18"/>
      <c r="P176" s="20">
        <v>1500</v>
      </c>
      <c r="Q176" s="20"/>
      <c r="R176" s="20"/>
      <c r="S176" s="20"/>
      <c r="T176" s="20">
        <v>1400</v>
      </c>
      <c r="U176" s="20"/>
      <c r="V176" s="20"/>
      <c r="W176" s="20"/>
      <c r="X176" s="19">
        <v>3</v>
      </c>
      <c r="Y176" s="19"/>
      <c r="Z176" s="19"/>
      <c r="AA176" s="19"/>
    </row>
    <row r="177" spans="1:27" s="1" customFormat="1" ht="11.1" customHeight="1" outlineLevel="2" x14ac:dyDescent="0.2">
      <c r="A177" s="17"/>
      <c r="B177" s="17"/>
      <c r="C177" s="17"/>
      <c r="D177" s="18"/>
      <c r="E177" s="18"/>
      <c r="F177" s="18"/>
      <c r="G177" s="18"/>
      <c r="H177" s="18"/>
      <c r="I177" s="18"/>
      <c r="J177" s="18"/>
      <c r="K177" s="18"/>
      <c r="L177" s="18"/>
      <c r="M177" s="18"/>
      <c r="N177" s="18"/>
      <c r="O177" s="18"/>
      <c r="P177" s="20"/>
      <c r="Q177" s="20"/>
      <c r="R177" s="20"/>
      <c r="S177" s="20"/>
      <c r="T177" s="20"/>
      <c r="U177" s="20"/>
      <c r="V177" s="20"/>
      <c r="W177" s="20"/>
      <c r="X177" s="19"/>
      <c r="Y177" s="19"/>
      <c r="Z177" s="19"/>
      <c r="AA177" s="19"/>
    </row>
    <row r="178" spans="1:27" s="1" customFormat="1" ht="11.1" customHeight="1" outlineLevel="2" x14ac:dyDescent="0.2">
      <c r="A178" s="17">
        <v>15689</v>
      </c>
      <c r="B178" s="17"/>
      <c r="C178" s="17"/>
      <c r="D178" s="18" t="s">
        <v>97</v>
      </c>
      <c r="E178" s="18"/>
      <c r="F178" s="18"/>
      <c r="G178" s="18"/>
      <c r="H178" s="18"/>
      <c r="I178" s="18"/>
      <c r="J178" s="18"/>
      <c r="K178" s="18"/>
      <c r="L178" s="18"/>
      <c r="M178" s="18"/>
      <c r="N178" s="18"/>
      <c r="O178" s="18"/>
      <c r="P178" s="20">
        <v>2000</v>
      </c>
      <c r="Q178" s="20"/>
      <c r="R178" s="20"/>
      <c r="S178" s="20"/>
      <c r="T178" s="20">
        <v>1800</v>
      </c>
      <c r="U178" s="20"/>
      <c r="V178" s="20"/>
      <c r="W178" s="20"/>
      <c r="X178" s="19">
        <v>5</v>
      </c>
      <c r="Y178" s="19"/>
      <c r="Z178" s="19"/>
      <c r="AA178" s="19"/>
    </row>
    <row r="179" spans="1:27" s="1" customFormat="1" ht="11.1" customHeight="1" outlineLevel="2" x14ac:dyDescent="0.2">
      <c r="A179" s="17"/>
      <c r="B179" s="17"/>
      <c r="C179" s="17"/>
      <c r="D179" s="18"/>
      <c r="E179" s="18"/>
      <c r="F179" s="18"/>
      <c r="G179" s="18"/>
      <c r="H179" s="18"/>
      <c r="I179" s="18"/>
      <c r="J179" s="18"/>
      <c r="K179" s="18"/>
      <c r="L179" s="18"/>
      <c r="M179" s="18"/>
      <c r="N179" s="18"/>
      <c r="O179" s="18"/>
      <c r="P179" s="20"/>
      <c r="Q179" s="20"/>
      <c r="R179" s="20"/>
      <c r="S179" s="20"/>
      <c r="T179" s="20"/>
      <c r="U179" s="20"/>
      <c r="V179" s="20"/>
      <c r="W179" s="20"/>
      <c r="X179" s="19"/>
      <c r="Y179" s="19"/>
      <c r="Z179" s="19"/>
      <c r="AA179" s="19"/>
    </row>
    <row r="180" spans="1:27" s="1" customFormat="1" ht="14.1" customHeight="1" outlineLevel="2" x14ac:dyDescent="0.2">
      <c r="A180" s="17">
        <v>13152</v>
      </c>
      <c r="B180" s="17"/>
      <c r="C180" s="17"/>
      <c r="D180" s="18" t="s">
        <v>98</v>
      </c>
      <c r="E180" s="18"/>
      <c r="F180" s="18"/>
      <c r="G180" s="18"/>
      <c r="H180" s="18"/>
      <c r="I180" s="18"/>
      <c r="J180" s="18"/>
      <c r="K180" s="18"/>
      <c r="L180" s="18"/>
      <c r="M180" s="18"/>
      <c r="N180" s="18"/>
      <c r="O180" s="18"/>
      <c r="P180" s="19">
        <v>740</v>
      </c>
      <c r="Q180" s="19"/>
      <c r="R180" s="19"/>
      <c r="S180" s="19"/>
      <c r="T180" s="19">
        <v>670</v>
      </c>
      <c r="U180" s="19"/>
      <c r="V180" s="19"/>
      <c r="W180" s="19"/>
      <c r="X180" s="19">
        <v>10</v>
      </c>
      <c r="Y180" s="19"/>
      <c r="Z180" s="19"/>
      <c r="AA180" s="19"/>
    </row>
    <row r="181" spans="1:27" s="1" customFormat="1" ht="14.1" customHeight="1" outlineLevel="2" x14ac:dyDescent="0.2">
      <c r="A181" s="17"/>
      <c r="B181" s="17"/>
      <c r="C181" s="17"/>
      <c r="D181" s="18"/>
      <c r="E181" s="18"/>
      <c r="F181" s="18"/>
      <c r="G181" s="18"/>
      <c r="H181" s="18"/>
      <c r="I181" s="18"/>
      <c r="J181" s="18"/>
      <c r="K181" s="18"/>
      <c r="L181" s="18"/>
      <c r="M181" s="18"/>
      <c r="N181" s="18"/>
      <c r="O181" s="18"/>
      <c r="P181" s="19"/>
      <c r="Q181" s="19"/>
      <c r="R181" s="19"/>
      <c r="S181" s="19"/>
      <c r="T181" s="19"/>
      <c r="U181" s="19"/>
      <c r="V181" s="19"/>
      <c r="W181" s="19"/>
      <c r="X181" s="19"/>
      <c r="Y181" s="19"/>
      <c r="Z181" s="19"/>
      <c r="AA181" s="19"/>
    </row>
    <row r="182" spans="1:27" s="1" customFormat="1" ht="14.1" customHeight="1" outlineLevel="2" x14ac:dyDescent="0.2">
      <c r="A182" s="17">
        <v>1129</v>
      </c>
      <c r="B182" s="17"/>
      <c r="C182" s="17"/>
      <c r="D182" s="18" t="s">
        <v>99</v>
      </c>
      <c r="E182" s="18"/>
      <c r="F182" s="18"/>
      <c r="G182" s="18"/>
      <c r="H182" s="18"/>
      <c r="I182" s="18"/>
      <c r="J182" s="18"/>
      <c r="K182" s="18"/>
      <c r="L182" s="18"/>
      <c r="M182" s="18"/>
      <c r="N182" s="18"/>
      <c r="O182" s="18"/>
      <c r="P182" s="19">
        <v>790</v>
      </c>
      <c r="Q182" s="19"/>
      <c r="R182" s="19"/>
      <c r="S182" s="19"/>
      <c r="T182" s="19">
        <v>710</v>
      </c>
      <c r="U182" s="19"/>
      <c r="V182" s="19"/>
      <c r="W182" s="19"/>
      <c r="X182" s="19">
        <v>9</v>
      </c>
      <c r="Y182" s="19"/>
      <c r="Z182" s="19"/>
      <c r="AA182" s="19"/>
    </row>
    <row r="183" spans="1:27" s="1" customFormat="1" ht="14.1" customHeight="1" outlineLevel="2" x14ac:dyDescent="0.2">
      <c r="A183" s="17"/>
      <c r="B183" s="17"/>
      <c r="C183" s="17"/>
      <c r="D183" s="18"/>
      <c r="E183" s="18"/>
      <c r="F183" s="18"/>
      <c r="G183" s="18"/>
      <c r="H183" s="18"/>
      <c r="I183" s="18"/>
      <c r="J183" s="18"/>
      <c r="K183" s="18"/>
      <c r="L183" s="18"/>
      <c r="M183" s="18"/>
      <c r="N183" s="18"/>
      <c r="O183" s="18"/>
      <c r="P183" s="19"/>
      <c r="Q183" s="19"/>
      <c r="R183" s="19"/>
      <c r="S183" s="19"/>
      <c r="T183" s="19"/>
      <c r="U183" s="19"/>
      <c r="V183" s="19"/>
      <c r="W183" s="19"/>
      <c r="X183" s="19"/>
      <c r="Y183" s="19"/>
      <c r="Z183" s="19"/>
      <c r="AA183" s="19"/>
    </row>
    <row r="184" spans="1:27" s="1" customFormat="1" ht="14.1" customHeight="1" outlineLevel="2" x14ac:dyDescent="0.2">
      <c r="A184" s="17">
        <v>10647</v>
      </c>
      <c r="B184" s="17"/>
      <c r="C184" s="17"/>
      <c r="D184" s="18" t="s">
        <v>100</v>
      </c>
      <c r="E184" s="18"/>
      <c r="F184" s="18"/>
      <c r="G184" s="18"/>
      <c r="H184" s="18"/>
      <c r="I184" s="18"/>
      <c r="J184" s="18"/>
      <c r="K184" s="18"/>
      <c r="L184" s="18"/>
      <c r="M184" s="18"/>
      <c r="N184" s="18"/>
      <c r="O184" s="18"/>
      <c r="P184" s="20">
        <v>1175</v>
      </c>
      <c r="Q184" s="20"/>
      <c r="R184" s="20"/>
      <c r="S184" s="20"/>
      <c r="T184" s="20">
        <v>1105</v>
      </c>
      <c r="U184" s="20"/>
      <c r="V184" s="20"/>
      <c r="W184" s="20"/>
      <c r="X184" s="19">
        <v>1</v>
      </c>
      <c r="Y184" s="19"/>
      <c r="Z184" s="19"/>
      <c r="AA184" s="19"/>
    </row>
    <row r="185" spans="1:27" s="1" customFormat="1" ht="14.1" customHeight="1" outlineLevel="2" x14ac:dyDescent="0.2">
      <c r="A185" s="17"/>
      <c r="B185" s="17"/>
      <c r="C185" s="17"/>
      <c r="D185" s="18"/>
      <c r="E185" s="18"/>
      <c r="F185" s="18"/>
      <c r="G185" s="18"/>
      <c r="H185" s="18"/>
      <c r="I185" s="18"/>
      <c r="J185" s="18"/>
      <c r="K185" s="18"/>
      <c r="L185" s="18"/>
      <c r="M185" s="18"/>
      <c r="N185" s="18"/>
      <c r="O185" s="18"/>
      <c r="P185" s="20"/>
      <c r="Q185" s="20"/>
      <c r="R185" s="20"/>
      <c r="S185" s="20"/>
      <c r="T185" s="20"/>
      <c r="U185" s="20"/>
      <c r="V185" s="20"/>
      <c r="W185" s="20"/>
      <c r="X185" s="19"/>
      <c r="Y185" s="19"/>
      <c r="Z185" s="19"/>
      <c r="AA185" s="19"/>
    </row>
    <row r="186" spans="1:27" s="1" customFormat="1" ht="14.1" customHeight="1" outlineLevel="2" x14ac:dyDescent="0.2">
      <c r="A186" s="17">
        <v>9834</v>
      </c>
      <c r="B186" s="17"/>
      <c r="C186" s="17"/>
      <c r="D186" s="18" t="s">
        <v>101</v>
      </c>
      <c r="E186" s="18"/>
      <c r="F186" s="18"/>
      <c r="G186" s="18"/>
      <c r="H186" s="18"/>
      <c r="I186" s="18"/>
      <c r="J186" s="18"/>
      <c r="K186" s="18"/>
      <c r="L186" s="18"/>
      <c r="M186" s="18"/>
      <c r="N186" s="18"/>
      <c r="O186" s="18"/>
      <c r="P186" s="19">
        <v>745</v>
      </c>
      <c r="Q186" s="19"/>
      <c r="R186" s="19"/>
      <c r="S186" s="19"/>
      <c r="T186" s="19">
        <v>745</v>
      </c>
      <c r="U186" s="19"/>
      <c r="V186" s="19"/>
      <c r="W186" s="19"/>
      <c r="X186" s="19">
        <v>10</v>
      </c>
      <c r="Y186" s="19"/>
      <c r="Z186" s="19"/>
      <c r="AA186" s="19"/>
    </row>
    <row r="187" spans="1:27" s="1" customFormat="1" ht="14.1" customHeight="1" outlineLevel="2" x14ac:dyDescent="0.2">
      <c r="A187" s="17"/>
      <c r="B187" s="17"/>
      <c r="C187" s="17"/>
      <c r="D187" s="18"/>
      <c r="E187" s="18"/>
      <c r="F187" s="18"/>
      <c r="G187" s="18"/>
      <c r="H187" s="18"/>
      <c r="I187" s="18"/>
      <c r="J187" s="18"/>
      <c r="K187" s="18"/>
      <c r="L187" s="18"/>
      <c r="M187" s="18"/>
      <c r="N187" s="18"/>
      <c r="O187" s="18"/>
      <c r="P187" s="19"/>
      <c r="Q187" s="19"/>
      <c r="R187" s="19"/>
      <c r="S187" s="19"/>
      <c r="T187" s="19"/>
      <c r="U187" s="19"/>
      <c r="V187" s="19"/>
      <c r="W187" s="19"/>
      <c r="X187" s="19"/>
      <c r="Y187" s="19"/>
      <c r="Z187" s="19"/>
      <c r="AA187" s="19"/>
    </row>
    <row r="188" spans="1:27" s="1" customFormat="1" ht="14.1" customHeight="1" outlineLevel="2" x14ac:dyDescent="0.2">
      <c r="A188" s="17">
        <v>13005</v>
      </c>
      <c r="B188" s="17"/>
      <c r="C188" s="17"/>
      <c r="D188" s="18" t="s">
        <v>102</v>
      </c>
      <c r="E188" s="18"/>
      <c r="F188" s="18"/>
      <c r="G188" s="18"/>
      <c r="H188" s="18"/>
      <c r="I188" s="18"/>
      <c r="J188" s="18"/>
      <c r="K188" s="18"/>
      <c r="L188" s="18"/>
      <c r="M188" s="18"/>
      <c r="N188" s="18"/>
      <c r="O188" s="18"/>
      <c r="P188" s="19">
        <v>820</v>
      </c>
      <c r="Q188" s="19"/>
      <c r="R188" s="19"/>
      <c r="S188" s="19"/>
      <c r="T188" s="19">
        <v>730</v>
      </c>
      <c r="U188" s="19"/>
      <c r="V188" s="19"/>
      <c r="W188" s="19"/>
      <c r="X188" s="19">
        <v>7</v>
      </c>
      <c r="Y188" s="19"/>
      <c r="Z188" s="19"/>
      <c r="AA188" s="19"/>
    </row>
    <row r="189" spans="1:27" s="1" customFormat="1" ht="14.1" customHeight="1" outlineLevel="2" x14ac:dyDescent="0.2">
      <c r="A189" s="17"/>
      <c r="B189" s="17"/>
      <c r="C189" s="17"/>
      <c r="D189" s="18"/>
      <c r="E189" s="18"/>
      <c r="F189" s="18"/>
      <c r="G189" s="18"/>
      <c r="H189" s="18"/>
      <c r="I189" s="18"/>
      <c r="J189" s="18"/>
      <c r="K189" s="18"/>
      <c r="L189" s="18"/>
      <c r="M189" s="18"/>
      <c r="N189" s="18"/>
      <c r="O189" s="18"/>
      <c r="P189" s="19"/>
      <c r="Q189" s="19"/>
      <c r="R189" s="19"/>
      <c r="S189" s="19"/>
      <c r="T189" s="19"/>
      <c r="U189" s="19"/>
      <c r="V189" s="19"/>
      <c r="W189" s="19"/>
      <c r="X189" s="19"/>
      <c r="Y189" s="19"/>
      <c r="Z189" s="19"/>
      <c r="AA189" s="19"/>
    </row>
    <row r="190" spans="1:27" s="1" customFormat="1" ht="14.1" customHeight="1" outlineLevel="2" x14ac:dyDescent="0.2">
      <c r="A190" s="17">
        <v>13153</v>
      </c>
      <c r="B190" s="17"/>
      <c r="C190" s="17"/>
      <c r="D190" s="18" t="s">
        <v>103</v>
      </c>
      <c r="E190" s="18"/>
      <c r="F190" s="18"/>
      <c r="G190" s="18"/>
      <c r="H190" s="18"/>
      <c r="I190" s="18"/>
      <c r="J190" s="18"/>
      <c r="K190" s="18"/>
      <c r="L190" s="18"/>
      <c r="M190" s="18"/>
      <c r="N190" s="18"/>
      <c r="O190" s="18"/>
      <c r="P190" s="19">
        <v>930</v>
      </c>
      <c r="Q190" s="19"/>
      <c r="R190" s="19"/>
      <c r="S190" s="19"/>
      <c r="T190" s="19">
        <v>790</v>
      </c>
      <c r="U190" s="19"/>
      <c r="V190" s="19"/>
      <c r="W190" s="19"/>
      <c r="X190" s="19">
        <v>10</v>
      </c>
      <c r="Y190" s="19"/>
      <c r="Z190" s="19"/>
      <c r="AA190" s="19"/>
    </row>
    <row r="191" spans="1:27" s="1" customFormat="1" ht="14.1" customHeight="1" outlineLevel="2" x14ac:dyDescent="0.2">
      <c r="A191" s="17"/>
      <c r="B191" s="17"/>
      <c r="C191" s="17"/>
      <c r="D191" s="18"/>
      <c r="E191" s="18"/>
      <c r="F191" s="18"/>
      <c r="G191" s="18"/>
      <c r="H191" s="18"/>
      <c r="I191" s="18"/>
      <c r="J191" s="18"/>
      <c r="K191" s="18"/>
      <c r="L191" s="18"/>
      <c r="M191" s="18"/>
      <c r="N191" s="18"/>
      <c r="O191" s="18"/>
      <c r="P191" s="19"/>
      <c r="Q191" s="19"/>
      <c r="R191" s="19"/>
      <c r="S191" s="19"/>
      <c r="T191" s="19"/>
      <c r="U191" s="19"/>
      <c r="V191" s="19"/>
      <c r="W191" s="19"/>
      <c r="X191" s="19"/>
      <c r="Y191" s="19"/>
      <c r="Z191" s="19"/>
      <c r="AA191" s="19"/>
    </row>
    <row r="192" spans="1:27" s="1" customFormat="1" ht="11.1" customHeight="1" outlineLevel="2" x14ac:dyDescent="0.2">
      <c r="A192" s="17">
        <v>9936</v>
      </c>
      <c r="B192" s="17"/>
      <c r="C192" s="17"/>
      <c r="D192" s="18" t="s">
        <v>104</v>
      </c>
      <c r="E192" s="18"/>
      <c r="F192" s="18"/>
      <c r="G192" s="18"/>
      <c r="H192" s="18"/>
      <c r="I192" s="18"/>
      <c r="J192" s="18"/>
      <c r="K192" s="18"/>
      <c r="L192" s="18"/>
      <c r="M192" s="18"/>
      <c r="N192" s="18"/>
      <c r="O192" s="18"/>
      <c r="P192" s="19">
        <v>890</v>
      </c>
      <c r="Q192" s="19"/>
      <c r="R192" s="19"/>
      <c r="S192" s="19"/>
      <c r="T192" s="19">
        <v>800</v>
      </c>
      <c r="U192" s="19"/>
      <c r="V192" s="19"/>
      <c r="W192" s="19"/>
      <c r="X192" s="19">
        <v>1</v>
      </c>
      <c r="Y192" s="19"/>
      <c r="Z192" s="19"/>
      <c r="AA192" s="19"/>
    </row>
    <row r="193" spans="1:27" s="1" customFormat="1" ht="11.1" customHeight="1" outlineLevel="2" x14ac:dyDescent="0.2">
      <c r="A193" s="17"/>
      <c r="B193" s="17"/>
      <c r="C193" s="17"/>
      <c r="D193" s="18"/>
      <c r="E193" s="18"/>
      <c r="F193" s="18"/>
      <c r="G193" s="18"/>
      <c r="H193" s="18"/>
      <c r="I193" s="18"/>
      <c r="J193" s="18"/>
      <c r="K193" s="18"/>
      <c r="L193" s="18"/>
      <c r="M193" s="18"/>
      <c r="N193" s="18"/>
      <c r="O193" s="18"/>
      <c r="P193" s="19"/>
      <c r="Q193" s="19"/>
      <c r="R193" s="19"/>
      <c r="S193" s="19"/>
      <c r="T193" s="19"/>
      <c r="U193" s="19"/>
      <c r="V193" s="19"/>
      <c r="W193" s="19"/>
      <c r="X193" s="19"/>
      <c r="Y193" s="19"/>
      <c r="Z193" s="19"/>
      <c r="AA193" s="19"/>
    </row>
    <row r="194" spans="1:27" s="1" customFormat="1" ht="11.1" customHeight="1" outlineLevel="2" x14ac:dyDescent="0.2">
      <c r="A194" s="17">
        <v>11248</v>
      </c>
      <c r="B194" s="17"/>
      <c r="C194" s="17"/>
      <c r="D194" s="18" t="s">
        <v>105</v>
      </c>
      <c r="E194" s="18"/>
      <c r="F194" s="18"/>
      <c r="G194" s="18"/>
      <c r="H194" s="18"/>
      <c r="I194" s="18"/>
      <c r="J194" s="18"/>
      <c r="K194" s="18"/>
      <c r="L194" s="18"/>
      <c r="M194" s="18"/>
      <c r="N194" s="18"/>
      <c r="O194" s="18"/>
      <c r="P194" s="20">
        <v>1100</v>
      </c>
      <c r="Q194" s="20"/>
      <c r="R194" s="20"/>
      <c r="S194" s="20"/>
      <c r="T194" s="20">
        <v>1020</v>
      </c>
      <c r="U194" s="20"/>
      <c r="V194" s="20"/>
      <c r="W194" s="20"/>
      <c r="X194" s="19">
        <v>1</v>
      </c>
      <c r="Y194" s="19"/>
      <c r="Z194" s="19"/>
      <c r="AA194" s="19"/>
    </row>
    <row r="195" spans="1:27" s="1" customFormat="1" ht="11.1" customHeight="1" outlineLevel="2" x14ac:dyDescent="0.2">
      <c r="A195" s="17"/>
      <c r="B195" s="17"/>
      <c r="C195" s="17"/>
      <c r="D195" s="18"/>
      <c r="E195" s="18"/>
      <c r="F195" s="18"/>
      <c r="G195" s="18"/>
      <c r="H195" s="18"/>
      <c r="I195" s="18"/>
      <c r="J195" s="18"/>
      <c r="K195" s="18"/>
      <c r="L195" s="18"/>
      <c r="M195" s="18"/>
      <c r="N195" s="18"/>
      <c r="O195" s="18"/>
      <c r="P195" s="20"/>
      <c r="Q195" s="20"/>
      <c r="R195" s="20"/>
      <c r="S195" s="20"/>
      <c r="T195" s="20"/>
      <c r="U195" s="20"/>
      <c r="V195" s="20"/>
      <c r="W195" s="20"/>
      <c r="X195" s="19"/>
      <c r="Y195" s="19"/>
      <c r="Z195" s="19"/>
      <c r="AA195" s="19"/>
    </row>
    <row r="196" spans="1:27" s="1" customFormat="1" ht="11.1" customHeight="1" outlineLevel="2" x14ac:dyDescent="0.2">
      <c r="A196" s="17">
        <v>10184</v>
      </c>
      <c r="B196" s="17"/>
      <c r="C196" s="17"/>
      <c r="D196" s="18" t="s">
        <v>106</v>
      </c>
      <c r="E196" s="18"/>
      <c r="F196" s="18"/>
      <c r="G196" s="18"/>
      <c r="H196" s="18"/>
      <c r="I196" s="18"/>
      <c r="J196" s="18"/>
      <c r="K196" s="18"/>
      <c r="L196" s="18"/>
      <c r="M196" s="18"/>
      <c r="N196" s="18"/>
      <c r="O196" s="18"/>
      <c r="P196" s="20">
        <v>2500</v>
      </c>
      <c r="Q196" s="20"/>
      <c r="R196" s="20"/>
      <c r="S196" s="20"/>
      <c r="T196" s="20">
        <v>2300</v>
      </c>
      <c r="U196" s="20"/>
      <c r="V196" s="20"/>
      <c r="W196" s="20"/>
      <c r="X196" s="19">
        <v>1</v>
      </c>
      <c r="Y196" s="19"/>
      <c r="Z196" s="19"/>
      <c r="AA196" s="19"/>
    </row>
    <row r="197" spans="1:27" s="1" customFormat="1" ht="11.1" customHeight="1" outlineLevel="2" x14ac:dyDescent="0.2">
      <c r="A197" s="17"/>
      <c r="B197" s="17"/>
      <c r="C197" s="17"/>
      <c r="D197" s="18"/>
      <c r="E197" s="18"/>
      <c r="F197" s="18"/>
      <c r="G197" s="18"/>
      <c r="H197" s="18"/>
      <c r="I197" s="18"/>
      <c r="J197" s="18"/>
      <c r="K197" s="18"/>
      <c r="L197" s="18"/>
      <c r="M197" s="18"/>
      <c r="N197" s="18"/>
      <c r="O197" s="18"/>
      <c r="P197" s="20"/>
      <c r="Q197" s="20"/>
      <c r="R197" s="20"/>
      <c r="S197" s="20"/>
      <c r="T197" s="20"/>
      <c r="U197" s="20"/>
      <c r="V197" s="20"/>
      <c r="W197" s="20"/>
      <c r="X197" s="19"/>
      <c r="Y197" s="19"/>
      <c r="Z197" s="19"/>
      <c r="AA197" s="19"/>
    </row>
    <row r="198" spans="1:27" s="1" customFormat="1" ht="11.1" customHeight="1" outlineLevel="2" x14ac:dyDescent="0.2">
      <c r="A198" s="17">
        <v>10183</v>
      </c>
      <c r="B198" s="17"/>
      <c r="C198" s="17"/>
      <c r="D198" s="18" t="s">
        <v>107</v>
      </c>
      <c r="E198" s="18"/>
      <c r="F198" s="18"/>
      <c r="G198" s="18"/>
      <c r="H198" s="18"/>
      <c r="I198" s="18"/>
      <c r="J198" s="18"/>
      <c r="K198" s="18"/>
      <c r="L198" s="18"/>
      <c r="M198" s="18"/>
      <c r="N198" s="18"/>
      <c r="O198" s="18"/>
      <c r="P198" s="20">
        <v>1500</v>
      </c>
      <c r="Q198" s="20"/>
      <c r="R198" s="20"/>
      <c r="S198" s="20"/>
      <c r="T198" s="20">
        <v>1400</v>
      </c>
      <c r="U198" s="20"/>
      <c r="V198" s="20"/>
      <c r="W198" s="20"/>
      <c r="X198" s="19">
        <v>11</v>
      </c>
      <c r="Y198" s="19"/>
      <c r="Z198" s="19"/>
      <c r="AA198" s="19"/>
    </row>
    <row r="199" spans="1:27" s="1" customFormat="1" ht="11.1" customHeight="1" outlineLevel="2" x14ac:dyDescent="0.2">
      <c r="A199" s="17"/>
      <c r="B199" s="17"/>
      <c r="C199" s="17"/>
      <c r="D199" s="18"/>
      <c r="E199" s="18"/>
      <c r="F199" s="18"/>
      <c r="G199" s="18"/>
      <c r="H199" s="18"/>
      <c r="I199" s="18"/>
      <c r="J199" s="18"/>
      <c r="K199" s="18"/>
      <c r="L199" s="18"/>
      <c r="M199" s="18"/>
      <c r="N199" s="18"/>
      <c r="O199" s="18"/>
      <c r="P199" s="20"/>
      <c r="Q199" s="20"/>
      <c r="R199" s="20"/>
      <c r="S199" s="20"/>
      <c r="T199" s="20"/>
      <c r="U199" s="20"/>
      <c r="V199" s="20"/>
      <c r="W199" s="20"/>
      <c r="X199" s="19"/>
      <c r="Y199" s="19"/>
      <c r="Z199" s="19"/>
      <c r="AA199" s="19"/>
    </row>
    <row r="200" spans="1:27" s="1" customFormat="1" ht="11.1" customHeight="1" outlineLevel="2" x14ac:dyDescent="0.2">
      <c r="A200" s="17">
        <v>10182</v>
      </c>
      <c r="B200" s="17"/>
      <c r="C200" s="17"/>
      <c r="D200" s="18" t="s">
        <v>108</v>
      </c>
      <c r="E200" s="18"/>
      <c r="F200" s="18"/>
      <c r="G200" s="18"/>
      <c r="H200" s="18"/>
      <c r="I200" s="18"/>
      <c r="J200" s="18"/>
      <c r="K200" s="18"/>
      <c r="L200" s="18"/>
      <c r="M200" s="18"/>
      <c r="N200" s="18"/>
      <c r="O200" s="18"/>
      <c r="P200" s="20">
        <v>1500</v>
      </c>
      <c r="Q200" s="20"/>
      <c r="R200" s="20"/>
      <c r="S200" s="20"/>
      <c r="T200" s="20">
        <v>1400</v>
      </c>
      <c r="U200" s="20"/>
      <c r="V200" s="20"/>
      <c r="W200" s="20"/>
      <c r="X200" s="19">
        <v>11</v>
      </c>
      <c r="Y200" s="19"/>
      <c r="Z200" s="19"/>
      <c r="AA200" s="19"/>
    </row>
    <row r="201" spans="1:27" s="1" customFormat="1" ht="11.1" customHeight="1" outlineLevel="2" x14ac:dyDescent="0.2">
      <c r="A201" s="17"/>
      <c r="B201" s="17"/>
      <c r="C201" s="17"/>
      <c r="D201" s="18"/>
      <c r="E201" s="18"/>
      <c r="F201" s="18"/>
      <c r="G201" s="18"/>
      <c r="H201" s="18"/>
      <c r="I201" s="18"/>
      <c r="J201" s="18"/>
      <c r="K201" s="18"/>
      <c r="L201" s="18"/>
      <c r="M201" s="18"/>
      <c r="N201" s="18"/>
      <c r="O201" s="18"/>
      <c r="P201" s="20"/>
      <c r="Q201" s="20"/>
      <c r="R201" s="20"/>
      <c r="S201" s="20"/>
      <c r="T201" s="20"/>
      <c r="U201" s="20"/>
      <c r="V201" s="20"/>
      <c r="W201" s="20"/>
      <c r="X201" s="19"/>
      <c r="Y201" s="19"/>
      <c r="Z201" s="19"/>
      <c r="AA201" s="19"/>
    </row>
    <row r="202" spans="1:27" s="1" customFormat="1" ht="11.1" customHeight="1" outlineLevel="2" x14ac:dyDescent="0.2">
      <c r="A202" s="17">
        <v>10279</v>
      </c>
      <c r="B202" s="17"/>
      <c r="C202" s="17"/>
      <c r="D202" s="18" t="s">
        <v>109</v>
      </c>
      <c r="E202" s="18"/>
      <c r="F202" s="18"/>
      <c r="G202" s="18"/>
      <c r="H202" s="18"/>
      <c r="I202" s="18"/>
      <c r="J202" s="18"/>
      <c r="K202" s="18"/>
      <c r="L202" s="18"/>
      <c r="M202" s="18"/>
      <c r="N202" s="18"/>
      <c r="O202" s="18"/>
      <c r="P202" s="19">
        <v>110</v>
      </c>
      <c r="Q202" s="19"/>
      <c r="R202" s="19"/>
      <c r="S202" s="19"/>
      <c r="T202" s="19">
        <v>90</v>
      </c>
      <c r="U202" s="19"/>
      <c r="V202" s="19"/>
      <c r="W202" s="19"/>
      <c r="X202" s="19">
        <v>3</v>
      </c>
      <c r="Y202" s="19"/>
      <c r="Z202" s="19"/>
      <c r="AA202" s="19"/>
    </row>
    <row r="203" spans="1:27" s="1" customFormat="1" ht="11.1" customHeight="1" outlineLevel="2" x14ac:dyDescent="0.2">
      <c r="A203" s="17"/>
      <c r="B203" s="17"/>
      <c r="C203" s="17"/>
      <c r="D203" s="18"/>
      <c r="E203" s="18"/>
      <c r="F203" s="18"/>
      <c r="G203" s="18"/>
      <c r="H203" s="18"/>
      <c r="I203" s="18"/>
      <c r="J203" s="18"/>
      <c r="K203" s="18"/>
      <c r="L203" s="18"/>
      <c r="M203" s="18"/>
      <c r="N203" s="18"/>
      <c r="O203" s="18"/>
      <c r="P203" s="19"/>
      <c r="Q203" s="19"/>
      <c r="R203" s="19"/>
      <c r="S203" s="19"/>
      <c r="T203" s="19"/>
      <c r="U203" s="19"/>
      <c r="V203" s="19"/>
      <c r="W203" s="19"/>
      <c r="X203" s="19"/>
      <c r="Y203" s="19"/>
      <c r="Z203" s="19"/>
      <c r="AA203" s="19"/>
    </row>
    <row r="204" spans="1:27" s="1" customFormat="1" ht="11.1" customHeight="1" outlineLevel="2" x14ac:dyDescent="0.2">
      <c r="A204" s="17">
        <v>1582</v>
      </c>
      <c r="B204" s="17"/>
      <c r="C204" s="17"/>
      <c r="D204" s="18" t="s">
        <v>110</v>
      </c>
      <c r="E204" s="18"/>
      <c r="F204" s="18"/>
      <c r="G204" s="18"/>
      <c r="H204" s="18"/>
      <c r="I204" s="18"/>
      <c r="J204" s="18"/>
      <c r="K204" s="18"/>
      <c r="L204" s="18"/>
      <c r="M204" s="18"/>
      <c r="N204" s="18"/>
      <c r="O204" s="18"/>
      <c r="P204" s="19">
        <v>300</v>
      </c>
      <c r="Q204" s="19"/>
      <c r="R204" s="19"/>
      <c r="S204" s="19"/>
      <c r="T204" s="19">
        <v>250</v>
      </c>
      <c r="U204" s="19"/>
      <c r="V204" s="19"/>
      <c r="W204" s="19"/>
      <c r="X204" s="19">
        <v>1</v>
      </c>
      <c r="Y204" s="19"/>
      <c r="Z204" s="19"/>
      <c r="AA204" s="19"/>
    </row>
    <row r="205" spans="1:27" s="1" customFormat="1" ht="11.1" customHeight="1" outlineLevel="2" x14ac:dyDescent="0.2">
      <c r="A205" s="17"/>
      <c r="B205" s="17"/>
      <c r="C205" s="17"/>
      <c r="D205" s="18"/>
      <c r="E205" s="18"/>
      <c r="F205" s="18"/>
      <c r="G205" s="18"/>
      <c r="H205" s="18"/>
      <c r="I205" s="18"/>
      <c r="J205" s="18"/>
      <c r="K205" s="18"/>
      <c r="L205" s="18"/>
      <c r="M205" s="18"/>
      <c r="N205" s="18"/>
      <c r="O205" s="18"/>
      <c r="P205" s="19"/>
      <c r="Q205" s="19"/>
      <c r="R205" s="19"/>
      <c r="S205" s="19"/>
      <c r="T205" s="19"/>
      <c r="U205" s="19"/>
      <c r="V205" s="19"/>
      <c r="W205" s="19"/>
      <c r="X205" s="19"/>
      <c r="Y205" s="19"/>
      <c r="Z205" s="19"/>
      <c r="AA205" s="19"/>
    </row>
    <row r="206" spans="1:27" s="1" customFormat="1" ht="11.1" customHeight="1" outlineLevel="2" x14ac:dyDescent="0.2">
      <c r="A206" s="17">
        <v>10266</v>
      </c>
      <c r="B206" s="17"/>
      <c r="C206" s="17"/>
      <c r="D206" s="18" t="s">
        <v>111</v>
      </c>
      <c r="E206" s="18"/>
      <c r="F206" s="18"/>
      <c r="G206" s="18"/>
      <c r="H206" s="18"/>
      <c r="I206" s="18"/>
      <c r="J206" s="18"/>
      <c r="K206" s="18"/>
      <c r="L206" s="18"/>
      <c r="M206" s="18"/>
      <c r="N206" s="18"/>
      <c r="O206" s="18"/>
      <c r="P206" s="19">
        <v>90</v>
      </c>
      <c r="Q206" s="19"/>
      <c r="R206" s="19"/>
      <c r="S206" s="19"/>
      <c r="T206" s="19">
        <v>70</v>
      </c>
      <c r="U206" s="19"/>
      <c r="V206" s="19"/>
      <c r="W206" s="19"/>
      <c r="X206" s="19">
        <v>3</v>
      </c>
      <c r="Y206" s="19"/>
      <c r="Z206" s="19"/>
      <c r="AA206" s="19"/>
    </row>
    <row r="207" spans="1:27" s="1" customFormat="1" ht="11.1" customHeight="1" outlineLevel="2" x14ac:dyDescent="0.2">
      <c r="A207" s="17"/>
      <c r="B207" s="17"/>
      <c r="C207" s="17"/>
      <c r="D207" s="18"/>
      <c r="E207" s="18"/>
      <c r="F207" s="18"/>
      <c r="G207" s="18"/>
      <c r="H207" s="18"/>
      <c r="I207" s="18"/>
      <c r="J207" s="18"/>
      <c r="K207" s="18"/>
      <c r="L207" s="18"/>
      <c r="M207" s="18"/>
      <c r="N207" s="18"/>
      <c r="O207" s="18"/>
      <c r="P207" s="19"/>
      <c r="Q207" s="19"/>
      <c r="R207" s="19"/>
      <c r="S207" s="19"/>
      <c r="T207" s="19"/>
      <c r="U207" s="19"/>
      <c r="V207" s="19"/>
      <c r="W207" s="19"/>
      <c r="X207" s="19"/>
      <c r="Y207" s="19"/>
      <c r="Z207" s="19"/>
      <c r="AA207" s="19"/>
    </row>
    <row r="208" spans="1:27" s="1" customFormat="1" ht="14.1" customHeight="1" outlineLevel="2" x14ac:dyDescent="0.2">
      <c r="A208" s="17">
        <v>10267</v>
      </c>
      <c r="B208" s="17"/>
      <c r="C208" s="17"/>
      <c r="D208" s="18" t="s">
        <v>112</v>
      </c>
      <c r="E208" s="18"/>
      <c r="F208" s="18"/>
      <c r="G208" s="18"/>
      <c r="H208" s="18"/>
      <c r="I208" s="18"/>
      <c r="J208" s="18"/>
      <c r="K208" s="18"/>
      <c r="L208" s="18"/>
      <c r="M208" s="18"/>
      <c r="N208" s="18"/>
      <c r="O208" s="18"/>
      <c r="P208" s="19">
        <v>130</v>
      </c>
      <c r="Q208" s="19"/>
      <c r="R208" s="19"/>
      <c r="S208" s="19"/>
      <c r="T208" s="19">
        <v>100</v>
      </c>
      <c r="U208" s="19"/>
      <c r="V208" s="19"/>
      <c r="W208" s="19"/>
      <c r="X208" s="19">
        <v>5</v>
      </c>
      <c r="Y208" s="19"/>
      <c r="Z208" s="19"/>
      <c r="AA208" s="19"/>
    </row>
    <row r="209" spans="1:27" s="1" customFormat="1" ht="14.1" customHeight="1" outlineLevel="2" x14ac:dyDescent="0.2">
      <c r="A209" s="17"/>
      <c r="B209" s="17"/>
      <c r="C209" s="17"/>
      <c r="D209" s="18"/>
      <c r="E209" s="18"/>
      <c r="F209" s="18"/>
      <c r="G209" s="18"/>
      <c r="H209" s="18"/>
      <c r="I209" s="18"/>
      <c r="J209" s="18"/>
      <c r="K209" s="18"/>
      <c r="L209" s="18"/>
      <c r="M209" s="18"/>
      <c r="N209" s="18"/>
      <c r="O209" s="18"/>
      <c r="P209" s="19"/>
      <c r="Q209" s="19"/>
      <c r="R209" s="19"/>
      <c r="S209" s="19"/>
      <c r="T209" s="19"/>
      <c r="U209" s="19"/>
      <c r="V209" s="19"/>
      <c r="W209" s="19"/>
      <c r="X209" s="19"/>
      <c r="Y209" s="19"/>
      <c r="Z209" s="19"/>
      <c r="AA209" s="19"/>
    </row>
    <row r="210" spans="1:27" s="1" customFormat="1" ht="11.1" customHeight="1" outlineLevel="2" x14ac:dyDescent="0.2">
      <c r="A210" s="17">
        <v>10268</v>
      </c>
      <c r="B210" s="17"/>
      <c r="C210" s="17"/>
      <c r="D210" s="18" t="s">
        <v>113</v>
      </c>
      <c r="E210" s="18"/>
      <c r="F210" s="18"/>
      <c r="G210" s="18"/>
      <c r="H210" s="18"/>
      <c r="I210" s="18"/>
      <c r="J210" s="18"/>
      <c r="K210" s="18"/>
      <c r="L210" s="18"/>
      <c r="M210" s="18"/>
      <c r="N210" s="18"/>
      <c r="O210" s="18"/>
      <c r="P210" s="19">
        <v>75</v>
      </c>
      <c r="Q210" s="19"/>
      <c r="R210" s="19"/>
      <c r="S210" s="19"/>
      <c r="T210" s="19">
        <v>45</v>
      </c>
      <c r="U210" s="19"/>
      <c r="V210" s="19"/>
      <c r="W210" s="19"/>
      <c r="X210" s="19">
        <v>7</v>
      </c>
      <c r="Y210" s="19"/>
      <c r="Z210" s="19"/>
      <c r="AA210" s="19"/>
    </row>
    <row r="211" spans="1:27" s="1" customFormat="1" ht="11.1" customHeight="1" outlineLevel="2" x14ac:dyDescent="0.2">
      <c r="A211" s="17"/>
      <c r="B211" s="17"/>
      <c r="C211" s="17"/>
      <c r="D211" s="18"/>
      <c r="E211" s="18"/>
      <c r="F211" s="18"/>
      <c r="G211" s="18"/>
      <c r="H211" s="18"/>
      <c r="I211" s="18"/>
      <c r="J211" s="18"/>
      <c r="K211" s="18"/>
      <c r="L211" s="18"/>
      <c r="M211" s="18"/>
      <c r="N211" s="18"/>
      <c r="O211" s="18"/>
      <c r="P211" s="19"/>
      <c r="Q211" s="19"/>
      <c r="R211" s="19"/>
      <c r="S211" s="19"/>
      <c r="T211" s="19"/>
      <c r="U211" s="19"/>
      <c r="V211" s="19"/>
      <c r="W211" s="19"/>
      <c r="X211" s="19"/>
      <c r="Y211" s="19"/>
      <c r="Z211" s="19"/>
      <c r="AA211" s="19"/>
    </row>
    <row r="212" spans="1:27" s="1" customFormat="1" ht="11.1" customHeight="1" outlineLevel="2" x14ac:dyDescent="0.2">
      <c r="A212" s="17">
        <v>10688</v>
      </c>
      <c r="B212" s="17"/>
      <c r="C212" s="17"/>
      <c r="D212" s="18" t="s">
        <v>114</v>
      </c>
      <c r="E212" s="18"/>
      <c r="F212" s="18"/>
      <c r="G212" s="18"/>
      <c r="H212" s="18"/>
      <c r="I212" s="18"/>
      <c r="J212" s="18"/>
      <c r="K212" s="18"/>
      <c r="L212" s="18"/>
      <c r="M212" s="18"/>
      <c r="N212" s="18"/>
      <c r="O212" s="18"/>
      <c r="P212" s="19">
        <v>75</v>
      </c>
      <c r="Q212" s="19"/>
      <c r="R212" s="19"/>
      <c r="S212" s="19"/>
      <c r="T212" s="19">
        <v>45</v>
      </c>
      <c r="U212" s="19"/>
      <c r="V212" s="19"/>
      <c r="W212" s="19"/>
      <c r="X212" s="19">
        <v>2</v>
      </c>
      <c r="Y212" s="19"/>
      <c r="Z212" s="19"/>
      <c r="AA212" s="19"/>
    </row>
    <row r="213" spans="1:27" s="1" customFormat="1" ht="11.1" customHeight="1" outlineLevel="2" x14ac:dyDescent="0.2">
      <c r="A213" s="17"/>
      <c r="B213" s="17"/>
      <c r="C213" s="17"/>
      <c r="D213" s="18"/>
      <c r="E213" s="18"/>
      <c r="F213" s="18"/>
      <c r="G213" s="18"/>
      <c r="H213" s="18"/>
      <c r="I213" s="18"/>
      <c r="J213" s="18"/>
      <c r="K213" s="18"/>
      <c r="L213" s="18"/>
      <c r="M213" s="18"/>
      <c r="N213" s="18"/>
      <c r="O213" s="18"/>
      <c r="P213" s="19"/>
      <c r="Q213" s="19"/>
      <c r="R213" s="19"/>
      <c r="S213" s="19"/>
      <c r="T213" s="19"/>
      <c r="U213" s="19"/>
      <c r="V213" s="19"/>
      <c r="W213" s="19"/>
      <c r="X213" s="19"/>
      <c r="Y213" s="19"/>
      <c r="Z213" s="19"/>
      <c r="AA213" s="19"/>
    </row>
    <row r="214" spans="1:27" s="1" customFormat="1" ht="14.1" customHeight="1" outlineLevel="2" x14ac:dyDescent="0.2">
      <c r="A214" s="17">
        <v>10269</v>
      </c>
      <c r="B214" s="17"/>
      <c r="C214" s="17"/>
      <c r="D214" s="18" t="s">
        <v>115</v>
      </c>
      <c r="E214" s="18"/>
      <c r="F214" s="18"/>
      <c r="G214" s="18"/>
      <c r="H214" s="18"/>
      <c r="I214" s="18"/>
      <c r="J214" s="18"/>
      <c r="K214" s="18"/>
      <c r="L214" s="18"/>
      <c r="M214" s="18"/>
      <c r="N214" s="18"/>
      <c r="O214" s="18"/>
      <c r="P214" s="19">
        <v>99</v>
      </c>
      <c r="Q214" s="19"/>
      <c r="R214" s="19"/>
      <c r="S214" s="19"/>
      <c r="T214" s="19">
        <v>79</v>
      </c>
      <c r="U214" s="19"/>
      <c r="V214" s="19"/>
      <c r="W214" s="19"/>
      <c r="X214" s="19">
        <v>4</v>
      </c>
      <c r="Y214" s="19"/>
      <c r="Z214" s="19"/>
      <c r="AA214" s="19"/>
    </row>
    <row r="215" spans="1:27" s="1" customFormat="1" ht="14.1" customHeight="1" outlineLevel="2" x14ac:dyDescent="0.2">
      <c r="A215" s="17"/>
      <c r="B215" s="17"/>
      <c r="C215" s="17"/>
      <c r="D215" s="18"/>
      <c r="E215" s="18"/>
      <c r="F215" s="18"/>
      <c r="G215" s="18"/>
      <c r="H215" s="18"/>
      <c r="I215" s="18"/>
      <c r="J215" s="18"/>
      <c r="K215" s="18"/>
      <c r="L215" s="18"/>
      <c r="M215" s="18"/>
      <c r="N215" s="18"/>
      <c r="O215" s="18"/>
      <c r="P215" s="19"/>
      <c r="Q215" s="19"/>
      <c r="R215" s="19"/>
      <c r="S215" s="19"/>
      <c r="T215" s="19"/>
      <c r="U215" s="19"/>
      <c r="V215" s="19"/>
      <c r="W215" s="19"/>
      <c r="X215" s="19"/>
      <c r="Y215" s="19"/>
      <c r="Z215" s="19"/>
      <c r="AA215" s="19"/>
    </row>
    <row r="216" spans="1:27" s="1" customFormat="1" ht="11.1" customHeight="1" outlineLevel="2" x14ac:dyDescent="0.2">
      <c r="A216" s="17">
        <v>10270</v>
      </c>
      <c r="B216" s="17"/>
      <c r="C216" s="17"/>
      <c r="D216" s="18" t="s">
        <v>116</v>
      </c>
      <c r="E216" s="18"/>
      <c r="F216" s="18"/>
      <c r="G216" s="18"/>
      <c r="H216" s="18"/>
      <c r="I216" s="18"/>
      <c r="J216" s="18"/>
      <c r="K216" s="18"/>
      <c r="L216" s="18"/>
      <c r="M216" s="18"/>
      <c r="N216" s="18"/>
      <c r="O216" s="18"/>
      <c r="P216" s="19">
        <v>160</v>
      </c>
      <c r="Q216" s="19"/>
      <c r="R216" s="19"/>
      <c r="S216" s="19"/>
      <c r="T216" s="19">
        <v>90</v>
      </c>
      <c r="U216" s="19"/>
      <c r="V216" s="19"/>
      <c r="W216" s="19"/>
      <c r="X216" s="19">
        <v>3</v>
      </c>
      <c r="Y216" s="19"/>
      <c r="Z216" s="19"/>
      <c r="AA216" s="19"/>
    </row>
    <row r="217" spans="1:27" s="1" customFormat="1" ht="11.1" customHeight="1" outlineLevel="2" x14ac:dyDescent="0.2">
      <c r="A217" s="17"/>
      <c r="B217" s="17"/>
      <c r="C217" s="17"/>
      <c r="D217" s="18"/>
      <c r="E217" s="18"/>
      <c r="F217" s="18"/>
      <c r="G217" s="18"/>
      <c r="H217" s="18"/>
      <c r="I217" s="18"/>
      <c r="J217" s="18"/>
      <c r="K217" s="18"/>
      <c r="L217" s="18"/>
      <c r="M217" s="18"/>
      <c r="N217" s="18"/>
      <c r="O217" s="18"/>
      <c r="P217" s="19"/>
      <c r="Q217" s="19"/>
      <c r="R217" s="19"/>
      <c r="S217" s="19"/>
      <c r="T217" s="19"/>
      <c r="U217" s="19"/>
      <c r="V217" s="19"/>
      <c r="W217" s="19"/>
      <c r="X217" s="19"/>
      <c r="Y217" s="19"/>
      <c r="Z217" s="19"/>
      <c r="AA217" s="19"/>
    </row>
    <row r="218" spans="1:27" s="1" customFormat="1" ht="11.1" customHeight="1" outlineLevel="2" x14ac:dyDescent="0.2">
      <c r="A218" s="17">
        <v>14680</v>
      </c>
      <c r="B218" s="17"/>
      <c r="C218" s="17"/>
      <c r="D218" s="18" t="s">
        <v>117</v>
      </c>
      <c r="E218" s="18"/>
      <c r="F218" s="18"/>
      <c r="G218" s="18"/>
      <c r="H218" s="18"/>
      <c r="I218" s="18"/>
      <c r="J218" s="18"/>
      <c r="K218" s="18"/>
      <c r="L218" s="18"/>
      <c r="M218" s="18"/>
      <c r="N218" s="18"/>
      <c r="O218" s="18"/>
      <c r="P218" s="19">
        <v>190</v>
      </c>
      <c r="Q218" s="19"/>
      <c r="R218" s="19"/>
      <c r="S218" s="19"/>
      <c r="T218" s="19">
        <v>150</v>
      </c>
      <c r="U218" s="19"/>
      <c r="V218" s="19"/>
      <c r="W218" s="19"/>
      <c r="X218" s="19">
        <v>1</v>
      </c>
      <c r="Y218" s="19"/>
      <c r="Z218" s="19"/>
      <c r="AA218" s="19"/>
    </row>
    <row r="219" spans="1:27" s="1" customFormat="1" ht="11.1" customHeight="1" outlineLevel="2" x14ac:dyDescent="0.2">
      <c r="A219" s="17"/>
      <c r="B219" s="17"/>
      <c r="C219" s="17"/>
      <c r="D219" s="18"/>
      <c r="E219" s="18"/>
      <c r="F219" s="18"/>
      <c r="G219" s="18"/>
      <c r="H219" s="18"/>
      <c r="I219" s="18"/>
      <c r="J219" s="18"/>
      <c r="K219" s="18"/>
      <c r="L219" s="18"/>
      <c r="M219" s="18"/>
      <c r="N219" s="18"/>
      <c r="O219" s="18"/>
      <c r="P219" s="19"/>
      <c r="Q219" s="19"/>
      <c r="R219" s="19"/>
      <c r="S219" s="19"/>
      <c r="T219" s="19"/>
      <c r="U219" s="19"/>
      <c r="V219" s="19"/>
      <c r="W219" s="19"/>
      <c r="X219" s="19"/>
      <c r="Y219" s="19"/>
      <c r="Z219" s="19"/>
      <c r="AA219" s="19"/>
    </row>
    <row r="220" spans="1:27" s="1" customFormat="1" ht="11.1" customHeight="1" outlineLevel="1" x14ac:dyDescent="0.2">
      <c r="A220" s="16" t="s">
        <v>118</v>
      </c>
      <c r="B220" s="16"/>
      <c r="C220" s="16"/>
      <c r="D220" s="16"/>
      <c r="E220" s="16"/>
      <c r="F220" s="16"/>
      <c r="G220" s="16"/>
      <c r="H220" s="16"/>
      <c r="I220" s="16"/>
      <c r="J220" s="16"/>
      <c r="K220" s="16"/>
      <c r="L220" s="16"/>
      <c r="M220" s="16"/>
      <c r="N220" s="16"/>
      <c r="O220" s="16"/>
      <c r="P220" s="16"/>
      <c r="Q220" s="16"/>
      <c r="R220" s="16"/>
      <c r="S220" s="16"/>
      <c r="T220" s="16"/>
      <c r="U220" s="16"/>
      <c r="V220" s="16"/>
      <c r="W220" s="16"/>
      <c r="X220" s="16"/>
      <c r="Y220" s="16"/>
      <c r="Z220" s="16"/>
      <c r="AA220" s="16"/>
    </row>
    <row r="221" spans="1:27" s="1" customFormat="1" ht="11.1" customHeight="1" outlineLevel="1" x14ac:dyDescent="0.2">
      <c r="A221" s="16"/>
      <c r="B221" s="16"/>
      <c r="C221" s="16"/>
      <c r="D221" s="16"/>
      <c r="E221" s="16"/>
      <c r="F221" s="16"/>
      <c r="G221" s="16"/>
      <c r="H221" s="16"/>
      <c r="I221" s="16"/>
      <c r="J221" s="16"/>
      <c r="K221" s="16"/>
      <c r="L221" s="16"/>
      <c r="M221" s="16"/>
      <c r="N221" s="16"/>
      <c r="O221" s="16"/>
      <c r="P221" s="16"/>
      <c r="Q221" s="16"/>
      <c r="R221" s="16"/>
      <c r="S221" s="16"/>
      <c r="T221" s="16"/>
      <c r="U221" s="16"/>
      <c r="V221" s="16"/>
      <c r="W221" s="16"/>
      <c r="X221" s="16"/>
      <c r="Y221" s="16"/>
      <c r="Z221" s="16"/>
      <c r="AA221" s="16"/>
    </row>
    <row r="222" spans="1:27" s="1" customFormat="1" ht="11.1" customHeight="1" outlineLevel="2" x14ac:dyDescent="0.2">
      <c r="A222" s="17">
        <v>10069</v>
      </c>
      <c r="B222" s="17"/>
      <c r="C222" s="17"/>
      <c r="D222" s="18" t="s">
        <v>119</v>
      </c>
      <c r="E222" s="18"/>
      <c r="F222" s="18"/>
      <c r="G222" s="18"/>
      <c r="H222" s="18"/>
      <c r="I222" s="18"/>
      <c r="J222" s="18"/>
      <c r="K222" s="18"/>
      <c r="L222" s="18"/>
      <c r="M222" s="18"/>
      <c r="N222" s="18"/>
      <c r="O222" s="18"/>
      <c r="P222" s="19">
        <v>490</v>
      </c>
      <c r="Q222" s="19"/>
      <c r="R222" s="19"/>
      <c r="S222" s="19"/>
      <c r="T222" s="19">
        <v>290</v>
      </c>
      <c r="U222" s="19"/>
      <c r="V222" s="19"/>
      <c r="W222" s="19"/>
      <c r="X222" s="19">
        <v>15</v>
      </c>
      <c r="Y222" s="19"/>
      <c r="Z222" s="19"/>
      <c r="AA222" s="19"/>
    </row>
    <row r="223" spans="1:27" s="1" customFormat="1" ht="11.1" customHeight="1" outlineLevel="2" x14ac:dyDescent="0.2">
      <c r="A223" s="17"/>
      <c r="B223" s="17"/>
      <c r="C223" s="17"/>
      <c r="D223" s="18"/>
      <c r="E223" s="18"/>
      <c r="F223" s="18"/>
      <c r="G223" s="18"/>
      <c r="H223" s="18"/>
      <c r="I223" s="18"/>
      <c r="J223" s="18"/>
      <c r="K223" s="18"/>
      <c r="L223" s="18"/>
      <c r="M223" s="18"/>
      <c r="N223" s="18"/>
      <c r="O223" s="18"/>
      <c r="P223" s="19"/>
      <c r="Q223" s="19"/>
      <c r="R223" s="19"/>
      <c r="S223" s="19"/>
      <c r="T223" s="19"/>
      <c r="U223" s="19"/>
      <c r="V223" s="19"/>
      <c r="W223" s="19"/>
      <c r="X223" s="19"/>
      <c r="Y223" s="19"/>
      <c r="Z223" s="19"/>
      <c r="AA223" s="19"/>
    </row>
    <row r="224" spans="1:27" s="1" customFormat="1" ht="11.1" customHeight="1" outlineLevel="2" x14ac:dyDescent="0.2">
      <c r="A224" s="17">
        <v>15352</v>
      </c>
      <c r="B224" s="17"/>
      <c r="C224" s="17"/>
      <c r="D224" s="18" t="s">
        <v>120</v>
      </c>
      <c r="E224" s="18"/>
      <c r="F224" s="18"/>
      <c r="G224" s="18"/>
      <c r="H224" s="18"/>
      <c r="I224" s="18"/>
      <c r="J224" s="18"/>
      <c r="K224" s="18"/>
      <c r="L224" s="18"/>
      <c r="M224" s="18"/>
      <c r="N224" s="18"/>
      <c r="O224" s="18"/>
      <c r="P224" s="19">
        <v>250</v>
      </c>
      <c r="Q224" s="19"/>
      <c r="R224" s="19"/>
      <c r="S224" s="19"/>
      <c r="T224" s="19">
        <v>200</v>
      </c>
      <c r="U224" s="19"/>
      <c r="V224" s="19"/>
      <c r="W224" s="19"/>
      <c r="X224" s="19">
        <v>2</v>
      </c>
      <c r="Y224" s="19"/>
      <c r="Z224" s="19"/>
      <c r="AA224" s="19"/>
    </row>
    <row r="225" spans="1:27" s="1" customFormat="1" ht="11.1" customHeight="1" outlineLevel="2" x14ac:dyDescent="0.2">
      <c r="A225" s="17"/>
      <c r="B225" s="17"/>
      <c r="C225" s="17"/>
      <c r="D225" s="18"/>
      <c r="E225" s="18"/>
      <c r="F225" s="18"/>
      <c r="G225" s="18"/>
      <c r="H225" s="18"/>
      <c r="I225" s="18"/>
      <c r="J225" s="18"/>
      <c r="K225" s="18"/>
      <c r="L225" s="18"/>
      <c r="M225" s="18"/>
      <c r="N225" s="18"/>
      <c r="O225" s="18"/>
      <c r="P225" s="19"/>
      <c r="Q225" s="19"/>
      <c r="R225" s="19"/>
      <c r="S225" s="19"/>
      <c r="T225" s="19"/>
      <c r="U225" s="19"/>
      <c r="V225" s="19"/>
      <c r="W225" s="19"/>
      <c r="X225" s="19"/>
      <c r="Y225" s="19"/>
      <c r="Z225" s="19"/>
      <c r="AA225" s="19"/>
    </row>
    <row r="226" spans="1:27" s="1" customFormat="1" ht="11.1" customHeight="1" outlineLevel="2" x14ac:dyDescent="0.2">
      <c r="A226" s="17">
        <v>16003</v>
      </c>
      <c r="B226" s="17"/>
      <c r="C226" s="17"/>
      <c r="D226" s="18" t="s">
        <v>121</v>
      </c>
      <c r="E226" s="18"/>
      <c r="F226" s="18"/>
      <c r="G226" s="18"/>
      <c r="H226" s="18"/>
      <c r="I226" s="18"/>
      <c r="J226" s="18"/>
      <c r="K226" s="18"/>
      <c r="L226" s="18"/>
      <c r="M226" s="18"/>
      <c r="N226" s="18"/>
      <c r="O226" s="18"/>
      <c r="P226" s="19">
        <v>890</v>
      </c>
      <c r="Q226" s="19"/>
      <c r="R226" s="19"/>
      <c r="S226" s="19"/>
      <c r="T226" s="19">
        <v>650</v>
      </c>
      <c r="U226" s="19"/>
      <c r="V226" s="19"/>
      <c r="W226" s="19"/>
      <c r="X226" s="19">
        <v>59</v>
      </c>
      <c r="Y226" s="19"/>
      <c r="Z226" s="19"/>
      <c r="AA226" s="19"/>
    </row>
    <row r="227" spans="1:27" s="1" customFormat="1" ht="11.1" customHeight="1" outlineLevel="2" x14ac:dyDescent="0.2">
      <c r="A227" s="17"/>
      <c r="B227" s="17"/>
      <c r="C227" s="17"/>
      <c r="D227" s="18"/>
      <c r="E227" s="18"/>
      <c r="F227" s="18"/>
      <c r="G227" s="18"/>
      <c r="H227" s="18"/>
      <c r="I227" s="18"/>
      <c r="J227" s="18"/>
      <c r="K227" s="18"/>
      <c r="L227" s="18"/>
      <c r="M227" s="18"/>
      <c r="N227" s="18"/>
      <c r="O227" s="18"/>
      <c r="P227" s="19"/>
      <c r="Q227" s="19"/>
      <c r="R227" s="19"/>
      <c r="S227" s="19"/>
      <c r="T227" s="19"/>
      <c r="U227" s="19"/>
      <c r="V227" s="19"/>
      <c r="W227" s="19"/>
      <c r="X227" s="19"/>
      <c r="Y227" s="19"/>
      <c r="Z227" s="19"/>
      <c r="AA227" s="19"/>
    </row>
    <row r="228" spans="1:27" s="1" customFormat="1" ht="11.1" customHeight="1" outlineLevel="2" x14ac:dyDescent="0.2">
      <c r="A228" s="17">
        <v>18148</v>
      </c>
      <c r="B228" s="17"/>
      <c r="C228" s="17"/>
      <c r="D228" s="18" t="s">
        <v>122</v>
      </c>
      <c r="E228" s="18"/>
      <c r="F228" s="18"/>
      <c r="G228" s="18"/>
      <c r="H228" s="18"/>
      <c r="I228" s="18"/>
      <c r="J228" s="18"/>
      <c r="K228" s="18"/>
      <c r="L228" s="18"/>
      <c r="M228" s="18"/>
      <c r="N228" s="18"/>
      <c r="O228" s="18"/>
      <c r="P228" s="20">
        <v>1000</v>
      </c>
      <c r="Q228" s="20"/>
      <c r="R228" s="20"/>
      <c r="S228" s="20"/>
      <c r="T228" s="19">
        <v>900</v>
      </c>
      <c r="U228" s="19"/>
      <c r="V228" s="19"/>
      <c r="W228" s="19"/>
      <c r="X228" s="19">
        <v>1</v>
      </c>
      <c r="Y228" s="19"/>
      <c r="Z228" s="19"/>
      <c r="AA228" s="19"/>
    </row>
    <row r="229" spans="1:27" s="1" customFormat="1" ht="11.1" customHeight="1" outlineLevel="2" x14ac:dyDescent="0.2">
      <c r="A229" s="17"/>
      <c r="B229" s="17"/>
      <c r="C229" s="17"/>
      <c r="D229" s="18"/>
      <c r="E229" s="18"/>
      <c r="F229" s="18"/>
      <c r="G229" s="18"/>
      <c r="H229" s="18"/>
      <c r="I229" s="18"/>
      <c r="J229" s="18"/>
      <c r="K229" s="18"/>
      <c r="L229" s="18"/>
      <c r="M229" s="18"/>
      <c r="N229" s="18"/>
      <c r="O229" s="18"/>
      <c r="P229" s="20"/>
      <c r="Q229" s="20"/>
      <c r="R229" s="20"/>
      <c r="S229" s="20"/>
      <c r="T229" s="19"/>
      <c r="U229" s="19"/>
      <c r="V229" s="19"/>
      <c r="W229" s="19"/>
      <c r="X229" s="19"/>
      <c r="Y229" s="19"/>
      <c r="Z229" s="19"/>
      <c r="AA229" s="19"/>
    </row>
    <row r="230" spans="1:27" s="1" customFormat="1" ht="11.1" customHeight="1" outlineLevel="2" x14ac:dyDescent="0.2">
      <c r="A230" s="17">
        <v>12493</v>
      </c>
      <c r="B230" s="17"/>
      <c r="C230" s="17"/>
      <c r="D230" s="18" t="s">
        <v>123</v>
      </c>
      <c r="E230" s="18"/>
      <c r="F230" s="18"/>
      <c r="G230" s="18"/>
      <c r="H230" s="18"/>
      <c r="I230" s="18"/>
      <c r="J230" s="18"/>
      <c r="K230" s="18"/>
      <c r="L230" s="18"/>
      <c r="M230" s="18"/>
      <c r="N230" s="18"/>
      <c r="O230" s="18"/>
      <c r="P230" s="20">
        <v>1150</v>
      </c>
      <c r="Q230" s="20"/>
      <c r="R230" s="20"/>
      <c r="S230" s="20"/>
      <c r="T230" s="19">
        <v>990</v>
      </c>
      <c r="U230" s="19"/>
      <c r="V230" s="19"/>
      <c r="W230" s="19"/>
      <c r="X230" s="19">
        <v>40</v>
      </c>
      <c r="Y230" s="19"/>
      <c r="Z230" s="19"/>
      <c r="AA230" s="19"/>
    </row>
    <row r="231" spans="1:27" s="1" customFormat="1" ht="11.1" customHeight="1" outlineLevel="2" x14ac:dyDescent="0.2">
      <c r="A231" s="17"/>
      <c r="B231" s="17"/>
      <c r="C231" s="17"/>
      <c r="D231" s="18"/>
      <c r="E231" s="18"/>
      <c r="F231" s="18"/>
      <c r="G231" s="18"/>
      <c r="H231" s="18"/>
      <c r="I231" s="18"/>
      <c r="J231" s="18"/>
      <c r="K231" s="18"/>
      <c r="L231" s="18"/>
      <c r="M231" s="18"/>
      <c r="N231" s="18"/>
      <c r="O231" s="18"/>
      <c r="P231" s="20"/>
      <c r="Q231" s="20"/>
      <c r="R231" s="20"/>
      <c r="S231" s="20"/>
      <c r="T231" s="19"/>
      <c r="U231" s="19"/>
      <c r="V231" s="19"/>
      <c r="W231" s="19"/>
      <c r="X231" s="19"/>
      <c r="Y231" s="19"/>
      <c r="Z231" s="19"/>
      <c r="AA231" s="19"/>
    </row>
    <row r="232" spans="1:27" s="1" customFormat="1" ht="11.1" customHeight="1" outlineLevel="2" x14ac:dyDescent="0.2">
      <c r="A232" s="17">
        <v>10074</v>
      </c>
      <c r="B232" s="17"/>
      <c r="C232" s="17"/>
      <c r="D232" s="18" t="s">
        <v>124</v>
      </c>
      <c r="E232" s="18"/>
      <c r="F232" s="18"/>
      <c r="G232" s="18"/>
      <c r="H232" s="18"/>
      <c r="I232" s="18"/>
      <c r="J232" s="18"/>
      <c r="K232" s="18"/>
      <c r="L232" s="18"/>
      <c r="M232" s="18"/>
      <c r="N232" s="18"/>
      <c r="O232" s="18"/>
      <c r="P232" s="20">
        <v>1100</v>
      </c>
      <c r="Q232" s="20"/>
      <c r="R232" s="20"/>
      <c r="S232" s="20"/>
      <c r="T232" s="20">
        <v>1000</v>
      </c>
      <c r="U232" s="20"/>
      <c r="V232" s="20"/>
      <c r="W232" s="20"/>
      <c r="X232" s="19">
        <v>1</v>
      </c>
      <c r="Y232" s="19"/>
      <c r="Z232" s="19"/>
      <c r="AA232" s="19"/>
    </row>
    <row r="233" spans="1:27" s="1" customFormat="1" ht="11.1" customHeight="1" outlineLevel="2" x14ac:dyDescent="0.2">
      <c r="A233" s="17"/>
      <c r="B233" s="17"/>
      <c r="C233" s="17"/>
      <c r="D233" s="18"/>
      <c r="E233" s="18"/>
      <c r="F233" s="18"/>
      <c r="G233" s="18"/>
      <c r="H233" s="18"/>
      <c r="I233" s="18"/>
      <c r="J233" s="18"/>
      <c r="K233" s="18"/>
      <c r="L233" s="18"/>
      <c r="M233" s="18"/>
      <c r="N233" s="18"/>
      <c r="O233" s="18"/>
      <c r="P233" s="20"/>
      <c r="Q233" s="20"/>
      <c r="R233" s="20"/>
      <c r="S233" s="20"/>
      <c r="T233" s="20"/>
      <c r="U233" s="20"/>
      <c r="V233" s="20"/>
      <c r="W233" s="20"/>
      <c r="X233" s="19"/>
      <c r="Y233" s="19"/>
      <c r="Z233" s="19"/>
      <c r="AA233" s="19"/>
    </row>
    <row r="234" spans="1:27" s="1" customFormat="1" ht="14.1" customHeight="1" outlineLevel="2" x14ac:dyDescent="0.2">
      <c r="A234" s="17">
        <v>9832</v>
      </c>
      <c r="B234" s="17"/>
      <c r="C234" s="17"/>
      <c r="D234" s="18" t="s">
        <v>125</v>
      </c>
      <c r="E234" s="18"/>
      <c r="F234" s="18"/>
      <c r="G234" s="18"/>
      <c r="H234" s="18"/>
      <c r="I234" s="18"/>
      <c r="J234" s="18"/>
      <c r="K234" s="18"/>
      <c r="L234" s="18"/>
      <c r="M234" s="18"/>
      <c r="N234" s="18"/>
      <c r="O234" s="18"/>
      <c r="P234" s="19">
        <v>750</v>
      </c>
      <c r="Q234" s="19"/>
      <c r="R234" s="19"/>
      <c r="S234" s="19"/>
      <c r="T234" s="19">
        <v>600</v>
      </c>
      <c r="U234" s="19"/>
      <c r="V234" s="19"/>
      <c r="W234" s="19"/>
      <c r="X234" s="19">
        <v>18</v>
      </c>
      <c r="Y234" s="19"/>
      <c r="Z234" s="19"/>
      <c r="AA234" s="19"/>
    </row>
    <row r="235" spans="1:27" s="1" customFormat="1" ht="14.1" customHeight="1" outlineLevel="2" x14ac:dyDescent="0.2">
      <c r="A235" s="17"/>
      <c r="B235" s="17"/>
      <c r="C235" s="17"/>
      <c r="D235" s="18"/>
      <c r="E235" s="18"/>
      <c r="F235" s="18"/>
      <c r="G235" s="18"/>
      <c r="H235" s="18"/>
      <c r="I235" s="18"/>
      <c r="J235" s="18"/>
      <c r="K235" s="18"/>
      <c r="L235" s="18"/>
      <c r="M235" s="18"/>
      <c r="N235" s="18"/>
      <c r="O235" s="18"/>
      <c r="P235" s="19"/>
      <c r="Q235" s="19"/>
      <c r="R235" s="19"/>
      <c r="S235" s="19"/>
      <c r="T235" s="19"/>
      <c r="U235" s="19"/>
      <c r="V235" s="19"/>
      <c r="W235" s="19"/>
      <c r="X235" s="19"/>
      <c r="Y235" s="19"/>
      <c r="Z235" s="19"/>
      <c r="AA235" s="19"/>
    </row>
    <row r="236" spans="1:27" s="1" customFormat="1" ht="11.1" customHeight="1" outlineLevel="2" x14ac:dyDescent="0.2">
      <c r="A236" s="17">
        <v>10070</v>
      </c>
      <c r="B236" s="17"/>
      <c r="C236" s="17"/>
      <c r="D236" s="18" t="s">
        <v>126</v>
      </c>
      <c r="E236" s="18"/>
      <c r="F236" s="18"/>
      <c r="G236" s="18"/>
      <c r="H236" s="18"/>
      <c r="I236" s="18"/>
      <c r="J236" s="18"/>
      <c r="K236" s="18"/>
      <c r="L236" s="18"/>
      <c r="M236" s="18"/>
      <c r="N236" s="18"/>
      <c r="O236" s="18"/>
      <c r="P236" s="19">
        <v>300</v>
      </c>
      <c r="Q236" s="19"/>
      <c r="R236" s="19"/>
      <c r="S236" s="19"/>
      <c r="T236" s="19">
        <v>250</v>
      </c>
      <c r="U236" s="19"/>
      <c r="V236" s="19"/>
      <c r="W236" s="19"/>
      <c r="X236" s="19">
        <v>14</v>
      </c>
      <c r="Y236" s="19"/>
      <c r="Z236" s="19"/>
      <c r="AA236" s="19"/>
    </row>
    <row r="237" spans="1:27" s="1" customFormat="1" ht="11.1" customHeight="1" outlineLevel="2" x14ac:dyDescent="0.2">
      <c r="A237" s="17"/>
      <c r="B237" s="17"/>
      <c r="C237" s="17"/>
      <c r="D237" s="18"/>
      <c r="E237" s="18"/>
      <c r="F237" s="18"/>
      <c r="G237" s="18"/>
      <c r="H237" s="18"/>
      <c r="I237" s="18"/>
      <c r="J237" s="18"/>
      <c r="K237" s="18"/>
      <c r="L237" s="18"/>
      <c r="M237" s="18"/>
      <c r="N237" s="18"/>
      <c r="O237" s="18"/>
      <c r="P237" s="19"/>
      <c r="Q237" s="19"/>
      <c r="R237" s="19"/>
      <c r="S237" s="19"/>
      <c r="T237" s="19"/>
      <c r="U237" s="19"/>
      <c r="V237" s="19"/>
      <c r="W237" s="19"/>
      <c r="X237" s="19"/>
      <c r="Y237" s="19"/>
      <c r="Z237" s="19"/>
      <c r="AA237" s="19"/>
    </row>
    <row r="238" spans="1:27" s="1" customFormat="1" ht="11.1" customHeight="1" outlineLevel="2" x14ac:dyDescent="0.2">
      <c r="A238" s="17">
        <v>12598</v>
      </c>
      <c r="B238" s="17"/>
      <c r="C238" s="17"/>
      <c r="D238" s="18" t="s">
        <v>127</v>
      </c>
      <c r="E238" s="18"/>
      <c r="F238" s="18"/>
      <c r="G238" s="18"/>
      <c r="H238" s="18"/>
      <c r="I238" s="18"/>
      <c r="J238" s="18"/>
      <c r="K238" s="18"/>
      <c r="L238" s="18"/>
      <c r="M238" s="18"/>
      <c r="N238" s="18"/>
      <c r="O238" s="18"/>
      <c r="P238" s="19">
        <v>190</v>
      </c>
      <c r="Q238" s="19"/>
      <c r="R238" s="19"/>
      <c r="S238" s="19"/>
      <c r="T238" s="19">
        <v>140</v>
      </c>
      <c r="U238" s="19"/>
      <c r="V238" s="19"/>
      <c r="W238" s="19"/>
      <c r="X238" s="19">
        <v>5</v>
      </c>
      <c r="Y238" s="19"/>
      <c r="Z238" s="19"/>
      <c r="AA238" s="19"/>
    </row>
    <row r="239" spans="1:27" s="1" customFormat="1" ht="11.1" customHeight="1" outlineLevel="2" x14ac:dyDescent="0.2">
      <c r="A239" s="17"/>
      <c r="B239" s="17"/>
      <c r="C239" s="17"/>
      <c r="D239" s="18"/>
      <c r="E239" s="18"/>
      <c r="F239" s="18"/>
      <c r="G239" s="18"/>
      <c r="H239" s="18"/>
      <c r="I239" s="18"/>
      <c r="J239" s="18"/>
      <c r="K239" s="18"/>
      <c r="L239" s="18"/>
      <c r="M239" s="18"/>
      <c r="N239" s="18"/>
      <c r="O239" s="18"/>
      <c r="P239" s="19"/>
      <c r="Q239" s="19"/>
      <c r="R239" s="19"/>
      <c r="S239" s="19"/>
      <c r="T239" s="19"/>
      <c r="U239" s="19"/>
      <c r="V239" s="19"/>
      <c r="W239" s="19"/>
      <c r="X239" s="19"/>
      <c r="Y239" s="19"/>
      <c r="Z239" s="19"/>
      <c r="AA239" s="19"/>
    </row>
    <row r="240" spans="1:27" s="1" customFormat="1" ht="11.1" customHeight="1" outlineLevel="2" x14ac:dyDescent="0.2">
      <c r="A240" s="17">
        <v>12599</v>
      </c>
      <c r="B240" s="17"/>
      <c r="C240" s="17"/>
      <c r="D240" s="18" t="s">
        <v>128</v>
      </c>
      <c r="E240" s="18"/>
      <c r="F240" s="18"/>
      <c r="G240" s="18"/>
      <c r="H240" s="18"/>
      <c r="I240" s="18"/>
      <c r="J240" s="18"/>
      <c r="K240" s="18"/>
      <c r="L240" s="18"/>
      <c r="M240" s="18"/>
      <c r="N240" s="18"/>
      <c r="O240" s="18"/>
      <c r="P240" s="19">
        <v>190</v>
      </c>
      <c r="Q240" s="19"/>
      <c r="R240" s="19"/>
      <c r="S240" s="19"/>
      <c r="T240" s="19">
        <v>140</v>
      </c>
      <c r="U240" s="19"/>
      <c r="V240" s="19"/>
      <c r="W240" s="19"/>
      <c r="X240" s="19">
        <v>3</v>
      </c>
      <c r="Y240" s="19"/>
      <c r="Z240" s="19"/>
      <c r="AA240" s="19"/>
    </row>
    <row r="241" spans="1:27" s="1" customFormat="1" ht="11.1" customHeight="1" outlineLevel="2" x14ac:dyDescent="0.2">
      <c r="A241" s="17"/>
      <c r="B241" s="17"/>
      <c r="C241" s="17"/>
      <c r="D241" s="18"/>
      <c r="E241" s="18"/>
      <c r="F241" s="18"/>
      <c r="G241" s="18"/>
      <c r="H241" s="18"/>
      <c r="I241" s="18"/>
      <c r="J241" s="18"/>
      <c r="K241" s="18"/>
      <c r="L241" s="18"/>
      <c r="M241" s="18"/>
      <c r="N241" s="18"/>
      <c r="O241" s="18"/>
      <c r="P241" s="19"/>
      <c r="Q241" s="19"/>
      <c r="R241" s="19"/>
      <c r="S241" s="19"/>
      <c r="T241" s="19"/>
      <c r="U241" s="19"/>
      <c r="V241" s="19"/>
      <c r="W241" s="19"/>
      <c r="X241" s="19"/>
      <c r="Y241" s="19"/>
      <c r="Z241" s="19"/>
      <c r="AA241" s="19"/>
    </row>
    <row r="242" spans="1:27" s="1" customFormat="1" ht="11.1" customHeight="1" outlineLevel="2" x14ac:dyDescent="0.2">
      <c r="A242" s="17">
        <v>12595</v>
      </c>
      <c r="B242" s="17"/>
      <c r="C242" s="17"/>
      <c r="D242" s="18" t="s">
        <v>129</v>
      </c>
      <c r="E242" s="18"/>
      <c r="F242" s="18"/>
      <c r="G242" s="18"/>
      <c r="H242" s="18"/>
      <c r="I242" s="18"/>
      <c r="J242" s="18"/>
      <c r="K242" s="18"/>
      <c r="L242" s="18"/>
      <c r="M242" s="18"/>
      <c r="N242" s="18"/>
      <c r="O242" s="18"/>
      <c r="P242" s="19">
        <v>190</v>
      </c>
      <c r="Q242" s="19"/>
      <c r="R242" s="19"/>
      <c r="S242" s="19"/>
      <c r="T242" s="19">
        <v>140</v>
      </c>
      <c r="U242" s="19"/>
      <c r="V242" s="19"/>
      <c r="W242" s="19"/>
      <c r="X242" s="19">
        <v>4</v>
      </c>
      <c r="Y242" s="19"/>
      <c r="Z242" s="19"/>
      <c r="AA242" s="19"/>
    </row>
    <row r="243" spans="1:27" s="1" customFormat="1" ht="11.1" customHeight="1" outlineLevel="2" x14ac:dyDescent="0.2">
      <c r="A243" s="17"/>
      <c r="B243" s="17"/>
      <c r="C243" s="17"/>
      <c r="D243" s="18"/>
      <c r="E243" s="18"/>
      <c r="F243" s="18"/>
      <c r="G243" s="18"/>
      <c r="H243" s="18"/>
      <c r="I243" s="18"/>
      <c r="J243" s="18"/>
      <c r="K243" s="18"/>
      <c r="L243" s="18"/>
      <c r="M243" s="18"/>
      <c r="N243" s="18"/>
      <c r="O243" s="18"/>
      <c r="P243" s="19"/>
      <c r="Q243" s="19"/>
      <c r="R243" s="19"/>
      <c r="S243" s="19"/>
      <c r="T243" s="19"/>
      <c r="U243" s="19"/>
      <c r="V243" s="19"/>
      <c r="W243" s="19"/>
      <c r="X243" s="19"/>
      <c r="Y243" s="19"/>
      <c r="Z243" s="19"/>
      <c r="AA243" s="19"/>
    </row>
    <row r="244" spans="1:27" s="1" customFormat="1" ht="11.1" customHeight="1" outlineLevel="2" x14ac:dyDescent="0.2">
      <c r="A244" s="17">
        <v>12596</v>
      </c>
      <c r="B244" s="17"/>
      <c r="C244" s="17"/>
      <c r="D244" s="18" t="s">
        <v>130</v>
      </c>
      <c r="E244" s="18"/>
      <c r="F244" s="18"/>
      <c r="G244" s="18"/>
      <c r="H244" s="18"/>
      <c r="I244" s="18"/>
      <c r="J244" s="18"/>
      <c r="K244" s="18"/>
      <c r="L244" s="18"/>
      <c r="M244" s="18"/>
      <c r="N244" s="18"/>
      <c r="O244" s="18"/>
      <c r="P244" s="19">
        <v>190</v>
      </c>
      <c r="Q244" s="19"/>
      <c r="R244" s="19"/>
      <c r="S244" s="19"/>
      <c r="T244" s="19">
        <v>140</v>
      </c>
      <c r="U244" s="19"/>
      <c r="V244" s="19"/>
      <c r="W244" s="19"/>
      <c r="X244" s="19">
        <v>5</v>
      </c>
      <c r="Y244" s="19"/>
      <c r="Z244" s="19"/>
      <c r="AA244" s="19"/>
    </row>
    <row r="245" spans="1:27" s="1" customFormat="1" ht="11.1" customHeight="1" outlineLevel="2" x14ac:dyDescent="0.2">
      <c r="A245" s="17"/>
      <c r="B245" s="17"/>
      <c r="C245" s="17"/>
      <c r="D245" s="18"/>
      <c r="E245" s="18"/>
      <c r="F245" s="18"/>
      <c r="G245" s="18"/>
      <c r="H245" s="18"/>
      <c r="I245" s="18"/>
      <c r="J245" s="18"/>
      <c r="K245" s="18"/>
      <c r="L245" s="18"/>
      <c r="M245" s="18"/>
      <c r="N245" s="18"/>
      <c r="O245" s="18"/>
      <c r="P245" s="19"/>
      <c r="Q245" s="19"/>
      <c r="R245" s="19"/>
      <c r="S245" s="19"/>
      <c r="T245" s="19"/>
      <c r="U245" s="19"/>
      <c r="V245" s="19"/>
      <c r="W245" s="19"/>
      <c r="X245" s="19"/>
      <c r="Y245" s="19"/>
      <c r="Z245" s="19"/>
      <c r="AA245" s="19"/>
    </row>
    <row r="246" spans="1:27" s="1" customFormat="1" ht="11.1" customHeight="1" outlineLevel="2" x14ac:dyDescent="0.2">
      <c r="A246" s="17">
        <v>12597</v>
      </c>
      <c r="B246" s="17"/>
      <c r="C246" s="17"/>
      <c r="D246" s="18" t="s">
        <v>131</v>
      </c>
      <c r="E246" s="18"/>
      <c r="F246" s="18"/>
      <c r="G246" s="18"/>
      <c r="H246" s="18"/>
      <c r="I246" s="18"/>
      <c r="J246" s="18"/>
      <c r="K246" s="18"/>
      <c r="L246" s="18"/>
      <c r="M246" s="18"/>
      <c r="N246" s="18"/>
      <c r="O246" s="18"/>
      <c r="P246" s="19">
        <v>190</v>
      </c>
      <c r="Q246" s="19"/>
      <c r="R246" s="19"/>
      <c r="S246" s="19"/>
      <c r="T246" s="19">
        <v>140</v>
      </c>
      <c r="U246" s="19"/>
      <c r="V246" s="19"/>
      <c r="W246" s="19"/>
      <c r="X246" s="19">
        <v>2</v>
      </c>
      <c r="Y246" s="19"/>
      <c r="Z246" s="19"/>
      <c r="AA246" s="19"/>
    </row>
    <row r="247" spans="1:27" s="1" customFormat="1" ht="11.1" customHeight="1" outlineLevel="2" x14ac:dyDescent="0.2">
      <c r="A247" s="17"/>
      <c r="B247" s="17"/>
      <c r="C247" s="17"/>
      <c r="D247" s="18"/>
      <c r="E247" s="18"/>
      <c r="F247" s="18"/>
      <c r="G247" s="18"/>
      <c r="H247" s="18"/>
      <c r="I247" s="18"/>
      <c r="J247" s="18"/>
      <c r="K247" s="18"/>
      <c r="L247" s="18"/>
      <c r="M247" s="18"/>
      <c r="N247" s="18"/>
      <c r="O247" s="18"/>
      <c r="P247" s="19"/>
      <c r="Q247" s="19"/>
      <c r="R247" s="19"/>
      <c r="S247" s="19"/>
      <c r="T247" s="19"/>
      <c r="U247" s="19"/>
      <c r="V247" s="19"/>
      <c r="W247" s="19"/>
      <c r="X247" s="19"/>
      <c r="Y247" s="19"/>
      <c r="Z247" s="19"/>
      <c r="AA247" s="19"/>
    </row>
    <row r="248" spans="1:27" s="1" customFormat="1" ht="11.1" customHeight="1" outlineLevel="2" x14ac:dyDescent="0.2">
      <c r="A248" s="17">
        <v>12594</v>
      </c>
      <c r="B248" s="17"/>
      <c r="C248" s="17"/>
      <c r="D248" s="18" t="s">
        <v>132</v>
      </c>
      <c r="E248" s="18"/>
      <c r="F248" s="18"/>
      <c r="G248" s="18"/>
      <c r="H248" s="18"/>
      <c r="I248" s="18"/>
      <c r="J248" s="18"/>
      <c r="K248" s="18"/>
      <c r="L248" s="18"/>
      <c r="M248" s="18"/>
      <c r="N248" s="18"/>
      <c r="O248" s="18"/>
      <c r="P248" s="19">
        <v>190</v>
      </c>
      <c r="Q248" s="19"/>
      <c r="R248" s="19"/>
      <c r="S248" s="19"/>
      <c r="T248" s="19">
        <v>140</v>
      </c>
      <c r="U248" s="19"/>
      <c r="V248" s="19"/>
      <c r="W248" s="19"/>
      <c r="X248" s="19">
        <v>3</v>
      </c>
      <c r="Y248" s="19"/>
      <c r="Z248" s="19"/>
      <c r="AA248" s="19"/>
    </row>
    <row r="249" spans="1:27" s="1" customFormat="1" ht="11.1" customHeight="1" outlineLevel="2" x14ac:dyDescent="0.2">
      <c r="A249" s="17"/>
      <c r="B249" s="17"/>
      <c r="C249" s="17"/>
      <c r="D249" s="18"/>
      <c r="E249" s="18"/>
      <c r="F249" s="18"/>
      <c r="G249" s="18"/>
      <c r="H249" s="18"/>
      <c r="I249" s="18"/>
      <c r="J249" s="18"/>
      <c r="K249" s="18"/>
      <c r="L249" s="18"/>
      <c r="M249" s="18"/>
      <c r="N249" s="18"/>
      <c r="O249" s="18"/>
      <c r="P249" s="19"/>
      <c r="Q249" s="19"/>
      <c r="R249" s="19"/>
      <c r="S249" s="19"/>
      <c r="T249" s="19"/>
      <c r="U249" s="19"/>
      <c r="V249" s="19"/>
      <c r="W249" s="19"/>
      <c r="X249" s="19"/>
      <c r="Y249" s="19"/>
      <c r="Z249" s="19"/>
      <c r="AA249" s="19"/>
    </row>
    <row r="250" spans="1:27" s="1" customFormat="1" ht="14.1" customHeight="1" outlineLevel="2" x14ac:dyDescent="0.2">
      <c r="A250" s="17">
        <v>10068</v>
      </c>
      <c r="B250" s="17"/>
      <c r="C250" s="17"/>
      <c r="D250" s="18" t="s">
        <v>133</v>
      </c>
      <c r="E250" s="18"/>
      <c r="F250" s="18"/>
      <c r="G250" s="18"/>
      <c r="H250" s="18"/>
      <c r="I250" s="18"/>
      <c r="J250" s="18"/>
      <c r="K250" s="18"/>
      <c r="L250" s="18"/>
      <c r="M250" s="18"/>
      <c r="N250" s="18"/>
      <c r="O250" s="18"/>
      <c r="P250" s="19">
        <v>200</v>
      </c>
      <c r="Q250" s="19"/>
      <c r="R250" s="19"/>
      <c r="S250" s="19"/>
      <c r="T250" s="19">
        <v>200</v>
      </c>
      <c r="U250" s="19"/>
      <c r="V250" s="19"/>
      <c r="W250" s="19"/>
      <c r="X250" s="19">
        <v>2</v>
      </c>
      <c r="Y250" s="19"/>
      <c r="Z250" s="19"/>
      <c r="AA250" s="19"/>
    </row>
    <row r="251" spans="1:27" s="1" customFormat="1" ht="14.1" customHeight="1" outlineLevel="2" x14ac:dyDescent="0.2">
      <c r="A251" s="17"/>
      <c r="B251" s="17"/>
      <c r="C251" s="17"/>
      <c r="D251" s="18"/>
      <c r="E251" s="18"/>
      <c r="F251" s="18"/>
      <c r="G251" s="18"/>
      <c r="H251" s="18"/>
      <c r="I251" s="18"/>
      <c r="J251" s="18"/>
      <c r="K251" s="18"/>
      <c r="L251" s="18"/>
      <c r="M251" s="18"/>
      <c r="N251" s="18"/>
      <c r="O251" s="18"/>
      <c r="P251" s="19"/>
      <c r="Q251" s="19"/>
      <c r="R251" s="19"/>
      <c r="S251" s="19"/>
      <c r="T251" s="19"/>
      <c r="U251" s="19"/>
      <c r="V251" s="19"/>
      <c r="W251" s="19"/>
      <c r="X251" s="19"/>
      <c r="Y251" s="19"/>
      <c r="Z251" s="19"/>
      <c r="AA251" s="19"/>
    </row>
    <row r="252" spans="1:27" s="1" customFormat="1" ht="11.1" customHeight="1" outlineLevel="2" x14ac:dyDescent="0.2">
      <c r="A252" s="17">
        <v>10071</v>
      </c>
      <c r="B252" s="17"/>
      <c r="C252" s="17"/>
      <c r="D252" s="18" t="s">
        <v>134</v>
      </c>
      <c r="E252" s="18"/>
      <c r="F252" s="18"/>
      <c r="G252" s="18"/>
      <c r="H252" s="18"/>
      <c r="I252" s="18"/>
      <c r="J252" s="18"/>
      <c r="K252" s="18"/>
      <c r="L252" s="18"/>
      <c r="M252" s="18"/>
      <c r="N252" s="18"/>
      <c r="O252" s="18"/>
      <c r="P252" s="19">
        <v>400</v>
      </c>
      <c r="Q252" s="19"/>
      <c r="R252" s="19"/>
      <c r="S252" s="19"/>
      <c r="T252" s="19">
        <v>350</v>
      </c>
      <c r="U252" s="19"/>
      <c r="V252" s="19"/>
      <c r="W252" s="19"/>
      <c r="X252" s="19">
        <v>9</v>
      </c>
      <c r="Y252" s="19"/>
      <c r="Z252" s="19"/>
      <c r="AA252" s="19"/>
    </row>
    <row r="253" spans="1:27" s="1" customFormat="1" ht="11.1" customHeight="1" outlineLevel="2" x14ac:dyDescent="0.2">
      <c r="A253" s="17"/>
      <c r="B253" s="17"/>
      <c r="C253" s="17"/>
      <c r="D253" s="18"/>
      <c r="E253" s="18"/>
      <c r="F253" s="18"/>
      <c r="G253" s="18"/>
      <c r="H253" s="18"/>
      <c r="I253" s="18"/>
      <c r="J253" s="18"/>
      <c r="K253" s="18"/>
      <c r="L253" s="18"/>
      <c r="M253" s="18"/>
      <c r="N253" s="18"/>
      <c r="O253" s="18"/>
      <c r="P253" s="19"/>
      <c r="Q253" s="19"/>
      <c r="R253" s="19"/>
      <c r="S253" s="19"/>
      <c r="T253" s="19"/>
      <c r="U253" s="19"/>
      <c r="V253" s="19"/>
      <c r="W253" s="19"/>
      <c r="X253" s="19"/>
      <c r="Y253" s="19"/>
      <c r="Z253" s="19"/>
      <c r="AA253" s="19"/>
    </row>
    <row r="254" spans="1:27" s="1" customFormat="1" ht="14.1" customHeight="1" outlineLevel="2" x14ac:dyDescent="0.2">
      <c r="A254" s="17">
        <v>9833</v>
      </c>
      <c r="B254" s="17"/>
      <c r="C254" s="17"/>
      <c r="D254" s="18" t="s">
        <v>135</v>
      </c>
      <c r="E254" s="18"/>
      <c r="F254" s="18"/>
      <c r="G254" s="18"/>
      <c r="H254" s="18"/>
      <c r="I254" s="18"/>
      <c r="J254" s="18"/>
      <c r="K254" s="18"/>
      <c r="L254" s="18"/>
      <c r="M254" s="18"/>
      <c r="N254" s="18"/>
      <c r="O254" s="18"/>
      <c r="P254" s="20">
        <v>6600</v>
      </c>
      <c r="Q254" s="20"/>
      <c r="R254" s="20"/>
      <c r="S254" s="20"/>
      <c r="T254" s="20">
        <v>4900</v>
      </c>
      <c r="U254" s="20"/>
      <c r="V254" s="20"/>
      <c r="W254" s="20"/>
      <c r="X254" s="19">
        <v>2</v>
      </c>
      <c r="Y254" s="19"/>
      <c r="Z254" s="19"/>
      <c r="AA254" s="19"/>
    </row>
    <row r="255" spans="1:27" s="1" customFormat="1" ht="14.1" customHeight="1" outlineLevel="2" x14ac:dyDescent="0.2">
      <c r="A255" s="17"/>
      <c r="B255" s="17"/>
      <c r="C255" s="17"/>
      <c r="D255" s="18"/>
      <c r="E255" s="18"/>
      <c r="F255" s="18"/>
      <c r="G255" s="18"/>
      <c r="H255" s="18"/>
      <c r="I255" s="18"/>
      <c r="J255" s="18"/>
      <c r="K255" s="18"/>
      <c r="L255" s="18"/>
      <c r="M255" s="18"/>
      <c r="N255" s="18"/>
      <c r="O255" s="18"/>
      <c r="P255" s="20"/>
      <c r="Q255" s="20"/>
      <c r="R255" s="20"/>
      <c r="S255" s="20"/>
      <c r="T255" s="20"/>
      <c r="U255" s="20"/>
      <c r="V255" s="20"/>
      <c r="W255" s="20"/>
      <c r="X255" s="19"/>
      <c r="Y255" s="19"/>
      <c r="Z255" s="19"/>
      <c r="AA255" s="19"/>
    </row>
    <row r="256" spans="1:27" s="1" customFormat="1" ht="14.1" customHeight="1" outlineLevel="2" x14ac:dyDescent="0.2">
      <c r="A256" s="17">
        <v>16146</v>
      </c>
      <c r="B256" s="17"/>
      <c r="C256" s="17"/>
      <c r="D256" s="18" t="s">
        <v>136</v>
      </c>
      <c r="E256" s="18"/>
      <c r="F256" s="18"/>
      <c r="G256" s="18"/>
      <c r="H256" s="18"/>
      <c r="I256" s="18"/>
      <c r="J256" s="18"/>
      <c r="K256" s="18"/>
      <c r="L256" s="18"/>
      <c r="M256" s="18"/>
      <c r="N256" s="18"/>
      <c r="O256" s="18"/>
      <c r="P256" s="20">
        <v>6000</v>
      </c>
      <c r="Q256" s="20"/>
      <c r="R256" s="20"/>
      <c r="S256" s="20"/>
      <c r="T256" s="20">
        <v>4000</v>
      </c>
      <c r="U256" s="20"/>
      <c r="V256" s="20"/>
      <c r="W256" s="20"/>
      <c r="X256" s="19">
        <v>3</v>
      </c>
      <c r="Y256" s="19"/>
      <c r="Z256" s="19"/>
      <c r="AA256" s="19"/>
    </row>
    <row r="257" spans="1:27" s="1" customFormat="1" ht="14.1" customHeight="1" outlineLevel="2" x14ac:dyDescent="0.2">
      <c r="A257" s="17"/>
      <c r="B257" s="17"/>
      <c r="C257" s="17"/>
      <c r="D257" s="18"/>
      <c r="E257" s="18"/>
      <c r="F257" s="18"/>
      <c r="G257" s="18"/>
      <c r="H257" s="18"/>
      <c r="I257" s="18"/>
      <c r="J257" s="18"/>
      <c r="K257" s="18"/>
      <c r="L257" s="18"/>
      <c r="M257" s="18"/>
      <c r="N257" s="18"/>
      <c r="O257" s="18"/>
      <c r="P257" s="20"/>
      <c r="Q257" s="20"/>
      <c r="R257" s="20"/>
      <c r="S257" s="20"/>
      <c r="T257" s="20"/>
      <c r="U257" s="20"/>
      <c r="V257" s="20"/>
      <c r="W257" s="20"/>
      <c r="X257" s="19"/>
      <c r="Y257" s="19"/>
      <c r="Z257" s="19"/>
      <c r="AA257" s="19"/>
    </row>
    <row r="258" spans="1:27" s="1" customFormat="1" ht="14.1" customHeight="1" outlineLevel="2" x14ac:dyDescent="0.2">
      <c r="A258" s="17">
        <v>16148</v>
      </c>
      <c r="B258" s="17"/>
      <c r="C258" s="17"/>
      <c r="D258" s="18" t="s">
        <v>137</v>
      </c>
      <c r="E258" s="18"/>
      <c r="F258" s="18"/>
      <c r="G258" s="18"/>
      <c r="H258" s="18"/>
      <c r="I258" s="18"/>
      <c r="J258" s="18"/>
      <c r="K258" s="18"/>
      <c r="L258" s="18"/>
      <c r="M258" s="18"/>
      <c r="N258" s="18"/>
      <c r="O258" s="18"/>
      <c r="P258" s="20">
        <v>3800</v>
      </c>
      <c r="Q258" s="20"/>
      <c r="R258" s="20"/>
      <c r="S258" s="20"/>
      <c r="T258" s="20">
        <v>2500</v>
      </c>
      <c r="U258" s="20"/>
      <c r="V258" s="20"/>
      <c r="W258" s="20"/>
      <c r="X258" s="19">
        <v>1</v>
      </c>
      <c r="Y258" s="19"/>
      <c r="Z258" s="19"/>
      <c r="AA258" s="19"/>
    </row>
    <row r="259" spans="1:27" s="1" customFormat="1" ht="14.1" customHeight="1" outlineLevel="2" x14ac:dyDescent="0.2">
      <c r="A259" s="17"/>
      <c r="B259" s="17"/>
      <c r="C259" s="17"/>
      <c r="D259" s="18"/>
      <c r="E259" s="18"/>
      <c r="F259" s="18"/>
      <c r="G259" s="18"/>
      <c r="H259" s="18"/>
      <c r="I259" s="18"/>
      <c r="J259" s="18"/>
      <c r="K259" s="18"/>
      <c r="L259" s="18"/>
      <c r="M259" s="18"/>
      <c r="N259" s="18"/>
      <c r="O259" s="18"/>
      <c r="P259" s="20"/>
      <c r="Q259" s="20"/>
      <c r="R259" s="20"/>
      <c r="S259" s="20"/>
      <c r="T259" s="20"/>
      <c r="U259" s="20"/>
      <c r="V259" s="20"/>
      <c r="W259" s="20"/>
      <c r="X259" s="19"/>
      <c r="Y259" s="19"/>
      <c r="Z259" s="19"/>
      <c r="AA259" s="19"/>
    </row>
    <row r="260" spans="1:27" s="1" customFormat="1" ht="14.1" customHeight="1" outlineLevel="2" x14ac:dyDescent="0.2">
      <c r="A260" s="17">
        <v>16147</v>
      </c>
      <c r="B260" s="17"/>
      <c r="C260" s="17"/>
      <c r="D260" s="18" t="s">
        <v>138</v>
      </c>
      <c r="E260" s="18"/>
      <c r="F260" s="18"/>
      <c r="G260" s="18"/>
      <c r="H260" s="18"/>
      <c r="I260" s="18"/>
      <c r="J260" s="18"/>
      <c r="K260" s="18"/>
      <c r="L260" s="18"/>
      <c r="M260" s="18"/>
      <c r="N260" s="18"/>
      <c r="O260" s="18"/>
      <c r="P260" s="20">
        <v>5200</v>
      </c>
      <c r="Q260" s="20"/>
      <c r="R260" s="20"/>
      <c r="S260" s="20"/>
      <c r="T260" s="20">
        <v>3500</v>
      </c>
      <c r="U260" s="20"/>
      <c r="V260" s="20"/>
      <c r="W260" s="20"/>
      <c r="X260" s="19">
        <v>1</v>
      </c>
      <c r="Y260" s="19"/>
      <c r="Z260" s="19"/>
      <c r="AA260" s="19"/>
    </row>
    <row r="261" spans="1:27" s="1" customFormat="1" ht="14.1" customHeight="1" outlineLevel="2" x14ac:dyDescent="0.2">
      <c r="A261" s="17"/>
      <c r="B261" s="17"/>
      <c r="C261" s="17"/>
      <c r="D261" s="18"/>
      <c r="E261" s="18"/>
      <c r="F261" s="18"/>
      <c r="G261" s="18"/>
      <c r="H261" s="18"/>
      <c r="I261" s="18"/>
      <c r="J261" s="18"/>
      <c r="K261" s="18"/>
      <c r="L261" s="18"/>
      <c r="M261" s="18"/>
      <c r="N261" s="18"/>
      <c r="O261" s="18"/>
      <c r="P261" s="20"/>
      <c r="Q261" s="20"/>
      <c r="R261" s="20"/>
      <c r="S261" s="20"/>
      <c r="T261" s="20"/>
      <c r="U261" s="20"/>
      <c r="V261" s="20"/>
      <c r="W261" s="20"/>
      <c r="X261" s="19"/>
      <c r="Y261" s="19"/>
      <c r="Z261" s="19"/>
      <c r="AA261" s="19"/>
    </row>
    <row r="262" spans="1:27" s="1" customFormat="1" ht="14.1" customHeight="1" outlineLevel="2" x14ac:dyDescent="0.2">
      <c r="A262" s="17">
        <v>9389</v>
      </c>
      <c r="B262" s="17"/>
      <c r="C262" s="17"/>
      <c r="D262" s="18" t="s">
        <v>139</v>
      </c>
      <c r="E262" s="18"/>
      <c r="F262" s="18"/>
      <c r="G262" s="18"/>
      <c r="H262" s="18"/>
      <c r="I262" s="18"/>
      <c r="J262" s="18"/>
      <c r="K262" s="18"/>
      <c r="L262" s="18"/>
      <c r="M262" s="18"/>
      <c r="N262" s="18"/>
      <c r="O262" s="18"/>
      <c r="P262" s="20">
        <v>1600</v>
      </c>
      <c r="Q262" s="20"/>
      <c r="R262" s="20"/>
      <c r="S262" s="20"/>
      <c r="T262" s="20">
        <v>1500</v>
      </c>
      <c r="U262" s="20"/>
      <c r="V262" s="20"/>
      <c r="W262" s="20"/>
      <c r="X262" s="19">
        <v>10</v>
      </c>
      <c r="Y262" s="19"/>
      <c r="Z262" s="19"/>
      <c r="AA262" s="19"/>
    </row>
    <row r="263" spans="1:27" s="1" customFormat="1" ht="14.1" customHeight="1" outlineLevel="2" x14ac:dyDescent="0.2">
      <c r="A263" s="17"/>
      <c r="B263" s="17"/>
      <c r="C263" s="17"/>
      <c r="D263" s="18"/>
      <c r="E263" s="18"/>
      <c r="F263" s="18"/>
      <c r="G263" s="18"/>
      <c r="H263" s="18"/>
      <c r="I263" s="18"/>
      <c r="J263" s="18"/>
      <c r="K263" s="18"/>
      <c r="L263" s="18"/>
      <c r="M263" s="18"/>
      <c r="N263" s="18"/>
      <c r="O263" s="18"/>
      <c r="P263" s="20"/>
      <c r="Q263" s="20"/>
      <c r="R263" s="20"/>
      <c r="S263" s="20"/>
      <c r="T263" s="20"/>
      <c r="U263" s="20"/>
      <c r="V263" s="20"/>
      <c r="W263" s="20"/>
      <c r="X263" s="19"/>
      <c r="Y263" s="19"/>
      <c r="Z263" s="19"/>
      <c r="AA263" s="19"/>
    </row>
    <row r="264" spans="1:27" s="1" customFormat="1" ht="14.1" customHeight="1" outlineLevel="2" x14ac:dyDescent="0.2">
      <c r="A264" s="17">
        <v>17094</v>
      </c>
      <c r="B264" s="17"/>
      <c r="C264" s="17"/>
      <c r="D264" s="18" t="s">
        <v>140</v>
      </c>
      <c r="E264" s="18"/>
      <c r="F264" s="18"/>
      <c r="G264" s="18"/>
      <c r="H264" s="18"/>
      <c r="I264" s="18"/>
      <c r="J264" s="18"/>
      <c r="K264" s="18"/>
      <c r="L264" s="18"/>
      <c r="M264" s="18"/>
      <c r="N264" s="18"/>
      <c r="O264" s="18"/>
      <c r="P264" s="20">
        <v>2500</v>
      </c>
      <c r="Q264" s="20"/>
      <c r="R264" s="20"/>
      <c r="S264" s="20"/>
      <c r="T264" s="20">
        <v>2000</v>
      </c>
      <c r="U264" s="20"/>
      <c r="V264" s="20"/>
      <c r="W264" s="20"/>
      <c r="X264" s="19">
        <v>20</v>
      </c>
      <c r="Y264" s="19"/>
      <c r="Z264" s="19"/>
      <c r="AA264" s="19"/>
    </row>
    <row r="265" spans="1:27" s="1" customFormat="1" ht="14.1" customHeight="1" outlineLevel="2" x14ac:dyDescent="0.2">
      <c r="A265" s="17"/>
      <c r="B265" s="17"/>
      <c r="C265" s="17"/>
      <c r="D265" s="18"/>
      <c r="E265" s="18"/>
      <c r="F265" s="18"/>
      <c r="G265" s="18"/>
      <c r="H265" s="18"/>
      <c r="I265" s="18"/>
      <c r="J265" s="18"/>
      <c r="K265" s="18"/>
      <c r="L265" s="18"/>
      <c r="M265" s="18"/>
      <c r="N265" s="18"/>
      <c r="O265" s="18"/>
      <c r="P265" s="20"/>
      <c r="Q265" s="20"/>
      <c r="R265" s="20"/>
      <c r="S265" s="20"/>
      <c r="T265" s="20"/>
      <c r="U265" s="20"/>
      <c r="V265" s="20"/>
      <c r="W265" s="20"/>
      <c r="X265" s="19"/>
      <c r="Y265" s="19"/>
      <c r="Z265" s="19"/>
      <c r="AA265" s="19"/>
    </row>
    <row r="266" spans="1:27" s="1" customFormat="1" ht="11.1" customHeight="1" outlineLevel="2" x14ac:dyDescent="0.2">
      <c r="A266" s="17">
        <v>15122</v>
      </c>
      <c r="B266" s="17"/>
      <c r="C266" s="17"/>
      <c r="D266" s="18" t="s">
        <v>141</v>
      </c>
      <c r="E266" s="18"/>
      <c r="F266" s="18"/>
      <c r="G266" s="18"/>
      <c r="H266" s="18"/>
      <c r="I266" s="18"/>
      <c r="J266" s="18"/>
      <c r="K266" s="18"/>
      <c r="L266" s="18"/>
      <c r="M266" s="18"/>
      <c r="N266" s="18"/>
      <c r="O266" s="18"/>
      <c r="P266" s="20">
        <v>1950</v>
      </c>
      <c r="Q266" s="20"/>
      <c r="R266" s="20"/>
      <c r="S266" s="20"/>
      <c r="T266" s="20">
        <v>1800</v>
      </c>
      <c r="U266" s="20"/>
      <c r="V266" s="20"/>
      <c r="W266" s="20"/>
      <c r="X266" s="19">
        <v>13</v>
      </c>
      <c r="Y266" s="19"/>
      <c r="Z266" s="19"/>
      <c r="AA266" s="19"/>
    </row>
    <row r="267" spans="1:27" s="1" customFormat="1" ht="11.1" customHeight="1" outlineLevel="2" x14ac:dyDescent="0.2">
      <c r="A267" s="17"/>
      <c r="B267" s="17"/>
      <c r="C267" s="17"/>
      <c r="D267" s="18"/>
      <c r="E267" s="18"/>
      <c r="F267" s="18"/>
      <c r="G267" s="18"/>
      <c r="H267" s="18"/>
      <c r="I267" s="18"/>
      <c r="J267" s="18"/>
      <c r="K267" s="18"/>
      <c r="L267" s="18"/>
      <c r="M267" s="18"/>
      <c r="N267" s="18"/>
      <c r="O267" s="18"/>
      <c r="P267" s="20"/>
      <c r="Q267" s="20"/>
      <c r="R267" s="20"/>
      <c r="S267" s="20"/>
      <c r="T267" s="20"/>
      <c r="U267" s="20"/>
      <c r="V267" s="20"/>
      <c r="W267" s="20"/>
      <c r="X267" s="19"/>
      <c r="Y267" s="19"/>
      <c r="Z267" s="19"/>
      <c r="AA267" s="19"/>
    </row>
    <row r="268" spans="1:27" s="1" customFormat="1" ht="11.1" customHeight="1" outlineLevel="2" x14ac:dyDescent="0.2">
      <c r="A268" s="17">
        <v>15137</v>
      </c>
      <c r="B268" s="17"/>
      <c r="C268" s="17"/>
      <c r="D268" s="18" t="s">
        <v>142</v>
      </c>
      <c r="E268" s="18"/>
      <c r="F268" s="18"/>
      <c r="G268" s="18"/>
      <c r="H268" s="18"/>
      <c r="I268" s="18"/>
      <c r="J268" s="18"/>
      <c r="K268" s="18"/>
      <c r="L268" s="18"/>
      <c r="M268" s="18"/>
      <c r="N268" s="18"/>
      <c r="O268" s="18"/>
      <c r="P268" s="20">
        <v>2500</v>
      </c>
      <c r="Q268" s="20"/>
      <c r="R268" s="20"/>
      <c r="S268" s="20"/>
      <c r="T268" s="20">
        <v>2300</v>
      </c>
      <c r="U268" s="20"/>
      <c r="V268" s="20"/>
      <c r="W268" s="20"/>
      <c r="X268" s="19">
        <v>44</v>
      </c>
      <c r="Y268" s="19"/>
      <c r="Z268" s="19"/>
      <c r="AA268" s="19"/>
    </row>
    <row r="269" spans="1:27" s="1" customFormat="1" ht="11.1" customHeight="1" outlineLevel="2" x14ac:dyDescent="0.2">
      <c r="A269" s="17"/>
      <c r="B269" s="17"/>
      <c r="C269" s="17"/>
      <c r="D269" s="18"/>
      <c r="E269" s="18"/>
      <c r="F269" s="18"/>
      <c r="G269" s="18"/>
      <c r="H269" s="18"/>
      <c r="I269" s="18"/>
      <c r="J269" s="18"/>
      <c r="K269" s="18"/>
      <c r="L269" s="18"/>
      <c r="M269" s="18"/>
      <c r="N269" s="18"/>
      <c r="O269" s="18"/>
      <c r="P269" s="20"/>
      <c r="Q269" s="20"/>
      <c r="R269" s="20"/>
      <c r="S269" s="20"/>
      <c r="T269" s="20"/>
      <c r="U269" s="20"/>
      <c r="V269" s="20"/>
      <c r="W269" s="20"/>
      <c r="X269" s="19"/>
      <c r="Y269" s="19"/>
      <c r="Z269" s="19"/>
      <c r="AA269" s="19"/>
    </row>
    <row r="270" spans="1:27" s="1" customFormat="1" ht="14.1" customHeight="1" outlineLevel="2" x14ac:dyDescent="0.2">
      <c r="A270" s="17">
        <v>9851</v>
      </c>
      <c r="B270" s="17"/>
      <c r="C270" s="17"/>
      <c r="D270" s="18" t="s">
        <v>143</v>
      </c>
      <c r="E270" s="18"/>
      <c r="F270" s="18"/>
      <c r="G270" s="18"/>
      <c r="H270" s="18"/>
      <c r="I270" s="18"/>
      <c r="J270" s="18"/>
      <c r="K270" s="18"/>
      <c r="L270" s="18"/>
      <c r="M270" s="18"/>
      <c r="N270" s="18"/>
      <c r="O270" s="18"/>
      <c r="P270" s="20">
        <v>3600</v>
      </c>
      <c r="Q270" s="20"/>
      <c r="R270" s="20"/>
      <c r="S270" s="20"/>
      <c r="T270" s="20">
        <v>3200</v>
      </c>
      <c r="U270" s="20"/>
      <c r="V270" s="20"/>
      <c r="W270" s="20"/>
      <c r="X270" s="19">
        <v>4</v>
      </c>
      <c r="Y270" s="19"/>
      <c r="Z270" s="19"/>
      <c r="AA270" s="19"/>
    </row>
    <row r="271" spans="1:27" s="1" customFormat="1" ht="14.1" customHeight="1" outlineLevel="2" x14ac:dyDescent="0.2">
      <c r="A271" s="17"/>
      <c r="B271" s="17"/>
      <c r="C271" s="17"/>
      <c r="D271" s="18"/>
      <c r="E271" s="18"/>
      <c r="F271" s="18"/>
      <c r="G271" s="18"/>
      <c r="H271" s="18"/>
      <c r="I271" s="18"/>
      <c r="J271" s="18"/>
      <c r="K271" s="18"/>
      <c r="L271" s="18"/>
      <c r="M271" s="18"/>
      <c r="N271" s="18"/>
      <c r="O271" s="18"/>
      <c r="P271" s="20"/>
      <c r="Q271" s="20"/>
      <c r="R271" s="20"/>
      <c r="S271" s="20"/>
      <c r="T271" s="20"/>
      <c r="U271" s="20"/>
      <c r="V271" s="20"/>
      <c r="W271" s="20"/>
      <c r="X271" s="19"/>
      <c r="Y271" s="19"/>
      <c r="Z271" s="19"/>
      <c r="AA271" s="19"/>
    </row>
    <row r="272" spans="1:27" s="1" customFormat="1" ht="14.1" customHeight="1" outlineLevel="2" x14ac:dyDescent="0.2">
      <c r="A272" s="17">
        <v>18094</v>
      </c>
      <c r="B272" s="17"/>
      <c r="C272" s="17"/>
      <c r="D272" s="18" t="s">
        <v>144</v>
      </c>
      <c r="E272" s="18"/>
      <c r="F272" s="18"/>
      <c r="G272" s="18"/>
      <c r="H272" s="18"/>
      <c r="I272" s="18"/>
      <c r="J272" s="18"/>
      <c r="K272" s="18"/>
      <c r="L272" s="18"/>
      <c r="M272" s="18"/>
      <c r="N272" s="18"/>
      <c r="O272" s="18"/>
      <c r="P272" s="20">
        <v>3800</v>
      </c>
      <c r="Q272" s="20"/>
      <c r="R272" s="20"/>
      <c r="S272" s="20"/>
      <c r="T272" s="20">
        <v>3500</v>
      </c>
      <c r="U272" s="20"/>
      <c r="V272" s="20"/>
      <c r="W272" s="20"/>
      <c r="X272" s="19">
        <v>2</v>
      </c>
      <c r="Y272" s="19"/>
      <c r="Z272" s="19"/>
      <c r="AA272" s="19"/>
    </row>
    <row r="273" spans="1:27" s="1" customFormat="1" ht="14.1" customHeight="1" outlineLevel="2" x14ac:dyDescent="0.2">
      <c r="A273" s="17"/>
      <c r="B273" s="17"/>
      <c r="C273" s="17"/>
      <c r="D273" s="18"/>
      <c r="E273" s="18"/>
      <c r="F273" s="18"/>
      <c r="G273" s="18"/>
      <c r="H273" s="18"/>
      <c r="I273" s="18"/>
      <c r="J273" s="18"/>
      <c r="K273" s="18"/>
      <c r="L273" s="18"/>
      <c r="M273" s="18"/>
      <c r="N273" s="18"/>
      <c r="O273" s="18"/>
      <c r="P273" s="20"/>
      <c r="Q273" s="20"/>
      <c r="R273" s="20"/>
      <c r="S273" s="20"/>
      <c r="T273" s="20"/>
      <c r="U273" s="20"/>
      <c r="V273" s="20"/>
      <c r="W273" s="20"/>
      <c r="X273" s="19"/>
      <c r="Y273" s="19"/>
      <c r="Z273" s="19"/>
      <c r="AA273" s="19"/>
    </row>
    <row r="274" spans="1:27" s="1" customFormat="1" ht="14.1" customHeight="1" outlineLevel="2" x14ac:dyDescent="0.2">
      <c r="A274" s="17">
        <v>11638</v>
      </c>
      <c r="B274" s="17"/>
      <c r="C274" s="17"/>
      <c r="D274" s="18" t="s">
        <v>145</v>
      </c>
      <c r="E274" s="18"/>
      <c r="F274" s="18"/>
      <c r="G274" s="18"/>
      <c r="H274" s="18"/>
      <c r="I274" s="18"/>
      <c r="J274" s="18"/>
      <c r="K274" s="18"/>
      <c r="L274" s="18"/>
      <c r="M274" s="18"/>
      <c r="N274" s="18"/>
      <c r="O274" s="18"/>
      <c r="P274" s="20">
        <v>3500</v>
      </c>
      <c r="Q274" s="20"/>
      <c r="R274" s="20"/>
      <c r="S274" s="20"/>
      <c r="T274" s="20">
        <v>3200</v>
      </c>
      <c r="U274" s="20"/>
      <c r="V274" s="20"/>
      <c r="W274" s="20"/>
      <c r="X274" s="19">
        <v>1</v>
      </c>
      <c r="Y274" s="19"/>
      <c r="Z274" s="19"/>
      <c r="AA274" s="19"/>
    </row>
    <row r="275" spans="1:27" s="1" customFormat="1" ht="14.1" customHeight="1" outlineLevel="2" x14ac:dyDescent="0.2">
      <c r="A275" s="17"/>
      <c r="B275" s="17"/>
      <c r="C275" s="17"/>
      <c r="D275" s="18"/>
      <c r="E275" s="18"/>
      <c r="F275" s="18"/>
      <c r="G275" s="18"/>
      <c r="H275" s="18"/>
      <c r="I275" s="18"/>
      <c r="J275" s="18"/>
      <c r="K275" s="18"/>
      <c r="L275" s="18"/>
      <c r="M275" s="18"/>
      <c r="N275" s="18"/>
      <c r="O275" s="18"/>
      <c r="P275" s="20"/>
      <c r="Q275" s="20"/>
      <c r="R275" s="20"/>
      <c r="S275" s="20"/>
      <c r="T275" s="20"/>
      <c r="U275" s="20"/>
      <c r="V275" s="20"/>
      <c r="W275" s="20"/>
      <c r="X275" s="19"/>
      <c r="Y275" s="19"/>
      <c r="Z275" s="19"/>
      <c r="AA275" s="19"/>
    </row>
    <row r="276" spans="1:27" s="1" customFormat="1" ht="14.1" customHeight="1" outlineLevel="2" x14ac:dyDescent="0.2">
      <c r="A276" s="17">
        <v>17357</v>
      </c>
      <c r="B276" s="17"/>
      <c r="C276" s="17"/>
      <c r="D276" s="18" t="s">
        <v>146</v>
      </c>
      <c r="E276" s="18"/>
      <c r="F276" s="18"/>
      <c r="G276" s="18"/>
      <c r="H276" s="18"/>
      <c r="I276" s="18"/>
      <c r="J276" s="18"/>
      <c r="K276" s="18"/>
      <c r="L276" s="18"/>
      <c r="M276" s="18"/>
      <c r="N276" s="18"/>
      <c r="O276" s="18"/>
      <c r="P276" s="20">
        <v>2800</v>
      </c>
      <c r="Q276" s="20"/>
      <c r="R276" s="20"/>
      <c r="S276" s="20"/>
      <c r="T276" s="20">
        <v>2500</v>
      </c>
      <c r="U276" s="20"/>
      <c r="V276" s="20"/>
      <c r="W276" s="20"/>
      <c r="X276" s="19">
        <v>1</v>
      </c>
      <c r="Y276" s="19"/>
      <c r="Z276" s="19"/>
      <c r="AA276" s="19"/>
    </row>
    <row r="277" spans="1:27" s="1" customFormat="1" ht="14.1" customHeight="1" outlineLevel="2" x14ac:dyDescent="0.2">
      <c r="A277" s="17"/>
      <c r="B277" s="17"/>
      <c r="C277" s="17"/>
      <c r="D277" s="18"/>
      <c r="E277" s="18"/>
      <c r="F277" s="18"/>
      <c r="G277" s="18"/>
      <c r="H277" s="18"/>
      <c r="I277" s="18"/>
      <c r="J277" s="18"/>
      <c r="K277" s="18"/>
      <c r="L277" s="18"/>
      <c r="M277" s="18"/>
      <c r="N277" s="18"/>
      <c r="O277" s="18"/>
      <c r="P277" s="20"/>
      <c r="Q277" s="20"/>
      <c r="R277" s="20"/>
      <c r="S277" s="20"/>
      <c r="T277" s="20"/>
      <c r="U277" s="20"/>
      <c r="V277" s="20"/>
      <c r="W277" s="20"/>
      <c r="X277" s="19"/>
      <c r="Y277" s="19"/>
      <c r="Z277" s="19"/>
      <c r="AA277" s="19"/>
    </row>
    <row r="278" spans="1:27" s="1" customFormat="1" ht="11.1" customHeight="1" outlineLevel="2" x14ac:dyDescent="0.2">
      <c r="A278" s="17">
        <v>11515</v>
      </c>
      <c r="B278" s="17"/>
      <c r="C278" s="17"/>
      <c r="D278" s="18" t="s">
        <v>147</v>
      </c>
      <c r="E278" s="18"/>
      <c r="F278" s="18"/>
      <c r="G278" s="18"/>
      <c r="H278" s="18"/>
      <c r="I278" s="18"/>
      <c r="J278" s="18"/>
      <c r="K278" s="18"/>
      <c r="L278" s="18"/>
      <c r="M278" s="18"/>
      <c r="N278" s="18"/>
      <c r="O278" s="18"/>
      <c r="P278" s="20">
        <v>1500</v>
      </c>
      <c r="Q278" s="20"/>
      <c r="R278" s="20"/>
      <c r="S278" s="20"/>
      <c r="T278" s="20">
        <v>1300</v>
      </c>
      <c r="U278" s="20"/>
      <c r="V278" s="20"/>
      <c r="W278" s="20"/>
      <c r="X278" s="19">
        <v>16</v>
      </c>
      <c r="Y278" s="19"/>
      <c r="Z278" s="19"/>
      <c r="AA278" s="19"/>
    </row>
    <row r="279" spans="1:27" s="1" customFormat="1" ht="11.1" customHeight="1" outlineLevel="2" x14ac:dyDescent="0.2">
      <c r="A279" s="17"/>
      <c r="B279" s="17"/>
      <c r="C279" s="17"/>
      <c r="D279" s="18"/>
      <c r="E279" s="18"/>
      <c r="F279" s="18"/>
      <c r="G279" s="18"/>
      <c r="H279" s="18"/>
      <c r="I279" s="18"/>
      <c r="J279" s="18"/>
      <c r="K279" s="18"/>
      <c r="L279" s="18"/>
      <c r="M279" s="18"/>
      <c r="N279" s="18"/>
      <c r="O279" s="18"/>
      <c r="P279" s="20"/>
      <c r="Q279" s="20"/>
      <c r="R279" s="20"/>
      <c r="S279" s="20"/>
      <c r="T279" s="20"/>
      <c r="U279" s="20"/>
      <c r="V279" s="20"/>
      <c r="W279" s="20"/>
      <c r="X279" s="19"/>
      <c r="Y279" s="19"/>
      <c r="Z279" s="19"/>
      <c r="AA279" s="19"/>
    </row>
    <row r="280" spans="1:27" s="1" customFormat="1" ht="14.1" customHeight="1" outlineLevel="2" x14ac:dyDescent="0.2">
      <c r="A280" s="17">
        <v>14043</v>
      </c>
      <c r="B280" s="17"/>
      <c r="C280" s="17"/>
      <c r="D280" s="18" t="s">
        <v>148</v>
      </c>
      <c r="E280" s="18"/>
      <c r="F280" s="18"/>
      <c r="G280" s="18"/>
      <c r="H280" s="18"/>
      <c r="I280" s="18"/>
      <c r="J280" s="18"/>
      <c r="K280" s="18"/>
      <c r="L280" s="18"/>
      <c r="M280" s="18"/>
      <c r="N280" s="18"/>
      <c r="O280" s="18"/>
      <c r="P280" s="19">
        <v>310</v>
      </c>
      <c r="Q280" s="19"/>
      <c r="R280" s="19"/>
      <c r="S280" s="19"/>
      <c r="T280" s="19">
        <v>250</v>
      </c>
      <c r="U280" s="19"/>
      <c r="V280" s="19"/>
      <c r="W280" s="19"/>
      <c r="X280" s="19">
        <v>26</v>
      </c>
      <c r="Y280" s="19"/>
      <c r="Z280" s="19"/>
      <c r="AA280" s="19"/>
    </row>
    <row r="281" spans="1:27" s="1" customFormat="1" ht="14.1" customHeight="1" outlineLevel="2" x14ac:dyDescent="0.2">
      <c r="A281" s="17"/>
      <c r="B281" s="17"/>
      <c r="C281" s="17"/>
      <c r="D281" s="18"/>
      <c r="E281" s="18"/>
      <c r="F281" s="18"/>
      <c r="G281" s="18"/>
      <c r="H281" s="18"/>
      <c r="I281" s="18"/>
      <c r="J281" s="18"/>
      <c r="K281" s="18"/>
      <c r="L281" s="18"/>
      <c r="M281" s="18"/>
      <c r="N281" s="18"/>
      <c r="O281" s="18"/>
      <c r="P281" s="19"/>
      <c r="Q281" s="19"/>
      <c r="R281" s="19"/>
      <c r="S281" s="19"/>
      <c r="T281" s="19"/>
      <c r="U281" s="19"/>
      <c r="V281" s="19"/>
      <c r="W281" s="19"/>
      <c r="X281" s="19"/>
      <c r="Y281" s="19"/>
      <c r="Z281" s="19"/>
      <c r="AA281" s="19"/>
    </row>
    <row r="282" spans="1:27" s="1" customFormat="1" ht="14.1" customHeight="1" outlineLevel="2" x14ac:dyDescent="0.2">
      <c r="A282" s="17">
        <v>14044</v>
      </c>
      <c r="B282" s="17"/>
      <c r="C282" s="17"/>
      <c r="D282" s="18" t="s">
        <v>149</v>
      </c>
      <c r="E282" s="18"/>
      <c r="F282" s="18"/>
      <c r="G282" s="18"/>
      <c r="H282" s="18"/>
      <c r="I282" s="18"/>
      <c r="J282" s="18"/>
      <c r="K282" s="18"/>
      <c r="L282" s="18"/>
      <c r="M282" s="18"/>
      <c r="N282" s="18"/>
      <c r="O282" s="18"/>
      <c r="P282" s="19">
        <v>310</v>
      </c>
      <c r="Q282" s="19"/>
      <c r="R282" s="19"/>
      <c r="S282" s="19"/>
      <c r="T282" s="19">
        <v>250</v>
      </c>
      <c r="U282" s="19"/>
      <c r="V282" s="19"/>
      <c r="W282" s="19"/>
      <c r="X282" s="19">
        <v>8</v>
      </c>
      <c r="Y282" s="19"/>
      <c r="Z282" s="19"/>
      <c r="AA282" s="19"/>
    </row>
    <row r="283" spans="1:27" s="1" customFormat="1" ht="14.1" customHeight="1" outlineLevel="2" x14ac:dyDescent="0.2">
      <c r="A283" s="17"/>
      <c r="B283" s="17"/>
      <c r="C283" s="17"/>
      <c r="D283" s="18"/>
      <c r="E283" s="18"/>
      <c r="F283" s="18"/>
      <c r="G283" s="18"/>
      <c r="H283" s="18"/>
      <c r="I283" s="18"/>
      <c r="J283" s="18"/>
      <c r="K283" s="18"/>
      <c r="L283" s="18"/>
      <c r="M283" s="18"/>
      <c r="N283" s="18"/>
      <c r="O283" s="18"/>
      <c r="P283" s="19"/>
      <c r="Q283" s="19"/>
      <c r="R283" s="19"/>
      <c r="S283" s="19"/>
      <c r="T283" s="19"/>
      <c r="U283" s="19"/>
      <c r="V283" s="19"/>
      <c r="W283" s="19"/>
      <c r="X283" s="19"/>
      <c r="Y283" s="19"/>
      <c r="Z283" s="19"/>
      <c r="AA283" s="19"/>
    </row>
    <row r="284" spans="1:27" s="1" customFormat="1" ht="14.1" customHeight="1" outlineLevel="2" x14ac:dyDescent="0.2">
      <c r="A284" s="17">
        <v>11037</v>
      </c>
      <c r="B284" s="17"/>
      <c r="C284" s="17"/>
      <c r="D284" s="18" t="s">
        <v>150</v>
      </c>
      <c r="E284" s="18"/>
      <c r="F284" s="18"/>
      <c r="G284" s="18"/>
      <c r="H284" s="18"/>
      <c r="I284" s="18"/>
      <c r="J284" s="18"/>
      <c r="K284" s="18"/>
      <c r="L284" s="18"/>
      <c r="M284" s="18"/>
      <c r="N284" s="18"/>
      <c r="O284" s="18"/>
      <c r="P284" s="19">
        <v>360</v>
      </c>
      <c r="Q284" s="19"/>
      <c r="R284" s="19"/>
      <c r="S284" s="19"/>
      <c r="T284" s="19">
        <v>290</v>
      </c>
      <c r="U284" s="19"/>
      <c r="V284" s="19"/>
      <c r="W284" s="19"/>
      <c r="X284" s="19">
        <v>17</v>
      </c>
      <c r="Y284" s="19"/>
      <c r="Z284" s="19"/>
      <c r="AA284" s="19"/>
    </row>
    <row r="285" spans="1:27" s="1" customFormat="1" ht="14.1" customHeight="1" outlineLevel="2" x14ac:dyDescent="0.2">
      <c r="A285" s="17"/>
      <c r="B285" s="17"/>
      <c r="C285" s="17"/>
      <c r="D285" s="18"/>
      <c r="E285" s="18"/>
      <c r="F285" s="18"/>
      <c r="G285" s="18"/>
      <c r="H285" s="18"/>
      <c r="I285" s="18"/>
      <c r="J285" s="18"/>
      <c r="K285" s="18"/>
      <c r="L285" s="18"/>
      <c r="M285" s="18"/>
      <c r="N285" s="18"/>
      <c r="O285" s="18"/>
      <c r="P285" s="19"/>
      <c r="Q285" s="19"/>
      <c r="R285" s="19"/>
      <c r="S285" s="19"/>
      <c r="T285" s="19"/>
      <c r="U285" s="19"/>
      <c r="V285" s="19"/>
      <c r="W285" s="19"/>
      <c r="X285" s="19"/>
      <c r="Y285" s="19"/>
      <c r="Z285" s="19"/>
      <c r="AA285" s="19"/>
    </row>
    <row r="286" spans="1:27" s="1" customFormat="1" ht="11.1" customHeight="1" outlineLevel="2" x14ac:dyDescent="0.2">
      <c r="A286" s="17">
        <v>12243</v>
      </c>
      <c r="B286" s="17"/>
      <c r="C286" s="17"/>
      <c r="D286" s="18" t="s">
        <v>151</v>
      </c>
      <c r="E286" s="18"/>
      <c r="F286" s="18"/>
      <c r="G286" s="18"/>
      <c r="H286" s="18"/>
      <c r="I286" s="18"/>
      <c r="J286" s="18"/>
      <c r="K286" s="18"/>
      <c r="L286" s="18"/>
      <c r="M286" s="18"/>
      <c r="N286" s="18"/>
      <c r="O286" s="18"/>
      <c r="P286" s="19">
        <v>420</v>
      </c>
      <c r="Q286" s="19"/>
      <c r="R286" s="19"/>
      <c r="S286" s="19"/>
      <c r="T286" s="19">
        <v>340</v>
      </c>
      <c r="U286" s="19"/>
      <c r="V286" s="19"/>
      <c r="W286" s="19"/>
      <c r="X286" s="19">
        <v>1</v>
      </c>
      <c r="Y286" s="19"/>
      <c r="Z286" s="19"/>
      <c r="AA286" s="19"/>
    </row>
    <row r="287" spans="1:27" s="1" customFormat="1" ht="11.1" customHeight="1" outlineLevel="2" x14ac:dyDescent="0.2">
      <c r="A287" s="17"/>
      <c r="B287" s="17"/>
      <c r="C287" s="17"/>
      <c r="D287" s="18"/>
      <c r="E287" s="18"/>
      <c r="F287" s="18"/>
      <c r="G287" s="18"/>
      <c r="H287" s="18"/>
      <c r="I287" s="18"/>
      <c r="J287" s="18"/>
      <c r="K287" s="18"/>
      <c r="L287" s="18"/>
      <c r="M287" s="18"/>
      <c r="N287" s="18"/>
      <c r="O287" s="18"/>
      <c r="P287" s="19"/>
      <c r="Q287" s="19"/>
      <c r="R287" s="19"/>
      <c r="S287" s="19"/>
      <c r="T287" s="19"/>
      <c r="U287" s="19"/>
      <c r="V287" s="19"/>
      <c r="W287" s="19"/>
      <c r="X287" s="19"/>
      <c r="Y287" s="19"/>
      <c r="Z287" s="19"/>
      <c r="AA287" s="19"/>
    </row>
    <row r="288" spans="1:27" s="1" customFormat="1" ht="14.1" customHeight="1" outlineLevel="2" x14ac:dyDescent="0.2">
      <c r="A288" s="17">
        <v>14045</v>
      </c>
      <c r="B288" s="17"/>
      <c r="C288" s="17"/>
      <c r="D288" s="18" t="s">
        <v>152</v>
      </c>
      <c r="E288" s="18"/>
      <c r="F288" s="18"/>
      <c r="G288" s="18"/>
      <c r="H288" s="18"/>
      <c r="I288" s="18"/>
      <c r="J288" s="18"/>
      <c r="K288" s="18"/>
      <c r="L288" s="18"/>
      <c r="M288" s="18"/>
      <c r="N288" s="18"/>
      <c r="O288" s="18"/>
      <c r="P288" s="19">
        <v>310</v>
      </c>
      <c r="Q288" s="19"/>
      <c r="R288" s="19"/>
      <c r="S288" s="19"/>
      <c r="T288" s="19">
        <v>250</v>
      </c>
      <c r="U288" s="19"/>
      <c r="V288" s="19"/>
      <c r="W288" s="19"/>
      <c r="X288" s="19">
        <v>33</v>
      </c>
      <c r="Y288" s="19"/>
      <c r="Z288" s="19"/>
      <c r="AA288" s="19"/>
    </row>
    <row r="289" spans="1:27" s="1" customFormat="1" ht="14.1" customHeight="1" outlineLevel="2" x14ac:dyDescent="0.2">
      <c r="A289" s="17"/>
      <c r="B289" s="17"/>
      <c r="C289" s="17"/>
      <c r="D289" s="18"/>
      <c r="E289" s="18"/>
      <c r="F289" s="18"/>
      <c r="G289" s="18"/>
      <c r="H289" s="18"/>
      <c r="I289" s="18"/>
      <c r="J289" s="18"/>
      <c r="K289" s="18"/>
      <c r="L289" s="18"/>
      <c r="M289" s="18"/>
      <c r="N289" s="18"/>
      <c r="O289" s="18"/>
      <c r="P289" s="19"/>
      <c r="Q289" s="19"/>
      <c r="R289" s="19"/>
      <c r="S289" s="19"/>
      <c r="T289" s="19"/>
      <c r="U289" s="19"/>
      <c r="V289" s="19"/>
      <c r="W289" s="19"/>
      <c r="X289" s="19"/>
      <c r="Y289" s="19"/>
      <c r="Z289" s="19"/>
      <c r="AA289" s="19"/>
    </row>
    <row r="290" spans="1:27" s="1" customFormat="1" ht="14.1" customHeight="1" outlineLevel="2" x14ac:dyDescent="0.2">
      <c r="A290" s="17">
        <v>11038</v>
      </c>
      <c r="B290" s="17"/>
      <c r="C290" s="17"/>
      <c r="D290" s="18" t="s">
        <v>153</v>
      </c>
      <c r="E290" s="18"/>
      <c r="F290" s="18"/>
      <c r="G290" s="18"/>
      <c r="H290" s="18"/>
      <c r="I290" s="18"/>
      <c r="J290" s="18"/>
      <c r="K290" s="18"/>
      <c r="L290" s="18"/>
      <c r="M290" s="18"/>
      <c r="N290" s="18"/>
      <c r="O290" s="18"/>
      <c r="P290" s="19">
        <v>360</v>
      </c>
      <c r="Q290" s="19"/>
      <c r="R290" s="19"/>
      <c r="S290" s="19"/>
      <c r="T290" s="19">
        <v>290</v>
      </c>
      <c r="U290" s="19"/>
      <c r="V290" s="19"/>
      <c r="W290" s="19"/>
      <c r="X290" s="19">
        <v>14</v>
      </c>
      <c r="Y290" s="19"/>
      <c r="Z290" s="19"/>
      <c r="AA290" s="19"/>
    </row>
    <row r="291" spans="1:27" s="1" customFormat="1" ht="14.1" customHeight="1" outlineLevel="2" x14ac:dyDescent="0.2">
      <c r="A291" s="17"/>
      <c r="B291" s="17"/>
      <c r="C291" s="17"/>
      <c r="D291" s="18"/>
      <c r="E291" s="18"/>
      <c r="F291" s="18"/>
      <c r="G291" s="18"/>
      <c r="H291" s="18"/>
      <c r="I291" s="18"/>
      <c r="J291" s="18"/>
      <c r="K291" s="18"/>
      <c r="L291" s="18"/>
      <c r="M291" s="18"/>
      <c r="N291" s="18"/>
      <c r="O291" s="18"/>
      <c r="P291" s="19"/>
      <c r="Q291" s="19"/>
      <c r="R291" s="19"/>
      <c r="S291" s="19"/>
      <c r="T291" s="19"/>
      <c r="U291" s="19"/>
      <c r="V291" s="19"/>
      <c r="W291" s="19"/>
      <c r="X291" s="19"/>
      <c r="Y291" s="19"/>
      <c r="Z291" s="19"/>
      <c r="AA291" s="19"/>
    </row>
    <row r="292" spans="1:27" s="1" customFormat="1" ht="14.1" customHeight="1" outlineLevel="2" x14ac:dyDescent="0.2">
      <c r="A292" s="17">
        <v>14046</v>
      </c>
      <c r="B292" s="17"/>
      <c r="C292" s="17"/>
      <c r="D292" s="18" t="s">
        <v>154</v>
      </c>
      <c r="E292" s="18"/>
      <c r="F292" s="18"/>
      <c r="G292" s="18"/>
      <c r="H292" s="18"/>
      <c r="I292" s="18"/>
      <c r="J292" s="18"/>
      <c r="K292" s="18"/>
      <c r="L292" s="18"/>
      <c r="M292" s="18"/>
      <c r="N292" s="18"/>
      <c r="O292" s="18"/>
      <c r="P292" s="19">
        <v>310</v>
      </c>
      <c r="Q292" s="19"/>
      <c r="R292" s="19"/>
      <c r="S292" s="19"/>
      <c r="T292" s="19">
        <v>250</v>
      </c>
      <c r="U292" s="19"/>
      <c r="V292" s="19"/>
      <c r="W292" s="19"/>
      <c r="X292" s="19">
        <v>29</v>
      </c>
      <c r="Y292" s="19"/>
      <c r="Z292" s="19"/>
      <c r="AA292" s="19"/>
    </row>
    <row r="293" spans="1:27" s="1" customFormat="1" ht="14.1" customHeight="1" outlineLevel="2" x14ac:dyDescent="0.2">
      <c r="A293" s="17"/>
      <c r="B293" s="17"/>
      <c r="C293" s="17"/>
      <c r="D293" s="18"/>
      <c r="E293" s="18"/>
      <c r="F293" s="18"/>
      <c r="G293" s="18"/>
      <c r="H293" s="18"/>
      <c r="I293" s="18"/>
      <c r="J293" s="18"/>
      <c r="K293" s="18"/>
      <c r="L293" s="18"/>
      <c r="M293" s="18"/>
      <c r="N293" s="18"/>
      <c r="O293" s="18"/>
      <c r="P293" s="19"/>
      <c r="Q293" s="19"/>
      <c r="R293" s="19"/>
      <c r="S293" s="19"/>
      <c r="T293" s="19"/>
      <c r="U293" s="19"/>
      <c r="V293" s="19"/>
      <c r="W293" s="19"/>
      <c r="X293" s="19"/>
      <c r="Y293" s="19"/>
      <c r="Z293" s="19"/>
      <c r="AA293" s="19"/>
    </row>
    <row r="294" spans="1:27" s="1" customFormat="1" ht="14.1" customHeight="1" outlineLevel="2" x14ac:dyDescent="0.2">
      <c r="A294" s="17">
        <v>11039</v>
      </c>
      <c r="B294" s="17"/>
      <c r="C294" s="17"/>
      <c r="D294" s="18" t="s">
        <v>155</v>
      </c>
      <c r="E294" s="18"/>
      <c r="F294" s="18"/>
      <c r="G294" s="18"/>
      <c r="H294" s="18"/>
      <c r="I294" s="18"/>
      <c r="J294" s="18"/>
      <c r="K294" s="18"/>
      <c r="L294" s="18"/>
      <c r="M294" s="18"/>
      <c r="N294" s="18"/>
      <c r="O294" s="18"/>
      <c r="P294" s="19">
        <v>360</v>
      </c>
      <c r="Q294" s="19"/>
      <c r="R294" s="19"/>
      <c r="S294" s="19"/>
      <c r="T294" s="19">
        <v>290</v>
      </c>
      <c r="U294" s="19"/>
      <c r="V294" s="19"/>
      <c r="W294" s="19"/>
      <c r="X294" s="19">
        <v>14</v>
      </c>
      <c r="Y294" s="19"/>
      <c r="Z294" s="19"/>
      <c r="AA294" s="19"/>
    </row>
    <row r="295" spans="1:27" s="1" customFormat="1" ht="14.1" customHeight="1" outlineLevel="2" x14ac:dyDescent="0.2">
      <c r="A295" s="17"/>
      <c r="B295" s="17"/>
      <c r="C295" s="17"/>
      <c r="D295" s="18"/>
      <c r="E295" s="18"/>
      <c r="F295" s="18"/>
      <c r="G295" s="18"/>
      <c r="H295" s="18"/>
      <c r="I295" s="18"/>
      <c r="J295" s="18"/>
      <c r="K295" s="18"/>
      <c r="L295" s="18"/>
      <c r="M295" s="18"/>
      <c r="N295" s="18"/>
      <c r="O295" s="18"/>
      <c r="P295" s="19"/>
      <c r="Q295" s="19"/>
      <c r="R295" s="19"/>
      <c r="S295" s="19"/>
      <c r="T295" s="19"/>
      <c r="U295" s="19"/>
      <c r="V295" s="19"/>
      <c r="W295" s="19"/>
      <c r="X295" s="19"/>
      <c r="Y295" s="19"/>
      <c r="Z295" s="19"/>
      <c r="AA295" s="19"/>
    </row>
    <row r="296" spans="1:27" s="1" customFormat="1" ht="14.1" customHeight="1" outlineLevel="2" x14ac:dyDescent="0.2">
      <c r="A296" s="17">
        <v>14047</v>
      </c>
      <c r="B296" s="17"/>
      <c r="C296" s="17"/>
      <c r="D296" s="18" t="s">
        <v>156</v>
      </c>
      <c r="E296" s="18"/>
      <c r="F296" s="18"/>
      <c r="G296" s="18"/>
      <c r="H296" s="18"/>
      <c r="I296" s="18"/>
      <c r="J296" s="18"/>
      <c r="K296" s="18"/>
      <c r="L296" s="18"/>
      <c r="M296" s="18"/>
      <c r="N296" s="18"/>
      <c r="O296" s="18"/>
      <c r="P296" s="19">
        <v>310</v>
      </c>
      <c r="Q296" s="19"/>
      <c r="R296" s="19"/>
      <c r="S296" s="19"/>
      <c r="T296" s="19">
        <v>250</v>
      </c>
      <c r="U296" s="19"/>
      <c r="V296" s="19"/>
      <c r="W296" s="19"/>
      <c r="X296" s="19">
        <v>30</v>
      </c>
      <c r="Y296" s="19"/>
      <c r="Z296" s="19"/>
      <c r="AA296" s="19"/>
    </row>
    <row r="297" spans="1:27" s="1" customFormat="1" ht="14.1" customHeight="1" outlineLevel="2" x14ac:dyDescent="0.2">
      <c r="A297" s="17"/>
      <c r="B297" s="17"/>
      <c r="C297" s="17"/>
      <c r="D297" s="18"/>
      <c r="E297" s="18"/>
      <c r="F297" s="18"/>
      <c r="G297" s="18"/>
      <c r="H297" s="18"/>
      <c r="I297" s="18"/>
      <c r="J297" s="18"/>
      <c r="K297" s="18"/>
      <c r="L297" s="18"/>
      <c r="M297" s="18"/>
      <c r="N297" s="18"/>
      <c r="O297" s="18"/>
      <c r="P297" s="19"/>
      <c r="Q297" s="19"/>
      <c r="R297" s="19"/>
      <c r="S297" s="19"/>
      <c r="T297" s="19"/>
      <c r="U297" s="19"/>
      <c r="V297" s="19"/>
      <c r="W297" s="19"/>
      <c r="X297" s="19"/>
      <c r="Y297" s="19"/>
      <c r="Z297" s="19"/>
      <c r="AA297" s="19"/>
    </row>
    <row r="298" spans="1:27" s="1" customFormat="1" ht="14.1" customHeight="1" outlineLevel="2" x14ac:dyDescent="0.2">
      <c r="A298" s="17">
        <v>14048</v>
      </c>
      <c r="B298" s="17"/>
      <c r="C298" s="17"/>
      <c r="D298" s="18" t="s">
        <v>157</v>
      </c>
      <c r="E298" s="18"/>
      <c r="F298" s="18"/>
      <c r="G298" s="18"/>
      <c r="H298" s="18"/>
      <c r="I298" s="18"/>
      <c r="J298" s="18"/>
      <c r="K298" s="18"/>
      <c r="L298" s="18"/>
      <c r="M298" s="18"/>
      <c r="N298" s="18"/>
      <c r="O298" s="18"/>
      <c r="P298" s="19">
        <v>310</v>
      </c>
      <c r="Q298" s="19"/>
      <c r="R298" s="19"/>
      <c r="S298" s="19"/>
      <c r="T298" s="19">
        <v>250</v>
      </c>
      <c r="U298" s="19"/>
      <c r="V298" s="19"/>
      <c r="W298" s="19"/>
      <c r="X298" s="19">
        <v>28</v>
      </c>
      <c r="Y298" s="19"/>
      <c r="Z298" s="19"/>
      <c r="AA298" s="19"/>
    </row>
    <row r="299" spans="1:27" s="1" customFormat="1" ht="14.1" customHeight="1" outlineLevel="2" x14ac:dyDescent="0.2">
      <c r="A299" s="17"/>
      <c r="B299" s="17"/>
      <c r="C299" s="17"/>
      <c r="D299" s="18"/>
      <c r="E299" s="18"/>
      <c r="F299" s="18"/>
      <c r="G299" s="18"/>
      <c r="H299" s="18"/>
      <c r="I299" s="18"/>
      <c r="J299" s="18"/>
      <c r="K299" s="18"/>
      <c r="L299" s="18"/>
      <c r="M299" s="18"/>
      <c r="N299" s="18"/>
      <c r="O299" s="18"/>
      <c r="P299" s="19"/>
      <c r="Q299" s="19"/>
      <c r="R299" s="19"/>
      <c r="S299" s="19"/>
      <c r="T299" s="19"/>
      <c r="U299" s="19"/>
      <c r="V299" s="19"/>
      <c r="W299" s="19"/>
      <c r="X299" s="19"/>
      <c r="Y299" s="19"/>
      <c r="Z299" s="19"/>
      <c r="AA299" s="19"/>
    </row>
    <row r="300" spans="1:27" s="1" customFormat="1" ht="14.1" customHeight="1" outlineLevel="2" x14ac:dyDescent="0.2">
      <c r="A300" s="17">
        <v>11040</v>
      </c>
      <c r="B300" s="17"/>
      <c r="C300" s="17"/>
      <c r="D300" s="18" t="s">
        <v>158</v>
      </c>
      <c r="E300" s="18"/>
      <c r="F300" s="18"/>
      <c r="G300" s="18"/>
      <c r="H300" s="18"/>
      <c r="I300" s="18"/>
      <c r="J300" s="18"/>
      <c r="K300" s="18"/>
      <c r="L300" s="18"/>
      <c r="M300" s="18"/>
      <c r="N300" s="18"/>
      <c r="O300" s="18"/>
      <c r="P300" s="19">
        <v>360</v>
      </c>
      <c r="Q300" s="19"/>
      <c r="R300" s="19"/>
      <c r="S300" s="19"/>
      <c r="T300" s="19">
        <v>290</v>
      </c>
      <c r="U300" s="19"/>
      <c r="V300" s="19"/>
      <c r="W300" s="19"/>
      <c r="X300" s="19">
        <v>1</v>
      </c>
      <c r="Y300" s="19"/>
      <c r="Z300" s="19"/>
      <c r="AA300" s="19"/>
    </row>
    <row r="301" spans="1:27" s="1" customFormat="1" ht="14.1" customHeight="1" outlineLevel="2" x14ac:dyDescent="0.2">
      <c r="A301" s="17"/>
      <c r="B301" s="17"/>
      <c r="C301" s="17"/>
      <c r="D301" s="18"/>
      <c r="E301" s="18"/>
      <c r="F301" s="18"/>
      <c r="G301" s="18"/>
      <c r="H301" s="18"/>
      <c r="I301" s="18"/>
      <c r="J301" s="18"/>
      <c r="K301" s="18"/>
      <c r="L301" s="18"/>
      <c r="M301" s="18"/>
      <c r="N301" s="18"/>
      <c r="O301" s="18"/>
      <c r="P301" s="19"/>
      <c r="Q301" s="19"/>
      <c r="R301" s="19"/>
      <c r="S301" s="19"/>
      <c r="T301" s="19"/>
      <c r="U301" s="19"/>
      <c r="V301" s="19"/>
      <c r="W301" s="19"/>
      <c r="X301" s="19"/>
      <c r="Y301" s="19"/>
      <c r="Z301" s="19"/>
      <c r="AA301" s="19"/>
    </row>
    <row r="302" spans="1:27" s="1" customFormat="1" ht="11.1" customHeight="1" outlineLevel="2" x14ac:dyDescent="0.2">
      <c r="A302" s="17">
        <v>9530</v>
      </c>
      <c r="B302" s="17"/>
      <c r="C302" s="17"/>
      <c r="D302" s="18" t="s">
        <v>159</v>
      </c>
      <c r="E302" s="18"/>
      <c r="F302" s="18"/>
      <c r="G302" s="18"/>
      <c r="H302" s="18"/>
      <c r="I302" s="18"/>
      <c r="J302" s="18"/>
      <c r="K302" s="18"/>
      <c r="L302" s="18"/>
      <c r="M302" s="18"/>
      <c r="N302" s="18"/>
      <c r="O302" s="18"/>
      <c r="P302" s="19">
        <v>520</v>
      </c>
      <c r="Q302" s="19"/>
      <c r="R302" s="19"/>
      <c r="S302" s="19"/>
      <c r="T302" s="19">
        <v>440</v>
      </c>
      <c r="U302" s="19"/>
      <c r="V302" s="19"/>
      <c r="W302" s="19"/>
      <c r="X302" s="19">
        <v>12</v>
      </c>
      <c r="Y302" s="19"/>
      <c r="Z302" s="19"/>
      <c r="AA302" s="19"/>
    </row>
    <row r="303" spans="1:27" s="1" customFormat="1" ht="11.1" customHeight="1" outlineLevel="2" x14ac:dyDescent="0.2">
      <c r="A303" s="17"/>
      <c r="B303" s="17"/>
      <c r="C303" s="17"/>
      <c r="D303" s="18"/>
      <c r="E303" s="18"/>
      <c r="F303" s="18"/>
      <c r="G303" s="18"/>
      <c r="H303" s="18"/>
      <c r="I303" s="18"/>
      <c r="J303" s="18"/>
      <c r="K303" s="18"/>
      <c r="L303" s="18"/>
      <c r="M303" s="18"/>
      <c r="N303" s="18"/>
      <c r="O303" s="18"/>
      <c r="P303" s="19"/>
      <c r="Q303" s="19"/>
      <c r="R303" s="19"/>
      <c r="S303" s="19"/>
      <c r="T303" s="19"/>
      <c r="U303" s="19"/>
      <c r="V303" s="19"/>
      <c r="W303" s="19"/>
      <c r="X303" s="19"/>
      <c r="Y303" s="19"/>
      <c r="Z303" s="19"/>
      <c r="AA303" s="19"/>
    </row>
    <row r="304" spans="1:27" s="1" customFormat="1" ht="11.1" customHeight="1" outlineLevel="2" x14ac:dyDescent="0.2">
      <c r="A304" s="17">
        <v>9531</v>
      </c>
      <c r="B304" s="17"/>
      <c r="C304" s="17"/>
      <c r="D304" s="18" t="s">
        <v>160</v>
      </c>
      <c r="E304" s="18"/>
      <c r="F304" s="18"/>
      <c r="G304" s="18"/>
      <c r="H304" s="18"/>
      <c r="I304" s="18"/>
      <c r="J304" s="18"/>
      <c r="K304" s="18"/>
      <c r="L304" s="18"/>
      <c r="M304" s="18"/>
      <c r="N304" s="18"/>
      <c r="O304" s="18"/>
      <c r="P304" s="19">
        <v>520</v>
      </c>
      <c r="Q304" s="19"/>
      <c r="R304" s="19"/>
      <c r="S304" s="19"/>
      <c r="T304" s="19">
        <v>440</v>
      </c>
      <c r="U304" s="19"/>
      <c r="V304" s="19"/>
      <c r="W304" s="19"/>
      <c r="X304" s="19">
        <v>10</v>
      </c>
      <c r="Y304" s="19"/>
      <c r="Z304" s="19"/>
      <c r="AA304" s="19"/>
    </row>
    <row r="305" spans="1:27" s="1" customFormat="1" ht="11.1" customHeight="1" outlineLevel="2" x14ac:dyDescent="0.2">
      <c r="A305" s="17"/>
      <c r="B305" s="17"/>
      <c r="C305" s="17"/>
      <c r="D305" s="18"/>
      <c r="E305" s="18"/>
      <c r="F305" s="18"/>
      <c r="G305" s="18"/>
      <c r="H305" s="18"/>
      <c r="I305" s="18"/>
      <c r="J305" s="18"/>
      <c r="K305" s="18"/>
      <c r="L305" s="18"/>
      <c r="M305" s="18"/>
      <c r="N305" s="18"/>
      <c r="O305" s="18"/>
      <c r="P305" s="19"/>
      <c r="Q305" s="19"/>
      <c r="R305" s="19"/>
      <c r="S305" s="19"/>
      <c r="T305" s="19"/>
      <c r="U305" s="19"/>
      <c r="V305" s="19"/>
      <c r="W305" s="19"/>
      <c r="X305" s="19"/>
      <c r="Y305" s="19"/>
      <c r="Z305" s="19"/>
      <c r="AA305" s="19"/>
    </row>
    <row r="306" spans="1:27" s="1" customFormat="1" ht="11.1" customHeight="1" outlineLevel="2" x14ac:dyDescent="0.2">
      <c r="A306" s="17">
        <v>9532</v>
      </c>
      <c r="B306" s="17"/>
      <c r="C306" s="17"/>
      <c r="D306" s="18" t="s">
        <v>161</v>
      </c>
      <c r="E306" s="18"/>
      <c r="F306" s="18"/>
      <c r="G306" s="18"/>
      <c r="H306" s="18"/>
      <c r="I306" s="18"/>
      <c r="J306" s="18"/>
      <c r="K306" s="18"/>
      <c r="L306" s="18"/>
      <c r="M306" s="18"/>
      <c r="N306" s="18"/>
      <c r="O306" s="18"/>
      <c r="P306" s="19">
        <v>520</v>
      </c>
      <c r="Q306" s="19"/>
      <c r="R306" s="19"/>
      <c r="S306" s="19"/>
      <c r="T306" s="19">
        <v>440</v>
      </c>
      <c r="U306" s="19"/>
      <c r="V306" s="19"/>
      <c r="W306" s="19"/>
      <c r="X306" s="19">
        <v>10</v>
      </c>
      <c r="Y306" s="19"/>
      <c r="Z306" s="19"/>
      <c r="AA306" s="19"/>
    </row>
    <row r="307" spans="1:27" s="1" customFormat="1" ht="11.1" customHeight="1" outlineLevel="2" x14ac:dyDescent="0.2">
      <c r="A307" s="17"/>
      <c r="B307" s="17"/>
      <c r="C307" s="17"/>
      <c r="D307" s="18"/>
      <c r="E307" s="18"/>
      <c r="F307" s="18"/>
      <c r="G307" s="18"/>
      <c r="H307" s="18"/>
      <c r="I307" s="18"/>
      <c r="J307" s="18"/>
      <c r="K307" s="18"/>
      <c r="L307" s="18"/>
      <c r="M307" s="18"/>
      <c r="N307" s="18"/>
      <c r="O307" s="18"/>
      <c r="P307" s="19"/>
      <c r="Q307" s="19"/>
      <c r="R307" s="19"/>
      <c r="S307" s="19"/>
      <c r="T307" s="19"/>
      <c r="U307" s="19"/>
      <c r="V307" s="19"/>
      <c r="W307" s="19"/>
      <c r="X307" s="19"/>
      <c r="Y307" s="19"/>
      <c r="Z307" s="19"/>
      <c r="AA307" s="19"/>
    </row>
    <row r="308" spans="1:27" s="1" customFormat="1" ht="11.1" customHeight="1" outlineLevel="2" x14ac:dyDescent="0.2">
      <c r="A308" s="17">
        <v>11610</v>
      </c>
      <c r="B308" s="17"/>
      <c r="C308" s="17"/>
      <c r="D308" s="18" t="s">
        <v>162</v>
      </c>
      <c r="E308" s="18"/>
      <c r="F308" s="18"/>
      <c r="G308" s="18"/>
      <c r="H308" s="18"/>
      <c r="I308" s="18"/>
      <c r="J308" s="18"/>
      <c r="K308" s="18"/>
      <c r="L308" s="18"/>
      <c r="M308" s="18"/>
      <c r="N308" s="18"/>
      <c r="O308" s="18"/>
      <c r="P308" s="19">
        <v>140</v>
      </c>
      <c r="Q308" s="19"/>
      <c r="R308" s="19"/>
      <c r="S308" s="19"/>
      <c r="T308" s="19">
        <v>100</v>
      </c>
      <c r="U308" s="19"/>
      <c r="V308" s="19"/>
      <c r="W308" s="19"/>
      <c r="X308" s="19">
        <v>9</v>
      </c>
      <c r="Y308" s="19"/>
      <c r="Z308" s="19"/>
      <c r="AA308" s="19"/>
    </row>
    <row r="309" spans="1:27" s="1" customFormat="1" ht="11.1" customHeight="1" outlineLevel="2" x14ac:dyDescent="0.2">
      <c r="A309" s="17"/>
      <c r="B309" s="17"/>
      <c r="C309" s="17"/>
      <c r="D309" s="18"/>
      <c r="E309" s="18"/>
      <c r="F309" s="18"/>
      <c r="G309" s="18"/>
      <c r="H309" s="18"/>
      <c r="I309" s="18"/>
      <c r="J309" s="18"/>
      <c r="K309" s="18"/>
      <c r="L309" s="18"/>
      <c r="M309" s="18"/>
      <c r="N309" s="18"/>
      <c r="O309" s="18"/>
      <c r="P309" s="19"/>
      <c r="Q309" s="19"/>
      <c r="R309" s="19"/>
      <c r="S309" s="19"/>
      <c r="T309" s="19"/>
      <c r="U309" s="19"/>
      <c r="V309" s="19"/>
      <c r="W309" s="19"/>
      <c r="X309" s="19"/>
      <c r="Y309" s="19"/>
      <c r="Z309" s="19"/>
      <c r="AA309" s="19"/>
    </row>
    <row r="310" spans="1:27" s="1" customFormat="1" ht="11.1" customHeight="1" outlineLevel="2" x14ac:dyDescent="0.2">
      <c r="A310" s="17">
        <v>11611</v>
      </c>
      <c r="B310" s="17"/>
      <c r="C310" s="17"/>
      <c r="D310" s="18" t="s">
        <v>163</v>
      </c>
      <c r="E310" s="18"/>
      <c r="F310" s="18"/>
      <c r="G310" s="18"/>
      <c r="H310" s="18"/>
      <c r="I310" s="18"/>
      <c r="J310" s="18"/>
      <c r="K310" s="18"/>
      <c r="L310" s="18"/>
      <c r="M310" s="18"/>
      <c r="N310" s="18"/>
      <c r="O310" s="18"/>
      <c r="P310" s="19">
        <v>140</v>
      </c>
      <c r="Q310" s="19"/>
      <c r="R310" s="19"/>
      <c r="S310" s="19"/>
      <c r="T310" s="19">
        <v>100</v>
      </c>
      <c r="U310" s="19"/>
      <c r="V310" s="19"/>
      <c r="W310" s="19"/>
      <c r="X310" s="19">
        <v>11</v>
      </c>
      <c r="Y310" s="19"/>
      <c r="Z310" s="19"/>
      <c r="AA310" s="19"/>
    </row>
    <row r="311" spans="1:27" s="1" customFormat="1" ht="11.1" customHeight="1" outlineLevel="2" x14ac:dyDescent="0.2">
      <c r="A311" s="17"/>
      <c r="B311" s="17"/>
      <c r="C311" s="17"/>
      <c r="D311" s="18"/>
      <c r="E311" s="18"/>
      <c r="F311" s="18"/>
      <c r="G311" s="18"/>
      <c r="H311" s="18"/>
      <c r="I311" s="18"/>
      <c r="J311" s="18"/>
      <c r="K311" s="18"/>
      <c r="L311" s="18"/>
      <c r="M311" s="18"/>
      <c r="N311" s="18"/>
      <c r="O311" s="18"/>
      <c r="P311" s="19"/>
      <c r="Q311" s="19"/>
      <c r="R311" s="19"/>
      <c r="S311" s="19"/>
      <c r="T311" s="19"/>
      <c r="U311" s="19"/>
      <c r="V311" s="19"/>
      <c r="W311" s="19"/>
      <c r="X311" s="19"/>
      <c r="Y311" s="19"/>
      <c r="Z311" s="19"/>
      <c r="AA311" s="19"/>
    </row>
    <row r="312" spans="1:27" s="1" customFormat="1" ht="11.1" customHeight="1" outlineLevel="2" x14ac:dyDescent="0.2">
      <c r="A312" s="17">
        <v>11612</v>
      </c>
      <c r="B312" s="17"/>
      <c r="C312" s="17"/>
      <c r="D312" s="18" t="s">
        <v>164</v>
      </c>
      <c r="E312" s="18"/>
      <c r="F312" s="18"/>
      <c r="G312" s="18"/>
      <c r="H312" s="18"/>
      <c r="I312" s="18"/>
      <c r="J312" s="18"/>
      <c r="K312" s="18"/>
      <c r="L312" s="18"/>
      <c r="M312" s="18"/>
      <c r="N312" s="18"/>
      <c r="O312" s="18"/>
      <c r="P312" s="19">
        <v>140</v>
      </c>
      <c r="Q312" s="19"/>
      <c r="R312" s="19"/>
      <c r="S312" s="19"/>
      <c r="T312" s="19">
        <v>100</v>
      </c>
      <c r="U312" s="19"/>
      <c r="V312" s="19"/>
      <c r="W312" s="19"/>
      <c r="X312" s="19">
        <v>10</v>
      </c>
      <c r="Y312" s="19"/>
      <c r="Z312" s="19"/>
      <c r="AA312" s="19"/>
    </row>
    <row r="313" spans="1:27" s="1" customFormat="1" ht="11.1" customHeight="1" outlineLevel="2" x14ac:dyDescent="0.2">
      <c r="A313" s="17"/>
      <c r="B313" s="17"/>
      <c r="C313" s="17"/>
      <c r="D313" s="18"/>
      <c r="E313" s="18"/>
      <c r="F313" s="18"/>
      <c r="G313" s="18"/>
      <c r="H313" s="18"/>
      <c r="I313" s="18"/>
      <c r="J313" s="18"/>
      <c r="K313" s="18"/>
      <c r="L313" s="18"/>
      <c r="M313" s="18"/>
      <c r="N313" s="18"/>
      <c r="O313" s="18"/>
      <c r="P313" s="19"/>
      <c r="Q313" s="19"/>
      <c r="R313" s="19"/>
      <c r="S313" s="19"/>
      <c r="T313" s="19"/>
      <c r="U313" s="19"/>
      <c r="V313" s="19"/>
      <c r="W313" s="19"/>
      <c r="X313" s="19"/>
      <c r="Y313" s="19"/>
      <c r="Z313" s="19"/>
      <c r="AA313" s="19"/>
    </row>
    <row r="314" spans="1:27" s="1" customFormat="1" ht="11.1" customHeight="1" outlineLevel="2" x14ac:dyDescent="0.2">
      <c r="A314" s="17">
        <v>11613</v>
      </c>
      <c r="B314" s="17"/>
      <c r="C314" s="17"/>
      <c r="D314" s="18" t="s">
        <v>165</v>
      </c>
      <c r="E314" s="18"/>
      <c r="F314" s="18"/>
      <c r="G314" s="18"/>
      <c r="H314" s="18"/>
      <c r="I314" s="18"/>
      <c r="J314" s="18"/>
      <c r="K314" s="18"/>
      <c r="L314" s="18"/>
      <c r="M314" s="18"/>
      <c r="N314" s="18"/>
      <c r="O314" s="18"/>
      <c r="P314" s="19">
        <v>140</v>
      </c>
      <c r="Q314" s="19"/>
      <c r="R314" s="19"/>
      <c r="S314" s="19"/>
      <c r="T314" s="19">
        <v>100</v>
      </c>
      <c r="U314" s="19"/>
      <c r="V314" s="19"/>
      <c r="W314" s="19"/>
      <c r="X314" s="19">
        <v>10</v>
      </c>
      <c r="Y314" s="19"/>
      <c r="Z314" s="19"/>
      <c r="AA314" s="19"/>
    </row>
    <row r="315" spans="1:27" s="1" customFormat="1" ht="11.1" customHeight="1" outlineLevel="2" x14ac:dyDescent="0.2">
      <c r="A315" s="17"/>
      <c r="B315" s="17"/>
      <c r="C315" s="17"/>
      <c r="D315" s="18"/>
      <c r="E315" s="18"/>
      <c r="F315" s="18"/>
      <c r="G315" s="18"/>
      <c r="H315" s="18"/>
      <c r="I315" s="18"/>
      <c r="J315" s="18"/>
      <c r="K315" s="18"/>
      <c r="L315" s="18"/>
      <c r="M315" s="18"/>
      <c r="N315" s="18"/>
      <c r="O315" s="18"/>
      <c r="P315" s="19"/>
      <c r="Q315" s="19"/>
      <c r="R315" s="19"/>
      <c r="S315" s="19"/>
      <c r="T315" s="19"/>
      <c r="U315" s="19"/>
      <c r="V315" s="19"/>
      <c r="W315" s="19"/>
      <c r="X315" s="19"/>
      <c r="Y315" s="19"/>
      <c r="Z315" s="19"/>
      <c r="AA315" s="19"/>
    </row>
    <row r="316" spans="1:27" s="1" customFormat="1" ht="11.1" customHeight="1" outlineLevel="2" x14ac:dyDescent="0.2">
      <c r="A316" s="17">
        <v>11614</v>
      </c>
      <c r="B316" s="17"/>
      <c r="C316" s="17"/>
      <c r="D316" s="18" t="s">
        <v>166</v>
      </c>
      <c r="E316" s="18"/>
      <c r="F316" s="18"/>
      <c r="G316" s="18"/>
      <c r="H316" s="18"/>
      <c r="I316" s="18"/>
      <c r="J316" s="18"/>
      <c r="K316" s="18"/>
      <c r="L316" s="18"/>
      <c r="M316" s="18"/>
      <c r="N316" s="18"/>
      <c r="O316" s="18"/>
      <c r="P316" s="19">
        <v>140</v>
      </c>
      <c r="Q316" s="19"/>
      <c r="R316" s="19"/>
      <c r="S316" s="19"/>
      <c r="T316" s="19">
        <v>100</v>
      </c>
      <c r="U316" s="19"/>
      <c r="V316" s="19"/>
      <c r="W316" s="19"/>
      <c r="X316" s="19">
        <v>11</v>
      </c>
      <c r="Y316" s="19"/>
      <c r="Z316" s="19"/>
      <c r="AA316" s="19"/>
    </row>
    <row r="317" spans="1:27" s="1" customFormat="1" ht="11.1" customHeight="1" outlineLevel="2" x14ac:dyDescent="0.2">
      <c r="A317" s="17"/>
      <c r="B317" s="17"/>
      <c r="C317" s="17"/>
      <c r="D317" s="18"/>
      <c r="E317" s="18"/>
      <c r="F317" s="18"/>
      <c r="G317" s="18"/>
      <c r="H317" s="18"/>
      <c r="I317" s="18"/>
      <c r="J317" s="18"/>
      <c r="K317" s="18"/>
      <c r="L317" s="18"/>
      <c r="M317" s="18"/>
      <c r="N317" s="18"/>
      <c r="O317" s="18"/>
      <c r="P317" s="19"/>
      <c r="Q317" s="19"/>
      <c r="R317" s="19"/>
      <c r="S317" s="19"/>
      <c r="T317" s="19"/>
      <c r="U317" s="19"/>
      <c r="V317" s="19"/>
      <c r="W317" s="19"/>
      <c r="X317" s="19"/>
      <c r="Y317" s="19"/>
      <c r="Z317" s="19"/>
      <c r="AA317" s="19"/>
    </row>
    <row r="318" spans="1:27" s="1" customFormat="1" ht="11.1" customHeight="1" outlineLevel="2" x14ac:dyDescent="0.2">
      <c r="A318" s="17">
        <v>11615</v>
      </c>
      <c r="B318" s="17"/>
      <c r="C318" s="17"/>
      <c r="D318" s="18" t="s">
        <v>167</v>
      </c>
      <c r="E318" s="18"/>
      <c r="F318" s="18"/>
      <c r="G318" s="18"/>
      <c r="H318" s="18"/>
      <c r="I318" s="18"/>
      <c r="J318" s="18"/>
      <c r="K318" s="18"/>
      <c r="L318" s="18"/>
      <c r="M318" s="18"/>
      <c r="N318" s="18"/>
      <c r="O318" s="18"/>
      <c r="P318" s="19">
        <v>140</v>
      </c>
      <c r="Q318" s="19"/>
      <c r="R318" s="19"/>
      <c r="S318" s="19"/>
      <c r="T318" s="19">
        <v>100</v>
      </c>
      <c r="U318" s="19"/>
      <c r="V318" s="19"/>
      <c r="W318" s="19"/>
      <c r="X318" s="19">
        <v>11</v>
      </c>
      <c r="Y318" s="19"/>
      <c r="Z318" s="19"/>
      <c r="AA318" s="19"/>
    </row>
    <row r="319" spans="1:27" s="1" customFormat="1" ht="11.1" customHeight="1" outlineLevel="2" x14ac:dyDescent="0.2">
      <c r="A319" s="17"/>
      <c r="B319" s="17"/>
      <c r="C319" s="17"/>
      <c r="D319" s="18"/>
      <c r="E319" s="18"/>
      <c r="F319" s="18"/>
      <c r="G319" s="18"/>
      <c r="H319" s="18"/>
      <c r="I319" s="18"/>
      <c r="J319" s="18"/>
      <c r="K319" s="18"/>
      <c r="L319" s="18"/>
      <c r="M319" s="18"/>
      <c r="N319" s="18"/>
      <c r="O319" s="18"/>
      <c r="P319" s="19"/>
      <c r="Q319" s="19"/>
      <c r="R319" s="19"/>
      <c r="S319" s="19"/>
      <c r="T319" s="19"/>
      <c r="U319" s="19"/>
      <c r="V319" s="19"/>
      <c r="W319" s="19"/>
      <c r="X319" s="19"/>
      <c r="Y319" s="19"/>
      <c r="Z319" s="19"/>
      <c r="AA319" s="19"/>
    </row>
    <row r="320" spans="1:27" s="1" customFormat="1" ht="11.1" customHeight="1" outlineLevel="2" x14ac:dyDescent="0.2">
      <c r="A320" s="17">
        <v>14617</v>
      </c>
      <c r="B320" s="17"/>
      <c r="C320" s="17"/>
      <c r="D320" s="18" t="s">
        <v>168</v>
      </c>
      <c r="E320" s="18"/>
      <c r="F320" s="18"/>
      <c r="G320" s="18"/>
      <c r="H320" s="18"/>
      <c r="I320" s="18"/>
      <c r="J320" s="18"/>
      <c r="K320" s="18"/>
      <c r="L320" s="18"/>
      <c r="M320" s="18"/>
      <c r="N320" s="18"/>
      <c r="O320" s="18"/>
      <c r="P320" s="20">
        <v>1650</v>
      </c>
      <c r="Q320" s="20"/>
      <c r="R320" s="20"/>
      <c r="S320" s="20"/>
      <c r="T320" s="20">
        <v>1450</v>
      </c>
      <c r="U320" s="20"/>
      <c r="V320" s="20"/>
      <c r="W320" s="20"/>
      <c r="X320" s="19">
        <v>1</v>
      </c>
      <c r="Y320" s="19"/>
      <c r="Z320" s="19"/>
      <c r="AA320" s="19"/>
    </row>
    <row r="321" spans="1:27" s="1" customFormat="1" ht="11.1" customHeight="1" outlineLevel="2" x14ac:dyDescent="0.2">
      <c r="A321" s="17"/>
      <c r="B321" s="17"/>
      <c r="C321" s="17"/>
      <c r="D321" s="18"/>
      <c r="E321" s="18"/>
      <c r="F321" s="18"/>
      <c r="G321" s="18"/>
      <c r="H321" s="18"/>
      <c r="I321" s="18"/>
      <c r="J321" s="18"/>
      <c r="K321" s="18"/>
      <c r="L321" s="18"/>
      <c r="M321" s="18"/>
      <c r="N321" s="18"/>
      <c r="O321" s="18"/>
      <c r="P321" s="20"/>
      <c r="Q321" s="20"/>
      <c r="R321" s="20"/>
      <c r="S321" s="20"/>
      <c r="T321" s="20"/>
      <c r="U321" s="20"/>
      <c r="V321" s="20"/>
      <c r="W321" s="20"/>
      <c r="X321" s="19"/>
      <c r="Y321" s="19"/>
      <c r="Z321" s="19"/>
      <c r="AA321" s="19"/>
    </row>
    <row r="322" spans="1:27" s="1" customFormat="1" ht="11.1" customHeight="1" outlineLevel="2" x14ac:dyDescent="0.2">
      <c r="A322" s="17">
        <v>14618</v>
      </c>
      <c r="B322" s="17"/>
      <c r="C322" s="17"/>
      <c r="D322" s="18" t="s">
        <v>169</v>
      </c>
      <c r="E322" s="18"/>
      <c r="F322" s="18"/>
      <c r="G322" s="18"/>
      <c r="H322" s="18"/>
      <c r="I322" s="18"/>
      <c r="J322" s="18"/>
      <c r="K322" s="18"/>
      <c r="L322" s="18"/>
      <c r="M322" s="18"/>
      <c r="N322" s="18"/>
      <c r="O322" s="18"/>
      <c r="P322" s="20">
        <v>1650</v>
      </c>
      <c r="Q322" s="20"/>
      <c r="R322" s="20"/>
      <c r="S322" s="20"/>
      <c r="T322" s="20">
        <v>1450</v>
      </c>
      <c r="U322" s="20"/>
      <c r="V322" s="20"/>
      <c r="W322" s="20"/>
      <c r="X322" s="19">
        <v>12</v>
      </c>
      <c r="Y322" s="19"/>
      <c r="Z322" s="19"/>
      <c r="AA322" s="19"/>
    </row>
    <row r="323" spans="1:27" s="1" customFormat="1" ht="11.1" customHeight="1" outlineLevel="2" x14ac:dyDescent="0.2">
      <c r="A323" s="17"/>
      <c r="B323" s="17"/>
      <c r="C323" s="17"/>
      <c r="D323" s="18"/>
      <c r="E323" s="18"/>
      <c r="F323" s="18"/>
      <c r="G323" s="18"/>
      <c r="H323" s="18"/>
      <c r="I323" s="18"/>
      <c r="J323" s="18"/>
      <c r="K323" s="18"/>
      <c r="L323" s="18"/>
      <c r="M323" s="18"/>
      <c r="N323" s="18"/>
      <c r="O323" s="18"/>
      <c r="P323" s="20"/>
      <c r="Q323" s="20"/>
      <c r="R323" s="20"/>
      <c r="S323" s="20"/>
      <c r="T323" s="20"/>
      <c r="U323" s="20"/>
      <c r="V323" s="20"/>
      <c r="W323" s="20"/>
      <c r="X323" s="19"/>
      <c r="Y323" s="19"/>
      <c r="Z323" s="19"/>
      <c r="AA323" s="19"/>
    </row>
    <row r="324" spans="1:27" s="1" customFormat="1" ht="11.1" customHeight="1" outlineLevel="2" x14ac:dyDescent="0.2">
      <c r="A324" s="17">
        <v>12252</v>
      </c>
      <c r="B324" s="17"/>
      <c r="C324" s="17"/>
      <c r="D324" s="18" t="s">
        <v>170</v>
      </c>
      <c r="E324" s="18"/>
      <c r="F324" s="18"/>
      <c r="G324" s="18"/>
      <c r="H324" s="18"/>
      <c r="I324" s="18"/>
      <c r="J324" s="18"/>
      <c r="K324" s="18"/>
      <c r="L324" s="18"/>
      <c r="M324" s="18"/>
      <c r="N324" s="18"/>
      <c r="O324" s="18"/>
      <c r="P324" s="20">
        <v>2700</v>
      </c>
      <c r="Q324" s="20"/>
      <c r="R324" s="20"/>
      <c r="S324" s="20"/>
      <c r="T324" s="20">
        <v>2500</v>
      </c>
      <c r="U324" s="20"/>
      <c r="V324" s="20"/>
      <c r="W324" s="20"/>
      <c r="X324" s="19">
        <v>4</v>
      </c>
      <c r="Y324" s="19"/>
      <c r="Z324" s="19"/>
      <c r="AA324" s="19"/>
    </row>
    <row r="325" spans="1:27" s="1" customFormat="1" ht="11.1" customHeight="1" outlineLevel="2" x14ac:dyDescent="0.2">
      <c r="A325" s="17"/>
      <c r="B325" s="17"/>
      <c r="C325" s="17"/>
      <c r="D325" s="18"/>
      <c r="E325" s="18"/>
      <c r="F325" s="18"/>
      <c r="G325" s="18"/>
      <c r="H325" s="18"/>
      <c r="I325" s="18"/>
      <c r="J325" s="18"/>
      <c r="K325" s="18"/>
      <c r="L325" s="18"/>
      <c r="M325" s="18"/>
      <c r="N325" s="18"/>
      <c r="O325" s="18"/>
      <c r="P325" s="20"/>
      <c r="Q325" s="20"/>
      <c r="R325" s="20"/>
      <c r="S325" s="20"/>
      <c r="T325" s="20"/>
      <c r="U325" s="20"/>
      <c r="V325" s="20"/>
      <c r="W325" s="20"/>
      <c r="X325" s="19"/>
      <c r="Y325" s="19"/>
      <c r="Z325" s="19"/>
      <c r="AA325" s="19"/>
    </row>
    <row r="326" spans="1:27" s="1" customFormat="1" ht="11.1" customHeight="1" outlineLevel="2" x14ac:dyDescent="0.2">
      <c r="A326" s="17">
        <v>14619</v>
      </c>
      <c r="B326" s="17"/>
      <c r="C326" s="17"/>
      <c r="D326" s="18" t="s">
        <v>171</v>
      </c>
      <c r="E326" s="18"/>
      <c r="F326" s="18"/>
      <c r="G326" s="18"/>
      <c r="H326" s="18"/>
      <c r="I326" s="18"/>
      <c r="J326" s="18"/>
      <c r="K326" s="18"/>
      <c r="L326" s="18"/>
      <c r="M326" s="18"/>
      <c r="N326" s="18"/>
      <c r="O326" s="18"/>
      <c r="P326" s="20">
        <v>1650</v>
      </c>
      <c r="Q326" s="20"/>
      <c r="R326" s="20"/>
      <c r="S326" s="20"/>
      <c r="T326" s="20">
        <v>1450</v>
      </c>
      <c r="U326" s="20"/>
      <c r="V326" s="20"/>
      <c r="W326" s="20"/>
      <c r="X326" s="19">
        <v>10</v>
      </c>
      <c r="Y326" s="19"/>
      <c r="Z326" s="19"/>
      <c r="AA326" s="19"/>
    </row>
    <row r="327" spans="1:27" s="1" customFormat="1" ht="11.1" customHeight="1" outlineLevel="2" x14ac:dyDescent="0.2">
      <c r="A327" s="17"/>
      <c r="B327" s="17"/>
      <c r="C327" s="17"/>
      <c r="D327" s="18"/>
      <c r="E327" s="18"/>
      <c r="F327" s="18"/>
      <c r="G327" s="18"/>
      <c r="H327" s="18"/>
      <c r="I327" s="18"/>
      <c r="J327" s="18"/>
      <c r="K327" s="18"/>
      <c r="L327" s="18"/>
      <c r="M327" s="18"/>
      <c r="N327" s="18"/>
      <c r="O327" s="18"/>
      <c r="P327" s="20"/>
      <c r="Q327" s="20"/>
      <c r="R327" s="20"/>
      <c r="S327" s="20"/>
      <c r="T327" s="20"/>
      <c r="U327" s="20"/>
      <c r="V327" s="20"/>
      <c r="W327" s="20"/>
      <c r="X327" s="19"/>
      <c r="Y327" s="19"/>
      <c r="Z327" s="19"/>
      <c r="AA327" s="19"/>
    </row>
    <row r="328" spans="1:27" s="1" customFormat="1" ht="11.1" customHeight="1" outlineLevel="2" x14ac:dyDescent="0.2">
      <c r="A328" s="17">
        <v>14620</v>
      </c>
      <c r="B328" s="17"/>
      <c r="C328" s="17"/>
      <c r="D328" s="18" t="s">
        <v>172</v>
      </c>
      <c r="E328" s="18"/>
      <c r="F328" s="18"/>
      <c r="G328" s="18"/>
      <c r="H328" s="18"/>
      <c r="I328" s="18"/>
      <c r="J328" s="18"/>
      <c r="K328" s="18"/>
      <c r="L328" s="18"/>
      <c r="M328" s="18"/>
      <c r="N328" s="18"/>
      <c r="O328" s="18"/>
      <c r="P328" s="20">
        <v>1650</v>
      </c>
      <c r="Q328" s="20"/>
      <c r="R328" s="20"/>
      <c r="S328" s="20"/>
      <c r="T328" s="20">
        <v>1450</v>
      </c>
      <c r="U328" s="20"/>
      <c r="V328" s="20"/>
      <c r="W328" s="20"/>
      <c r="X328" s="19">
        <v>12</v>
      </c>
      <c r="Y328" s="19"/>
      <c r="Z328" s="19"/>
      <c r="AA328" s="19"/>
    </row>
    <row r="329" spans="1:27" s="1" customFormat="1" ht="11.1" customHeight="1" outlineLevel="2" x14ac:dyDescent="0.2">
      <c r="A329" s="17"/>
      <c r="B329" s="17"/>
      <c r="C329" s="17"/>
      <c r="D329" s="18"/>
      <c r="E329" s="18"/>
      <c r="F329" s="18"/>
      <c r="G329" s="18"/>
      <c r="H329" s="18"/>
      <c r="I329" s="18"/>
      <c r="J329" s="18"/>
      <c r="K329" s="18"/>
      <c r="L329" s="18"/>
      <c r="M329" s="18"/>
      <c r="N329" s="18"/>
      <c r="O329" s="18"/>
      <c r="P329" s="20"/>
      <c r="Q329" s="20"/>
      <c r="R329" s="20"/>
      <c r="S329" s="20"/>
      <c r="T329" s="20"/>
      <c r="U329" s="20"/>
      <c r="V329" s="20"/>
      <c r="W329" s="20"/>
      <c r="X329" s="19"/>
      <c r="Y329" s="19"/>
      <c r="Z329" s="19"/>
      <c r="AA329" s="19"/>
    </row>
    <row r="330" spans="1:27" s="1" customFormat="1" ht="11.1" customHeight="1" outlineLevel="2" x14ac:dyDescent="0.2">
      <c r="A330" s="17">
        <v>11105</v>
      </c>
      <c r="B330" s="17"/>
      <c r="C330" s="17"/>
      <c r="D330" s="18" t="s">
        <v>173</v>
      </c>
      <c r="E330" s="18"/>
      <c r="F330" s="18"/>
      <c r="G330" s="18"/>
      <c r="H330" s="18"/>
      <c r="I330" s="18"/>
      <c r="J330" s="18"/>
      <c r="K330" s="18"/>
      <c r="L330" s="18"/>
      <c r="M330" s="18"/>
      <c r="N330" s="18"/>
      <c r="O330" s="18"/>
      <c r="P330" s="20">
        <v>2700</v>
      </c>
      <c r="Q330" s="20"/>
      <c r="R330" s="20"/>
      <c r="S330" s="20"/>
      <c r="T330" s="20">
        <v>2500</v>
      </c>
      <c r="U330" s="20"/>
      <c r="V330" s="20"/>
      <c r="W330" s="20"/>
      <c r="X330" s="19">
        <v>4</v>
      </c>
      <c r="Y330" s="19"/>
      <c r="Z330" s="19"/>
      <c r="AA330" s="19"/>
    </row>
    <row r="331" spans="1:27" s="1" customFormat="1" ht="11.1" customHeight="1" outlineLevel="2" x14ac:dyDescent="0.2">
      <c r="A331" s="17"/>
      <c r="B331" s="17"/>
      <c r="C331" s="17"/>
      <c r="D331" s="18"/>
      <c r="E331" s="18"/>
      <c r="F331" s="18"/>
      <c r="G331" s="18"/>
      <c r="H331" s="18"/>
      <c r="I331" s="18"/>
      <c r="J331" s="18"/>
      <c r="K331" s="18"/>
      <c r="L331" s="18"/>
      <c r="M331" s="18"/>
      <c r="N331" s="18"/>
      <c r="O331" s="18"/>
      <c r="P331" s="20"/>
      <c r="Q331" s="20"/>
      <c r="R331" s="20"/>
      <c r="S331" s="20"/>
      <c r="T331" s="20"/>
      <c r="U331" s="20"/>
      <c r="V331" s="20"/>
      <c r="W331" s="20"/>
      <c r="X331" s="19"/>
      <c r="Y331" s="19"/>
      <c r="Z331" s="19"/>
      <c r="AA331" s="19"/>
    </row>
    <row r="332" spans="1:27" s="1" customFormat="1" ht="14.1" customHeight="1" outlineLevel="2" x14ac:dyDescent="0.2">
      <c r="A332" s="17">
        <v>14764</v>
      </c>
      <c r="B332" s="17"/>
      <c r="C332" s="17"/>
      <c r="D332" s="18" t="s">
        <v>174</v>
      </c>
      <c r="E332" s="18"/>
      <c r="F332" s="18"/>
      <c r="G332" s="18"/>
      <c r="H332" s="18"/>
      <c r="I332" s="18"/>
      <c r="J332" s="18"/>
      <c r="K332" s="18"/>
      <c r="L332" s="18"/>
      <c r="M332" s="18"/>
      <c r="N332" s="18"/>
      <c r="O332" s="18"/>
      <c r="P332" s="20">
        <v>4000</v>
      </c>
      <c r="Q332" s="20"/>
      <c r="R332" s="20"/>
      <c r="S332" s="20"/>
      <c r="T332" s="20">
        <v>3500</v>
      </c>
      <c r="U332" s="20"/>
      <c r="V332" s="20"/>
      <c r="W332" s="20"/>
      <c r="X332" s="19">
        <v>1</v>
      </c>
      <c r="Y332" s="19"/>
      <c r="Z332" s="19"/>
      <c r="AA332" s="19"/>
    </row>
    <row r="333" spans="1:27" s="1" customFormat="1" ht="14.1" customHeight="1" outlineLevel="2" x14ac:dyDescent="0.2">
      <c r="A333" s="17"/>
      <c r="B333" s="17"/>
      <c r="C333" s="17"/>
      <c r="D333" s="18"/>
      <c r="E333" s="18"/>
      <c r="F333" s="18"/>
      <c r="G333" s="18"/>
      <c r="H333" s="18"/>
      <c r="I333" s="18"/>
      <c r="J333" s="18"/>
      <c r="K333" s="18"/>
      <c r="L333" s="18"/>
      <c r="M333" s="18"/>
      <c r="N333" s="18"/>
      <c r="O333" s="18"/>
      <c r="P333" s="20"/>
      <c r="Q333" s="20"/>
      <c r="R333" s="20"/>
      <c r="S333" s="20"/>
      <c r="T333" s="20"/>
      <c r="U333" s="20"/>
      <c r="V333" s="20"/>
      <c r="W333" s="20"/>
      <c r="X333" s="19"/>
      <c r="Y333" s="19"/>
      <c r="Z333" s="19"/>
      <c r="AA333" s="19"/>
    </row>
    <row r="334" spans="1:27" s="1" customFormat="1" ht="11.1" customHeight="1" outlineLevel="2" x14ac:dyDescent="0.2">
      <c r="A334" s="17">
        <v>18036</v>
      </c>
      <c r="B334" s="17"/>
      <c r="C334" s="17"/>
      <c r="D334" s="18" t="s">
        <v>175</v>
      </c>
      <c r="E334" s="18"/>
      <c r="F334" s="18"/>
      <c r="G334" s="18"/>
      <c r="H334" s="18"/>
      <c r="I334" s="18"/>
      <c r="J334" s="18"/>
      <c r="K334" s="18"/>
      <c r="L334" s="18"/>
      <c r="M334" s="18"/>
      <c r="N334" s="18"/>
      <c r="O334" s="18"/>
      <c r="P334" s="20">
        <v>2800</v>
      </c>
      <c r="Q334" s="20"/>
      <c r="R334" s="20"/>
      <c r="S334" s="20"/>
      <c r="T334" s="20">
        <v>2400</v>
      </c>
      <c r="U334" s="20"/>
      <c r="V334" s="20"/>
      <c r="W334" s="20"/>
      <c r="X334" s="19">
        <v>1</v>
      </c>
      <c r="Y334" s="19"/>
      <c r="Z334" s="19"/>
      <c r="AA334" s="19"/>
    </row>
    <row r="335" spans="1:27" s="1" customFormat="1" ht="11.1" customHeight="1" outlineLevel="2" x14ac:dyDescent="0.2">
      <c r="A335" s="17"/>
      <c r="B335" s="17"/>
      <c r="C335" s="17"/>
      <c r="D335" s="18"/>
      <c r="E335" s="18"/>
      <c r="F335" s="18"/>
      <c r="G335" s="18"/>
      <c r="H335" s="18"/>
      <c r="I335" s="18"/>
      <c r="J335" s="18"/>
      <c r="K335" s="18"/>
      <c r="L335" s="18"/>
      <c r="M335" s="18"/>
      <c r="N335" s="18"/>
      <c r="O335" s="18"/>
      <c r="P335" s="20"/>
      <c r="Q335" s="20"/>
      <c r="R335" s="20"/>
      <c r="S335" s="20"/>
      <c r="T335" s="20"/>
      <c r="U335" s="20"/>
      <c r="V335" s="20"/>
      <c r="W335" s="20"/>
      <c r="X335" s="19"/>
      <c r="Y335" s="19"/>
      <c r="Z335" s="19"/>
      <c r="AA335" s="19"/>
    </row>
    <row r="336" spans="1:27" s="1" customFormat="1" ht="11.1" customHeight="1" outlineLevel="2" x14ac:dyDescent="0.2">
      <c r="A336" s="17">
        <v>14621</v>
      </c>
      <c r="B336" s="17"/>
      <c r="C336" s="17"/>
      <c r="D336" s="18" t="s">
        <v>176</v>
      </c>
      <c r="E336" s="18"/>
      <c r="F336" s="18"/>
      <c r="G336" s="18"/>
      <c r="H336" s="18"/>
      <c r="I336" s="18"/>
      <c r="J336" s="18"/>
      <c r="K336" s="18"/>
      <c r="L336" s="18"/>
      <c r="M336" s="18"/>
      <c r="N336" s="18"/>
      <c r="O336" s="18"/>
      <c r="P336" s="20">
        <v>1650</v>
      </c>
      <c r="Q336" s="20"/>
      <c r="R336" s="20"/>
      <c r="S336" s="20"/>
      <c r="T336" s="20">
        <v>1450</v>
      </c>
      <c r="U336" s="20"/>
      <c r="V336" s="20"/>
      <c r="W336" s="20"/>
      <c r="X336" s="19">
        <v>8</v>
      </c>
      <c r="Y336" s="19"/>
      <c r="Z336" s="19"/>
      <c r="AA336" s="19"/>
    </row>
    <row r="337" spans="1:27" s="1" customFormat="1" ht="11.1" customHeight="1" outlineLevel="2" x14ac:dyDescent="0.2">
      <c r="A337" s="17"/>
      <c r="B337" s="17"/>
      <c r="C337" s="17"/>
      <c r="D337" s="18"/>
      <c r="E337" s="18"/>
      <c r="F337" s="18"/>
      <c r="G337" s="18"/>
      <c r="H337" s="18"/>
      <c r="I337" s="18"/>
      <c r="J337" s="18"/>
      <c r="K337" s="18"/>
      <c r="L337" s="18"/>
      <c r="M337" s="18"/>
      <c r="N337" s="18"/>
      <c r="O337" s="18"/>
      <c r="P337" s="20"/>
      <c r="Q337" s="20"/>
      <c r="R337" s="20"/>
      <c r="S337" s="20"/>
      <c r="T337" s="20"/>
      <c r="U337" s="20"/>
      <c r="V337" s="20"/>
      <c r="W337" s="20"/>
      <c r="X337" s="19"/>
      <c r="Y337" s="19"/>
      <c r="Z337" s="19"/>
      <c r="AA337" s="19"/>
    </row>
    <row r="338" spans="1:27" s="1" customFormat="1" ht="11.1" customHeight="1" outlineLevel="2" x14ac:dyDescent="0.2">
      <c r="A338" s="17">
        <v>14622</v>
      </c>
      <c r="B338" s="17"/>
      <c r="C338" s="17"/>
      <c r="D338" s="18" t="s">
        <v>177</v>
      </c>
      <c r="E338" s="18"/>
      <c r="F338" s="18"/>
      <c r="G338" s="18"/>
      <c r="H338" s="18"/>
      <c r="I338" s="18"/>
      <c r="J338" s="18"/>
      <c r="K338" s="18"/>
      <c r="L338" s="18"/>
      <c r="M338" s="18"/>
      <c r="N338" s="18"/>
      <c r="O338" s="18"/>
      <c r="P338" s="20">
        <v>1650</v>
      </c>
      <c r="Q338" s="20"/>
      <c r="R338" s="20"/>
      <c r="S338" s="20"/>
      <c r="T338" s="20">
        <v>1450</v>
      </c>
      <c r="U338" s="20"/>
      <c r="V338" s="20"/>
      <c r="W338" s="20"/>
      <c r="X338" s="19">
        <v>15</v>
      </c>
      <c r="Y338" s="19"/>
      <c r="Z338" s="19"/>
      <c r="AA338" s="19"/>
    </row>
    <row r="339" spans="1:27" s="1" customFormat="1" ht="11.1" customHeight="1" outlineLevel="2" x14ac:dyDescent="0.2">
      <c r="A339" s="17"/>
      <c r="B339" s="17"/>
      <c r="C339" s="17"/>
      <c r="D339" s="18"/>
      <c r="E339" s="18"/>
      <c r="F339" s="18"/>
      <c r="G339" s="18"/>
      <c r="H339" s="18"/>
      <c r="I339" s="18"/>
      <c r="J339" s="18"/>
      <c r="K339" s="18"/>
      <c r="L339" s="18"/>
      <c r="M339" s="18"/>
      <c r="N339" s="18"/>
      <c r="O339" s="18"/>
      <c r="P339" s="20"/>
      <c r="Q339" s="20"/>
      <c r="R339" s="20"/>
      <c r="S339" s="20"/>
      <c r="T339" s="20"/>
      <c r="U339" s="20"/>
      <c r="V339" s="20"/>
      <c r="W339" s="20"/>
      <c r="X339" s="19"/>
      <c r="Y339" s="19"/>
      <c r="Z339" s="19"/>
      <c r="AA339" s="19"/>
    </row>
    <row r="340" spans="1:27" s="1" customFormat="1" ht="14.1" customHeight="1" outlineLevel="2" x14ac:dyDescent="0.2">
      <c r="A340" s="17">
        <v>15347</v>
      </c>
      <c r="B340" s="17"/>
      <c r="C340" s="17"/>
      <c r="D340" s="18" t="s">
        <v>178</v>
      </c>
      <c r="E340" s="18"/>
      <c r="F340" s="18"/>
      <c r="G340" s="18"/>
      <c r="H340" s="18"/>
      <c r="I340" s="18"/>
      <c r="J340" s="18"/>
      <c r="K340" s="18"/>
      <c r="L340" s="18"/>
      <c r="M340" s="18"/>
      <c r="N340" s="18"/>
      <c r="O340" s="18"/>
      <c r="P340" s="20">
        <v>1400</v>
      </c>
      <c r="Q340" s="20"/>
      <c r="R340" s="20"/>
      <c r="S340" s="20"/>
      <c r="T340" s="20">
        <v>1300</v>
      </c>
      <c r="U340" s="20"/>
      <c r="V340" s="20"/>
      <c r="W340" s="20"/>
      <c r="X340" s="19">
        <v>1</v>
      </c>
      <c r="Y340" s="19"/>
      <c r="Z340" s="19"/>
      <c r="AA340" s="19"/>
    </row>
    <row r="341" spans="1:27" s="1" customFormat="1" ht="14.1" customHeight="1" outlineLevel="2" x14ac:dyDescent="0.2">
      <c r="A341" s="17"/>
      <c r="B341" s="17"/>
      <c r="C341" s="17"/>
      <c r="D341" s="18"/>
      <c r="E341" s="18"/>
      <c r="F341" s="18"/>
      <c r="G341" s="18"/>
      <c r="H341" s="18"/>
      <c r="I341" s="18"/>
      <c r="J341" s="18"/>
      <c r="K341" s="18"/>
      <c r="L341" s="18"/>
      <c r="M341" s="18"/>
      <c r="N341" s="18"/>
      <c r="O341" s="18"/>
      <c r="P341" s="20"/>
      <c r="Q341" s="20"/>
      <c r="R341" s="20"/>
      <c r="S341" s="20"/>
      <c r="T341" s="20"/>
      <c r="U341" s="20"/>
      <c r="V341" s="20"/>
      <c r="W341" s="20"/>
      <c r="X341" s="19"/>
      <c r="Y341" s="19"/>
      <c r="Z341" s="19"/>
      <c r="AA341" s="19"/>
    </row>
    <row r="342" spans="1:27" s="1" customFormat="1" ht="11.1" customHeight="1" outlineLevel="2" x14ac:dyDescent="0.2">
      <c r="A342" s="17">
        <v>11300</v>
      </c>
      <c r="B342" s="17"/>
      <c r="C342" s="17"/>
      <c r="D342" s="18" t="s">
        <v>179</v>
      </c>
      <c r="E342" s="18"/>
      <c r="F342" s="18"/>
      <c r="G342" s="18"/>
      <c r="H342" s="18"/>
      <c r="I342" s="18"/>
      <c r="J342" s="18"/>
      <c r="K342" s="18"/>
      <c r="L342" s="18"/>
      <c r="M342" s="18"/>
      <c r="N342" s="18"/>
      <c r="O342" s="18"/>
      <c r="P342" s="19">
        <v>570</v>
      </c>
      <c r="Q342" s="19"/>
      <c r="R342" s="19"/>
      <c r="S342" s="19"/>
      <c r="T342" s="19">
        <v>490</v>
      </c>
      <c r="U342" s="19"/>
      <c r="V342" s="19"/>
      <c r="W342" s="19"/>
      <c r="X342" s="19">
        <v>1</v>
      </c>
      <c r="Y342" s="19"/>
      <c r="Z342" s="19"/>
      <c r="AA342" s="19"/>
    </row>
    <row r="343" spans="1:27" s="1" customFormat="1" ht="11.1" customHeight="1" outlineLevel="2" x14ac:dyDescent="0.2">
      <c r="A343" s="17"/>
      <c r="B343" s="17"/>
      <c r="C343" s="17"/>
      <c r="D343" s="18"/>
      <c r="E343" s="18"/>
      <c r="F343" s="18"/>
      <c r="G343" s="18"/>
      <c r="H343" s="18"/>
      <c r="I343" s="18"/>
      <c r="J343" s="18"/>
      <c r="K343" s="18"/>
      <c r="L343" s="18"/>
      <c r="M343" s="18"/>
      <c r="N343" s="18"/>
      <c r="O343" s="18"/>
      <c r="P343" s="19"/>
      <c r="Q343" s="19"/>
      <c r="R343" s="19"/>
      <c r="S343" s="19"/>
      <c r="T343" s="19"/>
      <c r="U343" s="19"/>
      <c r="V343" s="19"/>
      <c r="W343" s="19"/>
      <c r="X343" s="19"/>
      <c r="Y343" s="19"/>
      <c r="Z343" s="19"/>
      <c r="AA343" s="19"/>
    </row>
    <row r="344" spans="1:27" s="1" customFormat="1" ht="14.1" customHeight="1" outlineLevel="2" x14ac:dyDescent="0.2">
      <c r="A344" s="17">
        <v>17486</v>
      </c>
      <c r="B344" s="17"/>
      <c r="C344" s="17"/>
      <c r="D344" s="18" t="s">
        <v>180</v>
      </c>
      <c r="E344" s="18"/>
      <c r="F344" s="18"/>
      <c r="G344" s="18"/>
      <c r="H344" s="18"/>
      <c r="I344" s="18"/>
      <c r="J344" s="18"/>
      <c r="K344" s="18"/>
      <c r="L344" s="18"/>
      <c r="M344" s="18"/>
      <c r="N344" s="18"/>
      <c r="O344" s="18"/>
      <c r="P344" s="20">
        <v>2050</v>
      </c>
      <c r="Q344" s="20"/>
      <c r="R344" s="20"/>
      <c r="S344" s="20"/>
      <c r="T344" s="20">
        <v>1900</v>
      </c>
      <c r="U344" s="20"/>
      <c r="V344" s="20"/>
      <c r="W344" s="20"/>
      <c r="X344" s="19">
        <v>1</v>
      </c>
      <c r="Y344" s="19"/>
      <c r="Z344" s="19"/>
      <c r="AA344" s="19"/>
    </row>
    <row r="345" spans="1:27" s="1" customFormat="1" ht="14.1" customHeight="1" outlineLevel="2" x14ac:dyDescent="0.2">
      <c r="A345" s="17"/>
      <c r="B345" s="17"/>
      <c r="C345" s="17"/>
      <c r="D345" s="18"/>
      <c r="E345" s="18"/>
      <c r="F345" s="18"/>
      <c r="G345" s="18"/>
      <c r="H345" s="18"/>
      <c r="I345" s="18"/>
      <c r="J345" s="18"/>
      <c r="K345" s="18"/>
      <c r="L345" s="18"/>
      <c r="M345" s="18"/>
      <c r="N345" s="18"/>
      <c r="O345" s="18"/>
      <c r="P345" s="20"/>
      <c r="Q345" s="20"/>
      <c r="R345" s="20"/>
      <c r="S345" s="20"/>
      <c r="T345" s="20"/>
      <c r="U345" s="20"/>
      <c r="V345" s="20"/>
      <c r="W345" s="20"/>
      <c r="X345" s="19"/>
      <c r="Y345" s="19"/>
      <c r="Z345" s="19"/>
      <c r="AA345" s="19"/>
    </row>
    <row r="346" spans="1:27" s="1" customFormat="1" ht="14.1" customHeight="1" outlineLevel="2" x14ac:dyDescent="0.2">
      <c r="A346" s="17">
        <v>15348</v>
      </c>
      <c r="B346" s="17"/>
      <c r="C346" s="17"/>
      <c r="D346" s="18" t="s">
        <v>181</v>
      </c>
      <c r="E346" s="18"/>
      <c r="F346" s="18"/>
      <c r="G346" s="18"/>
      <c r="H346" s="18"/>
      <c r="I346" s="18"/>
      <c r="J346" s="18"/>
      <c r="K346" s="18"/>
      <c r="L346" s="18"/>
      <c r="M346" s="18"/>
      <c r="N346" s="18"/>
      <c r="O346" s="18"/>
      <c r="P346" s="19">
        <v>990</v>
      </c>
      <c r="Q346" s="19"/>
      <c r="R346" s="19"/>
      <c r="S346" s="19"/>
      <c r="T346" s="19">
        <v>900</v>
      </c>
      <c r="U346" s="19"/>
      <c r="V346" s="19"/>
      <c r="W346" s="19"/>
      <c r="X346" s="19">
        <v>1</v>
      </c>
      <c r="Y346" s="19"/>
      <c r="Z346" s="19"/>
      <c r="AA346" s="19"/>
    </row>
    <row r="347" spans="1:27" s="1" customFormat="1" ht="14.1" customHeight="1" outlineLevel="2" x14ac:dyDescent="0.2">
      <c r="A347" s="17"/>
      <c r="B347" s="17"/>
      <c r="C347" s="17"/>
      <c r="D347" s="18"/>
      <c r="E347" s="18"/>
      <c r="F347" s="18"/>
      <c r="G347" s="18"/>
      <c r="H347" s="18"/>
      <c r="I347" s="18"/>
      <c r="J347" s="18"/>
      <c r="K347" s="18"/>
      <c r="L347" s="18"/>
      <c r="M347" s="18"/>
      <c r="N347" s="18"/>
      <c r="O347" s="18"/>
      <c r="P347" s="19"/>
      <c r="Q347" s="19"/>
      <c r="R347" s="19"/>
      <c r="S347" s="19"/>
      <c r="T347" s="19"/>
      <c r="U347" s="19"/>
      <c r="V347" s="19"/>
      <c r="W347" s="19"/>
      <c r="X347" s="19"/>
      <c r="Y347" s="19"/>
      <c r="Z347" s="19"/>
      <c r="AA347" s="19"/>
    </row>
    <row r="348" spans="1:27" s="1" customFormat="1" ht="11.1" customHeight="1" outlineLevel="2" x14ac:dyDescent="0.2">
      <c r="A348" s="17">
        <v>15259</v>
      </c>
      <c r="B348" s="17"/>
      <c r="C348" s="17"/>
      <c r="D348" s="18" t="s">
        <v>182</v>
      </c>
      <c r="E348" s="18"/>
      <c r="F348" s="18"/>
      <c r="G348" s="18"/>
      <c r="H348" s="18"/>
      <c r="I348" s="18"/>
      <c r="J348" s="18"/>
      <c r="K348" s="18"/>
      <c r="L348" s="18"/>
      <c r="M348" s="18"/>
      <c r="N348" s="18"/>
      <c r="O348" s="18"/>
      <c r="P348" s="19">
        <v>520</v>
      </c>
      <c r="Q348" s="19"/>
      <c r="R348" s="19"/>
      <c r="S348" s="19"/>
      <c r="T348" s="19">
        <v>450</v>
      </c>
      <c r="U348" s="19"/>
      <c r="V348" s="19"/>
      <c r="W348" s="19"/>
      <c r="X348" s="19">
        <v>2</v>
      </c>
      <c r="Y348" s="19"/>
      <c r="Z348" s="19"/>
      <c r="AA348" s="19"/>
    </row>
    <row r="349" spans="1:27" s="1" customFormat="1" ht="11.1" customHeight="1" outlineLevel="2" x14ac:dyDescent="0.2">
      <c r="A349" s="17"/>
      <c r="B349" s="17"/>
      <c r="C349" s="17"/>
      <c r="D349" s="18"/>
      <c r="E349" s="18"/>
      <c r="F349" s="18"/>
      <c r="G349" s="18"/>
      <c r="H349" s="18"/>
      <c r="I349" s="18"/>
      <c r="J349" s="18"/>
      <c r="K349" s="18"/>
      <c r="L349" s="18"/>
      <c r="M349" s="18"/>
      <c r="N349" s="18"/>
      <c r="O349" s="18"/>
      <c r="P349" s="19"/>
      <c r="Q349" s="19"/>
      <c r="R349" s="19"/>
      <c r="S349" s="19"/>
      <c r="T349" s="19"/>
      <c r="U349" s="19"/>
      <c r="V349" s="19"/>
      <c r="W349" s="19"/>
      <c r="X349" s="19"/>
      <c r="Y349" s="19"/>
      <c r="Z349" s="19"/>
      <c r="AA349" s="19"/>
    </row>
    <row r="350" spans="1:27" s="1" customFormat="1" ht="11.1" customHeight="1" outlineLevel="2" x14ac:dyDescent="0.2">
      <c r="A350" s="17">
        <v>11301</v>
      </c>
      <c r="B350" s="17"/>
      <c r="C350" s="17"/>
      <c r="D350" s="18" t="s">
        <v>183</v>
      </c>
      <c r="E350" s="18"/>
      <c r="F350" s="18"/>
      <c r="G350" s="18"/>
      <c r="H350" s="18"/>
      <c r="I350" s="18"/>
      <c r="J350" s="18"/>
      <c r="K350" s="18"/>
      <c r="L350" s="18"/>
      <c r="M350" s="18"/>
      <c r="N350" s="18"/>
      <c r="O350" s="18"/>
      <c r="P350" s="20">
        <v>1150</v>
      </c>
      <c r="Q350" s="20"/>
      <c r="R350" s="20"/>
      <c r="S350" s="20"/>
      <c r="T350" s="19">
        <v>950</v>
      </c>
      <c r="U350" s="19"/>
      <c r="V350" s="19"/>
      <c r="W350" s="19"/>
      <c r="X350" s="19">
        <v>6</v>
      </c>
      <c r="Y350" s="19"/>
      <c r="Z350" s="19"/>
      <c r="AA350" s="19"/>
    </row>
    <row r="351" spans="1:27" s="1" customFormat="1" ht="11.1" customHeight="1" outlineLevel="2" x14ac:dyDescent="0.2">
      <c r="A351" s="17"/>
      <c r="B351" s="17"/>
      <c r="C351" s="17"/>
      <c r="D351" s="18"/>
      <c r="E351" s="18"/>
      <c r="F351" s="18"/>
      <c r="G351" s="18"/>
      <c r="H351" s="18"/>
      <c r="I351" s="18"/>
      <c r="J351" s="18"/>
      <c r="K351" s="18"/>
      <c r="L351" s="18"/>
      <c r="M351" s="18"/>
      <c r="N351" s="18"/>
      <c r="O351" s="18"/>
      <c r="P351" s="20"/>
      <c r="Q351" s="20"/>
      <c r="R351" s="20"/>
      <c r="S351" s="20"/>
      <c r="T351" s="19"/>
      <c r="U351" s="19"/>
      <c r="V351" s="19"/>
      <c r="W351" s="19"/>
      <c r="X351" s="19"/>
      <c r="Y351" s="19"/>
      <c r="Z351" s="19"/>
      <c r="AA351" s="19"/>
    </row>
    <row r="352" spans="1:27" s="1" customFormat="1" ht="14.1" customHeight="1" outlineLevel="2" x14ac:dyDescent="0.2">
      <c r="A352" s="17">
        <v>14332</v>
      </c>
      <c r="B352" s="17"/>
      <c r="C352" s="17"/>
      <c r="D352" s="18" t="s">
        <v>184</v>
      </c>
      <c r="E352" s="18"/>
      <c r="F352" s="18"/>
      <c r="G352" s="18"/>
      <c r="H352" s="18"/>
      <c r="I352" s="18"/>
      <c r="J352" s="18"/>
      <c r="K352" s="18"/>
      <c r="L352" s="18"/>
      <c r="M352" s="18"/>
      <c r="N352" s="18"/>
      <c r="O352" s="18"/>
      <c r="P352" s="19">
        <v>990</v>
      </c>
      <c r="Q352" s="19"/>
      <c r="R352" s="19"/>
      <c r="S352" s="19"/>
      <c r="T352" s="19">
        <v>890</v>
      </c>
      <c r="U352" s="19"/>
      <c r="V352" s="19"/>
      <c r="W352" s="19"/>
      <c r="X352" s="19">
        <v>1</v>
      </c>
      <c r="Y352" s="19"/>
      <c r="Z352" s="19"/>
      <c r="AA352" s="19"/>
    </row>
    <row r="353" spans="1:27" s="1" customFormat="1" ht="14.1" customHeight="1" outlineLevel="2" x14ac:dyDescent="0.2">
      <c r="A353" s="17"/>
      <c r="B353" s="17"/>
      <c r="C353" s="17"/>
      <c r="D353" s="18"/>
      <c r="E353" s="18"/>
      <c r="F353" s="18"/>
      <c r="G353" s="18"/>
      <c r="H353" s="18"/>
      <c r="I353" s="18"/>
      <c r="J353" s="18"/>
      <c r="K353" s="18"/>
      <c r="L353" s="18"/>
      <c r="M353" s="18"/>
      <c r="N353" s="18"/>
      <c r="O353" s="18"/>
      <c r="P353" s="19"/>
      <c r="Q353" s="19"/>
      <c r="R353" s="19"/>
      <c r="S353" s="19"/>
      <c r="T353" s="19"/>
      <c r="U353" s="19"/>
      <c r="V353" s="19"/>
      <c r="W353" s="19"/>
      <c r="X353" s="19"/>
      <c r="Y353" s="19"/>
      <c r="Z353" s="19"/>
      <c r="AA353" s="19"/>
    </row>
    <row r="354" spans="1:27" s="1" customFormat="1" ht="11.1" customHeight="1" outlineLevel="2" x14ac:dyDescent="0.2">
      <c r="A354" s="17">
        <v>11956</v>
      </c>
      <c r="B354" s="17"/>
      <c r="C354" s="17"/>
      <c r="D354" s="18" t="s">
        <v>185</v>
      </c>
      <c r="E354" s="18"/>
      <c r="F354" s="18"/>
      <c r="G354" s="18"/>
      <c r="H354" s="18"/>
      <c r="I354" s="18"/>
      <c r="J354" s="18"/>
      <c r="K354" s="18"/>
      <c r="L354" s="18"/>
      <c r="M354" s="18"/>
      <c r="N354" s="18"/>
      <c r="O354" s="18"/>
      <c r="P354" s="19">
        <v>50</v>
      </c>
      <c r="Q354" s="19"/>
      <c r="R354" s="19"/>
      <c r="S354" s="19"/>
      <c r="T354" s="19">
        <v>20</v>
      </c>
      <c r="U354" s="19"/>
      <c r="V354" s="19"/>
      <c r="W354" s="19"/>
      <c r="X354" s="19">
        <v>763</v>
      </c>
      <c r="Y354" s="19"/>
      <c r="Z354" s="19"/>
      <c r="AA354" s="19"/>
    </row>
    <row r="355" spans="1:27" s="1" customFormat="1" ht="11.1" customHeight="1" outlineLevel="2" x14ac:dyDescent="0.2">
      <c r="A355" s="17"/>
      <c r="B355" s="17"/>
      <c r="C355" s="17"/>
      <c r="D355" s="18"/>
      <c r="E355" s="18"/>
      <c r="F355" s="18"/>
      <c r="G355" s="18"/>
      <c r="H355" s="18"/>
      <c r="I355" s="18"/>
      <c r="J355" s="18"/>
      <c r="K355" s="18"/>
      <c r="L355" s="18"/>
      <c r="M355" s="18"/>
      <c r="N355" s="18"/>
      <c r="O355" s="18"/>
      <c r="P355" s="19"/>
      <c r="Q355" s="19"/>
      <c r="R355" s="19"/>
      <c r="S355" s="19"/>
      <c r="T355" s="19"/>
      <c r="U355" s="19"/>
      <c r="V355" s="19"/>
      <c r="W355" s="19"/>
      <c r="X355" s="19"/>
      <c r="Y355" s="19"/>
      <c r="Z355" s="19"/>
      <c r="AA355" s="19"/>
    </row>
    <row r="356" spans="1:27" s="1" customFormat="1" ht="14.1" customHeight="1" outlineLevel="2" x14ac:dyDescent="0.2">
      <c r="A356" s="17">
        <v>10163</v>
      </c>
      <c r="B356" s="17"/>
      <c r="C356" s="17"/>
      <c r="D356" s="18" t="s">
        <v>186</v>
      </c>
      <c r="E356" s="18"/>
      <c r="F356" s="18"/>
      <c r="G356" s="18"/>
      <c r="H356" s="18"/>
      <c r="I356" s="18"/>
      <c r="J356" s="18"/>
      <c r="K356" s="18"/>
      <c r="L356" s="18"/>
      <c r="M356" s="18"/>
      <c r="N356" s="18"/>
      <c r="O356" s="18"/>
      <c r="P356" s="19">
        <v>300</v>
      </c>
      <c r="Q356" s="19"/>
      <c r="R356" s="19"/>
      <c r="S356" s="19"/>
      <c r="T356" s="19">
        <v>230</v>
      </c>
      <c r="U356" s="19"/>
      <c r="V356" s="19"/>
      <c r="W356" s="19"/>
      <c r="X356" s="19">
        <v>21</v>
      </c>
      <c r="Y356" s="19"/>
      <c r="Z356" s="19"/>
      <c r="AA356" s="19"/>
    </row>
    <row r="357" spans="1:27" s="1" customFormat="1" ht="14.1" customHeight="1" outlineLevel="2" x14ac:dyDescent="0.2">
      <c r="A357" s="17"/>
      <c r="B357" s="17"/>
      <c r="C357" s="17"/>
      <c r="D357" s="18"/>
      <c r="E357" s="18"/>
      <c r="F357" s="18"/>
      <c r="G357" s="18"/>
      <c r="H357" s="18"/>
      <c r="I357" s="18"/>
      <c r="J357" s="18"/>
      <c r="K357" s="18"/>
      <c r="L357" s="18"/>
      <c r="M357" s="18"/>
      <c r="N357" s="18"/>
      <c r="O357" s="18"/>
      <c r="P357" s="19"/>
      <c r="Q357" s="19"/>
      <c r="R357" s="19"/>
      <c r="S357" s="19"/>
      <c r="T357" s="19"/>
      <c r="U357" s="19"/>
      <c r="V357" s="19"/>
      <c r="W357" s="19"/>
      <c r="X357" s="19"/>
      <c r="Y357" s="19"/>
      <c r="Z357" s="19"/>
      <c r="AA357" s="19"/>
    </row>
    <row r="358" spans="1:27" s="1" customFormat="1" ht="11.1" customHeight="1" outlineLevel="2" x14ac:dyDescent="0.2">
      <c r="A358" s="17">
        <v>9728</v>
      </c>
      <c r="B358" s="17"/>
      <c r="C358" s="17"/>
      <c r="D358" s="18" t="s">
        <v>187</v>
      </c>
      <c r="E358" s="18"/>
      <c r="F358" s="18"/>
      <c r="G358" s="18"/>
      <c r="H358" s="18"/>
      <c r="I358" s="18"/>
      <c r="J358" s="18"/>
      <c r="K358" s="18"/>
      <c r="L358" s="18"/>
      <c r="M358" s="18"/>
      <c r="N358" s="18"/>
      <c r="O358" s="18"/>
      <c r="P358" s="19">
        <v>170</v>
      </c>
      <c r="Q358" s="19"/>
      <c r="R358" s="19"/>
      <c r="S358" s="19"/>
      <c r="T358" s="19">
        <v>120</v>
      </c>
      <c r="U358" s="19"/>
      <c r="V358" s="19"/>
      <c r="W358" s="19"/>
      <c r="X358" s="19">
        <v>31</v>
      </c>
      <c r="Y358" s="19"/>
      <c r="Z358" s="19"/>
      <c r="AA358" s="19"/>
    </row>
    <row r="359" spans="1:27" s="1" customFormat="1" ht="11.1" customHeight="1" outlineLevel="2" x14ac:dyDescent="0.2">
      <c r="A359" s="17"/>
      <c r="B359" s="17"/>
      <c r="C359" s="17"/>
      <c r="D359" s="18"/>
      <c r="E359" s="18"/>
      <c r="F359" s="18"/>
      <c r="G359" s="18"/>
      <c r="H359" s="18"/>
      <c r="I359" s="18"/>
      <c r="J359" s="18"/>
      <c r="K359" s="18"/>
      <c r="L359" s="18"/>
      <c r="M359" s="18"/>
      <c r="N359" s="18"/>
      <c r="O359" s="18"/>
      <c r="P359" s="19"/>
      <c r="Q359" s="19"/>
      <c r="R359" s="19"/>
      <c r="S359" s="19"/>
      <c r="T359" s="19"/>
      <c r="U359" s="19"/>
      <c r="V359" s="19"/>
      <c r="W359" s="19"/>
      <c r="X359" s="19"/>
      <c r="Y359" s="19"/>
      <c r="Z359" s="19"/>
      <c r="AA359" s="19"/>
    </row>
    <row r="360" spans="1:27" s="1" customFormat="1" ht="11.1" customHeight="1" outlineLevel="2" x14ac:dyDescent="0.2">
      <c r="A360" s="17">
        <v>11857</v>
      </c>
      <c r="B360" s="17"/>
      <c r="C360" s="17"/>
      <c r="D360" s="18" t="s">
        <v>188</v>
      </c>
      <c r="E360" s="18"/>
      <c r="F360" s="18"/>
      <c r="G360" s="18"/>
      <c r="H360" s="18"/>
      <c r="I360" s="18"/>
      <c r="J360" s="18"/>
      <c r="K360" s="18"/>
      <c r="L360" s="18"/>
      <c r="M360" s="18"/>
      <c r="N360" s="18"/>
      <c r="O360" s="18"/>
      <c r="P360" s="20">
        <v>1070</v>
      </c>
      <c r="Q360" s="20"/>
      <c r="R360" s="20"/>
      <c r="S360" s="20"/>
      <c r="T360" s="19">
        <v>980</v>
      </c>
      <c r="U360" s="19"/>
      <c r="V360" s="19"/>
      <c r="W360" s="19"/>
      <c r="X360" s="19">
        <v>19</v>
      </c>
      <c r="Y360" s="19"/>
      <c r="Z360" s="19"/>
      <c r="AA360" s="19"/>
    </row>
    <row r="361" spans="1:27" s="1" customFormat="1" ht="11.1" customHeight="1" outlineLevel="2" x14ac:dyDescent="0.2">
      <c r="A361" s="17"/>
      <c r="B361" s="17"/>
      <c r="C361" s="17"/>
      <c r="D361" s="18"/>
      <c r="E361" s="18"/>
      <c r="F361" s="18"/>
      <c r="G361" s="18"/>
      <c r="H361" s="18"/>
      <c r="I361" s="18"/>
      <c r="J361" s="18"/>
      <c r="K361" s="18"/>
      <c r="L361" s="18"/>
      <c r="M361" s="18"/>
      <c r="N361" s="18"/>
      <c r="O361" s="18"/>
      <c r="P361" s="20"/>
      <c r="Q361" s="20"/>
      <c r="R361" s="20"/>
      <c r="S361" s="20"/>
      <c r="T361" s="19"/>
      <c r="U361" s="19"/>
      <c r="V361" s="19"/>
      <c r="W361" s="19"/>
      <c r="X361" s="19"/>
      <c r="Y361" s="19"/>
      <c r="Z361" s="19"/>
      <c r="AA361" s="19"/>
    </row>
    <row r="362" spans="1:27" s="1" customFormat="1" ht="14.1" customHeight="1" outlineLevel="2" x14ac:dyDescent="0.2">
      <c r="A362" s="17">
        <v>13541</v>
      </c>
      <c r="B362" s="17"/>
      <c r="C362" s="17"/>
      <c r="D362" s="18" t="s">
        <v>189</v>
      </c>
      <c r="E362" s="18"/>
      <c r="F362" s="18"/>
      <c r="G362" s="18"/>
      <c r="H362" s="18"/>
      <c r="I362" s="18"/>
      <c r="J362" s="18"/>
      <c r="K362" s="18"/>
      <c r="L362" s="18"/>
      <c r="M362" s="18"/>
      <c r="N362" s="18"/>
      <c r="O362" s="18"/>
      <c r="P362" s="19">
        <v>850</v>
      </c>
      <c r="Q362" s="19"/>
      <c r="R362" s="19"/>
      <c r="S362" s="19"/>
      <c r="T362" s="19">
        <v>690</v>
      </c>
      <c r="U362" s="19"/>
      <c r="V362" s="19"/>
      <c r="W362" s="19"/>
      <c r="X362" s="19">
        <v>17</v>
      </c>
      <c r="Y362" s="19"/>
      <c r="Z362" s="19"/>
      <c r="AA362" s="19"/>
    </row>
    <row r="363" spans="1:27" s="1" customFormat="1" ht="14.1" customHeight="1" outlineLevel="2" x14ac:dyDescent="0.2">
      <c r="A363" s="17"/>
      <c r="B363" s="17"/>
      <c r="C363" s="17"/>
      <c r="D363" s="18"/>
      <c r="E363" s="18"/>
      <c r="F363" s="18"/>
      <c r="G363" s="18"/>
      <c r="H363" s="18"/>
      <c r="I363" s="18"/>
      <c r="J363" s="18"/>
      <c r="K363" s="18"/>
      <c r="L363" s="18"/>
      <c r="M363" s="18"/>
      <c r="N363" s="18"/>
      <c r="O363" s="18"/>
      <c r="P363" s="19"/>
      <c r="Q363" s="19"/>
      <c r="R363" s="19"/>
      <c r="S363" s="19"/>
      <c r="T363" s="19"/>
      <c r="U363" s="19"/>
      <c r="V363" s="19"/>
      <c r="W363" s="19"/>
      <c r="X363" s="19"/>
      <c r="Y363" s="19"/>
      <c r="Z363" s="19"/>
      <c r="AA363" s="19"/>
    </row>
    <row r="364" spans="1:27" s="1" customFormat="1" ht="14.1" customHeight="1" outlineLevel="2" x14ac:dyDescent="0.2">
      <c r="A364" s="17">
        <v>13542</v>
      </c>
      <c r="B364" s="17"/>
      <c r="C364" s="17"/>
      <c r="D364" s="18" t="s">
        <v>190</v>
      </c>
      <c r="E364" s="18"/>
      <c r="F364" s="18"/>
      <c r="G364" s="18"/>
      <c r="H364" s="18"/>
      <c r="I364" s="18"/>
      <c r="J364" s="18"/>
      <c r="K364" s="18"/>
      <c r="L364" s="18"/>
      <c r="M364" s="18"/>
      <c r="N364" s="18"/>
      <c r="O364" s="18"/>
      <c r="P364" s="20">
        <v>1000</v>
      </c>
      <c r="Q364" s="20"/>
      <c r="R364" s="20"/>
      <c r="S364" s="20"/>
      <c r="T364" s="19">
        <v>800</v>
      </c>
      <c r="U364" s="19"/>
      <c r="V364" s="19"/>
      <c r="W364" s="19"/>
      <c r="X364" s="19">
        <v>16</v>
      </c>
      <c r="Y364" s="19"/>
      <c r="Z364" s="19"/>
      <c r="AA364" s="19"/>
    </row>
    <row r="365" spans="1:27" s="1" customFormat="1" ht="14.1" customHeight="1" outlineLevel="2" x14ac:dyDescent="0.2">
      <c r="A365" s="17"/>
      <c r="B365" s="17"/>
      <c r="C365" s="17"/>
      <c r="D365" s="18"/>
      <c r="E365" s="18"/>
      <c r="F365" s="18"/>
      <c r="G365" s="18"/>
      <c r="H365" s="18"/>
      <c r="I365" s="18"/>
      <c r="J365" s="18"/>
      <c r="K365" s="18"/>
      <c r="L365" s="18"/>
      <c r="M365" s="18"/>
      <c r="N365" s="18"/>
      <c r="O365" s="18"/>
      <c r="P365" s="20"/>
      <c r="Q365" s="20"/>
      <c r="R365" s="20"/>
      <c r="S365" s="20"/>
      <c r="T365" s="19"/>
      <c r="U365" s="19"/>
      <c r="V365" s="19"/>
      <c r="W365" s="19"/>
      <c r="X365" s="19"/>
      <c r="Y365" s="19"/>
      <c r="Z365" s="19"/>
      <c r="AA365" s="19"/>
    </row>
    <row r="366" spans="1:27" s="1" customFormat="1" ht="14.1" customHeight="1" outlineLevel="2" x14ac:dyDescent="0.2">
      <c r="A366" s="17">
        <v>10167</v>
      </c>
      <c r="B366" s="17"/>
      <c r="C366" s="17"/>
      <c r="D366" s="18" t="s">
        <v>191</v>
      </c>
      <c r="E366" s="18"/>
      <c r="F366" s="18"/>
      <c r="G366" s="18"/>
      <c r="H366" s="18"/>
      <c r="I366" s="18"/>
      <c r="J366" s="18"/>
      <c r="K366" s="18"/>
      <c r="L366" s="18"/>
      <c r="M366" s="18"/>
      <c r="N366" s="18"/>
      <c r="O366" s="18"/>
      <c r="P366" s="20">
        <v>1480</v>
      </c>
      <c r="Q366" s="20"/>
      <c r="R366" s="20"/>
      <c r="S366" s="20"/>
      <c r="T366" s="20">
        <v>1330</v>
      </c>
      <c r="U366" s="20"/>
      <c r="V366" s="20"/>
      <c r="W366" s="20"/>
      <c r="X366" s="19">
        <v>2</v>
      </c>
      <c r="Y366" s="19"/>
      <c r="Z366" s="19"/>
      <c r="AA366" s="19"/>
    </row>
    <row r="367" spans="1:27" s="1" customFormat="1" ht="14.1" customHeight="1" outlineLevel="2" x14ac:dyDescent="0.2">
      <c r="A367" s="17"/>
      <c r="B367" s="17"/>
      <c r="C367" s="17"/>
      <c r="D367" s="18"/>
      <c r="E367" s="18"/>
      <c r="F367" s="18"/>
      <c r="G367" s="18"/>
      <c r="H367" s="18"/>
      <c r="I367" s="18"/>
      <c r="J367" s="18"/>
      <c r="K367" s="18"/>
      <c r="L367" s="18"/>
      <c r="M367" s="18"/>
      <c r="N367" s="18"/>
      <c r="O367" s="18"/>
      <c r="P367" s="20"/>
      <c r="Q367" s="20"/>
      <c r="R367" s="20"/>
      <c r="S367" s="20"/>
      <c r="T367" s="20"/>
      <c r="U367" s="20"/>
      <c r="V367" s="20"/>
      <c r="W367" s="20"/>
      <c r="X367" s="19"/>
      <c r="Y367" s="19"/>
      <c r="Z367" s="19"/>
      <c r="AA367" s="19"/>
    </row>
    <row r="368" spans="1:27" s="1" customFormat="1" ht="11.1" customHeight="1" outlineLevel="2" x14ac:dyDescent="0.2">
      <c r="A368" s="17">
        <v>15350</v>
      </c>
      <c r="B368" s="17"/>
      <c r="C368" s="17"/>
      <c r="D368" s="18" t="s">
        <v>192</v>
      </c>
      <c r="E368" s="18"/>
      <c r="F368" s="18"/>
      <c r="G368" s="18"/>
      <c r="H368" s="18"/>
      <c r="I368" s="18"/>
      <c r="J368" s="18"/>
      <c r="K368" s="18"/>
      <c r="L368" s="18"/>
      <c r="M368" s="18"/>
      <c r="N368" s="18"/>
      <c r="O368" s="18"/>
      <c r="P368" s="19">
        <v>250</v>
      </c>
      <c r="Q368" s="19"/>
      <c r="R368" s="19"/>
      <c r="S368" s="19"/>
      <c r="T368" s="19">
        <v>200</v>
      </c>
      <c r="U368" s="19"/>
      <c r="V368" s="19"/>
      <c r="W368" s="19"/>
      <c r="X368" s="19">
        <v>8</v>
      </c>
      <c r="Y368" s="19"/>
      <c r="Z368" s="19"/>
      <c r="AA368" s="19"/>
    </row>
    <row r="369" spans="1:27" s="1" customFormat="1" ht="11.1" customHeight="1" outlineLevel="2" x14ac:dyDescent="0.2">
      <c r="A369" s="17"/>
      <c r="B369" s="17"/>
      <c r="C369" s="17"/>
      <c r="D369" s="18"/>
      <c r="E369" s="18"/>
      <c r="F369" s="18"/>
      <c r="G369" s="18"/>
      <c r="H369" s="18"/>
      <c r="I369" s="18"/>
      <c r="J369" s="18"/>
      <c r="K369" s="18"/>
      <c r="L369" s="18"/>
      <c r="M369" s="18"/>
      <c r="N369" s="18"/>
      <c r="O369" s="18"/>
      <c r="P369" s="19"/>
      <c r="Q369" s="19"/>
      <c r="R369" s="19"/>
      <c r="S369" s="19"/>
      <c r="T369" s="19"/>
      <c r="U369" s="19"/>
      <c r="V369" s="19"/>
      <c r="W369" s="19"/>
      <c r="X369" s="19"/>
      <c r="Y369" s="19"/>
      <c r="Z369" s="19"/>
      <c r="AA369" s="19"/>
    </row>
    <row r="370" spans="1:27" s="1" customFormat="1" ht="14.1" customHeight="1" outlineLevel="2" x14ac:dyDescent="0.2">
      <c r="A370" s="17">
        <v>17349</v>
      </c>
      <c r="B370" s="17"/>
      <c r="C370" s="17"/>
      <c r="D370" s="18" t="s">
        <v>193</v>
      </c>
      <c r="E370" s="18"/>
      <c r="F370" s="18"/>
      <c r="G370" s="18"/>
      <c r="H370" s="18"/>
      <c r="I370" s="18"/>
      <c r="J370" s="18"/>
      <c r="K370" s="18"/>
      <c r="L370" s="18"/>
      <c r="M370" s="18"/>
      <c r="N370" s="18"/>
      <c r="O370" s="18"/>
      <c r="P370" s="19">
        <v>300</v>
      </c>
      <c r="Q370" s="19"/>
      <c r="R370" s="19"/>
      <c r="S370" s="19"/>
      <c r="T370" s="19">
        <v>250</v>
      </c>
      <c r="U370" s="19"/>
      <c r="V370" s="19"/>
      <c r="W370" s="19"/>
      <c r="X370" s="19">
        <v>10</v>
      </c>
      <c r="Y370" s="19"/>
      <c r="Z370" s="19"/>
      <c r="AA370" s="19"/>
    </row>
    <row r="371" spans="1:27" s="1" customFormat="1" ht="14.1" customHeight="1" outlineLevel="2" x14ac:dyDescent="0.2">
      <c r="A371" s="17"/>
      <c r="B371" s="17"/>
      <c r="C371" s="17"/>
      <c r="D371" s="18"/>
      <c r="E371" s="18"/>
      <c r="F371" s="18"/>
      <c r="G371" s="18"/>
      <c r="H371" s="18"/>
      <c r="I371" s="18"/>
      <c r="J371" s="18"/>
      <c r="K371" s="18"/>
      <c r="L371" s="18"/>
      <c r="M371" s="18"/>
      <c r="N371" s="18"/>
      <c r="O371" s="18"/>
      <c r="P371" s="19"/>
      <c r="Q371" s="19"/>
      <c r="R371" s="19"/>
      <c r="S371" s="19"/>
      <c r="T371" s="19"/>
      <c r="U371" s="19"/>
      <c r="V371" s="19"/>
      <c r="W371" s="19"/>
      <c r="X371" s="19"/>
      <c r="Y371" s="19"/>
      <c r="Z371" s="19"/>
      <c r="AA371" s="19"/>
    </row>
    <row r="372" spans="1:27" s="1" customFormat="1" ht="14.1" customHeight="1" outlineLevel="2" x14ac:dyDescent="0.2">
      <c r="A372" s="17">
        <v>15349</v>
      </c>
      <c r="B372" s="17"/>
      <c r="C372" s="17"/>
      <c r="D372" s="18" t="s">
        <v>194</v>
      </c>
      <c r="E372" s="18"/>
      <c r="F372" s="18"/>
      <c r="G372" s="18"/>
      <c r="H372" s="18"/>
      <c r="I372" s="18"/>
      <c r="J372" s="18"/>
      <c r="K372" s="18"/>
      <c r="L372" s="18"/>
      <c r="M372" s="18"/>
      <c r="N372" s="18"/>
      <c r="O372" s="18"/>
      <c r="P372" s="19">
        <v>360</v>
      </c>
      <c r="Q372" s="19"/>
      <c r="R372" s="19"/>
      <c r="S372" s="19"/>
      <c r="T372" s="19">
        <v>300</v>
      </c>
      <c r="U372" s="19"/>
      <c r="V372" s="19"/>
      <c r="W372" s="19"/>
      <c r="X372" s="19">
        <v>4</v>
      </c>
      <c r="Y372" s="19"/>
      <c r="Z372" s="19"/>
      <c r="AA372" s="19"/>
    </row>
    <row r="373" spans="1:27" s="1" customFormat="1" ht="14.1" customHeight="1" outlineLevel="2" x14ac:dyDescent="0.2">
      <c r="A373" s="17"/>
      <c r="B373" s="17"/>
      <c r="C373" s="17"/>
      <c r="D373" s="18"/>
      <c r="E373" s="18"/>
      <c r="F373" s="18"/>
      <c r="G373" s="18"/>
      <c r="H373" s="18"/>
      <c r="I373" s="18"/>
      <c r="J373" s="18"/>
      <c r="K373" s="18"/>
      <c r="L373" s="18"/>
      <c r="M373" s="18"/>
      <c r="N373" s="18"/>
      <c r="O373" s="18"/>
      <c r="P373" s="19"/>
      <c r="Q373" s="19"/>
      <c r="R373" s="19"/>
      <c r="S373" s="19"/>
      <c r="T373" s="19"/>
      <c r="U373" s="19"/>
      <c r="V373" s="19"/>
      <c r="W373" s="19"/>
      <c r="X373" s="19"/>
      <c r="Y373" s="19"/>
      <c r="Z373" s="19"/>
      <c r="AA373" s="19"/>
    </row>
    <row r="374" spans="1:27" s="1" customFormat="1" ht="14.1" customHeight="1" outlineLevel="2" x14ac:dyDescent="0.2">
      <c r="A374" s="17">
        <v>11516</v>
      </c>
      <c r="B374" s="17"/>
      <c r="C374" s="17"/>
      <c r="D374" s="18" t="s">
        <v>195</v>
      </c>
      <c r="E374" s="18"/>
      <c r="F374" s="18"/>
      <c r="G374" s="18"/>
      <c r="H374" s="18"/>
      <c r="I374" s="18"/>
      <c r="J374" s="18"/>
      <c r="K374" s="18"/>
      <c r="L374" s="18"/>
      <c r="M374" s="18"/>
      <c r="N374" s="18"/>
      <c r="O374" s="18"/>
      <c r="P374" s="20">
        <v>1000</v>
      </c>
      <c r="Q374" s="20"/>
      <c r="R374" s="20"/>
      <c r="S374" s="20"/>
      <c r="T374" s="19">
        <v>900</v>
      </c>
      <c r="U374" s="19"/>
      <c r="V374" s="19"/>
      <c r="W374" s="19"/>
      <c r="X374" s="19">
        <v>13</v>
      </c>
      <c r="Y374" s="19"/>
      <c r="Z374" s="19"/>
      <c r="AA374" s="19"/>
    </row>
    <row r="375" spans="1:27" s="1" customFormat="1" ht="14.1" customHeight="1" outlineLevel="2" x14ac:dyDescent="0.2">
      <c r="A375" s="17"/>
      <c r="B375" s="17"/>
      <c r="C375" s="17"/>
      <c r="D375" s="18"/>
      <c r="E375" s="18"/>
      <c r="F375" s="18"/>
      <c r="G375" s="18"/>
      <c r="H375" s="18"/>
      <c r="I375" s="18"/>
      <c r="J375" s="18"/>
      <c r="K375" s="18"/>
      <c r="L375" s="18"/>
      <c r="M375" s="18"/>
      <c r="N375" s="18"/>
      <c r="O375" s="18"/>
      <c r="P375" s="20"/>
      <c r="Q375" s="20"/>
      <c r="R375" s="20"/>
      <c r="S375" s="20"/>
      <c r="T375" s="19"/>
      <c r="U375" s="19"/>
      <c r="V375" s="19"/>
      <c r="W375" s="19"/>
      <c r="X375" s="19"/>
      <c r="Y375" s="19"/>
      <c r="Z375" s="19"/>
      <c r="AA375" s="19"/>
    </row>
    <row r="376" spans="1:27" s="1" customFormat="1" ht="14.1" customHeight="1" outlineLevel="2" x14ac:dyDescent="0.2">
      <c r="A376" s="17">
        <v>14959</v>
      </c>
      <c r="B376" s="17"/>
      <c r="C376" s="17"/>
      <c r="D376" s="18" t="s">
        <v>196</v>
      </c>
      <c r="E376" s="18"/>
      <c r="F376" s="18"/>
      <c r="G376" s="18"/>
      <c r="H376" s="18"/>
      <c r="I376" s="18"/>
      <c r="J376" s="18"/>
      <c r="K376" s="18"/>
      <c r="L376" s="18"/>
      <c r="M376" s="18"/>
      <c r="N376" s="18"/>
      <c r="O376" s="18"/>
      <c r="P376" s="19">
        <v>990</v>
      </c>
      <c r="Q376" s="19"/>
      <c r="R376" s="19"/>
      <c r="S376" s="19"/>
      <c r="T376" s="19">
        <v>790</v>
      </c>
      <c r="U376" s="19"/>
      <c r="V376" s="19"/>
      <c r="W376" s="19"/>
      <c r="X376" s="19">
        <v>22</v>
      </c>
      <c r="Y376" s="19"/>
      <c r="Z376" s="19"/>
      <c r="AA376" s="19"/>
    </row>
    <row r="377" spans="1:27" s="1" customFormat="1" ht="14.1" customHeight="1" outlineLevel="2" x14ac:dyDescent="0.2">
      <c r="A377" s="17"/>
      <c r="B377" s="17"/>
      <c r="C377" s="17"/>
      <c r="D377" s="18"/>
      <c r="E377" s="18"/>
      <c r="F377" s="18"/>
      <c r="G377" s="18"/>
      <c r="H377" s="18"/>
      <c r="I377" s="18"/>
      <c r="J377" s="18"/>
      <c r="K377" s="18"/>
      <c r="L377" s="18"/>
      <c r="M377" s="18"/>
      <c r="N377" s="18"/>
      <c r="O377" s="18"/>
      <c r="P377" s="19"/>
      <c r="Q377" s="19"/>
      <c r="R377" s="19"/>
      <c r="S377" s="19"/>
      <c r="T377" s="19"/>
      <c r="U377" s="19"/>
      <c r="V377" s="19"/>
      <c r="W377" s="19"/>
      <c r="X377" s="19"/>
      <c r="Y377" s="19"/>
      <c r="Z377" s="19"/>
      <c r="AA377" s="19"/>
    </row>
    <row r="378" spans="1:27" s="1" customFormat="1" ht="11.1" customHeight="1" outlineLevel="1" x14ac:dyDescent="0.2">
      <c r="A378" s="16" t="s">
        <v>197</v>
      </c>
      <c r="B378" s="16"/>
      <c r="C378" s="16"/>
      <c r="D378" s="16"/>
      <c r="E378" s="16"/>
      <c r="F378" s="16"/>
      <c r="G378" s="16"/>
      <c r="H378" s="16"/>
      <c r="I378" s="16"/>
      <c r="J378" s="16"/>
      <c r="K378" s="16"/>
      <c r="L378" s="16"/>
      <c r="M378" s="16"/>
      <c r="N378" s="16"/>
      <c r="O378" s="16"/>
      <c r="P378" s="16"/>
      <c r="Q378" s="16"/>
      <c r="R378" s="16"/>
      <c r="S378" s="16"/>
      <c r="T378" s="16"/>
      <c r="U378" s="16"/>
      <c r="V378" s="16"/>
      <c r="W378" s="16"/>
      <c r="X378" s="16"/>
      <c r="Y378" s="16"/>
      <c r="Z378" s="16"/>
      <c r="AA378" s="16"/>
    </row>
    <row r="379" spans="1:27" s="1" customFormat="1" ht="11.1" customHeight="1" outlineLevel="1" x14ac:dyDescent="0.2">
      <c r="A379" s="16"/>
      <c r="B379" s="16"/>
      <c r="C379" s="16"/>
      <c r="D379" s="16"/>
      <c r="E379" s="16"/>
      <c r="F379" s="16"/>
      <c r="G379" s="16"/>
      <c r="H379" s="16"/>
      <c r="I379" s="16"/>
      <c r="J379" s="16"/>
      <c r="K379" s="16"/>
      <c r="L379" s="16"/>
      <c r="M379" s="16"/>
      <c r="N379" s="16"/>
      <c r="O379" s="16"/>
      <c r="P379" s="16"/>
      <c r="Q379" s="16"/>
      <c r="R379" s="16"/>
      <c r="S379" s="16"/>
      <c r="T379" s="16"/>
      <c r="U379" s="16"/>
      <c r="V379" s="16"/>
      <c r="W379" s="16"/>
      <c r="X379" s="16"/>
      <c r="Y379" s="16"/>
      <c r="Z379" s="16"/>
      <c r="AA379" s="16"/>
    </row>
    <row r="380" spans="1:27" s="1" customFormat="1" ht="11.1" customHeight="1" outlineLevel="2" x14ac:dyDescent="0.2">
      <c r="A380" s="17">
        <v>16376</v>
      </c>
      <c r="B380" s="17"/>
      <c r="C380" s="17"/>
      <c r="D380" s="18" t="s">
        <v>198</v>
      </c>
      <c r="E380" s="18"/>
      <c r="F380" s="18"/>
      <c r="G380" s="18"/>
      <c r="H380" s="18"/>
      <c r="I380" s="18"/>
      <c r="J380" s="18"/>
      <c r="K380" s="18"/>
      <c r="L380" s="18"/>
      <c r="M380" s="18"/>
      <c r="N380" s="18"/>
      <c r="O380" s="18"/>
      <c r="P380" s="20">
        <v>1000</v>
      </c>
      <c r="Q380" s="20"/>
      <c r="R380" s="20"/>
      <c r="S380" s="20"/>
      <c r="T380" s="19">
        <v>850</v>
      </c>
      <c r="U380" s="19"/>
      <c r="V380" s="19"/>
      <c r="W380" s="19"/>
      <c r="X380" s="19">
        <v>22</v>
      </c>
      <c r="Y380" s="19"/>
      <c r="Z380" s="19"/>
      <c r="AA380" s="19"/>
    </row>
    <row r="381" spans="1:27" s="1" customFormat="1" ht="11.1" customHeight="1" outlineLevel="2" x14ac:dyDescent="0.2">
      <c r="A381" s="17"/>
      <c r="B381" s="17"/>
      <c r="C381" s="17"/>
      <c r="D381" s="18"/>
      <c r="E381" s="18"/>
      <c r="F381" s="18"/>
      <c r="G381" s="18"/>
      <c r="H381" s="18"/>
      <c r="I381" s="18"/>
      <c r="J381" s="18"/>
      <c r="K381" s="18"/>
      <c r="L381" s="18"/>
      <c r="M381" s="18"/>
      <c r="N381" s="18"/>
      <c r="O381" s="18"/>
      <c r="P381" s="20"/>
      <c r="Q381" s="20"/>
      <c r="R381" s="20"/>
      <c r="S381" s="20"/>
      <c r="T381" s="19"/>
      <c r="U381" s="19"/>
      <c r="V381" s="19"/>
      <c r="W381" s="19"/>
      <c r="X381" s="19"/>
      <c r="Y381" s="19"/>
      <c r="Z381" s="19"/>
      <c r="AA381" s="19"/>
    </row>
    <row r="382" spans="1:27" s="1" customFormat="1" ht="11.1" customHeight="1" outlineLevel="2" x14ac:dyDescent="0.2">
      <c r="A382" s="17">
        <v>12492</v>
      </c>
      <c r="B382" s="17"/>
      <c r="C382" s="17"/>
      <c r="D382" s="18" t="s">
        <v>199</v>
      </c>
      <c r="E382" s="18"/>
      <c r="F382" s="18"/>
      <c r="G382" s="18"/>
      <c r="H382" s="18"/>
      <c r="I382" s="18"/>
      <c r="J382" s="18"/>
      <c r="K382" s="18"/>
      <c r="L382" s="18"/>
      <c r="M382" s="18"/>
      <c r="N382" s="18"/>
      <c r="O382" s="18"/>
      <c r="P382" s="20">
        <v>1650</v>
      </c>
      <c r="Q382" s="20"/>
      <c r="R382" s="20"/>
      <c r="S382" s="20"/>
      <c r="T382" s="20">
        <v>1500</v>
      </c>
      <c r="U382" s="20"/>
      <c r="V382" s="20"/>
      <c r="W382" s="20"/>
      <c r="X382" s="19">
        <v>11</v>
      </c>
      <c r="Y382" s="19"/>
      <c r="Z382" s="19"/>
      <c r="AA382" s="19"/>
    </row>
    <row r="383" spans="1:27" s="1" customFormat="1" ht="11.1" customHeight="1" outlineLevel="2" x14ac:dyDescent="0.2">
      <c r="A383" s="17"/>
      <c r="B383" s="17"/>
      <c r="C383" s="17"/>
      <c r="D383" s="18"/>
      <c r="E383" s="18"/>
      <c r="F383" s="18"/>
      <c r="G383" s="18"/>
      <c r="H383" s="18"/>
      <c r="I383" s="18"/>
      <c r="J383" s="18"/>
      <c r="K383" s="18"/>
      <c r="L383" s="18"/>
      <c r="M383" s="18"/>
      <c r="N383" s="18"/>
      <c r="O383" s="18"/>
      <c r="P383" s="20"/>
      <c r="Q383" s="20"/>
      <c r="R383" s="20"/>
      <c r="S383" s="20"/>
      <c r="T383" s="20"/>
      <c r="U383" s="20"/>
      <c r="V383" s="20"/>
      <c r="W383" s="20"/>
      <c r="X383" s="19"/>
      <c r="Y383" s="19"/>
      <c r="Z383" s="19"/>
      <c r="AA383" s="19"/>
    </row>
    <row r="384" spans="1:27" s="1" customFormat="1" ht="11.1" customHeight="1" outlineLevel="2" x14ac:dyDescent="0.2">
      <c r="A384" s="17">
        <v>16248</v>
      </c>
      <c r="B384" s="17"/>
      <c r="C384" s="17"/>
      <c r="D384" s="18" t="s">
        <v>200</v>
      </c>
      <c r="E384" s="18"/>
      <c r="F384" s="18"/>
      <c r="G384" s="18"/>
      <c r="H384" s="18"/>
      <c r="I384" s="18"/>
      <c r="J384" s="18"/>
      <c r="K384" s="18"/>
      <c r="L384" s="18"/>
      <c r="M384" s="18"/>
      <c r="N384" s="18"/>
      <c r="O384" s="18"/>
      <c r="P384" s="19">
        <v>200</v>
      </c>
      <c r="Q384" s="19"/>
      <c r="R384" s="19"/>
      <c r="S384" s="19"/>
      <c r="T384" s="19">
        <v>100</v>
      </c>
      <c r="U384" s="19"/>
      <c r="V384" s="19"/>
      <c r="W384" s="19"/>
      <c r="X384" s="19">
        <v>1</v>
      </c>
      <c r="Y384" s="19"/>
      <c r="Z384" s="19"/>
      <c r="AA384" s="19"/>
    </row>
    <row r="385" spans="1:27" s="1" customFormat="1" ht="11.1" customHeight="1" outlineLevel="2" x14ac:dyDescent="0.2">
      <c r="A385" s="17"/>
      <c r="B385" s="17"/>
      <c r="C385" s="17"/>
      <c r="D385" s="18"/>
      <c r="E385" s="18"/>
      <c r="F385" s="18"/>
      <c r="G385" s="18"/>
      <c r="H385" s="18"/>
      <c r="I385" s="18"/>
      <c r="J385" s="18"/>
      <c r="K385" s="18"/>
      <c r="L385" s="18"/>
      <c r="M385" s="18"/>
      <c r="N385" s="18"/>
      <c r="O385" s="18"/>
      <c r="P385" s="19"/>
      <c r="Q385" s="19"/>
      <c r="R385" s="19"/>
      <c r="S385" s="19"/>
      <c r="T385" s="19"/>
      <c r="U385" s="19"/>
      <c r="V385" s="19"/>
      <c r="W385" s="19"/>
      <c r="X385" s="19"/>
      <c r="Y385" s="19"/>
      <c r="Z385" s="19"/>
      <c r="AA385" s="19"/>
    </row>
    <row r="386" spans="1:27" s="1" customFormat="1" ht="11.1" customHeight="1" outlineLevel="2" x14ac:dyDescent="0.2">
      <c r="A386" s="17">
        <v>17975</v>
      </c>
      <c r="B386" s="17"/>
      <c r="C386" s="17"/>
      <c r="D386" s="18" t="s">
        <v>201</v>
      </c>
      <c r="E386" s="18"/>
      <c r="F386" s="18"/>
      <c r="G386" s="18"/>
      <c r="H386" s="18"/>
      <c r="I386" s="18"/>
      <c r="J386" s="18"/>
      <c r="K386" s="18"/>
      <c r="L386" s="18"/>
      <c r="M386" s="18"/>
      <c r="N386" s="18"/>
      <c r="O386" s="18"/>
      <c r="P386" s="19">
        <v>140</v>
      </c>
      <c r="Q386" s="19"/>
      <c r="R386" s="19"/>
      <c r="S386" s="19"/>
      <c r="T386" s="19">
        <v>100</v>
      </c>
      <c r="U386" s="19"/>
      <c r="V386" s="19"/>
      <c r="W386" s="19"/>
      <c r="X386" s="19">
        <v>1</v>
      </c>
      <c r="Y386" s="19"/>
      <c r="Z386" s="19"/>
      <c r="AA386" s="19"/>
    </row>
    <row r="387" spans="1:27" s="1" customFormat="1" ht="11.1" customHeight="1" outlineLevel="2" x14ac:dyDescent="0.2">
      <c r="A387" s="17"/>
      <c r="B387" s="17"/>
      <c r="C387" s="17"/>
      <c r="D387" s="18"/>
      <c r="E387" s="18"/>
      <c r="F387" s="18"/>
      <c r="G387" s="18"/>
      <c r="H387" s="18"/>
      <c r="I387" s="18"/>
      <c r="J387" s="18"/>
      <c r="K387" s="18"/>
      <c r="L387" s="18"/>
      <c r="M387" s="18"/>
      <c r="N387" s="18"/>
      <c r="O387" s="18"/>
      <c r="P387" s="19"/>
      <c r="Q387" s="19"/>
      <c r="R387" s="19"/>
      <c r="S387" s="19"/>
      <c r="T387" s="19"/>
      <c r="U387" s="19"/>
      <c r="V387" s="19"/>
      <c r="W387" s="19"/>
      <c r="X387" s="19"/>
      <c r="Y387" s="19"/>
      <c r="Z387" s="19"/>
      <c r="AA387" s="19"/>
    </row>
    <row r="388" spans="1:27" s="1" customFormat="1" ht="11.1" customHeight="1" outlineLevel="2" x14ac:dyDescent="0.2">
      <c r="A388" s="17">
        <v>17680</v>
      </c>
      <c r="B388" s="17"/>
      <c r="C388" s="17"/>
      <c r="D388" s="18" t="s">
        <v>202</v>
      </c>
      <c r="E388" s="18"/>
      <c r="F388" s="18"/>
      <c r="G388" s="18"/>
      <c r="H388" s="18"/>
      <c r="I388" s="18"/>
      <c r="J388" s="18"/>
      <c r="K388" s="18"/>
      <c r="L388" s="18"/>
      <c r="M388" s="18"/>
      <c r="N388" s="18"/>
      <c r="O388" s="18"/>
      <c r="P388" s="19">
        <v>450</v>
      </c>
      <c r="Q388" s="19"/>
      <c r="R388" s="19"/>
      <c r="S388" s="19"/>
      <c r="T388" s="19">
        <v>350</v>
      </c>
      <c r="U388" s="19"/>
      <c r="V388" s="19"/>
      <c r="W388" s="19"/>
      <c r="X388" s="19">
        <v>1</v>
      </c>
      <c r="Y388" s="19"/>
      <c r="Z388" s="19"/>
      <c r="AA388" s="19"/>
    </row>
    <row r="389" spans="1:27" s="1" customFormat="1" ht="11.1" customHeight="1" outlineLevel="2" x14ac:dyDescent="0.2">
      <c r="A389" s="17"/>
      <c r="B389" s="17"/>
      <c r="C389" s="17"/>
      <c r="D389" s="18"/>
      <c r="E389" s="18"/>
      <c r="F389" s="18"/>
      <c r="G389" s="18"/>
      <c r="H389" s="18"/>
      <c r="I389" s="18"/>
      <c r="J389" s="18"/>
      <c r="K389" s="18"/>
      <c r="L389" s="18"/>
      <c r="M389" s="18"/>
      <c r="N389" s="18"/>
      <c r="O389" s="18"/>
      <c r="P389" s="19"/>
      <c r="Q389" s="19"/>
      <c r="R389" s="19"/>
      <c r="S389" s="19"/>
      <c r="T389" s="19"/>
      <c r="U389" s="19"/>
      <c r="V389" s="19"/>
      <c r="W389" s="19"/>
      <c r="X389" s="19"/>
      <c r="Y389" s="19"/>
      <c r="Z389" s="19"/>
      <c r="AA389" s="19"/>
    </row>
    <row r="390" spans="1:27" s="1" customFormat="1" ht="14.1" customHeight="1" outlineLevel="2" x14ac:dyDescent="0.2">
      <c r="A390" s="17">
        <v>13832</v>
      </c>
      <c r="B390" s="17"/>
      <c r="C390" s="17"/>
      <c r="D390" s="18" t="s">
        <v>203</v>
      </c>
      <c r="E390" s="18"/>
      <c r="F390" s="18"/>
      <c r="G390" s="18"/>
      <c r="H390" s="18"/>
      <c r="I390" s="18"/>
      <c r="J390" s="18"/>
      <c r="K390" s="18"/>
      <c r="L390" s="18"/>
      <c r="M390" s="18"/>
      <c r="N390" s="18"/>
      <c r="O390" s="18"/>
      <c r="P390" s="20">
        <v>1100</v>
      </c>
      <c r="Q390" s="20"/>
      <c r="R390" s="20"/>
      <c r="S390" s="20"/>
      <c r="T390" s="20">
        <v>1000</v>
      </c>
      <c r="U390" s="20"/>
      <c r="V390" s="20"/>
      <c r="W390" s="20"/>
      <c r="X390" s="19">
        <v>1</v>
      </c>
      <c r="Y390" s="19"/>
      <c r="Z390" s="19"/>
      <c r="AA390" s="19"/>
    </row>
    <row r="391" spans="1:27" s="1" customFormat="1" ht="14.1" customHeight="1" outlineLevel="2" x14ac:dyDescent="0.2">
      <c r="A391" s="17"/>
      <c r="B391" s="17"/>
      <c r="C391" s="17"/>
      <c r="D391" s="18"/>
      <c r="E391" s="18"/>
      <c r="F391" s="18"/>
      <c r="G391" s="18"/>
      <c r="H391" s="18"/>
      <c r="I391" s="18"/>
      <c r="J391" s="18"/>
      <c r="K391" s="18"/>
      <c r="L391" s="18"/>
      <c r="M391" s="18"/>
      <c r="N391" s="18"/>
      <c r="O391" s="18"/>
      <c r="P391" s="20"/>
      <c r="Q391" s="20"/>
      <c r="R391" s="20"/>
      <c r="S391" s="20"/>
      <c r="T391" s="20"/>
      <c r="U391" s="20"/>
      <c r="V391" s="20"/>
      <c r="W391" s="20"/>
      <c r="X391" s="19"/>
      <c r="Y391" s="19"/>
      <c r="Z391" s="19"/>
      <c r="AA391" s="19"/>
    </row>
    <row r="392" spans="1:27" s="1" customFormat="1" ht="14.1" customHeight="1" outlineLevel="2" x14ac:dyDescent="0.2">
      <c r="A392" s="17">
        <v>16760</v>
      </c>
      <c r="B392" s="17"/>
      <c r="C392" s="17"/>
      <c r="D392" s="18" t="s">
        <v>204</v>
      </c>
      <c r="E392" s="18"/>
      <c r="F392" s="18"/>
      <c r="G392" s="18"/>
      <c r="H392" s="18"/>
      <c r="I392" s="18"/>
      <c r="J392" s="18"/>
      <c r="K392" s="18"/>
      <c r="L392" s="18"/>
      <c r="M392" s="18"/>
      <c r="N392" s="18"/>
      <c r="O392" s="18"/>
      <c r="P392" s="20">
        <v>5500</v>
      </c>
      <c r="Q392" s="20"/>
      <c r="R392" s="20"/>
      <c r="S392" s="20"/>
      <c r="T392" s="20">
        <v>5000</v>
      </c>
      <c r="U392" s="20"/>
      <c r="V392" s="20"/>
      <c r="W392" s="20"/>
      <c r="X392" s="19">
        <v>1</v>
      </c>
      <c r="Y392" s="19"/>
      <c r="Z392" s="19"/>
      <c r="AA392" s="19"/>
    </row>
    <row r="393" spans="1:27" s="1" customFormat="1" ht="14.1" customHeight="1" outlineLevel="2" x14ac:dyDescent="0.2">
      <c r="A393" s="17"/>
      <c r="B393" s="17"/>
      <c r="C393" s="17"/>
      <c r="D393" s="18"/>
      <c r="E393" s="18"/>
      <c r="F393" s="18"/>
      <c r="G393" s="18"/>
      <c r="H393" s="18"/>
      <c r="I393" s="18"/>
      <c r="J393" s="18"/>
      <c r="K393" s="18"/>
      <c r="L393" s="18"/>
      <c r="M393" s="18"/>
      <c r="N393" s="18"/>
      <c r="O393" s="18"/>
      <c r="P393" s="20"/>
      <c r="Q393" s="20"/>
      <c r="R393" s="20"/>
      <c r="S393" s="20"/>
      <c r="T393" s="20"/>
      <c r="U393" s="20"/>
      <c r="V393" s="20"/>
      <c r="W393" s="20"/>
      <c r="X393" s="19"/>
      <c r="Y393" s="19"/>
      <c r="Z393" s="19"/>
      <c r="AA393" s="19"/>
    </row>
    <row r="394" spans="1:27" s="1" customFormat="1" ht="14.1" customHeight="1" outlineLevel="2" x14ac:dyDescent="0.2">
      <c r="A394" s="17">
        <v>17095</v>
      </c>
      <c r="B394" s="17"/>
      <c r="C394" s="17"/>
      <c r="D394" s="18" t="s">
        <v>205</v>
      </c>
      <c r="E394" s="18"/>
      <c r="F394" s="18"/>
      <c r="G394" s="18"/>
      <c r="H394" s="18"/>
      <c r="I394" s="18"/>
      <c r="J394" s="18"/>
      <c r="K394" s="18"/>
      <c r="L394" s="18"/>
      <c r="M394" s="18"/>
      <c r="N394" s="18"/>
      <c r="O394" s="18"/>
      <c r="P394" s="20">
        <v>2400</v>
      </c>
      <c r="Q394" s="20"/>
      <c r="R394" s="20"/>
      <c r="S394" s="20"/>
      <c r="T394" s="20">
        <v>1900</v>
      </c>
      <c r="U394" s="20"/>
      <c r="V394" s="20"/>
      <c r="W394" s="20"/>
      <c r="X394" s="19">
        <v>17</v>
      </c>
      <c r="Y394" s="19"/>
      <c r="Z394" s="19"/>
      <c r="AA394" s="19"/>
    </row>
    <row r="395" spans="1:27" s="1" customFormat="1" ht="14.1" customHeight="1" outlineLevel="2" x14ac:dyDescent="0.2">
      <c r="A395" s="17"/>
      <c r="B395" s="17"/>
      <c r="C395" s="17"/>
      <c r="D395" s="18"/>
      <c r="E395" s="18"/>
      <c r="F395" s="18"/>
      <c r="G395" s="18"/>
      <c r="H395" s="18"/>
      <c r="I395" s="18"/>
      <c r="J395" s="18"/>
      <c r="K395" s="18"/>
      <c r="L395" s="18"/>
      <c r="M395" s="18"/>
      <c r="N395" s="18"/>
      <c r="O395" s="18"/>
      <c r="P395" s="20"/>
      <c r="Q395" s="20"/>
      <c r="R395" s="20"/>
      <c r="S395" s="20"/>
      <c r="T395" s="20"/>
      <c r="U395" s="20"/>
      <c r="V395" s="20"/>
      <c r="W395" s="20"/>
      <c r="X395" s="19"/>
      <c r="Y395" s="19"/>
      <c r="Z395" s="19"/>
      <c r="AA395" s="19"/>
    </row>
    <row r="396" spans="1:27" s="1" customFormat="1" ht="11.1" customHeight="1" outlineLevel="2" x14ac:dyDescent="0.2">
      <c r="A396" s="17">
        <v>11955</v>
      </c>
      <c r="B396" s="17"/>
      <c r="C396" s="17"/>
      <c r="D396" s="18" t="s">
        <v>206</v>
      </c>
      <c r="E396" s="18"/>
      <c r="F396" s="18"/>
      <c r="G396" s="18"/>
      <c r="H396" s="18"/>
      <c r="I396" s="18"/>
      <c r="J396" s="18"/>
      <c r="K396" s="18"/>
      <c r="L396" s="18"/>
      <c r="M396" s="18"/>
      <c r="N396" s="18"/>
      <c r="O396" s="18"/>
      <c r="P396" s="20">
        <v>4000</v>
      </c>
      <c r="Q396" s="20"/>
      <c r="R396" s="20"/>
      <c r="S396" s="20"/>
      <c r="T396" s="20">
        <v>3700</v>
      </c>
      <c r="U396" s="20"/>
      <c r="V396" s="20"/>
      <c r="W396" s="20"/>
      <c r="X396" s="19">
        <v>3</v>
      </c>
      <c r="Y396" s="19"/>
      <c r="Z396" s="19"/>
      <c r="AA396" s="19"/>
    </row>
    <row r="397" spans="1:27" s="1" customFormat="1" ht="11.1" customHeight="1" outlineLevel="2" x14ac:dyDescent="0.2">
      <c r="A397" s="17"/>
      <c r="B397" s="17"/>
      <c r="C397" s="17"/>
      <c r="D397" s="18"/>
      <c r="E397" s="18"/>
      <c r="F397" s="18"/>
      <c r="G397" s="18"/>
      <c r="H397" s="18"/>
      <c r="I397" s="18"/>
      <c r="J397" s="18"/>
      <c r="K397" s="18"/>
      <c r="L397" s="18"/>
      <c r="M397" s="18"/>
      <c r="N397" s="18"/>
      <c r="O397" s="18"/>
      <c r="P397" s="20"/>
      <c r="Q397" s="20"/>
      <c r="R397" s="20"/>
      <c r="S397" s="20"/>
      <c r="T397" s="20"/>
      <c r="U397" s="20"/>
      <c r="V397" s="20"/>
      <c r="W397" s="20"/>
      <c r="X397" s="19"/>
      <c r="Y397" s="19"/>
      <c r="Z397" s="19"/>
      <c r="AA397" s="19"/>
    </row>
    <row r="398" spans="1:27" s="1" customFormat="1" ht="14.1" customHeight="1" outlineLevel="2" x14ac:dyDescent="0.2">
      <c r="A398" s="17">
        <v>12584</v>
      </c>
      <c r="B398" s="17"/>
      <c r="C398" s="17"/>
      <c r="D398" s="18" t="s">
        <v>207</v>
      </c>
      <c r="E398" s="18"/>
      <c r="F398" s="18"/>
      <c r="G398" s="18"/>
      <c r="H398" s="18"/>
      <c r="I398" s="18"/>
      <c r="J398" s="18"/>
      <c r="K398" s="18"/>
      <c r="L398" s="18"/>
      <c r="M398" s="18"/>
      <c r="N398" s="18"/>
      <c r="O398" s="18"/>
      <c r="P398" s="20">
        <v>4450</v>
      </c>
      <c r="Q398" s="20"/>
      <c r="R398" s="20"/>
      <c r="S398" s="20"/>
      <c r="T398" s="20">
        <v>4050</v>
      </c>
      <c r="U398" s="20"/>
      <c r="V398" s="20"/>
      <c r="W398" s="20"/>
      <c r="X398" s="19">
        <v>1</v>
      </c>
      <c r="Y398" s="19"/>
      <c r="Z398" s="19"/>
      <c r="AA398" s="19"/>
    </row>
    <row r="399" spans="1:27" s="1" customFormat="1" ht="14.1" customHeight="1" outlineLevel="2" x14ac:dyDescent="0.2">
      <c r="A399" s="17"/>
      <c r="B399" s="17"/>
      <c r="C399" s="17"/>
      <c r="D399" s="18"/>
      <c r="E399" s="18"/>
      <c r="F399" s="18"/>
      <c r="G399" s="18"/>
      <c r="H399" s="18"/>
      <c r="I399" s="18"/>
      <c r="J399" s="18"/>
      <c r="K399" s="18"/>
      <c r="L399" s="18"/>
      <c r="M399" s="18"/>
      <c r="N399" s="18"/>
      <c r="O399" s="18"/>
      <c r="P399" s="20"/>
      <c r="Q399" s="20"/>
      <c r="R399" s="20"/>
      <c r="S399" s="20"/>
      <c r="T399" s="20"/>
      <c r="U399" s="20"/>
      <c r="V399" s="20"/>
      <c r="W399" s="20"/>
      <c r="X399" s="19"/>
      <c r="Y399" s="19"/>
      <c r="Z399" s="19"/>
      <c r="AA399" s="19"/>
    </row>
    <row r="400" spans="1:27" s="1" customFormat="1" ht="14.1" customHeight="1" outlineLevel="2" x14ac:dyDescent="0.2">
      <c r="A400" s="17">
        <v>10997</v>
      </c>
      <c r="B400" s="17"/>
      <c r="C400" s="17"/>
      <c r="D400" s="18" t="s">
        <v>208</v>
      </c>
      <c r="E400" s="18"/>
      <c r="F400" s="18"/>
      <c r="G400" s="18"/>
      <c r="H400" s="18"/>
      <c r="I400" s="18"/>
      <c r="J400" s="18"/>
      <c r="K400" s="18"/>
      <c r="L400" s="18"/>
      <c r="M400" s="18"/>
      <c r="N400" s="18"/>
      <c r="O400" s="18"/>
      <c r="P400" s="20">
        <v>5600</v>
      </c>
      <c r="Q400" s="20"/>
      <c r="R400" s="20"/>
      <c r="S400" s="20"/>
      <c r="T400" s="20">
        <v>5100</v>
      </c>
      <c r="U400" s="20"/>
      <c r="V400" s="20"/>
      <c r="W400" s="20"/>
      <c r="X400" s="19">
        <v>1</v>
      </c>
      <c r="Y400" s="19"/>
      <c r="Z400" s="19"/>
      <c r="AA400" s="19"/>
    </row>
    <row r="401" spans="1:27" s="1" customFormat="1" ht="14.1" customHeight="1" outlineLevel="2" x14ac:dyDescent="0.2">
      <c r="A401" s="17"/>
      <c r="B401" s="17"/>
      <c r="C401" s="17"/>
      <c r="D401" s="18"/>
      <c r="E401" s="18"/>
      <c r="F401" s="18"/>
      <c r="G401" s="18"/>
      <c r="H401" s="18"/>
      <c r="I401" s="18"/>
      <c r="J401" s="18"/>
      <c r="K401" s="18"/>
      <c r="L401" s="18"/>
      <c r="M401" s="18"/>
      <c r="N401" s="18"/>
      <c r="O401" s="18"/>
      <c r="P401" s="20"/>
      <c r="Q401" s="20"/>
      <c r="R401" s="20"/>
      <c r="S401" s="20"/>
      <c r="T401" s="20"/>
      <c r="U401" s="20"/>
      <c r="V401" s="20"/>
      <c r="W401" s="20"/>
      <c r="X401" s="19"/>
      <c r="Y401" s="19"/>
      <c r="Z401" s="19"/>
      <c r="AA401" s="19"/>
    </row>
    <row r="402" spans="1:27" s="1" customFormat="1" ht="14.1" customHeight="1" outlineLevel="2" x14ac:dyDescent="0.2">
      <c r="A402" s="17">
        <v>10996</v>
      </c>
      <c r="B402" s="17"/>
      <c r="C402" s="17"/>
      <c r="D402" s="18" t="s">
        <v>209</v>
      </c>
      <c r="E402" s="18"/>
      <c r="F402" s="18"/>
      <c r="G402" s="18"/>
      <c r="H402" s="18"/>
      <c r="I402" s="18"/>
      <c r="J402" s="18"/>
      <c r="K402" s="18"/>
      <c r="L402" s="18"/>
      <c r="M402" s="18"/>
      <c r="N402" s="18"/>
      <c r="O402" s="18"/>
      <c r="P402" s="20">
        <v>6250</v>
      </c>
      <c r="Q402" s="20"/>
      <c r="R402" s="20"/>
      <c r="S402" s="20"/>
      <c r="T402" s="20">
        <v>5700</v>
      </c>
      <c r="U402" s="20"/>
      <c r="V402" s="20"/>
      <c r="W402" s="20"/>
      <c r="X402" s="19">
        <v>1</v>
      </c>
      <c r="Y402" s="19"/>
      <c r="Z402" s="19"/>
      <c r="AA402" s="19"/>
    </row>
    <row r="403" spans="1:27" s="1" customFormat="1" ht="14.1" customHeight="1" outlineLevel="2" x14ac:dyDescent="0.2">
      <c r="A403" s="17"/>
      <c r="B403" s="17"/>
      <c r="C403" s="17"/>
      <c r="D403" s="18"/>
      <c r="E403" s="18"/>
      <c r="F403" s="18"/>
      <c r="G403" s="18"/>
      <c r="H403" s="18"/>
      <c r="I403" s="18"/>
      <c r="J403" s="18"/>
      <c r="K403" s="18"/>
      <c r="L403" s="18"/>
      <c r="M403" s="18"/>
      <c r="N403" s="18"/>
      <c r="O403" s="18"/>
      <c r="P403" s="20"/>
      <c r="Q403" s="20"/>
      <c r="R403" s="20"/>
      <c r="S403" s="20"/>
      <c r="T403" s="20"/>
      <c r="U403" s="20"/>
      <c r="V403" s="20"/>
      <c r="W403" s="20"/>
      <c r="X403" s="19"/>
      <c r="Y403" s="19"/>
      <c r="Z403" s="19"/>
      <c r="AA403" s="19"/>
    </row>
    <row r="404" spans="1:27" s="1" customFormat="1" ht="14.1" customHeight="1" outlineLevel="2" x14ac:dyDescent="0.2">
      <c r="A404" s="17">
        <v>14049</v>
      </c>
      <c r="B404" s="17"/>
      <c r="C404" s="17"/>
      <c r="D404" s="18" t="s">
        <v>210</v>
      </c>
      <c r="E404" s="18"/>
      <c r="F404" s="18"/>
      <c r="G404" s="18"/>
      <c r="H404" s="18"/>
      <c r="I404" s="18"/>
      <c r="J404" s="18"/>
      <c r="K404" s="18"/>
      <c r="L404" s="18"/>
      <c r="M404" s="18"/>
      <c r="N404" s="18"/>
      <c r="O404" s="18"/>
      <c r="P404" s="19">
        <v>490</v>
      </c>
      <c r="Q404" s="19"/>
      <c r="R404" s="19"/>
      <c r="S404" s="19"/>
      <c r="T404" s="19">
        <v>400</v>
      </c>
      <c r="U404" s="19"/>
      <c r="V404" s="19"/>
      <c r="W404" s="19"/>
      <c r="X404" s="19">
        <v>12</v>
      </c>
      <c r="Y404" s="19"/>
      <c r="Z404" s="19"/>
      <c r="AA404" s="19"/>
    </row>
    <row r="405" spans="1:27" s="1" customFormat="1" ht="14.1" customHeight="1" outlineLevel="2" x14ac:dyDescent="0.2">
      <c r="A405" s="17"/>
      <c r="B405" s="17"/>
      <c r="C405" s="17"/>
      <c r="D405" s="18"/>
      <c r="E405" s="18"/>
      <c r="F405" s="18"/>
      <c r="G405" s="18"/>
      <c r="H405" s="18"/>
      <c r="I405" s="18"/>
      <c r="J405" s="18"/>
      <c r="K405" s="18"/>
      <c r="L405" s="18"/>
      <c r="M405" s="18"/>
      <c r="N405" s="18"/>
      <c r="O405" s="18"/>
      <c r="P405" s="19"/>
      <c r="Q405" s="19"/>
      <c r="R405" s="19"/>
      <c r="S405" s="19"/>
      <c r="T405" s="19"/>
      <c r="U405" s="19"/>
      <c r="V405" s="19"/>
      <c r="W405" s="19"/>
      <c r="X405" s="19"/>
      <c r="Y405" s="19"/>
      <c r="Z405" s="19"/>
      <c r="AA405" s="19"/>
    </row>
    <row r="406" spans="1:27" s="1" customFormat="1" ht="14.1" customHeight="1" outlineLevel="2" x14ac:dyDescent="0.2">
      <c r="A406" s="17">
        <v>11031</v>
      </c>
      <c r="B406" s="17"/>
      <c r="C406" s="17"/>
      <c r="D406" s="18" t="s">
        <v>211</v>
      </c>
      <c r="E406" s="18"/>
      <c r="F406" s="18"/>
      <c r="G406" s="18"/>
      <c r="H406" s="18"/>
      <c r="I406" s="18"/>
      <c r="J406" s="18"/>
      <c r="K406" s="18"/>
      <c r="L406" s="18"/>
      <c r="M406" s="18"/>
      <c r="N406" s="18"/>
      <c r="O406" s="18"/>
      <c r="P406" s="19">
        <v>540</v>
      </c>
      <c r="Q406" s="19"/>
      <c r="R406" s="19"/>
      <c r="S406" s="19"/>
      <c r="T406" s="19">
        <v>450</v>
      </c>
      <c r="U406" s="19"/>
      <c r="V406" s="19"/>
      <c r="W406" s="19"/>
      <c r="X406" s="19">
        <v>9</v>
      </c>
      <c r="Y406" s="19"/>
      <c r="Z406" s="19"/>
      <c r="AA406" s="19"/>
    </row>
    <row r="407" spans="1:27" s="1" customFormat="1" ht="14.1" customHeight="1" outlineLevel="2" x14ac:dyDescent="0.2">
      <c r="A407" s="17"/>
      <c r="B407" s="17"/>
      <c r="C407" s="17"/>
      <c r="D407" s="18"/>
      <c r="E407" s="18"/>
      <c r="F407" s="18"/>
      <c r="G407" s="18"/>
      <c r="H407" s="18"/>
      <c r="I407" s="18"/>
      <c r="J407" s="18"/>
      <c r="K407" s="18"/>
      <c r="L407" s="18"/>
      <c r="M407" s="18"/>
      <c r="N407" s="18"/>
      <c r="O407" s="18"/>
      <c r="P407" s="19"/>
      <c r="Q407" s="19"/>
      <c r="R407" s="19"/>
      <c r="S407" s="19"/>
      <c r="T407" s="19"/>
      <c r="U407" s="19"/>
      <c r="V407" s="19"/>
      <c r="W407" s="19"/>
      <c r="X407" s="19"/>
      <c r="Y407" s="19"/>
      <c r="Z407" s="19"/>
      <c r="AA407" s="19"/>
    </row>
    <row r="408" spans="1:27" s="1" customFormat="1" ht="11.1" customHeight="1" outlineLevel="2" x14ac:dyDescent="0.2">
      <c r="A408" s="17">
        <v>9535</v>
      </c>
      <c r="B408" s="17"/>
      <c r="C408" s="17"/>
      <c r="D408" s="18" t="s">
        <v>212</v>
      </c>
      <c r="E408" s="18"/>
      <c r="F408" s="18"/>
      <c r="G408" s="18"/>
      <c r="H408" s="18"/>
      <c r="I408" s="18"/>
      <c r="J408" s="18"/>
      <c r="K408" s="18"/>
      <c r="L408" s="18"/>
      <c r="M408" s="18"/>
      <c r="N408" s="18"/>
      <c r="O408" s="18"/>
      <c r="P408" s="19">
        <v>950</v>
      </c>
      <c r="Q408" s="19"/>
      <c r="R408" s="19"/>
      <c r="S408" s="19"/>
      <c r="T408" s="19">
        <v>810</v>
      </c>
      <c r="U408" s="19"/>
      <c r="V408" s="19"/>
      <c r="W408" s="19"/>
      <c r="X408" s="19">
        <v>2</v>
      </c>
      <c r="Y408" s="19"/>
      <c r="Z408" s="19"/>
      <c r="AA408" s="19"/>
    </row>
    <row r="409" spans="1:27" s="1" customFormat="1" ht="11.1" customHeight="1" outlineLevel="2" x14ac:dyDescent="0.2">
      <c r="A409" s="17"/>
      <c r="B409" s="17"/>
      <c r="C409" s="17"/>
      <c r="D409" s="18"/>
      <c r="E409" s="18"/>
      <c r="F409" s="18"/>
      <c r="G409" s="18"/>
      <c r="H409" s="18"/>
      <c r="I409" s="18"/>
      <c r="J409" s="18"/>
      <c r="K409" s="18"/>
      <c r="L409" s="18"/>
      <c r="M409" s="18"/>
      <c r="N409" s="18"/>
      <c r="O409" s="18"/>
      <c r="P409" s="19"/>
      <c r="Q409" s="19"/>
      <c r="R409" s="19"/>
      <c r="S409" s="19"/>
      <c r="T409" s="19"/>
      <c r="U409" s="19"/>
      <c r="V409" s="19"/>
      <c r="W409" s="19"/>
      <c r="X409" s="19"/>
      <c r="Y409" s="19"/>
      <c r="Z409" s="19"/>
      <c r="AA409" s="19"/>
    </row>
    <row r="410" spans="1:27" s="1" customFormat="1" ht="14.1" customHeight="1" outlineLevel="2" x14ac:dyDescent="0.2">
      <c r="A410" s="17">
        <v>14050</v>
      </c>
      <c r="B410" s="17"/>
      <c r="C410" s="17"/>
      <c r="D410" s="18" t="s">
        <v>213</v>
      </c>
      <c r="E410" s="18"/>
      <c r="F410" s="18"/>
      <c r="G410" s="18"/>
      <c r="H410" s="18"/>
      <c r="I410" s="18"/>
      <c r="J410" s="18"/>
      <c r="K410" s="18"/>
      <c r="L410" s="18"/>
      <c r="M410" s="18"/>
      <c r="N410" s="18"/>
      <c r="O410" s="18"/>
      <c r="P410" s="19">
        <v>490</v>
      </c>
      <c r="Q410" s="19"/>
      <c r="R410" s="19"/>
      <c r="S410" s="19"/>
      <c r="T410" s="19">
        <v>400</v>
      </c>
      <c r="U410" s="19"/>
      <c r="V410" s="19"/>
      <c r="W410" s="19"/>
      <c r="X410" s="19">
        <v>11</v>
      </c>
      <c r="Y410" s="19"/>
      <c r="Z410" s="19"/>
      <c r="AA410" s="19"/>
    </row>
    <row r="411" spans="1:27" s="1" customFormat="1" ht="14.1" customHeight="1" outlineLevel="2" x14ac:dyDescent="0.2">
      <c r="A411" s="17"/>
      <c r="B411" s="17"/>
      <c r="C411" s="17"/>
      <c r="D411" s="18"/>
      <c r="E411" s="18"/>
      <c r="F411" s="18"/>
      <c r="G411" s="18"/>
      <c r="H411" s="18"/>
      <c r="I411" s="18"/>
      <c r="J411" s="18"/>
      <c r="K411" s="18"/>
      <c r="L411" s="18"/>
      <c r="M411" s="18"/>
      <c r="N411" s="18"/>
      <c r="O411" s="18"/>
      <c r="P411" s="19"/>
      <c r="Q411" s="19"/>
      <c r="R411" s="19"/>
      <c r="S411" s="19"/>
      <c r="T411" s="19"/>
      <c r="U411" s="19"/>
      <c r="V411" s="19"/>
      <c r="W411" s="19"/>
      <c r="X411" s="19"/>
      <c r="Y411" s="19"/>
      <c r="Z411" s="19"/>
      <c r="AA411" s="19"/>
    </row>
    <row r="412" spans="1:27" s="1" customFormat="1" ht="14.1" customHeight="1" outlineLevel="2" x14ac:dyDescent="0.2">
      <c r="A412" s="17">
        <v>11032</v>
      </c>
      <c r="B412" s="17"/>
      <c r="C412" s="17"/>
      <c r="D412" s="18" t="s">
        <v>214</v>
      </c>
      <c r="E412" s="18"/>
      <c r="F412" s="18"/>
      <c r="G412" s="18"/>
      <c r="H412" s="18"/>
      <c r="I412" s="18"/>
      <c r="J412" s="18"/>
      <c r="K412" s="18"/>
      <c r="L412" s="18"/>
      <c r="M412" s="18"/>
      <c r="N412" s="18"/>
      <c r="O412" s="18"/>
      <c r="P412" s="19">
        <v>540</v>
      </c>
      <c r="Q412" s="19"/>
      <c r="R412" s="19"/>
      <c r="S412" s="19"/>
      <c r="T412" s="19">
        <v>450</v>
      </c>
      <c r="U412" s="19"/>
      <c r="V412" s="19"/>
      <c r="W412" s="19"/>
      <c r="X412" s="19">
        <v>5</v>
      </c>
      <c r="Y412" s="19"/>
      <c r="Z412" s="19"/>
      <c r="AA412" s="19"/>
    </row>
    <row r="413" spans="1:27" s="1" customFormat="1" ht="14.1" customHeight="1" outlineLevel="2" x14ac:dyDescent="0.2">
      <c r="A413" s="17"/>
      <c r="B413" s="17"/>
      <c r="C413" s="17"/>
      <c r="D413" s="18"/>
      <c r="E413" s="18"/>
      <c r="F413" s="18"/>
      <c r="G413" s="18"/>
      <c r="H413" s="18"/>
      <c r="I413" s="18"/>
      <c r="J413" s="18"/>
      <c r="K413" s="18"/>
      <c r="L413" s="18"/>
      <c r="M413" s="18"/>
      <c r="N413" s="18"/>
      <c r="O413" s="18"/>
      <c r="P413" s="19"/>
      <c r="Q413" s="19"/>
      <c r="R413" s="19"/>
      <c r="S413" s="19"/>
      <c r="T413" s="19"/>
      <c r="U413" s="19"/>
      <c r="V413" s="19"/>
      <c r="W413" s="19"/>
      <c r="X413" s="19"/>
      <c r="Y413" s="19"/>
      <c r="Z413" s="19"/>
      <c r="AA413" s="19"/>
    </row>
    <row r="414" spans="1:27" s="1" customFormat="1" ht="14.1" customHeight="1" outlineLevel="2" x14ac:dyDescent="0.2">
      <c r="A414" s="17">
        <v>14051</v>
      </c>
      <c r="B414" s="17"/>
      <c r="C414" s="17"/>
      <c r="D414" s="18" t="s">
        <v>215</v>
      </c>
      <c r="E414" s="18"/>
      <c r="F414" s="18"/>
      <c r="G414" s="18"/>
      <c r="H414" s="18"/>
      <c r="I414" s="18"/>
      <c r="J414" s="18"/>
      <c r="K414" s="18"/>
      <c r="L414" s="18"/>
      <c r="M414" s="18"/>
      <c r="N414" s="18"/>
      <c r="O414" s="18"/>
      <c r="P414" s="19">
        <v>490</v>
      </c>
      <c r="Q414" s="19"/>
      <c r="R414" s="19"/>
      <c r="S414" s="19"/>
      <c r="T414" s="19">
        <v>400</v>
      </c>
      <c r="U414" s="19"/>
      <c r="V414" s="19"/>
      <c r="W414" s="19"/>
      <c r="X414" s="19">
        <v>8</v>
      </c>
      <c r="Y414" s="19"/>
      <c r="Z414" s="19"/>
      <c r="AA414" s="19"/>
    </row>
    <row r="415" spans="1:27" s="1" customFormat="1" ht="14.1" customHeight="1" outlineLevel="2" x14ac:dyDescent="0.2">
      <c r="A415" s="17"/>
      <c r="B415" s="17"/>
      <c r="C415" s="17"/>
      <c r="D415" s="18"/>
      <c r="E415" s="18"/>
      <c r="F415" s="18"/>
      <c r="G415" s="18"/>
      <c r="H415" s="18"/>
      <c r="I415" s="18"/>
      <c r="J415" s="18"/>
      <c r="K415" s="18"/>
      <c r="L415" s="18"/>
      <c r="M415" s="18"/>
      <c r="N415" s="18"/>
      <c r="O415" s="18"/>
      <c r="P415" s="19"/>
      <c r="Q415" s="19"/>
      <c r="R415" s="19"/>
      <c r="S415" s="19"/>
      <c r="T415" s="19"/>
      <c r="U415" s="19"/>
      <c r="V415" s="19"/>
      <c r="W415" s="19"/>
      <c r="X415" s="19"/>
      <c r="Y415" s="19"/>
      <c r="Z415" s="19"/>
      <c r="AA415" s="19"/>
    </row>
    <row r="416" spans="1:27" s="1" customFormat="1" ht="14.1" customHeight="1" outlineLevel="2" x14ac:dyDescent="0.2">
      <c r="A416" s="17">
        <v>11033</v>
      </c>
      <c r="B416" s="17"/>
      <c r="C416" s="17"/>
      <c r="D416" s="18" t="s">
        <v>216</v>
      </c>
      <c r="E416" s="18"/>
      <c r="F416" s="18"/>
      <c r="G416" s="18"/>
      <c r="H416" s="18"/>
      <c r="I416" s="18"/>
      <c r="J416" s="18"/>
      <c r="K416" s="18"/>
      <c r="L416" s="18"/>
      <c r="M416" s="18"/>
      <c r="N416" s="18"/>
      <c r="O416" s="18"/>
      <c r="P416" s="19">
        <v>540</v>
      </c>
      <c r="Q416" s="19"/>
      <c r="R416" s="19"/>
      <c r="S416" s="19"/>
      <c r="T416" s="19">
        <v>450</v>
      </c>
      <c r="U416" s="19"/>
      <c r="V416" s="19"/>
      <c r="W416" s="19"/>
      <c r="X416" s="19">
        <v>2</v>
      </c>
      <c r="Y416" s="19"/>
      <c r="Z416" s="19"/>
      <c r="AA416" s="19"/>
    </row>
    <row r="417" spans="1:27" s="1" customFormat="1" ht="14.1" customHeight="1" outlineLevel="2" x14ac:dyDescent="0.2">
      <c r="A417" s="17"/>
      <c r="B417" s="17"/>
      <c r="C417" s="17"/>
      <c r="D417" s="18"/>
      <c r="E417" s="18"/>
      <c r="F417" s="18"/>
      <c r="G417" s="18"/>
      <c r="H417" s="18"/>
      <c r="I417" s="18"/>
      <c r="J417" s="18"/>
      <c r="K417" s="18"/>
      <c r="L417" s="18"/>
      <c r="M417" s="18"/>
      <c r="N417" s="18"/>
      <c r="O417" s="18"/>
      <c r="P417" s="19"/>
      <c r="Q417" s="19"/>
      <c r="R417" s="19"/>
      <c r="S417" s="19"/>
      <c r="T417" s="19"/>
      <c r="U417" s="19"/>
      <c r="V417" s="19"/>
      <c r="W417" s="19"/>
      <c r="X417" s="19"/>
      <c r="Y417" s="19"/>
      <c r="Z417" s="19"/>
      <c r="AA417" s="19"/>
    </row>
    <row r="418" spans="1:27" s="1" customFormat="1" ht="14.1" customHeight="1" outlineLevel="2" x14ac:dyDescent="0.2">
      <c r="A418" s="17">
        <v>14052</v>
      </c>
      <c r="B418" s="17"/>
      <c r="C418" s="17"/>
      <c r="D418" s="18" t="s">
        <v>217</v>
      </c>
      <c r="E418" s="18"/>
      <c r="F418" s="18"/>
      <c r="G418" s="18"/>
      <c r="H418" s="18"/>
      <c r="I418" s="18"/>
      <c r="J418" s="18"/>
      <c r="K418" s="18"/>
      <c r="L418" s="18"/>
      <c r="M418" s="18"/>
      <c r="N418" s="18"/>
      <c r="O418" s="18"/>
      <c r="P418" s="19">
        <v>490</v>
      </c>
      <c r="Q418" s="19"/>
      <c r="R418" s="19"/>
      <c r="S418" s="19"/>
      <c r="T418" s="19">
        <v>400</v>
      </c>
      <c r="U418" s="19"/>
      <c r="V418" s="19"/>
      <c r="W418" s="19"/>
      <c r="X418" s="19">
        <v>10</v>
      </c>
      <c r="Y418" s="19"/>
      <c r="Z418" s="19"/>
      <c r="AA418" s="19"/>
    </row>
    <row r="419" spans="1:27" s="1" customFormat="1" ht="14.1" customHeight="1" outlineLevel="2" x14ac:dyDescent="0.2">
      <c r="A419" s="17"/>
      <c r="B419" s="17"/>
      <c r="C419" s="17"/>
      <c r="D419" s="18"/>
      <c r="E419" s="18"/>
      <c r="F419" s="18"/>
      <c r="G419" s="18"/>
      <c r="H419" s="18"/>
      <c r="I419" s="18"/>
      <c r="J419" s="18"/>
      <c r="K419" s="18"/>
      <c r="L419" s="18"/>
      <c r="M419" s="18"/>
      <c r="N419" s="18"/>
      <c r="O419" s="18"/>
      <c r="P419" s="19"/>
      <c r="Q419" s="19"/>
      <c r="R419" s="19"/>
      <c r="S419" s="19"/>
      <c r="T419" s="19"/>
      <c r="U419" s="19"/>
      <c r="V419" s="19"/>
      <c r="W419" s="19"/>
      <c r="X419" s="19"/>
      <c r="Y419" s="19"/>
      <c r="Z419" s="19"/>
      <c r="AA419" s="19"/>
    </row>
    <row r="420" spans="1:27" s="1" customFormat="1" ht="14.1" customHeight="1" outlineLevel="2" x14ac:dyDescent="0.2">
      <c r="A420" s="17">
        <v>11034</v>
      </c>
      <c r="B420" s="17"/>
      <c r="C420" s="17"/>
      <c r="D420" s="18" t="s">
        <v>218</v>
      </c>
      <c r="E420" s="18"/>
      <c r="F420" s="18"/>
      <c r="G420" s="18"/>
      <c r="H420" s="18"/>
      <c r="I420" s="18"/>
      <c r="J420" s="18"/>
      <c r="K420" s="18"/>
      <c r="L420" s="18"/>
      <c r="M420" s="18"/>
      <c r="N420" s="18"/>
      <c r="O420" s="18"/>
      <c r="P420" s="19">
        <v>540</v>
      </c>
      <c r="Q420" s="19"/>
      <c r="R420" s="19"/>
      <c r="S420" s="19"/>
      <c r="T420" s="19">
        <v>450</v>
      </c>
      <c r="U420" s="19"/>
      <c r="V420" s="19"/>
      <c r="W420" s="19"/>
      <c r="X420" s="19">
        <v>5</v>
      </c>
      <c r="Y420" s="19"/>
      <c r="Z420" s="19"/>
      <c r="AA420" s="19"/>
    </row>
    <row r="421" spans="1:27" s="1" customFormat="1" ht="14.1" customHeight="1" outlineLevel="2" x14ac:dyDescent="0.2">
      <c r="A421" s="17"/>
      <c r="B421" s="17"/>
      <c r="C421" s="17"/>
      <c r="D421" s="18"/>
      <c r="E421" s="18"/>
      <c r="F421" s="18"/>
      <c r="G421" s="18"/>
      <c r="H421" s="18"/>
      <c r="I421" s="18"/>
      <c r="J421" s="18"/>
      <c r="K421" s="18"/>
      <c r="L421" s="18"/>
      <c r="M421" s="18"/>
      <c r="N421" s="18"/>
      <c r="O421" s="18"/>
      <c r="P421" s="19"/>
      <c r="Q421" s="19"/>
      <c r="R421" s="19"/>
      <c r="S421" s="19"/>
      <c r="T421" s="19"/>
      <c r="U421" s="19"/>
      <c r="V421" s="19"/>
      <c r="W421" s="19"/>
      <c r="X421" s="19"/>
      <c r="Y421" s="19"/>
      <c r="Z421" s="19"/>
      <c r="AA421" s="19"/>
    </row>
    <row r="422" spans="1:27" s="1" customFormat="1" ht="14.1" customHeight="1" outlineLevel="2" x14ac:dyDescent="0.2">
      <c r="A422" s="17">
        <v>9536</v>
      </c>
      <c r="B422" s="17"/>
      <c r="C422" s="17"/>
      <c r="D422" s="18" t="s">
        <v>219</v>
      </c>
      <c r="E422" s="18"/>
      <c r="F422" s="18"/>
      <c r="G422" s="18"/>
      <c r="H422" s="18"/>
      <c r="I422" s="18"/>
      <c r="J422" s="18"/>
      <c r="K422" s="18"/>
      <c r="L422" s="18"/>
      <c r="M422" s="18"/>
      <c r="N422" s="18"/>
      <c r="O422" s="18"/>
      <c r="P422" s="19">
        <v>950</v>
      </c>
      <c r="Q422" s="19"/>
      <c r="R422" s="19"/>
      <c r="S422" s="19"/>
      <c r="T422" s="19">
        <v>810</v>
      </c>
      <c r="U422" s="19"/>
      <c r="V422" s="19"/>
      <c r="W422" s="19"/>
      <c r="X422" s="19">
        <v>2</v>
      </c>
      <c r="Y422" s="19"/>
      <c r="Z422" s="19"/>
      <c r="AA422" s="19"/>
    </row>
    <row r="423" spans="1:27" s="1" customFormat="1" ht="14.1" customHeight="1" outlineLevel="2" x14ac:dyDescent="0.2">
      <c r="A423" s="17"/>
      <c r="B423" s="17"/>
      <c r="C423" s="17"/>
      <c r="D423" s="18"/>
      <c r="E423" s="18"/>
      <c r="F423" s="18"/>
      <c r="G423" s="18"/>
      <c r="H423" s="18"/>
      <c r="I423" s="18"/>
      <c r="J423" s="18"/>
      <c r="K423" s="18"/>
      <c r="L423" s="18"/>
      <c r="M423" s="18"/>
      <c r="N423" s="18"/>
      <c r="O423" s="18"/>
      <c r="P423" s="19"/>
      <c r="Q423" s="19"/>
      <c r="R423" s="19"/>
      <c r="S423" s="19"/>
      <c r="T423" s="19"/>
      <c r="U423" s="19"/>
      <c r="V423" s="19"/>
      <c r="W423" s="19"/>
      <c r="X423" s="19"/>
      <c r="Y423" s="19"/>
      <c r="Z423" s="19"/>
      <c r="AA423" s="19"/>
    </row>
    <row r="424" spans="1:27" s="1" customFormat="1" ht="11.1" customHeight="1" outlineLevel="2" x14ac:dyDescent="0.2">
      <c r="A424" s="17">
        <v>11110</v>
      </c>
      <c r="B424" s="17"/>
      <c r="C424" s="17"/>
      <c r="D424" s="18" t="s">
        <v>220</v>
      </c>
      <c r="E424" s="18"/>
      <c r="F424" s="18"/>
      <c r="G424" s="18"/>
      <c r="H424" s="18"/>
      <c r="I424" s="18"/>
      <c r="J424" s="18"/>
      <c r="K424" s="18"/>
      <c r="L424" s="18"/>
      <c r="M424" s="18"/>
      <c r="N424" s="18"/>
      <c r="O424" s="18"/>
      <c r="P424" s="20">
        <v>5800</v>
      </c>
      <c r="Q424" s="20"/>
      <c r="R424" s="20"/>
      <c r="S424" s="20"/>
      <c r="T424" s="20">
        <v>5400</v>
      </c>
      <c r="U424" s="20"/>
      <c r="V424" s="20"/>
      <c r="W424" s="20"/>
      <c r="X424" s="19">
        <v>1</v>
      </c>
      <c r="Y424" s="19"/>
      <c r="Z424" s="19"/>
      <c r="AA424" s="19"/>
    </row>
    <row r="425" spans="1:27" s="1" customFormat="1" ht="11.1" customHeight="1" outlineLevel="2" x14ac:dyDescent="0.2">
      <c r="A425" s="17"/>
      <c r="B425" s="17"/>
      <c r="C425" s="17"/>
      <c r="D425" s="18"/>
      <c r="E425" s="18"/>
      <c r="F425" s="18"/>
      <c r="G425" s="18"/>
      <c r="H425" s="18"/>
      <c r="I425" s="18"/>
      <c r="J425" s="18"/>
      <c r="K425" s="18"/>
      <c r="L425" s="18"/>
      <c r="M425" s="18"/>
      <c r="N425" s="18"/>
      <c r="O425" s="18"/>
      <c r="P425" s="20"/>
      <c r="Q425" s="20"/>
      <c r="R425" s="20"/>
      <c r="S425" s="20"/>
      <c r="T425" s="20"/>
      <c r="U425" s="20"/>
      <c r="V425" s="20"/>
      <c r="W425" s="20"/>
      <c r="X425" s="19"/>
      <c r="Y425" s="19"/>
      <c r="Z425" s="19"/>
      <c r="AA425" s="19"/>
    </row>
    <row r="426" spans="1:27" s="1" customFormat="1" ht="11.1" customHeight="1" outlineLevel="2" x14ac:dyDescent="0.2">
      <c r="A426" s="17">
        <v>11111</v>
      </c>
      <c r="B426" s="17"/>
      <c r="C426" s="17"/>
      <c r="D426" s="18" t="s">
        <v>221</v>
      </c>
      <c r="E426" s="18"/>
      <c r="F426" s="18"/>
      <c r="G426" s="18"/>
      <c r="H426" s="18"/>
      <c r="I426" s="18"/>
      <c r="J426" s="18"/>
      <c r="K426" s="18"/>
      <c r="L426" s="18"/>
      <c r="M426" s="18"/>
      <c r="N426" s="18"/>
      <c r="O426" s="18"/>
      <c r="P426" s="20">
        <v>5800</v>
      </c>
      <c r="Q426" s="20"/>
      <c r="R426" s="20"/>
      <c r="S426" s="20"/>
      <c r="T426" s="20">
        <v>5400</v>
      </c>
      <c r="U426" s="20"/>
      <c r="V426" s="20"/>
      <c r="W426" s="20"/>
      <c r="X426" s="19">
        <v>1</v>
      </c>
      <c r="Y426" s="19"/>
      <c r="Z426" s="19"/>
      <c r="AA426" s="19"/>
    </row>
    <row r="427" spans="1:27" s="1" customFormat="1" ht="11.1" customHeight="1" outlineLevel="2" x14ac:dyDescent="0.2">
      <c r="A427" s="17"/>
      <c r="B427" s="17"/>
      <c r="C427" s="17"/>
      <c r="D427" s="18"/>
      <c r="E427" s="18"/>
      <c r="F427" s="18"/>
      <c r="G427" s="18"/>
      <c r="H427" s="18"/>
      <c r="I427" s="18"/>
      <c r="J427" s="18"/>
      <c r="K427" s="18"/>
      <c r="L427" s="18"/>
      <c r="M427" s="18"/>
      <c r="N427" s="18"/>
      <c r="O427" s="18"/>
      <c r="P427" s="20"/>
      <c r="Q427" s="20"/>
      <c r="R427" s="20"/>
      <c r="S427" s="20"/>
      <c r="T427" s="20"/>
      <c r="U427" s="20"/>
      <c r="V427" s="20"/>
      <c r="W427" s="20"/>
      <c r="X427" s="19"/>
      <c r="Y427" s="19"/>
      <c r="Z427" s="19"/>
      <c r="AA427" s="19"/>
    </row>
    <row r="428" spans="1:27" s="1" customFormat="1" ht="14.1" customHeight="1" outlineLevel="2" x14ac:dyDescent="0.2">
      <c r="A428" s="17">
        <v>16247</v>
      </c>
      <c r="B428" s="17"/>
      <c r="C428" s="17"/>
      <c r="D428" s="18" t="s">
        <v>222</v>
      </c>
      <c r="E428" s="18"/>
      <c r="F428" s="18"/>
      <c r="G428" s="18"/>
      <c r="H428" s="18"/>
      <c r="I428" s="18"/>
      <c r="J428" s="18"/>
      <c r="K428" s="18"/>
      <c r="L428" s="18"/>
      <c r="M428" s="18"/>
      <c r="N428" s="18"/>
      <c r="O428" s="18"/>
      <c r="P428" s="20">
        <v>8000</v>
      </c>
      <c r="Q428" s="20"/>
      <c r="R428" s="20"/>
      <c r="S428" s="20"/>
      <c r="T428" s="20">
        <v>7000</v>
      </c>
      <c r="U428" s="20"/>
      <c r="V428" s="20"/>
      <c r="W428" s="20"/>
      <c r="X428" s="19">
        <v>2</v>
      </c>
      <c r="Y428" s="19"/>
      <c r="Z428" s="19"/>
      <c r="AA428" s="19"/>
    </row>
    <row r="429" spans="1:27" s="1" customFormat="1" ht="14.1" customHeight="1" outlineLevel="2" x14ac:dyDescent="0.2">
      <c r="A429" s="17"/>
      <c r="B429" s="17"/>
      <c r="C429" s="17"/>
      <c r="D429" s="18"/>
      <c r="E429" s="18"/>
      <c r="F429" s="18"/>
      <c r="G429" s="18"/>
      <c r="H429" s="18"/>
      <c r="I429" s="18"/>
      <c r="J429" s="18"/>
      <c r="K429" s="18"/>
      <c r="L429" s="18"/>
      <c r="M429" s="18"/>
      <c r="N429" s="18"/>
      <c r="O429" s="18"/>
      <c r="P429" s="20"/>
      <c r="Q429" s="20"/>
      <c r="R429" s="20"/>
      <c r="S429" s="20"/>
      <c r="T429" s="20"/>
      <c r="U429" s="20"/>
      <c r="V429" s="20"/>
      <c r="W429" s="20"/>
      <c r="X429" s="19"/>
      <c r="Y429" s="19"/>
      <c r="Z429" s="19"/>
      <c r="AA429" s="19"/>
    </row>
    <row r="430" spans="1:27" s="1" customFormat="1" ht="11.1" customHeight="1" outlineLevel="2" x14ac:dyDescent="0.2">
      <c r="A430" s="17">
        <v>16973</v>
      </c>
      <c r="B430" s="17"/>
      <c r="C430" s="17"/>
      <c r="D430" s="18" t="s">
        <v>223</v>
      </c>
      <c r="E430" s="18"/>
      <c r="F430" s="18"/>
      <c r="G430" s="18"/>
      <c r="H430" s="18"/>
      <c r="I430" s="18"/>
      <c r="J430" s="18"/>
      <c r="K430" s="18"/>
      <c r="L430" s="18"/>
      <c r="M430" s="18"/>
      <c r="N430" s="18"/>
      <c r="O430" s="18"/>
      <c r="P430" s="20">
        <v>3500</v>
      </c>
      <c r="Q430" s="20"/>
      <c r="R430" s="20"/>
      <c r="S430" s="20"/>
      <c r="T430" s="20">
        <v>3000</v>
      </c>
      <c r="U430" s="20"/>
      <c r="V430" s="20"/>
      <c r="W430" s="20"/>
      <c r="X430" s="19">
        <v>2</v>
      </c>
      <c r="Y430" s="19"/>
      <c r="Z430" s="19"/>
      <c r="AA430" s="19"/>
    </row>
    <row r="431" spans="1:27" s="1" customFormat="1" ht="11.1" customHeight="1" outlineLevel="2" x14ac:dyDescent="0.2">
      <c r="A431" s="17"/>
      <c r="B431" s="17"/>
      <c r="C431" s="17"/>
      <c r="D431" s="18"/>
      <c r="E431" s="18"/>
      <c r="F431" s="18"/>
      <c r="G431" s="18"/>
      <c r="H431" s="18"/>
      <c r="I431" s="18"/>
      <c r="J431" s="18"/>
      <c r="K431" s="18"/>
      <c r="L431" s="18"/>
      <c r="M431" s="18"/>
      <c r="N431" s="18"/>
      <c r="O431" s="18"/>
      <c r="P431" s="20"/>
      <c r="Q431" s="20"/>
      <c r="R431" s="20"/>
      <c r="S431" s="20"/>
      <c r="T431" s="20"/>
      <c r="U431" s="20"/>
      <c r="V431" s="20"/>
      <c r="W431" s="20"/>
      <c r="X431" s="19"/>
      <c r="Y431" s="19"/>
      <c r="Z431" s="19"/>
      <c r="AA431" s="19"/>
    </row>
    <row r="432" spans="1:27" s="1" customFormat="1" ht="11.1" customHeight="1" outlineLevel="2" x14ac:dyDescent="0.2">
      <c r="A432" s="17">
        <v>14122</v>
      </c>
      <c r="B432" s="17"/>
      <c r="C432" s="17"/>
      <c r="D432" s="18" t="s">
        <v>224</v>
      </c>
      <c r="E432" s="18"/>
      <c r="F432" s="18"/>
      <c r="G432" s="18"/>
      <c r="H432" s="18"/>
      <c r="I432" s="18"/>
      <c r="J432" s="18"/>
      <c r="K432" s="18"/>
      <c r="L432" s="18"/>
      <c r="M432" s="18"/>
      <c r="N432" s="18"/>
      <c r="O432" s="18"/>
      <c r="P432" s="19">
        <v>150</v>
      </c>
      <c r="Q432" s="19"/>
      <c r="R432" s="19"/>
      <c r="S432" s="19"/>
      <c r="T432" s="19">
        <v>110</v>
      </c>
      <c r="U432" s="19"/>
      <c r="V432" s="19"/>
      <c r="W432" s="19"/>
      <c r="X432" s="19">
        <v>6</v>
      </c>
      <c r="Y432" s="19"/>
      <c r="Z432" s="19"/>
      <c r="AA432" s="19"/>
    </row>
    <row r="433" spans="1:27" s="1" customFormat="1" ht="11.1" customHeight="1" outlineLevel="2" x14ac:dyDescent="0.2">
      <c r="A433" s="17"/>
      <c r="B433" s="17"/>
      <c r="C433" s="17"/>
      <c r="D433" s="18"/>
      <c r="E433" s="18"/>
      <c r="F433" s="18"/>
      <c r="G433" s="18"/>
      <c r="H433" s="18"/>
      <c r="I433" s="18"/>
      <c r="J433" s="18"/>
      <c r="K433" s="18"/>
      <c r="L433" s="18"/>
      <c r="M433" s="18"/>
      <c r="N433" s="18"/>
      <c r="O433" s="18"/>
      <c r="P433" s="19"/>
      <c r="Q433" s="19"/>
      <c r="R433" s="19"/>
      <c r="S433" s="19"/>
      <c r="T433" s="19"/>
      <c r="U433" s="19"/>
      <c r="V433" s="19"/>
      <c r="W433" s="19"/>
      <c r="X433" s="19"/>
      <c r="Y433" s="19"/>
      <c r="Z433" s="19"/>
      <c r="AA433" s="19"/>
    </row>
    <row r="434" spans="1:27" s="1" customFormat="1" ht="11.1" customHeight="1" outlineLevel="2" x14ac:dyDescent="0.2">
      <c r="A434" s="17">
        <v>17346</v>
      </c>
      <c r="B434" s="17"/>
      <c r="C434" s="17"/>
      <c r="D434" s="18" t="s">
        <v>225</v>
      </c>
      <c r="E434" s="18"/>
      <c r="F434" s="18"/>
      <c r="G434" s="18"/>
      <c r="H434" s="18"/>
      <c r="I434" s="18"/>
      <c r="J434" s="18"/>
      <c r="K434" s="18"/>
      <c r="L434" s="18"/>
      <c r="M434" s="18"/>
      <c r="N434" s="18"/>
      <c r="O434" s="18"/>
      <c r="P434" s="19">
        <v>40</v>
      </c>
      <c r="Q434" s="19"/>
      <c r="R434" s="19"/>
      <c r="S434" s="19"/>
      <c r="T434" s="19">
        <v>30</v>
      </c>
      <c r="U434" s="19"/>
      <c r="V434" s="19"/>
      <c r="W434" s="19"/>
      <c r="X434" s="19">
        <v>9</v>
      </c>
      <c r="Y434" s="19"/>
      <c r="Z434" s="19"/>
      <c r="AA434" s="19"/>
    </row>
    <row r="435" spans="1:27" s="1" customFormat="1" ht="11.1" customHeight="1" outlineLevel="2" x14ac:dyDescent="0.2">
      <c r="A435" s="17"/>
      <c r="B435" s="17"/>
      <c r="C435" s="17"/>
      <c r="D435" s="18"/>
      <c r="E435" s="18"/>
      <c r="F435" s="18"/>
      <c r="G435" s="18"/>
      <c r="H435" s="18"/>
      <c r="I435" s="18"/>
      <c r="J435" s="18"/>
      <c r="K435" s="18"/>
      <c r="L435" s="18"/>
      <c r="M435" s="18"/>
      <c r="N435" s="18"/>
      <c r="O435" s="18"/>
      <c r="P435" s="19"/>
      <c r="Q435" s="19"/>
      <c r="R435" s="19"/>
      <c r="S435" s="19"/>
      <c r="T435" s="19"/>
      <c r="U435" s="19"/>
      <c r="V435" s="19"/>
      <c r="W435" s="19"/>
      <c r="X435" s="19"/>
      <c r="Y435" s="19"/>
      <c r="Z435" s="19"/>
      <c r="AA435" s="19"/>
    </row>
    <row r="436" spans="1:27" s="1" customFormat="1" ht="11.1" customHeight="1" outlineLevel="2" x14ac:dyDescent="0.2">
      <c r="A436" s="17">
        <v>11957</v>
      </c>
      <c r="B436" s="17"/>
      <c r="C436" s="17"/>
      <c r="D436" s="18" t="s">
        <v>226</v>
      </c>
      <c r="E436" s="18"/>
      <c r="F436" s="18"/>
      <c r="G436" s="18"/>
      <c r="H436" s="18"/>
      <c r="I436" s="18"/>
      <c r="J436" s="18"/>
      <c r="K436" s="18"/>
      <c r="L436" s="18"/>
      <c r="M436" s="18"/>
      <c r="N436" s="18"/>
      <c r="O436" s="18"/>
      <c r="P436" s="19">
        <v>35</v>
      </c>
      <c r="Q436" s="19"/>
      <c r="R436" s="19"/>
      <c r="S436" s="19"/>
      <c r="T436" s="19">
        <v>20</v>
      </c>
      <c r="U436" s="19"/>
      <c r="V436" s="19"/>
      <c r="W436" s="19"/>
      <c r="X436" s="19">
        <v>962</v>
      </c>
      <c r="Y436" s="19"/>
      <c r="Z436" s="19"/>
      <c r="AA436" s="19"/>
    </row>
    <row r="437" spans="1:27" s="1" customFormat="1" ht="11.1" customHeight="1" outlineLevel="2" x14ac:dyDescent="0.2">
      <c r="A437" s="17"/>
      <c r="B437" s="17"/>
      <c r="C437" s="17"/>
      <c r="D437" s="18"/>
      <c r="E437" s="18"/>
      <c r="F437" s="18"/>
      <c r="G437" s="18"/>
      <c r="H437" s="18"/>
      <c r="I437" s="18"/>
      <c r="J437" s="18"/>
      <c r="K437" s="18"/>
      <c r="L437" s="18"/>
      <c r="M437" s="18"/>
      <c r="N437" s="18"/>
      <c r="O437" s="18"/>
      <c r="P437" s="19"/>
      <c r="Q437" s="19"/>
      <c r="R437" s="19"/>
      <c r="S437" s="19"/>
      <c r="T437" s="19"/>
      <c r="U437" s="19"/>
      <c r="V437" s="19"/>
      <c r="W437" s="19"/>
      <c r="X437" s="19"/>
      <c r="Y437" s="19"/>
      <c r="Z437" s="19"/>
      <c r="AA437" s="19"/>
    </row>
    <row r="438" spans="1:27" s="1" customFormat="1" ht="11.1" customHeight="1" outlineLevel="2" x14ac:dyDescent="0.2">
      <c r="A438" s="17">
        <v>13815</v>
      </c>
      <c r="B438" s="17"/>
      <c r="C438" s="17"/>
      <c r="D438" s="18" t="s">
        <v>227</v>
      </c>
      <c r="E438" s="18"/>
      <c r="F438" s="18"/>
      <c r="G438" s="18"/>
      <c r="H438" s="18"/>
      <c r="I438" s="18"/>
      <c r="J438" s="18"/>
      <c r="K438" s="18"/>
      <c r="L438" s="18"/>
      <c r="M438" s="18"/>
      <c r="N438" s="18"/>
      <c r="O438" s="18"/>
      <c r="P438" s="19">
        <v>280</v>
      </c>
      <c r="Q438" s="19"/>
      <c r="R438" s="19"/>
      <c r="S438" s="19"/>
      <c r="T438" s="19">
        <v>200</v>
      </c>
      <c r="U438" s="19"/>
      <c r="V438" s="19"/>
      <c r="W438" s="19"/>
      <c r="X438" s="19">
        <v>18</v>
      </c>
      <c r="Y438" s="19"/>
      <c r="Z438" s="19"/>
      <c r="AA438" s="19"/>
    </row>
    <row r="439" spans="1:27" s="1" customFormat="1" ht="11.1" customHeight="1" outlineLevel="2" x14ac:dyDescent="0.2">
      <c r="A439" s="17"/>
      <c r="B439" s="17"/>
      <c r="C439" s="17"/>
      <c r="D439" s="18"/>
      <c r="E439" s="18"/>
      <c r="F439" s="18"/>
      <c r="G439" s="18"/>
      <c r="H439" s="18"/>
      <c r="I439" s="18"/>
      <c r="J439" s="18"/>
      <c r="K439" s="18"/>
      <c r="L439" s="18"/>
      <c r="M439" s="18"/>
      <c r="N439" s="18"/>
      <c r="O439" s="18"/>
      <c r="P439" s="19"/>
      <c r="Q439" s="19"/>
      <c r="R439" s="19"/>
      <c r="S439" s="19"/>
      <c r="T439" s="19"/>
      <c r="U439" s="19"/>
      <c r="V439" s="19"/>
      <c r="W439" s="19"/>
      <c r="X439" s="19"/>
      <c r="Y439" s="19"/>
      <c r="Z439" s="19"/>
      <c r="AA439" s="19"/>
    </row>
    <row r="440" spans="1:27" s="1" customFormat="1" ht="11.1" customHeight="1" outlineLevel="2" x14ac:dyDescent="0.2">
      <c r="A440" s="17">
        <v>9729</v>
      </c>
      <c r="B440" s="17"/>
      <c r="C440" s="17"/>
      <c r="D440" s="18" t="s">
        <v>228</v>
      </c>
      <c r="E440" s="18"/>
      <c r="F440" s="18"/>
      <c r="G440" s="18"/>
      <c r="H440" s="18"/>
      <c r="I440" s="18"/>
      <c r="J440" s="18"/>
      <c r="K440" s="18"/>
      <c r="L440" s="18"/>
      <c r="M440" s="18"/>
      <c r="N440" s="18"/>
      <c r="O440" s="18"/>
      <c r="P440" s="19">
        <v>290</v>
      </c>
      <c r="Q440" s="19"/>
      <c r="R440" s="19"/>
      <c r="S440" s="19"/>
      <c r="T440" s="19">
        <v>210</v>
      </c>
      <c r="U440" s="19"/>
      <c r="V440" s="19"/>
      <c r="W440" s="19"/>
      <c r="X440" s="19">
        <v>22</v>
      </c>
      <c r="Y440" s="19"/>
      <c r="Z440" s="19"/>
      <c r="AA440" s="19"/>
    </row>
    <row r="441" spans="1:27" s="1" customFormat="1" ht="11.1" customHeight="1" outlineLevel="2" x14ac:dyDescent="0.2">
      <c r="A441" s="17"/>
      <c r="B441" s="17"/>
      <c r="C441" s="17"/>
      <c r="D441" s="18"/>
      <c r="E441" s="18"/>
      <c r="F441" s="18"/>
      <c r="G441" s="18"/>
      <c r="H441" s="18"/>
      <c r="I441" s="18"/>
      <c r="J441" s="18"/>
      <c r="K441" s="18"/>
      <c r="L441" s="18"/>
      <c r="M441" s="18"/>
      <c r="N441" s="18"/>
      <c r="O441" s="18"/>
      <c r="P441" s="19"/>
      <c r="Q441" s="19"/>
      <c r="R441" s="19"/>
      <c r="S441" s="19"/>
      <c r="T441" s="19"/>
      <c r="U441" s="19"/>
      <c r="V441" s="19"/>
      <c r="W441" s="19"/>
      <c r="X441" s="19"/>
      <c r="Y441" s="19"/>
      <c r="Z441" s="19"/>
      <c r="AA441" s="19"/>
    </row>
    <row r="442" spans="1:27" s="1" customFormat="1" ht="11.1" customHeight="1" outlineLevel="2" x14ac:dyDescent="0.2">
      <c r="A442" s="17">
        <v>10168</v>
      </c>
      <c r="B442" s="17"/>
      <c r="C442" s="17"/>
      <c r="D442" s="18" t="s">
        <v>229</v>
      </c>
      <c r="E442" s="18"/>
      <c r="F442" s="18"/>
      <c r="G442" s="18"/>
      <c r="H442" s="18"/>
      <c r="I442" s="18"/>
      <c r="J442" s="18"/>
      <c r="K442" s="18"/>
      <c r="L442" s="18"/>
      <c r="M442" s="18"/>
      <c r="N442" s="18"/>
      <c r="O442" s="18"/>
      <c r="P442" s="20">
        <v>1090</v>
      </c>
      <c r="Q442" s="20"/>
      <c r="R442" s="20"/>
      <c r="S442" s="20"/>
      <c r="T442" s="20">
        <v>1000</v>
      </c>
      <c r="U442" s="20"/>
      <c r="V442" s="20"/>
      <c r="W442" s="20"/>
      <c r="X442" s="19">
        <v>6</v>
      </c>
      <c r="Y442" s="19"/>
      <c r="Z442" s="19"/>
      <c r="AA442" s="19"/>
    </row>
    <row r="443" spans="1:27" s="1" customFormat="1" ht="11.1" customHeight="1" outlineLevel="2" x14ac:dyDescent="0.2">
      <c r="A443" s="17"/>
      <c r="B443" s="17"/>
      <c r="C443" s="17"/>
      <c r="D443" s="18"/>
      <c r="E443" s="18"/>
      <c r="F443" s="18"/>
      <c r="G443" s="18"/>
      <c r="H443" s="18"/>
      <c r="I443" s="18"/>
      <c r="J443" s="18"/>
      <c r="K443" s="18"/>
      <c r="L443" s="18"/>
      <c r="M443" s="18"/>
      <c r="N443" s="18"/>
      <c r="O443" s="18"/>
      <c r="P443" s="20"/>
      <c r="Q443" s="20"/>
      <c r="R443" s="20"/>
      <c r="S443" s="20"/>
      <c r="T443" s="20"/>
      <c r="U443" s="20"/>
      <c r="V443" s="20"/>
      <c r="W443" s="20"/>
      <c r="X443" s="19"/>
      <c r="Y443" s="19"/>
      <c r="Z443" s="19"/>
      <c r="AA443" s="19"/>
    </row>
    <row r="444" spans="1:27" s="1" customFormat="1" ht="11.1" customHeight="1" outlineLevel="2" x14ac:dyDescent="0.2">
      <c r="A444" s="17">
        <v>15178</v>
      </c>
      <c r="B444" s="17"/>
      <c r="C444" s="17"/>
      <c r="D444" s="18" t="s">
        <v>230</v>
      </c>
      <c r="E444" s="18"/>
      <c r="F444" s="18"/>
      <c r="G444" s="18"/>
      <c r="H444" s="18"/>
      <c r="I444" s="18"/>
      <c r="J444" s="18"/>
      <c r="K444" s="18"/>
      <c r="L444" s="18"/>
      <c r="M444" s="18"/>
      <c r="N444" s="18"/>
      <c r="O444" s="18"/>
      <c r="P444" s="20">
        <v>1800</v>
      </c>
      <c r="Q444" s="20"/>
      <c r="R444" s="20"/>
      <c r="S444" s="20"/>
      <c r="T444" s="20">
        <v>1600</v>
      </c>
      <c r="U444" s="20"/>
      <c r="V444" s="20"/>
      <c r="W444" s="20"/>
      <c r="X444" s="19">
        <v>6</v>
      </c>
      <c r="Y444" s="19"/>
      <c r="Z444" s="19"/>
      <c r="AA444" s="19"/>
    </row>
    <row r="445" spans="1:27" s="1" customFormat="1" ht="11.1" customHeight="1" outlineLevel="2" x14ac:dyDescent="0.2">
      <c r="A445" s="17"/>
      <c r="B445" s="17"/>
      <c r="C445" s="17"/>
      <c r="D445" s="18"/>
      <c r="E445" s="18"/>
      <c r="F445" s="18"/>
      <c r="G445" s="18"/>
      <c r="H445" s="18"/>
      <c r="I445" s="18"/>
      <c r="J445" s="18"/>
      <c r="K445" s="18"/>
      <c r="L445" s="18"/>
      <c r="M445" s="18"/>
      <c r="N445" s="18"/>
      <c r="O445" s="18"/>
      <c r="P445" s="20"/>
      <c r="Q445" s="20"/>
      <c r="R445" s="20"/>
      <c r="S445" s="20"/>
      <c r="T445" s="20"/>
      <c r="U445" s="20"/>
      <c r="V445" s="20"/>
      <c r="W445" s="20"/>
      <c r="X445" s="19"/>
      <c r="Y445" s="19"/>
      <c r="Z445" s="19"/>
      <c r="AA445" s="19"/>
    </row>
    <row r="446" spans="1:27" s="1" customFormat="1" ht="14.1" customHeight="1" outlineLevel="2" x14ac:dyDescent="0.2">
      <c r="A446" s="17">
        <v>13543</v>
      </c>
      <c r="B446" s="17"/>
      <c r="C446" s="17"/>
      <c r="D446" s="18" t="s">
        <v>231</v>
      </c>
      <c r="E446" s="18"/>
      <c r="F446" s="18"/>
      <c r="G446" s="18"/>
      <c r="H446" s="18"/>
      <c r="I446" s="18"/>
      <c r="J446" s="18"/>
      <c r="K446" s="18"/>
      <c r="L446" s="18"/>
      <c r="M446" s="18"/>
      <c r="N446" s="18"/>
      <c r="O446" s="18"/>
      <c r="P446" s="20">
        <v>1550</v>
      </c>
      <c r="Q446" s="20"/>
      <c r="R446" s="20"/>
      <c r="S446" s="20"/>
      <c r="T446" s="20">
        <v>1400</v>
      </c>
      <c r="U446" s="20"/>
      <c r="V446" s="20"/>
      <c r="W446" s="20"/>
      <c r="X446" s="19">
        <v>8</v>
      </c>
      <c r="Y446" s="19"/>
      <c r="Z446" s="19"/>
      <c r="AA446" s="19"/>
    </row>
    <row r="447" spans="1:27" s="1" customFormat="1" ht="14.1" customHeight="1" outlineLevel="2" x14ac:dyDescent="0.2">
      <c r="A447" s="17"/>
      <c r="B447" s="17"/>
      <c r="C447" s="17"/>
      <c r="D447" s="18"/>
      <c r="E447" s="18"/>
      <c r="F447" s="18"/>
      <c r="G447" s="18"/>
      <c r="H447" s="18"/>
      <c r="I447" s="18"/>
      <c r="J447" s="18"/>
      <c r="K447" s="18"/>
      <c r="L447" s="18"/>
      <c r="M447" s="18"/>
      <c r="N447" s="18"/>
      <c r="O447" s="18"/>
      <c r="P447" s="20"/>
      <c r="Q447" s="20"/>
      <c r="R447" s="20"/>
      <c r="S447" s="20"/>
      <c r="T447" s="20"/>
      <c r="U447" s="20"/>
      <c r="V447" s="20"/>
      <c r="W447" s="20"/>
      <c r="X447" s="19"/>
      <c r="Y447" s="19"/>
      <c r="Z447" s="19"/>
      <c r="AA447" s="19"/>
    </row>
    <row r="448" spans="1:27" s="1" customFormat="1" ht="14.1" customHeight="1" outlineLevel="2" x14ac:dyDescent="0.2">
      <c r="A448" s="17">
        <v>10670</v>
      </c>
      <c r="B448" s="17"/>
      <c r="C448" s="17"/>
      <c r="D448" s="18" t="s">
        <v>232</v>
      </c>
      <c r="E448" s="18"/>
      <c r="F448" s="18"/>
      <c r="G448" s="18"/>
      <c r="H448" s="18"/>
      <c r="I448" s="18"/>
      <c r="J448" s="18"/>
      <c r="K448" s="18"/>
      <c r="L448" s="18"/>
      <c r="M448" s="18"/>
      <c r="N448" s="18"/>
      <c r="O448" s="18"/>
      <c r="P448" s="20">
        <v>1200</v>
      </c>
      <c r="Q448" s="20"/>
      <c r="R448" s="20"/>
      <c r="S448" s="20"/>
      <c r="T448" s="20">
        <v>1000</v>
      </c>
      <c r="U448" s="20"/>
      <c r="V448" s="20"/>
      <c r="W448" s="20"/>
      <c r="X448" s="19">
        <v>3</v>
      </c>
      <c r="Y448" s="19"/>
      <c r="Z448" s="19"/>
      <c r="AA448" s="19"/>
    </row>
    <row r="449" spans="1:27" s="1" customFormat="1" ht="14.1" customHeight="1" outlineLevel="2" x14ac:dyDescent="0.2">
      <c r="A449" s="17"/>
      <c r="B449" s="17"/>
      <c r="C449" s="17"/>
      <c r="D449" s="18"/>
      <c r="E449" s="18"/>
      <c r="F449" s="18"/>
      <c r="G449" s="18"/>
      <c r="H449" s="18"/>
      <c r="I449" s="18"/>
      <c r="J449" s="18"/>
      <c r="K449" s="18"/>
      <c r="L449" s="18"/>
      <c r="M449" s="18"/>
      <c r="N449" s="18"/>
      <c r="O449" s="18"/>
      <c r="P449" s="20"/>
      <c r="Q449" s="20"/>
      <c r="R449" s="20"/>
      <c r="S449" s="20"/>
      <c r="T449" s="20"/>
      <c r="U449" s="20"/>
      <c r="V449" s="20"/>
      <c r="W449" s="20"/>
      <c r="X449" s="19"/>
      <c r="Y449" s="19"/>
      <c r="Z449" s="19"/>
      <c r="AA449" s="19"/>
    </row>
    <row r="450" spans="1:27" s="1" customFormat="1" ht="14.1" customHeight="1" outlineLevel="2" x14ac:dyDescent="0.2">
      <c r="A450" s="17">
        <v>16249</v>
      </c>
      <c r="B450" s="17"/>
      <c r="C450" s="17"/>
      <c r="D450" s="18" t="s">
        <v>233</v>
      </c>
      <c r="E450" s="18"/>
      <c r="F450" s="18"/>
      <c r="G450" s="18"/>
      <c r="H450" s="18"/>
      <c r="I450" s="18"/>
      <c r="J450" s="18"/>
      <c r="K450" s="18"/>
      <c r="L450" s="18"/>
      <c r="M450" s="18"/>
      <c r="N450" s="18"/>
      <c r="O450" s="18"/>
      <c r="P450" s="20">
        <v>1200</v>
      </c>
      <c r="Q450" s="20"/>
      <c r="R450" s="20"/>
      <c r="S450" s="20"/>
      <c r="T450" s="19">
        <v>900</v>
      </c>
      <c r="U450" s="19"/>
      <c r="V450" s="19"/>
      <c r="W450" s="19"/>
      <c r="X450" s="19">
        <v>4</v>
      </c>
      <c r="Y450" s="19"/>
      <c r="Z450" s="19"/>
      <c r="AA450" s="19"/>
    </row>
    <row r="451" spans="1:27" s="1" customFormat="1" ht="14.1" customHeight="1" outlineLevel="2" x14ac:dyDescent="0.2">
      <c r="A451" s="17"/>
      <c r="B451" s="17"/>
      <c r="C451" s="17"/>
      <c r="D451" s="18"/>
      <c r="E451" s="18"/>
      <c r="F451" s="18"/>
      <c r="G451" s="18"/>
      <c r="H451" s="18"/>
      <c r="I451" s="18"/>
      <c r="J451" s="18"/>
      <c r="K451" s="18"/>
      <c r="L451" s="18"/>
      <c r="M451" s="18"/>
      <c r="N451" s="18"/>
      <c r="O451" s="18"/>
      <c r="P451" s="20"/>
      <c r="Q451" s="20"/>
      <c r="R451" s="20"/>
      <c r="S451" s="20"/>
      <c r="T451" s="19"/>
      <c r="U451" s="19"/>
      <c r="V451" s="19"/>
      <c r="W451" s="19"/>
      <c r="X451" s="19"/>
      <c r="Y451" s="19"/>
      <c r="Z451" s="19"/>
      <c r="AA451" s="19"/>
    </row>
    <row r="452" spans="1:27" s="1" customFormat="1" ht="14.1" customHeight="1" outlineLevel="2" x14ac:dyDescent="0.2">
      <c r="A452" s="17">
        <v>13938</v>
      </c>
      <c r="B452" s="17"/>
      <c r="C452" s="17"/>
      <c r="D452" s="18" t="s">
        <v>234</v>
      </c>
      <c r="E452" s="18"/>
      <c r="F452" s="18"/>
      <c r="G452" s="18"/>
      <c r="H452" s="18"/>
      <c r="I452" s="18"/>
      <c r="J452" s="18"/>
      <c r="K452" s="18"/>
      <c r="L452" s="18"/>
      <c r="M452" s="18"/>
      <c r="N452" s="18"/>
      <c r="O452" s="18"/>
      <c r="P452" s="20">
        <v>1020</v>
      </c>
      <c r="Q452" s="20"/>
      <c r="R452" s="20"/>
      <c r="S452" s="20"/>
      <c r="T452" s="19">
        <v>770</v>
      </c>
      <c r="U452" s="19"/>
      <c r="V452" s="19"/>
      <c r="W452" s="19"/>
      <c r="X452" s="19">
        <v>2</v>
      </c>
      <c r="Y452" s="19"/>
      <c r="Z452" s="19"/>
      <c r="AA452" s="19"/>
    </row>
    <row r="453" spans="1:27" s="1" customFormat="1" ht="14.1" customHeight="1" outlineLevel="2" x14ac:dyDescent="0.2">
      <c r="A453" s="17"/>
      <c r="B453" s="17"/>
      <c r="C453" s="17"/>
      <c r="D453" s="18"/>
      <c r="E453" s="18"/>
      <c r="F453" s="18"/>
      <c r="G453" s="18"/>
      <c r="H453" s="18"/>
      <c r="I453" s="18"/>
      <c r="J453" s="18"/>
      <c r="K453" s="18"/>
      <c r="L453" s="18"/>
      <c r="M453" s="18"/>
      <c r="N453" s="18"/>
      <c r="O453" s="18"/>
      <c r="P453" s="20"/>
      <c r="Q453" s="20"/>
      <c r="R453" s="20"/>
      <c r="S453" s="20"/>
      <c r="T453" s="19"/>
      <c r="U453" s="19"/>
      <c r="V453" s="19"/>
      <c r="W453" s="19"/>
      <c r="X453" s="19"/>
      <c r="Y453" s="19"/>
      <c r="Z453" s="19"/>
      <c r="AA453" s="19"/>
    </row>
    <row r="454" spans="1:27" s="1" customFormat="1" ht="11.1" customHeight="1" outlineLevel="2" x14ac:dyDescent="0.2">
      <c r="A454" s="17">
        <v>12615</v>
      </c>
      <c r="B454" s="17"/>
      <c r="C454" s="17"/>
      <c r="D454" s="18" t="s">
        <v>235</v>
      </c>
      <c r="E454" s="18"/>
      <c r="F454" s="18"/>
      <c r="G454" s="18"/>
      <c r="H454" s="18"/>
      <c r="I454" s="18"/>
      <c r="J454" s="18"/>
      <c r="K454" s="18"/>
      <c r="L454" s="18"/>
      <c r="M454" s="18"/>
      <c r="N454" s="18"/>
      <c r="O454" s="18"/>
      <c r="P454" s="20">
        <v>1800</v>
      </c>
      <c r="Q454" s="20"/>
      <c r="R454" s="20"/>
      <c r="S454" s="20"/>
      <c r="T454" s="20">
        <v>1550</v>
      </c>
      <c r="U454" s="20"/>
      <c r="V454" s="20"/>
      <c r="W454" s="20"/>
      <c r="X454" s="19">
        <v>1</v>
      </c>
      <c r="Y454" s="19"/>
      <c r="Z454" s="19"/>
      <c r="AA454" s="19"/>
    </row>
    <row r="455" spans="1:27" s="1" customFormat="1" ht="11.1" customHeight="1" outlineLevel="2" x14ac:dyDescent="0.2">
      <c r="A455" s="17"/>
      <c r="B455" s="17"/>
      <c r="C455" s="17"/>
      <c r="D455" s="18"/>
      <c r="E455" s="18"/>
      <c r="F455" s="18"/>
      <c r="G455" s="18"/>
      <c r="H455" s="18"/>
      <c r="I455" s="18"/>
      <c r="J455" s="18"/>
      <c r="K455" s="18"/>
      <c r="L455" s="18"/>
      <c r="M455" s="18"/>
      <c r="N455" s="18"/>
      <c r="O455" s="18"/>
      <c r="P455" s="20"/>
      <c r="Q455" s="20"/>
      <c r="R455" s="20"/>
      <c r="S455" s="20"/>
      <c r="T455" s="20"/>
      <c r="U455" s="20"/>
      <c r="V455" s="20"/>
      <c r="W455" s="20"/>
      <c r="X455" s="19"/>
      <c r="Y455" s="19"/>
      <c r="Z455" s="19"/>
      <c r="AA455" s="19"/>
    </row>
    <row r="456" spans="1:27" s="1" customFormat="1" ht="14.1" customHeight="1" outlineLevel="2" x14ac:dyDescent="0.2">
      <c r="A456" s="17">
        <v>17287</v>
      </c>
      <c r="B456" s="17"/>
      <c r="C456" s="17"/>
      <c r="D456" s="18" t="s">
        <v>236</v>
      </c>
      <c r="E456" s="18"/>
      <c r="F456" s="18"/>
      <c r="G456" s="18"/>
      <c r="H456" s="18"/>
      <c r="I456" s="18"/>
      <c r="J456" s="18"/>
      <c r="K456" s="18"/>
      <c r="L456" s="18"/>
      <c r="M456" s="18"/>
      <c r="N456" s="18"/>
      <c r="O456" s="18"/>
      <c r="P456" s="19">
        <v>990</v>
      </c>
      <c r="Q456" s="19"/>
      <c r="R456" s="19"/>
      <c r="S456" s="19"/>
      <c r="T456" s="19">
        <v>790</v>
      </c>
      <c r="U456" s="19"/>
      <c r="V456" s="19"/>
      <c r="W456" s="19"/>
      <c r="X456" s="19">
        <v>18</v>
      </c>
      <c r="Y456" s="19"/>
      <c r="Z456" s="19"/>
      <c r="AA456" s="19"/>
    </row>
    <row r="457" spans="1:27" s="1" customFormat="1" ht="14.1" customHeight="1" outlineLevel="2" x14ac:dyDescent="0.2">
      <c r="A457" s="17"/>
      <c r="B457" s="17"/>
      <c r="C457" s="17"/>
      <c r="D457" s="18"/>
      <c r="E457" s="18"/>
      <c r="F457" s="18"/>
      <c r="G457" s="18"/>
      <c r="H457" s="18"/>
      <c r="I457" s="18"/>
      <c r="J457" s="18"/>
      <c r="K457" s="18"/>
      <c r="L457" s="18"/>
      <c r="M457" s="18"/>
      <c r="N457" s="18"/>
      <c r="O457" s="18"/>
      <c r="P457" s="19"/>
      <c r="Q457" s="19"/>
      <c r="R457" s="19"/>
      <c r="S457" s="19"/>
      <c r="T457" s="19"/>
      <c r="U457" s="19"/>
      <c r="V457" s="19"/>
      <c r="W457" s="19"/>
      <c r="X457" s="19"/>
      <c r="Y457" s="19"/>
      <c r="Z457" s="19"/>
      <c r="AA457" s="19"/>
    </row>
    <row r="458" spans="1:27" s="1" customFormat="1" ht="14.1" customHeight="1" outlineLevel="2" x14ac:dyDescent="0.2">
      <c r="A458" s="17">
        <v>17681</v>
      </c>
      <c r="B458" s="17"/>
      <c r="C458" s="17"/>
      <c r="D458" s="18" t="s">
        <v>237</v>
      </c>
      <c r="E458" s="18"/>
      <c r="F458" s="18"/>
      <c r="G458" s="18"/>
      <c r="H458" s="18"/>
      <c r="I458" s="18"/>
      <c r="J458" s="18"/>
      <c r="K458" s="18"/>
      <c r="L458" s="18"/>
      <c r="M458" s="18"/>
      <c r="N458" s="18"/>
      <c r="O458" s="18"/>
      <c r="P458" s="19">
        <v>600</v>
      </c>
      <c r="Q458" s="19"/>
      <c r="R458" s="19"/>
      <c r="S458" s="19"/>
      <c r="T458" s="19">
        <v>500</v>
      </c>
      <c r="U458" s="19"/>
      <c r="V458" s="19"/>
      <c r="W458" s="19"/>
      <c r="X458" s="19">
        <v>1</v>
      </c>
      <c r="Y458" s="19"/>
      <c r="Z458" s="19"/>
      <c r="AA458" s="19"/>
    </row>
    <row r="459" spans="1:27" s="1" customFormat="1" ht="14.1" customHeight="1" outlineLevel="2" x14ac:dyDescent="0.2">
      <c r="A459" s="17"/>
      <c r="B459" s="17"/>
      <c r="C459" s="17"/>
      <c r="D459" s="18"/>
      <c r="E459" s="18"/>
      <c r="F459" s="18"/>
      <c r="G459" s="18"/>
      <c r="H459" s="18"/>
      <c r="I459" s="18"/>
      <c r="J459" s="18"/>
      <c r="K459" s="18"/>
      <c r="L459" s="18"/>
      <c r="M459" s="18"/>
      <c r="N459" s="18"/>
      <c r="O459" s="18"/>
      <c r="P459" s="19"/>
      <c r="Q459" s="19"/>
      <c r="R459" s="19"/>
      <c r="S459" s="19"/>
      <c r="T459" s="19"/>
      <c r="U459" s="19"/>
      <c r="V459" s="19"/>
      <c r="W459" s="19"/>
      <c r="X459" s="19"/>
      <c r="Y459" s="19"/>
      <c r="Z459" s="19"/>
      <c r="AA459" s="19"/>
    </row>
    <row r="460" spans="1:27" s="1" customFormat="1" ht="14.1" customHeight="1" outlineLevel="2" x14ac:dyDescent="0.2">
      <c r="A460" s="17">
        <v>17682</v>
      </c>
      <c r="B460" s="17"/>
      <c r="C460" s="17"/>
      <c r="D460" s="18" t="s">
        <v>238</v>
      </c>
      <c r="E460" s="18"/>
      <c r="F460" s="18"/>
      <c r="G460" s="18"/>
      <c r="H460" s="18"/>
      <c r="I460" s="18"/>
      <c r="J460" s="18"/>
      <c r="K460" s="18"/>
      <c r="L460" s="18"/>
      <c r="M460" s="18"/>
      <c r="N460" s="18"/>
      <c r="O460" s="18"/>
      <c r="P460" s="19">
        <v>600</v>
      </c>
      <c r="Q460" s="19"/>
      <c r="R460" s="19"/>
      <c r="S460" s="19"/>
      <c r="T460" s="19">
        <v>500</v>
      </c>
      <c r="U460" s="19"/>
      <c r="V460" s="19"/>
      <c r="W460" s="19"/>
      <c r="X460" s="19">
        <v>1</v>
      </c>
      <c r="Y460" s="19"/>
      <c r="Z460" s="19"/>
      <c r="AA460" s="19"/>
    </row>
    <row r="461" spans="1:27" s="1" customFormat="1" ht="14.1" customHeight="1" outlineLevel="2" x14ac:dyDescent="0.2">
      <c r="A461" s="17"/>
      <c r="B461" s="17"/>
      <c r="C461" s="17"/>
      <c r="D461" s="18"/>
      <c r="E461" s="18"/>
      <c r="F461" s="18"/>
      <c r="G461" s="18"/>
      <c r="H461" s="18"/>
      <c r="I461" s="18"/>
      <c r="J461" s="18"/>
      <c r="K461" s="18"/>
      <c r="L461" s="18"/>
      <c r="M461" s="18"/>
      <c r="N461" s="18"/>
      <c r="O461" s="18"/>
      <c r="P461" s="19"/>
      <c r="Q461" s="19"/>
      <c r="R461" s="19"/>
      <c r="S461" s="19"/>
      <c r="T461" s="19"/>
      <c r="U461" s="19"/>
      <c r="V461" s="19"/>
      <c r="W461" s="19"/>
      <c r="X461" s="19"/>
      <c r="Y461" s="19"/>
      <c r="Z461" s="19"/>
      <c r="AA461" s="19"/>
    </row>
    <row r="462" spans="1:27" s="1" customFormat="1" ht="11.1" customHeight="1" outlineLevel="1" x14ac:dyDescent="0.2">
      <c r="A462" s="16" t="s">
        <v>239</v>
      </c>
      <c r="B462" s="16"/>
      <c r="C462" s="16"/>
      <c r="D462" s="16"/>
      <c r="E462" s="16"/>
      <c r="F462" s="16"/>
      <c r="G462" s="16"/>
      <c r="H462" s="16"/>
      <c r="I462" s="16"/>
      <c r="J462" s="16"/>
      <c r="K462" s="16"/>
      <c r="L462" s="16"/>
      <c r="M462" s="16"/>
      <c r="N462" s="16"/>
      <c r="O462" s="16"/>
      <c r="P462" s="16"/>
      <c r="Q462" s="16"/>
      <c r="R462" s="16"/>
      <c r="S462" s="16"/>
      <c r="T462" s="16"/>
      <c r="U462" s="16"/>
      <c r="V462" s="16"/>
      <c r="W462" s="16"/>
      <c r="X462" s="16"/>
      <c r="Y462" s="16"/>
      <c r="Z462" s="16"/>
      <c r="AA462" s="16"/>
    </row>
    <row r="463" spans="1:27" s="1" customFormat="1" ht="11.1" customHeight="1" outlineLevel="1" x14ac:dyDescent="0.2">
      <c r="A463" s="16"/>
      <c r="B463" s="16"/>
      <c r="C463" s="16"/>
      <c r="D463" s="16"/>
      <c r="E463" s="16"/>
      <c r="F463" s="16"/>
      <c r="G463" s="16"/>
      <c r="H463" s="16"/>
      <c r="I463" s="16"/>
      <c r="J463" s="16"/>
      <c r="K463" s="16"/>
      <c r="L463" s="16"/>
      <c r="M463" s="16"/>
      <c r="N463" s="16"/>
      <c r="O463" s="16"/>
      <c r="P463" s="16"/>
      <c r="Q463" s="16"/>
      <c r="R463" s="16"/>
      <c r="S463" s="16"/>
      <c r="T463" s="16"/>
      <c r="U463" s="16"/>
      <c r="V463" s="16"/>
      <c r="W463" s="16"/>
      <c r="X463" s="16"/>
      <c r="Y463" s="16"/>
      <c r="Z463" s="16"/>
      <c r="AA463" s="16"/>
    </row>
    <row r="464" spans="1:27" s="1" customFormat="1" ht="11.1" customHeight="1" outlineLevel="2" x14ac:dyDescent="0.2">
      <c r="A464" s="17">
        <v>16377</v>
      </c>
      <c r="B464" s="17"/>
      <c r="C464" s="17"/>
      <c r="D464" s="18" t="s">
        <v>240</v>
      </c>
      <c r="E464" s="18"/>
      <c r="F464" s="18"/>
      <c r="G464" s="18"/>
      <c r="H464" s="18"/>
      <c r="I464" s="18"/>
      <c r="J464" s="18"/>
      <c r="K464" s="18"/>
      <c r="L464" s="18"/>
      <c r="M464" s="18"/>
      <c r="N464" s="18"/>
      <c r="O464" s="18"/>
      <c r="P464" s="20">
        <v>1100</v>
      </c>
      <c r="Q464" s="20"/>
      <c r="R464" s="20"/>
      <c r="S464" s="20"/>
      <c r="T464" s="19">
        <v>890</v>
      </c>
      <c r="U464" s="19"/>
      <c r="V464" s="19"/>
      <c r="W464" s="19"/>
      <c r="X464" s="19">
        <v>25</v>
      </c>
      <c r="Y464" s="19"/>
      <c r="Z464" s="19"/>
      <c r="AA464" s="19"/>
    </row>
    <row r="465" spans="1:27" s="1" customFormat="1" ht="11.1" customHeight="1" outlineLevel="2" x14ac:dyDescent="0.2">
      <c r="A465" s="17"/>
      <c r="B465" s="17"/>
      <c r="C465" s="17"/>
      <c r="D465" s="18"/>
      <c r="E465" s="18"/>
      <c r="F465" s="18"/>
      <c r="G465" s="18"/>
      <c r="H465" s="18"/>
      <c r="I465" s="18"/>
      <c r="J465" s="18"/>
      <c r="K465" s="18"/>
      <c r="L465" s="18"/>
      <c r="M465" s="18"/>
      <c r="N465" s="18"/>
      <c r="O465" s="18"/>
      <c r="P465" s="20"/>
      <c r="Q465" s="20"/>
      <c r="R465" s="20"/>
      <c r="S465" s="20"/>
      <c r="T465" s="19"/>
      <c r="U465" s="19"/>
      <c r="V465" s="19"/>
      <c r="W465" s="19"/>
      <c r="X465" s="19"/>
      <c r="Y465" s="19"/>
      <c r="Z465" s="19"/>
      <c r="AA465" s="19"/>
    </row>
    <row r="466" spans="1:27" s="1" customFormat="1" ht="11.1" customHeight="1" outlineLevel="2" x14ac:dyDescent="0.2">
      <c r="A466" s="17">
        <v>15168</v>
      </c>
      <c r="B466" s="17"/>
      <c r="C466" s="17"/>
      <c r="D466" s="18" t="s">
        <v>241</v>
      </c>
      <c r="E466" s="18"/>
      <c r="F466" s="18"/>
      <c r="G466" s="18"/>
      <c r="H466" s="18"/>
      <c r="I466" s="18"/>
      <c r="J466" s="18"/>
      <c r="K466" s="18"/>
      <c r="L466" s="18"/>
      <c r="M466" s="18"/>
      <c r="N466" s="18"/>
      <c r="O466" s="18"/>
      <c r="P466" s="20">
        <v>1190</v>
      </c>
      <c r="Q466" s="20"/>
      <c r="R466" s="20"/>
      <c r="S466" s="20"/>
      <c r="T466" s="20">
        <v>1050</v>
      </c>
      <c r="U466" s="20"/>
      <c r="V466" s="20"/>
      <c r="W466" s="20"/>
      <c r="X466" s="19">
        <v>4</v>
      </c>
      <c r="Y466" s="19"/>
      <c r="Z466" s="19"/>
      <c r="AA466" s="19"/>
    </row>
    <row r="467" spans="1:27" s="1" customFormat="1" ht="11.1" customHeight="1" outlineLevel="2" x14ac:dyDescent="0.2">
      <c r="A467" s="17"/>
      <c r="B467" s="17"/>
      <c r="C467" s="17"/>
      <c r="D467" s="18"/>
      <c r="E467" s="18"/>
      <c r="F467" s="18"/>
      <c r="G467" s="18"/>
      <c r="H467" s="18"/>
      <c r="I467" s="18"/>
      <c r="J467" s="18"/>
      <c r="K467" s="18"/>
      <c r="L467" s="18"/>
      <c r="M467" s="18"/>
      <c r="N467" s="18"/>
      <c r="O467" s="18"/>
      <c r="P467" s="20"/>
      <c r="Q467" s="20"/>
      <c r="R467" s="20"/>
      <c r="S467" s="20"/>
      <c r="T467" s="20"/>
      <c r="U467" s="20"/>
      <c r="V467" s="20"/>
      <c r="W467" s="20"/>
      <c r="X467" s="19"/>
      <c r="Y467" s="19"/>
      <c r="Z467" s="19"/>
      <c r="AA467" s="19"/>
    </row>
    <row r="468" spans="1:27" s="1" customFormat="1" ht="11.1" customHeight="1" outlineLevel="2" x14ac:dyDescent="0.2">
      <c r="A468" s="17">
        <v>11315</v>
      </c>
      <c r="B468" s="17"/>
      <c r="C468" s="17"/>
      <c r="D468" s="18" t="s">
        <v>242</v>
      </c>
      <c r="E468" s="18"/>
      <c r="F468" s="18"/>
      <c r="G468" s="18"/>
      <c r="H468" s="18"/>
      <c r="I468" s="18"/>
      <c r="J468" s="18"/>
      <c r="K468" s="18"/>
      <c r="L468" s="18"/>
      <c r="M468" s="18"/>
      <c r="N468" s="18"/>
      <c r="O468" s="18"/>
      <c r="P468" s="20">
        <v>1800</v>
      </c>
      <c r="Q468" s="20"/>
      <c r="R468" s="20"/>
      <c r="S468" s="20"/>
      <c r="T468" s="20">
        <v>1700</v>
      </c>
      <c r="U468" s="20"/>
      <c r="V468" s="20"/>
      <c r="W468" s="20"/>
      <c r="X468" s="19">
        <v>10</v>
      </c>
      <c r="Y468" s="19"/>
      <c r="Z468" s="19"/>
      <c r="AA468" s="19"/>
    </row>
    <row r="469" spans="1:27" s="1" customFormat="1" ht="11.1" customHeight="1" outlineLevel="2" x14ac:dyDescent="0.2">
      <c r="A469" s="17"/>
      <c r="B469" s="17"/>
      <c r="C469" s="17"/>
      <c r="D469" s="18"/>
      <c r="E469" s="18"/>
      <c r="F469" s="18"/>
      <c r="G469" s="18"/>
      <c r="H469" s="18"/>
      <c r="I469" s="18"/>
      <c r="J469" s="18"/>
      <c r="K469" s="18"/>
      <c r="L469" s="18"/>
      <c r="M469" s="18"/>
      <c r="N469" s="18"/>
      <c r="O469" s="18"/>
      <c r="P469" s="20"/>
      <c r="Q469" s="20"/>
      <c r="R469" s="20"/>
      <c r="S469" s="20"/>
      <c r="T469" s="20"/>
      <c r="U469" s="20"/>
      <c r="V469" s="20"/>
      <c r="W469" s="20"/>
      <c r="X469" s="19"/>
      <c r="Y469" s="19"/>
      <c r="Z469" s="19"/>
      <c r="AA469" s="19"/>
    </row>
    <row r="470" spans="1:27" s="1" customFormat="1" ht="11.1" customHeight="1" outlineLevel="2" x14ac:dyDescent="0.2">
      <c r="A470" s="17">
        <v>10918</v>
      </c>
      <c r="B470" s="17"/>
      <c r="C470" s="17"/>
      <c r="D470" s="18" t="s">
        <v>243</v>
      </c>
      <c r="E470" s="18"/>
      <c r="F470" s="18"/>
      <c r="G470" s="18"/>
      <c r="H470" s="18"/>
      <c r="I470" s="18"/>
      <c r="J470" s="18"/>
      <c r="K470" s="18"/>
      <c r="L470" s="18"/>
      <c r="M470" s="18"/>
      <c r="N470" s="18"/>
      <c r="O470" s="18"/>
      <c r="P470" s="20">
        <v>1300</v>
      </c>
      <c r="Q470" s="20"/>
      <c r="R470" s="20"/>
      <c r="S470" s="20"/>
      <c r="T470" s="20">
        <v>1200</v>
      </c>
      <c r="U470" s="20"/>
      <c r="V470" s="20"/>
      <c r="W470" s="20"/>
      <c r="X470" s="19">
        <v>1</v>
      </c>
      <c r="Y470" s="19"/>
      <c r="Z470" s="19"/>
      <c r="AA470" s="19"/>
    </row>
    <row r="471" spans="1:27" s="1" customFormat="1" ht="11.1" customHeight="1" outlineLevel="2" x14ac:dyDescent="0.2">
      <c r="A471" s="17"/>
      <c r="B471" s="17"/>
      <c r="C471" s="17"/>
      <c r="D471" s="18"/>
      <c r="E471" s="18"/>
      <c r="F471" s="18"/>
      <c r="G471" s="18"/>
      <c r="H471" s="18"/>
      <c r="I471" s="18"/>
      <c r="J471" s="18"/>
      <c r="K471" s="18"/>
      <c r="L471" s="18"/>
      <c r="M471" s="18"/>
      <c r="N471" s="18"/>
      <c r="O471" s="18"/>
      <c r="P471" s="20"/>
      <c r="Q471" s="20"/>
      <c r="R471" s="20"/>
      <c r="S471" s="20"/>
      <c r="T471" s="20"/>
      <c r="U471" s="20"/>
      <c r="V471" s="20"/>
      <c r="W471" s="20"/>
      <c r="X471" s="19"/>
      <c r="Y471" s="19"/>
      <c r="Z471" s="19"/>
      <c r="AA471" s="19"/>
    </row>
    <row r="472" spans="1:27" s="1" customFormat="1" ht="11.1" customHeight="1" outlineLevel="2" x14ac:dyDescent="0.2">
      <c r="A472" s="17">
        <v>16873</v>
      </c>
      <c r="B472" s="17"/>
      <c r="C472" s="17"/>
      <c r="D472" s="18" t="s">
        <v>244</v>
      </c>
      <c r="E472" s="18"/>
      <c r="F472" s="18"/>
      <c r="G472" s="18"/>
      <c r="H472" s="18"/>
      <c r="I472" s="18"/>
      <c r="J472" s="18"/>
      <c r="K472" s="18"/>
      <c r="L472" s="18"/>
      <c r="M472" s="18"/>
      <c r="N472" s="18"/>
      <c r="O472" s="18"/>
      <c r="P472" s="20">
        <v>1200</v>
      </c>
      <c r="Q472" s="20"/>
      <c r="R472" s="20"/>
      <c r="S472" s="20"/>
      <c r="T472" s="20">
        <v>1000</v>
      </c>
      <c r="U472" s="20"/>
      <c r="V472" s="20"/>
      <c r="W472" s="20"/>
      <c r="X472" s="19">
        <v>1</v>
      </c>
      <c r="Y472" s="19"/>
      <c r="Z472" s="19"/>
      <c r="AA472" s="19"/>
    </row>
    <row r="473" spans="1:27" s="1" customFormat="1" ht="11.1" customHeight="1" outlineLevel="2" x14ac:dyDescent="0.2">
      <c r="A473" s="17"/>
      <c r="B473" s="17"/>
      <c r="C473" s="17"/>
      <c r="D473" s="18"/>
      <c r="E473" s="18"/>
      <c r="F473" s="18"/>
      <c r="G473" s="18"/>
      <c r="H473" s="18"/>
      <c r="I473" s="18"/>
      <c r="J473" s="18"/>
      <c r="K473" s="18"/>
      <c r="L473" s="18"/>
      <c r="M473" s="18"/>
      <c r="N473" s="18"/>
      <c r="O473" s="18"/>
      <c r="P473" s="20"/>
      <c r="Q473" s="20"/>
      <c r="R473" s="20"/>
      <c r="S473" s="20"/>
      <c r="T473" s="20"/>
      <c r="U473" s="20"/>
      <c r="V473" s="20"/>
      <c r="W473" s="20"/>
      <c r="X473" s="19"/>
      <c r="Y473" s="19"/>
      <c r="Z473" s="19"/>
      <c r="AA473" s="19"/>
    </row>
    <row r="474" spans="1:27" s="1" customFormat="1" ht="11.1" customHeight="1" outlineLevel="2" x14ac:dyDescent="0.2">
      <c r="A474" s="17">
        <v>16761</v>
      </c>
      <c r="B474" s="17"/>
      <c r="C474" s="17"/>
      <c r="D474" s="18" t="s">
        <v>245</v>
      </c>
      <c r="E474" s="18"/>
      <c r="F474" s="18"/>
      <c r="G474" s="18"/>
      <c r="H474" s="18"/>
      <c r="I474" s="18"/>
      <c r="J474" s="18"/>
      <c r="K474" s="18"/>
      <c r="L474" s="18"/>
      <c r="M474" s="18"/>
      <c r="N474" s="18"/>
      <c r="O474" s="18"/>
      <c r="P474" s="20">
        <v>1800</v>
      </c>
      <c r="Q474" s="20"/>
      <c r="R474" s="20"/>
      <c r="S474" s="20"/>
      <c r="T474" s="20">
        <v>1500</v>
      </c>
      <c r="U474" s="20"/>
      <c r="V474" s="20"/>
      <c r="W474" s="20"/>
      <c r="X474" s="19">
        <v>1</v>
      </c>
      <c r="Y474" s="19"/>
      <c r="Z474" s="19"/>
      <c r="AA474" s="19"/>
    </row>
    <row r="475" spans="1:27" s="1" customFormat="1" ht="11.1" customHeight="1" outlineLevel="2" x14ac:dyDescent="0.2">
      <c r="A475" s="17"/>
      <c r="B475" s="17"/>
      <c r="C475" s="17"/>
      <c r="D475" s="18"/>
      <c r="E475" s="18"/>
      <c r="F475" s="18"/>
      <c r="G475" s="18"/>
      <c r="H475" s="18"/>
      <c r="I475" s="18"/>
      <c r="J475" s="18"/>
      <c r="K475" s="18"/>
      <c r="L475" s="18"/>
      <c r="M475" s="18"/>
      <c r="N475" s="18"/>
      <c r="O475" s="18"/>
      <c r="P475" s="20"/>
      <c r="Q475" s="20"/>
      <c r="R475" s="20"/>
      <c r="S475" s="20"/>
      <c r="T475" s="20"/>
      <c r="U475" s="20"/>
      <c r="V475" s="20"/>
      <c r="W475" s="20"/>
      <c r="X475" s="19"/>
      <c r="Y475" s="19"/>
      <c r="Z475" s="19"/>
      <c r="AA475" s="19"/>
    </row>
    <row r="476" spans="1:27" s="1" customFormat="1" ht="11.1" customHeight="1" outlineLevel="2" x14ac:dyDescent="0.2">
      <c r="A476" s="17">
        <v>16972</v>
      </c>
      <c r="B476" s="17"/>
      <c r="C476" s="17"/>
      <c r="D476" s="18" t="s">
        <v>246</v>
      </c>
      <c r="E476" s="18"/>
      <c r="F476" s="18"/>
      <c r="G476" s="18"/>
      <c r="H476" s="18"/>
      <c r="I476" s="18"/>
      <c r="J476" s="18"/>
      <c r="K476" s="18"/>
      <c r="L476" s="18"/>
      <c r="M476" s="18"/>
      <c r="N476" s="18"/>
      <c r="O476" s="18"/>
      <c r="P476" s="20">
        <v>1900</v>
      </c>
      <c r="Q476" s="20"/>
      <c r="R476" s="20"/>
      <c r="S476" s="20"/>
      <c r="T476" s="20">
        <v>1500</v>
      </c>
      <c r="U476" s="20"/>
      <c r="V476" s="20"/>
      <c r="W476" s="20"/>
      <c r="X476" s="19">
        <v>1</v>
      </c>
      <c r="Y476" s="19"/>
      <c r="Z476" s="19"/>
      <c r="AA476" s="19"/>
    </row>
    <row r="477" spans="1:27" s="1" customFormat="1" ht="11.1" customHeight="1" outlineLevel="2" x14ac:dyDescent="0.2">
      <c r="A477" s="17"/>
      <c r="B477" s="17"/>
      <c r="C477" s="17"/>
      <c r="D477" s="18"/>
      <c r="E477" s="18"/>
      <c r="F477" s="18"/>
      <c r="G477" s="18"/>
      <c r="H477" s="18"/>
      <c r="I477" s="18"/>
      <c r="J477" s="18"/>
      <c r="K477" s="18"/>
      <c r="L477" s="18"/>
      <c r="M477" s="18"/>
      <c r="N477" s="18"/>
      <c r="O477" s="18"/>
      <c r="P477" s="20"/>
      <c r="Q477" s="20"/>
      <c r="R477" s="20"/>
      <c r="S477" s="20"/>
      <c r="T477" s="20"/>
      <c r="U477" s="20"/>
      <c r="V477" s="20"/>
      <c r="W477" s="20"/>
      <c r="X477" s="19"/>
      <c r="Y477" s="19"/>
      <c r="Z477" s="19"/>
      <c r="AA477" s="19"/>
    </row>
    <row r="478" spans="1:27" s="1" customFormat="1" ht="14.1" customHeight="1" outlineLevel="2" x14ac:dyDescent="0.2">
      <c r="A478" s="17">
        <v>9732</v>
      </c>
      <c r="B478" s="17"/>
      <c r="C478" s="17"/>
      <c r="D478" s="18" t="s">
        <v>247</v>
      </c>
      <c r="E478" s="18"/>
      <c r="F478" s="18"/>
      <c r="G478" s="18"/>
      <c r="H478" s="18"/>
      <c r="I478" s="18"/>
      <c r="J478" s="18"/>
      <c r="K478" s="18"/>
      <c r="L478" s="18"/>
      <c r="M478" s="18"/>
      <c r="N478" s="18"/>
      <c r="O478" s="18"/>
      <c r="P478" s="20">
        <v>1150</v>
      </c>
      <c r="Q478" s="20"/>
      <c r="R478" s="20"/>
      <c r="S478" s="20"/>
      <c r="T478" s="20">
        <v>1050</v>
      </c>
      <c r="U478" s="20"/>
      <c r="V478" s="20"/>
      <c r="W478" s="20"/>
      <c r="X478" s="19">
        <v>1</v>
      </c>
      <c r="Y478" s="19"/>
      <c r="Z478" s="19"/>
      <c r="AA478" s="19"/>
    </row>
    <row r="479" spans="1:27" s="1" customFormat="1" ht="14.1" customHeight="1" outlineLevel="2" x14ac:dyDescent="0.2">
      <c r="A479" s="17"/>
      <c r="B479" s="17"/>
      <c r="C479" s="17"/>
      <c r="D479" s="18"/>
      <c r="E479" s="18"/>
      <c r="F479" s="18"/>
      <c r="G479" s="18"/>
      <c r="H479" s="18"/>
      <c r="I479" s="18"/>
      <c r="J479" s="18"/>
      <c r="K479" s="18"/>
      <c r="L479" s="18"/>
      <c r="M479" s="18"/>
      <c r="N479" s="18"/>
      <c r="O479" s="18"/>
      <c r="P479" s="20"/>
      <c r="Q479" s="20"/>
      <c r="R479" s="20"/>
      <c r="S479" s="20"/>
      <c r="T479" s="20"/>
      <c r="U479" s="20"/>
      <c r="V479" s="20"/>
      <c r="W479" s="20"/>
      <c r="X479" s="19"/>
      <c r="Y479" s="19"/>
      <c r="Z479" s="19"/>
      <c r="AA479" s="19"/>
    </row>
    <row r="480" spans="1:27" s="1" customFormat="1" ht="14.1" customHeight="1" outlineLevel="2" x14ac:dyDescent="0.2">
      <c r="A480" s="17">
        <v>10913</v>
      </c>
      <c r="B480" s="17"/>
      <c r="C480" s="17"/>
      <c r="D480" s="18" t="s">
        <v>248</v>
      </c>
      <c r="E480" s="18"/>
      <c r="F480" s="18"/>
      <c r="G480" s="18"/>
      <c r="H480" s="18"/>
      <c r="I480" s="18"/>
      <c r="J480" s="18"/>
      <c r="K480" s="18"/>
      <c r="L480" s="18"/>
      <c r="M480" s="18"/>
      <c r="N480" s="18"/>
      <c r="O480" s="18"/>
      <c r="P480" s="19">
        <v>750</v>
      </c>
      <c r="Q480" s="19"/>
      <c r="R480" s="19"/>
      <c r="S480" s="19"/>
      <c r="T480" s="19">
        <v>600</v>
      </c>
      <c r="U480" s="19"/>
      <c r="V480" s="19"/>
      <c r="W480" s="19"/>
      <c r="X480" s="19">
        <v>2</v>
      </c>
      <c r="Y480" s="19"/>
      <c r="Z480" s="19"/>
      <c r="AA480" s="19"/>
    </row>
    <row r="481" spans="1:27" s="1" customFormat="1" ht="14.1" customHeight="1" outlineLevel="2" x14ac:dyDescent="0.2">
      <c r="A481" s="17"/>
      <c r="B481" s="17"/>
      <c r="C481" s="17"/>
      <c r="D481" s="18"/>
      <c r="E481" s="18"/>
      <c r="F481" s="18"/>
      <c r="G481" s="18"/>
      <c r="H481" s="18"/>
      <c r="I481" s="18"/>
      <c r="J481" s="18"/>
      <c r="K481" s="18"/>
      <c r="L481" s="18"/>
      <c r="M481" s="18"/>
      <c r="N481" s="18"/>
      <c r="O481" s="18"/>
      <c r="P481" s="19"/>
      <c r="Q481" s="19"/>
      <c r="R481" s="19"/>
      <c r="S481" s="19"/>
      <c r="T481" s="19"/>
      <c r="U481" s="19"/>
      <c r="V481" s="19"/>
      <c r="W481" s="19"/>
      <c r="X481" s="19"/>
      <c r="Y481" s="19"/>
      <c r="Z481" s="19"/>
      <c r="AA481" s="19"/>
    </row>
    <row r="482" spans="1:27" s="1" customFormat="1" ht="11.1" customHeight="1" outlineLevel="2" x14ac:dyDescent="0.2">
      <c r="A482" s="17">
        <v>12175</v>
      </c>
      <c r="B482" s="17"/>
      <c r="C482" s="17"/>
      <c r="D482" s="18" t="s">
        <v>249</v>
      </c>
      <c r="E482" s="18"/>
      <c r="F482" s="18"/>
      <c r="G482" s="18"/>
      <c r="H482" s="18"/>
      <c r="I482" s="18"/>
      <c r="J482" s="18"/>
      <c r="K482" s="18"/>
      <c r="L482" s="18"/>
      <c r="M482" s="18"/>
      <c r="N482" s="18"/>
      <c r="O482" s="18"/>
      <c r="P482" s="19">
        <v>850</v>
      </c>
      <c r="Q482" s="19"/>
      <c r="R482" s="19"/>
      <c r="S482" s="19"/>
      <c r="T482" s="19">
        <v>700</v>
      </c>
      <c r="U482" s="19"/>
      <c r="V482" s="19"/>
      <c r="W482" s="19"/>
      <c r="X482" s="19">
        <v>2</v>
      </c>
      <c r="Y482" s="19"/>
      <c r="Z482" s="19"/>
      <c r="AA482" s="19"/>
    </row>
    <row r="483" spans="1:27" s="1" customFormat="1" ht="11.1" customHeight="1" outlineLevel="2" x14ac:dyDescent="0.2">
      <c r="A483" s="17"/>
      <c r="B483" s="17"/>
      <c r="C483" s="17"/>
      <c r="D483" s="18"/>
      <c r="E483" s="18"/>
      <c r="F483" s="18"/>
      <c r="G483" s="18"/>
      <c r="H483" s="18"/>
      <c r="I483" s="18"/>
      <c r="J483" s="18"/>
      <c r="K483" s="18"/>
      <c r="L483" s="18"/>
      <c r="M483" s="18"/>
      <c r="N483" s="18"/>
      <c r="O483" s="18"/>
      <c r="P483" s="19"/>
      <c r="Q483" s="19"/>
      <c r="R483" s="19"/>
      <c r="S483" s="19"/>
      <c r="T483" s="19"/>
      <c r="U483" s="19"/>
      <c r="V483" s="19"/>
      <c r="W483" s="19"/>
      <c r="X483" s="19"/>
      <c r="Y483" s="19"/>
      <c r="Z483" s="19"/>
      <c r="AA483" s="19"/>
    </row>
    <row r="484" spans="1:27" s="1" customFormat="1" ht="14.1" customHeight="1" outlineLevel="2" x14ac:dyDescent="0.2">
      <c r="A484" s="17">
        <v>13006</v>
      </c>
      <c r="B484" s="17"/>
      <c r="C484" s="17"/>
      <c r="D484" s="18" t="s">
        <v>250</v>
      </c>
      <c r="E484" s="18"/>
      <c r="F484" s="18"/>
      <c r="G484" s="18"/>
      <c r="H484" s="18"/>
      <c r="I484" s="18"/>
      <c r="J484" s="18"/>
      <c r="K484" s="18"/>
      <c r="L484" s="18"/>
      <c r="M484" s="18"/>
      <c r="N484" s="18"/>
      <c r="O484" s="18"/>
      <c r="P484" s="20">
        <v>5100</v>
      </c>
      <c r="Q484" s="20"/>
      <c r="R484" s="20"/>
      <c r="S484" s="20"/>
      <c r="T484" s="20">
        <v>4300</v>
      </c>
      <c r="U484" s="20"/>
      <c r="V484" s="20"/>
      <c r="W484" s="20"/>
      <c r="X484" s="19">
        <v>2</v>
      </c>
      <c r="Y484" s="19"/>
      <c r="Z484" s="19"/>
      <c r="AA484" s="19"/>
    </row>
    <row r="485" spans="1:27" s="1" customFormat="1" ht="14.1" customHeight="1" outlineLevel="2" x14ac:dyDescent="0.2">
      <c r="A485" s="17"/>
      <c r="B485" s="17"/>
      <c r="C485" s="17"/>
      <c r="D485" s="18"/>
      <c r="E485" s="18"/>
      <c r="F485" s="18"/>
      <c r="G485" s="18"/>
      <c r="H485" s="18"/>
      <c r="I485" s="18"/>
      <c r="J485" s="18"/>
      <c r="K485" s="18"/>
      <c r="L485" s="18"/>
      <c r="M485" s="18"/>
      <c r="N485" s="18"/>
      <c r="O485" s="18"/>
      <c r="P485" s="20"/>
      <c r="Q485" s="20"/>
      <c r="R485" s="20"/>
      <c r="S485" s="20"/>
      <c r="T485" s="20"/>
      <c r="U485" s="20"/>
      <c r="V485" s="20"/>
      <c r="W485" s="20"/>
      <c r="X485" s="19"/>
      <c r="Y485" s="19"/>
      <c r="Z485" s="19"/>
      <c r="AA485" s="19"/>
    </row>
    <row r="486" spans="1:27" s="1" customFormat="1" ht="14.1" customHeight="1" outlineLevel="2" x14ac:dyDescent="0.2">
      <c r="A486" s="17">
        <v>18105</v>
      </c>
      <c r="B486" s="17"/>
      <c r="C486" s="17"/>
      <c r="D486" s="18" t="s">
        <v>251</v>
      </c>
      <c r="E486" s="18"/>
      <c r="F486" s="18"/>
      <c r="G486" s="18"/>
      <c r="H486" s="18"/>
      <c r="I486" s="18"/>
      <c r="J486" s="18"/>
      <c r="K486" s="18"/>
      <c r="L486" s="18"/>
      <c r="M486" s="18"/>
      <c r="N486" s="18"/>
      <c r="O486" s="18"/>
      <c r="P486" s="20">
        <v>8000</v>
      </c>
      <c r="Q486" s="20"/>
      <c r="R486" s="20"/>
      <c r="S486" s="20"/>
      <c r="T486" s="20">
        <v>7500</v>
      </c>
      <c r="U486" s="20"/>
      <c r="V486" s="20"/>
      <c r="W486" s="20"/>
      <c r="X486" s="19">
        <v>1</v>
      </c>
      <c r="Y486" s="19"/>
      <c r="Z486" s="19"/>
      <c r="AA486" s="19"/>
    </row>
    <row r="487" spans="1:27" s="1" customFormat="1" ht="14.1" customHeight="1" outlineLevel="2" x14ac:dyDescent="0.2">
      <c r="A487" s="17"/>
      <c r="B487" s="17"/>
      <c r="C487" s="17"/>
      <c r="D487" s="18"/>
      <c r="E487" s="18"/>
      <c r="F487" s="18"/>
      <c r="G487" s="18"/>
      <c r="H487" s="18"/>
      <c r="I487" s="18"/>
      <c r="J487" s="18"/>
      <c r="K487" s="18"/>
      <c r="L487" s="18"/>
      <c r="M487" s="18"/>
      <c r="N487" s="18"/>
      <c r="O487" s="18"/>
      <c r="P487" s="20"/>
      <c r="Q487" s="20"/>
      <c r="R487" s="20"/>
      <c r="S487" s="20"/>
      <c r="T487" s="20"/>
      <c r="U487" s="20"/>
      <c r="V487" s="20"/>
      <c r="W487" s="20"/>
      <c r="X487" s="19"/>
      <c r="Y487" s="19"/>
      <c r="Z487" s="19"/>
      <c r="AA487" s="19"/>
    </row>
    <row r="488" spans="1:27" s="1" customFormat="1" ht="14.1" customHeight="1" outlineLevel="2" x14ac:dyDescent="0.2">
      <c r="A488" s="17">
        <v>17096</v>
      </c>
      <c r="B488" s="17"/>
      <c r="C488" s="17"/>
      <c r="D488" s="18" t="s">
        <v>252</v>
      </c>
      <c r="E488" s="18"/>
      <c r="F488" s="18"/>
      <c r="G488" s="18"/>
      <c r="H488" s="18"/>
      <c r="I488" s="18"/>
      <c r="J488" s="18"/>
      <c r="K488" s="18"/>
      <c r="L488" s="18"/>
      <c r="M488" s="18"/>
      <c r="N488" s="18"/>
      <c r="O488" s="18"/>
      <c r="P488" s="20">
        <v>2600</v>
      </c>
      <c r="Q488" s="20"/>
      <c r="R488" s="20"/>
      <c r="S488" s="20"/>
      <c r="T488" s="20">
        <v>2200</v>
      </c>
      <c r="U488" s="20"/>
      <c r="V488" s="20"/>
      <c r="W488" s="20"/>
      <c r="X488" s="19">
        <v>19</v>
      </c>
      <c r="Y488" s="19"/>
      <c r="Z488" s="19"/>
      <c r="AA488" s="19"/>
    </row>
    <row r="489" spans="1:27" s="1" customFormat="1" ht="14.1" customHeight="1" outlineLevel="2" x14ac:dyDescent="0.2">
      <c r="A489" s="17"/>
      <c r="B489" s="17"/>
      <c r="C489" s="17"/>
      <c r="D489" s="18"/>
      <c r="E489" s="18"/>
      <c r="F489" s="18"/>
      <c r="G489" s="18"/>
      <c r="H489" s="18"/>
      <c r="I489" s="18"/>
      <c r="J489" s="18"/>
      <c r="K489" s="18"/>
      <c r="L489" s="18"/>
      <c r="M489" s="18"/>
      <c r="N489" s="18"/>
      <c r="O489" s="18"/>
      <c r="P489" s="20"/>
      <c r="Q489" s="20"/>
      <c r="R489" s="20"/>
      <c r="S489" s="20"/>
      <c r="T489" s="20"/>
      <c r="U489" s="20"/>
      <c r="V489" s="20"/>
      <c r="W489" s="20"/>
      <c r="X489" s="19"/>
      <c r="Y489" s="19"/>
      <c r="Z489" s="19"/>
      <c r="AA489" s="19"/>
    </row>
    <row r="490" spans="1:27" s="1" customFormat="1" ht="14.1" customHeight="1" outlineLevel="2" x14ac:dyDescent="0.2">
      <c r="A490" s="17">
        <v>10914</v>
      </c>
      <c r="B490" s="17"/>
      <c r="C490" s="17"/>
      <c r="D490" s="18" t="s">
        <v>253</v>
      </c>
      <c r="E490" s="18"/>
      <c r="F490" s="18"/>
      <c r="G490" s="18"/>
      <c r="H490" s="18"/>
      <c r="I490" s="18"/>
      <c r="J490" s="18"/>
      <c r="K490" s="18"/>
      <c r="L490" s="18"/>
      <c r="M490" s="18"/>
      <c r="N490" s="18"/>
      <c r="O490" s="18"/>
      <c r="P490" s="20">
        <v>3500</v>
      </c>
      <c r="Q490" s="20"/>
      <c r="R490" s="20"/>
      <c r="S490" s="20"/>
      <c r="T490" s="20">
        <v>3000</v>
      </c>
      <c r="U490" s="20"/>
      <c r="V490" s="20"/>
      <c r="W490" s="20"/>
      <c r="X490" s="19">
        <v>5</v>
      </c>
      <c r="Y490" s="19"/>
      <c r="Z490" s="19"/>
      <c r="AA490" s="19"/>
    </row>
    <row r="491" spans="1:27" s="1" customFormat="1" ht="14.1" customHeight="1" outlineLevel="2" x14ac:dyDescent="0.2">
      <c r="A491" s="17"/>
      <c r="B491" s="17"/>
      <c r="C491" s="17"/>
      <c r="D491" s="18"/>
      <c r="E491" s="18"/>
      <c r="F491" s="18"/>
      <c r="G491" s="18"/>
      <c r="H491" s="18"/>
      <c r="I491" s="18"/>
      <c r="J491" s="18"/>
      <c r="K491" s="18"/>
      <c r="L491" s="18"/>
      <c r="M491" s="18"/>
      <c r="N491" s="18"/>
      <c r="O491" s="18"/>
      <c r="P491" s="20"/>
      <c r="Q491" s="20"/>
      <c r="R491" s="20"/>
      <c r="S491" s="20"/>
      <c r="T491" s="20"/>
      <c r="U491" s="20"/>
      <c r="V491" s="20"/>
      <c r="W491" s="20"/>
      <c r="X491" s="19"/>
      <c r="Y491" s="19"/>
      <c r="Z491" s="19"/>
      <c r="AA491" s="19"/>
    </row>
    <row r="492" spans="1:27" s="1" customFormat="1" ht="14.1" customHeight="1" outlineLevel="2" x14ac:dyDescent="0.2">
      <c r="A492" s="17">
        <v>14053</v>
      </c>
      <c r="B492" s="17"/>
      <c r="C492" s="17"/>
      <c r="D492" s="18" t="s">
        <v>254</v>
      </c>
      <c r="E492" s="18"/>
      <c r="F492" s="18"/>
      <c r="G492" s="18"/>
      <c r="H492" s="18"/>
      <c r="I492" s="18"/>
      <c r="J492" s="18"/>
      <c r="K492" s="18"/>
      <c r="L492" s="18"/>
      <c r="M492" s="18"/>
      <c r="N492" s="18"/>
      <c r="O492" s="18"/>
      <c r="P492" s="19">
        <v>530</v>
      </c>
      <c r="Q492" s="19"/>
      <c r="R492" s="19"/>
      <c r="S492" s="19"/>
      <c r="T492" s="19">
        <v>440</v>
      </c>
      <c r="U492" s="19"/>
      <c r="V492" s="19"/>
      <c r="W492" s="19"/>
      <c r="X492" s="19">
        <v>10</v>
      </c>
      <c r="Y492" s="19"/>
      <c r="Z492" s="19"/>
      <c r="AA492" s="19"/>
    </row>
    <row r="493" spans="1:27" s="1" customFormat="1" ht="14.1" customHeight="1" outlineLevel="2" x14ac:dyDescent="0.2">
      <c r="A493" s="17"/>
      <c r="B493" s="17"/>
      <c r="C493" s="17"/>
      <c r="D493" s="18"/>
      <c r="E493" s="18"/>
      <c r="F493" s="18"/>
      <c r="G493" s="18"/>
      <c r="H493" s="18"/>
      <c r="I493" s="18"/>
      <c r="J493" s="18"/>
      <c r="K493" s="18"/>
      <c r="L493" s="18"/>
      <c r="M493" s="18"/>
      <c r="N493" s="18"/>
      <c r="O493" s="18"/>
      <c r="P493" s="19"/>
      <c r="Q493" s="19"/>
      <c r="R493" s="19"/>
      <c r="S493" s="19"/>
      <c r="T493" s="19"/>
      <c r="U493" s="19"/>
      <c r="V493" s="19"/>
      <c r="W493" s="19"/>
      <c r="X493" s="19"/>
      <c r="Y493" s="19"/>
      <c r="Z493" s="19"/>
      <c r="AA493" s="19"/>
    </row>
    <row r="494" spans="1:27" s="1" customFormat="1" ht="14.1" customHeight="1" outlineLevel="2" x14ac:dyDescent="0.2">
      <c r="A494" s="17">
        <v>11027</v>
      </c>
      <c r="B494" s="17"/>
      <c r="C494" s="17"/>
      <c r="D494" s="18" t="s">
        <v>255</v>
      </c>
      <c r="E494" s="18"/>
      <c r="F494" s="18"/>
      <c r="G494" s="18"/>
      <c r="H494" s="18"/>
      <c r="I494" s="18"/>
      <c r="J494" s="18"/>
      <c r="K494" s="18"/>
      <c r="L494" s="18"/>
      <c r="M494" s="18"/>
      <c r="N494" s="18"/>
      <c r="O494" s="18"/>
      <c r="P494" s="19">
        <v>590</v>
      </c>
      <c r="Q494" s="19"/>
      <c r="R494" s="19"/>
      <c r="S494" s="19"/>
      <c r="T494" s="19">
        <v>490</v>
      </c>
      <c r="U494" s="19"/>
      <c r="V494" s="19"/>
      <c r="W494" s="19"/>
      <c r="X494" s="19">
        <v>11</v>
      </c>
      <c r="Y494" s="19"/>
      <c r="Z494" s="19"/>
      <c r="AA494" s="19"/>
    </row>
    <row r="495" spans="1:27" s="1" customFormat="1" ht="14.1" customHeight="1" outlineLevel="2" x14ac:dyDescent="0.2">
      <c r="A495" s="17"/>
      <c r="B495" s="17"/>
      <c r="C495" s="17"/>
      <c r="D495" s="18"/>
      <c r="E495" s="18"/>
      <c r="F495" s="18"/>
      <c r="G495" s="18"/>
      <c r="H495" s="18"/>
      <c r="I495" s="18"/>
      <c r="J495" s="18"/>
      <c r="K495" s="18"/>
      <c r="L495" s="18"/>
      <c r="M495" s="18"/>
      <c r="N495" s="18"/>
      <c r="O495" s="18"/>
      <c r="P495" s="19"/>
      <c r="Q495" s="19"/>
      <c r="R495" s="19"/>
      <c r="S495" s="19"/>
      <c r="T495" s="19"/>
      <c r="U495" s="19"/>
      <c r="V495" s="19"/>
      <c r="W495" s="19"/>
      <c r="X495" s="19"/>
      <c r="Y495" s="19"/>
      <c r="Z495" s="19"/>
      <c r="AA495" s="19"/>
    </row>
    <row r="496" spans="1:27" s="1" customFormat="1" ht="11.1" customHeight="1" outlineLevel="2" x14ac:dyDescent="0.2">
      <c r="A496" s="17">
        <v>9539</v>
      </c>
      <c r="B496" s="17"/>
      <c r="C496" s="17"/>
      <c r="D496" s="18" t="s">
        <v>256</v>
      </c>
      <c r="E496" s="18"/>
      <c r="F496" s="18"/>
      <c r="G496" s="18"/>
      <c r="H496" s="18"/>
      <c r="I496" s="18"/>
      <c r="J496" s="18"/>
      <c r="K496" s="18"/>
      <c r="L496" s="18"/>
      <c r="M496" s="18"/>
      <c r="N496" s="18"/>
      <c r="O496" s="18"/>
      <c r="P496" s="19">
        <v>950</v>
      </c>
      <c r="Q496" s="19"/>
      <c r="R496" s="19"/>
      <c r="S496" s="19"/>
      <c r="T496" s="19">
        <v>810</v>
      </c>
      <c r="U496" s="19"/>
      <c r="V496" s="19"/>
      <c r="W496" s="19"/>
      <c r="X496" s="19">
        <v>5</v>
      </c>
      <c r="Y496" s="19"/>
      <c r="Z496" s="19"/>
      <c r="AA496" s="19"/>
    </row>
    <row r="497" spans="1:27" s="1" customFormat="1" ht="11.1" customHeight="1" outlineLevel="2" x14ac:dyDescent="0.2">
      <c r="A497" s="17"/>
      <c r="B497" s="17"/>
      <c r="C497" s="17"/>
      <c r="D497" s="18"/>
      <c r="E497" s="18"/>
      <c r="F497" s="18"/>
      <c r="G497" s="18"/>
      <c r="H497" s="18"/>
      <c r="I497" s="18"/>
      <c r="J497" s="18"/>
      <c r="K497" s="18"/>
      <c r="L497" s="18"/>
      <c r="M497" s="18"/>
      <c r="N497" s="18"/>
      <c r="O497" s="18"/>
      <c r="P497" s="19"/>
      <c r="Q497" s="19"/>
      <c r="R497" s="19"/>
      <c r="S497" s="19"/>
      <c r="T497" s="19"/>
      <c r="U497" s="19"/>
      <c r="V497" s="19"/>
      <c r="W497" s="19"/>
      <c r="X497" s="19"/>
      <c r="Y497" s="19"/>
      <c r="Z497" s="19"/>
      <c r="AA497" s="19"/>
    </row>
    <row r="498" spans="1:27" s="1" customFormat="1" ht="14.1" customHeight="1" outlineLevel="2" x14ac:dyDescent="0.2">
      <c r="A498" s="17">
        <v>14054</v>
      </c>
      <c r="B498" s="17"/>
      <c r="C498" s="17"/>
      <c r="D498" s="18" t="s">
        <v>257</v>
      </c>
      <c r="E498" s="18"/>
      <c r="F498" s="18"/>
      <c r="G498" s="18"/>
      <c r="H498" s="18"/>
      <c r="I498" s="18"/>
      <c r="J498" s="18"/>
      <c r="K498" s="18"/>
      <c r="L498" s="18"/>
      <c r="M498" s="18"/>
      <c r="N498" s="18"/>
      <c r="O498" s="18"/>
      <c r="P498" s="19">
        <v>530</v>
      </c>
      <c r="Q498" s="19"/>
      <c r="R498" s="19"/>
      <c r="S498" s="19"/>
      <c r="T498" s="19">
        <v>440</v>
      </c>
      <c r="U498" s="19"/>
      <c r="V498" s="19"/>
      <c r="W498" s="19"/>
      <c r="X498" s="19">
        <v>11</v>
      </c>
      <c r="Y498" s="19"/>
      <c r="Z498" s="19"/>
      <c r="AA498" s="19"/>
    </row>
    <row r="499" spans="1:27" s="1" customFormat="1" ht="14.1" customHeight="1" outlineLevel="2" x14ac:dyDescent="0.2">
      <c r="A499" s="17"/>
      <c r="B499" s="17"/>
      <c r="C499" s="17"/>
      <c r="D499" s="18"/>
      <c r="E499" s="18"/>
      <c r="F499" s="18"/>
      <c r="G499" s="18"/>
      <c r="H499" s="18"/>
      <c r="I499" s="18"/>
      <c r="J499" s="18"/>
      <c r="K499" s="18"/>
      <c r="L499" s="18"/>
      <c r="M499" s="18"/>
      <c r="N499" s="18"/>
      <c r="O499" s="18"/>
      <c r="P499" s="19"/>
      <c r="Q499" s="19"/>
      <c r="R499" s="19"/>
      <c r="S499" s="19"/>
      <c r="T499" s="19"/>
      <c r="U499" s="19"/>
      <c r="V499" s="19"/>
      <c r="W499" s="19"/>
      <c r="X499" s="19"/>
      <c r="Y499" s="19"/>
      <c r="Z499" s="19"/>
      <c r="AA499" s="19"/>
    </row>
    <row r="500" spans="1:27" s="1" customFormat="1" ht="14.1" customHeight="1" outlineLevel="2" x14ac:dyDescent="0.2">
      <c r="A500" s="17">
        <v>11028</v>
      </c>
      <c r="B500" s="17"/>
      <c r="C500" s="17"/>
      <c r="D500" s="18" t="s">
        <v>258</v>
      </c>
      <c r="E500" s="18"/>
      <c r="F500" s="18"/>
      <c r="G500" s="18"/>
      <c r="H500" s="18"/>
      <c r="I500" s="18"/>
      <c r="J500" s="18"/>
      <c r="K500" s="18"/>
      <c r="L500" s="18"/>
      <c r="M500" s="18"/>
      <c r="N500" s="18"/>
      <c r="O500" s="18"/>
      <c r="P500" s="19">
        <v>590</v>
      </c>
      <c r="Q500" s="19"/>
      <c r="R500" s="19"/>
      <c r="S500" s="19"/>
      <c r="T500" s="19">
        <v>490</v>
      </c>
      <c r="U500" s="19"/>
      <c r="V500" s="19"/>
      <c r="W500" s="19"/>
      <c r="X500" s="19">
        <v>9</v>
      </c>
      <c r="Y500" s="19"/>
      <c r="Z500" s="19"/>
      <c r="AA500" s="19"/>
    </row>
    <row r="501" spans="1:27" s="1" customFormat="1" ht="14.1" customHeight="1" outlineLevel="2" x14ac:dyDescent="0.2">
      <c r="A501" s="17"/>
      <c r="B501" s="17"/>
      <c r="C501" s="17"/>
      <c r="D501" s="18"/>
      <c r="E501" s="18"/>
      <c r="F501" s="18"/>
      <c r="G501" s="18"/>
      <c r="H501" s="18"/>
      <c r="I501" s="18"/>
      <c r="J501" s="18"/>
      <c r="K501" s="18"/>
      <c r="L501" s="18"/>
      <c r="M501" s="18"/>
      <c r="N501" s="18"/>
      <c r="O501" s="18"/>
      <c r="P501" s="19"/>
      <c r="Q501" s="19"/>
      <c r="R501" s="19"/>
      <c r="S501" s="19"/>
      <c r="T501" s="19"/>
      <c r="U501" s="19"/>
      <c r="V501" s="19"/>
      <c r="W501" s="19"/>
      <c r="X501" s="19"/>
      <c r="Y501" s="19"/>
      <c r="Z501" s="19"/>
      <c r="AA501" s="19"/>
    </row>
    <row r="502" spans="1:27" s="1" customFormat="1" ht="11.1" customHeight="1" outlineLevel="2" x14ac:dyDescent="0.2">
      <c r="A502" s="17">
        <v>9541</v>
      </c>
      <c r="B502" s="17"/>
      <c r="C502" s="17"/>
      <c r="D502" s="18" t="s">
        <v>259</v>
      </c>
      <c r="E502" s="18"/>
      <c r="F502" s="18"/>
      <c r="G502" s="18"/>
      <c r="H502" s="18"/>
      <c r="I502" s="18"/>
      <c r="J502" s="18"/>
      <c r="K502" s="18"/>
      <c r="L502" s="18"/>
      <c r="M502" s="18"/>
      <c r="N502" s="18"/>
      <c r="O502" s="18"/>
      <c r="P502" s="19">
        <v>950</v>
      </c>
      <c r="Q502" s="19"/>
      <c r="R502" s="19"/>
      <c r="S502" s="19"/>
      <c r="T502" s="19">
        <v>810</v>
      </c>
      <c r="U502" s="19"/>
      <c r="V502" s="19"/>
      <c r="W502" s="19"/>
      <c r="X502" s="19">
        <v>4</v>
      </c>
      <c r="Y502" s="19"/>
      <c r="Z502" s="19"/>
      <c r="AA502" s="19"/>
    </row>
    <row r="503" spans="1:27" s="1" customFormat="1" ht="11.1" customHeight="1" outlineLevel="2" x14ac:dyDescent="0.2">
      <c r="A503" s="17"/>
      <c r="B503" s="17"/>
      <c r="C503" s="17"/>
      <c r="D503" s="18"/>
      <c r="E503" s="18"/>
      <c r="F503" s="18"/>
      <c r="G503" s="18"/>
      <c r="H503" s="18"/>
      <c r="I503" s="18"/>
      <c r="J503" s="18"/>
      <c r="K503" s="18"/>
      <c r="L503" s="18"/>
      <c r="M503" s="18"/>
      <c r="N503" s="18"/>
      <c r="O503" s="18"/>
      <c r="P503" s="19"/>
      <c r="Q503" s="19"/>
      <c r="R503" s="19"/>
      <c r="S503" s="19"/>
      <c r="T503" s="19"/>
      <c r="U503" s="19"/>
      <c r="V503" s="19"/>
      <c r="W503" s="19"/>
      <c r="X503" s="19"/>
      <c r="Y503" s="19"/>
      <c r="Z503" s="19"/>
      <c r="AA503" s="19"/>
    </row>
    <row r="504" spans="1:27" s="1" customFormat="1" ht="14.1" customHeight="1" outlineLevel="2" x14ac:dyDescent="0.2">
      <c r="A504" s="17">
        <v>14055</v>
      </c>
      <c r="B504" s="17"/>
      <c r="C504" s="17"/>
      <c r="D504" s="18" t="s">
        <v>260</v>
      </c>
      <c r="E504" s="18"/>
      <c r="F504" s="18"/>
      <c r="G504" s="18"/>
      <c r="H504" s="18"/>
      <c r="I504" s="18"/>
      <c r="J504" s="18"/>
      <c r="K504" s="18"/>
      <c r="L504" s="18"/>
      <c r="M504" s="18"/>
      <c r="N504" s="18"/>
      <c r="O504" s="18"/>
      <c r="P504" s="19">
        <v>530</v>
      </c>
      <c r="Q504" s="19"/>
      <c r="R504" s="19"/>
      <c r="S504" s="19"/>
      <c r="T504" s="19">
        <v>440</v>
      </c>
      <c r="U504" s="19"/>
      <c r="V504" s="19"/>
      <c r="W504" s="19"/>
      <c r="X504" s="19">
        <v>11</v>
      </c>
      <c r="Y504" s="19"/>
      <c r="Z504" s="19"/>
      <c r="AA504" s="19"/>
    </row>
    <row r="505" spans="1:27" s="1" customFormat="1" ht="14.1" customHeight="1" outlineLevel="2" x14ac:dyDescent="0.2">
      <c r="A505" s="17"/>
      <c r="B505" s="17"/>
      <c r="C505" s="17"/>
      <c r="D505" s="18"/>
      <c r="E505" s="18"/>
      <c r="F505" s="18"/>
      <c r="G505" s="18"/>
      <c r="H505" s="18"/>
      <c r="I505" s="18"/>
      <c r="J505" s="18"/>
      <c r="K505" s="18"/>
      <c r="L505" s="18"/>
      <c r="M505" s="18"/>
      <c r="N505" s="18"/>
      <c r="O505" s="18"/>
      <c r="P505" s="19"/>
      <c r="Q505" s="19"/>
      <c r="R505" s="19"/>
      <c r="S505" s="19"/>
      <c r="T505" s="19"/>
      <c r="U505" s="19"/>
      <c r="V505" s="19"/>
      <c r="W505" s="19"/>
      <c r="X505" s="19"/>
      <c r="Y505" s="19"/>
      <c r="Z505" s="19"/>
      <c r="AA505" s="19"/>
    </row>
    <row r="506" spans="1:27" s="1" customFormat="1" ht="14.1" customHeight="1" outlineLevel="2" x14ac:dyDescent="0.2">
      <c r="A506" s="17">
        <v>11029</v>
      </c>
      <c r="B506" s="17"/>
      <c r="C506" s="17"/>
      <c r="D506" s="18" t="s">
        <v>261</v>
      </c>
      <c r="E506" s="18"/>
      <c r="F506" s="18"/>
      <c r="G506" s="18"/>
      <c r="H506" s="18"/>
      <c r="I506" s="18"/>
      <c r="J506" s="18"/>
      <c r="K506" s="18"/>
      <c r="L506" s="18"/>
      <c r="M506" s="18"/>
      <c r="N506" s="18"/>
      <c r="O506" s="18"/>
      <c r="P506" s="19">
        <v>590</v>
      </c>
      <c r="Q506" s="19"/>
      <c r="R506" s="19"/>
      <c r="S506" s="19"/>
      <c r="T506" s="19">
        <v>490</v>
      </c>
      <c r="U506" s="19"/>
      <c r="V506" s="19"/>
      <c r="W506" s="19"/>
      <c r="X506" s="19">
        <v>12</v>
      </c>
      <c r="Y506" s="19"/>
      <c r="Z506" s="19"/>
      <c r="AA506" s="19"/>
    </row>
    <row r="507" spans="1:27" s="1" customFormat="1" ht="14.1" customHeight="1" outlineLevel="2" x14ac:dyDescent="0.2">
      <c r="A507" s="17"/>
      <c r="B507" s="17"/>
      <c r="C507" s="17"/>
      <c r="D507" s="18"/>
      <c r="E507" s="18"/>
      <c r="F507" s="18"/>
      <c r="G507" s="18"/>
      <c r="H507" s="18"/>
      <c r="I507" s="18"/>
      <c r="J507" s="18"/>
      <c r="K507" s="18"/>
      <c r="L507" s="18"/>
      <c r="M507" s="18"/>
      <c r="N507" s="18"/>
      <c r="O507" s="18"/>
      <c r="P507" s="19"/>
      <c r="Q507" s="19"/>
      <c r="R507" s="19"/>
      <c r="S507" s="19"/>
      <c r="T507" s="19"/>
      <c r="U507" s="19"/>
      <c r="V507" s="19"/>
      <c r="W507" s="19"/>
      <c r="X507" s="19"/>
      <c r="Y507" s="19"/>
      <c r="Z507" s="19"/>
      <c r="AA507" s="19"/>
    </row>
    <row r="508" spans="1:27" s="1" customFormat="1" ht="11.1" customHeight="1" outlineLevel="2" x14ac:dyDescent="0.2">
      <c r="A508" s="17">
        <v>9542</v>
      </c>
      <c r="B508" s="17"/>
      <c r="C508" s="17"/>
      <c r="D508" s="18" t="s">
        <v>262</v>
      </c>
      <c r="E508" s="18"/>
      <c r="F508" s="18"/>
      <c r="G508" s="18"/>
      <c r="H508" s="18"/>
      <c r="I508" s="18"/>
      <c r="J508" s="18"/>
      <c r="K508" s="18"/>
      <c r="L508" s="18"/>
      <c r="M508" s="18"/>
      <c r="N508" s="18"/>
      <c r="O508" s="18"/>
      <c r="P508" s="19">
        <v>950</v>
      </c>
      <c r="Q508" s="19"/>
      <c r="R508" s="19"/>
      <c r="S508" s="19"/>
      <c r="T508" s="19">
        <v>810</v>
      </c>
      <c r="U508" s="19"/>
      <c r="V508" s="19"/>
      <c r="W508" s="19"/>
      <c r="X508" s="19">
        <v>4</v>
      </c>
      <c r="Y508" s="19"/>
      <c r="Z508" s="19"/>
      <c r="AA508" s="19"/>
    </row>
    <row r="509" spans="1:27" s="1" customFormat="1" ht="11.1" customHeight="1" outlineLevel="2" x14ac:dyDescent="0.2">
      <c r="A509" s="17"/>
      <c r="B509" s="17"/>
      <c r="C509" s="17"/>
      <c r="D509" s="18"/>
      <c r="E509" s="18"/>
      <c r="F509" s="18"/>
      <c r="G509" s="18"/>
      <c r="H509" s="18"/>
      <c r="I509" s="18"/>
      <c r="J509" s="18"/>
      <c r="K509" s="18"/>
      <c r="L509" s="18"/>
      <c r="M509" s="18"/>
      <c r="N509" s="18"/>
      <c r="O509" s="18"/>
      <c r="P509" s="19"/>
      <c r="Q509" s="19"/>
      <c r="R509" s="19"/>
      <c r="S509" s="19"/>
      <c r="T509" s="19"/>
      <c r="U509" s="19"/>
      <c r="V509" s="19"/>
      <c r="W509" s="19"/>
      <c r="X509" s="19"/>
      <c r="Y509" s="19"/>
      <c r="Z509" s="19"/>
      <c r="AA509" s="19"/>
    </row>
    <row r="510" spans="1:27" s="1" customFormat="1" ht="21" customHeight="1" outlineLevel="2" x14ac:dyDescent="0.2">
      <c r="A510" s="17">
        <v>14056</v>
      </c>
      <c r="B510" s="17"/>
      <c r="C510" s="17"/>
      <c r="D510" s="18" t="s">
        <v>263</v>
      </c>
      <c r="E510" s="18"/>
      <c r="F510" s="18"/>
      <c r="G510" s="18"/>
      <c r="H510" s="18"/>
      <c r="I510" s="18"/>
      <c r="J510" s="18"/>
      <c r="K510" s="18"/>
      <c r="L510" s="18"/>
      <c r="M510" s="18"/>
      <c r="N510" s="18"/>
      <c r="O510" s="18"/>
      <c r="P510" s="19">
        <v>530</v>
      </c>
      <c r="Q510" s="19"/>
      <c r="R510" s="19"/>
      <c r="S510" s="19"/>
      <c r="T510" s="19">
        <v>440</v>
      </c>
      <c r="U510" s="19"/>
      <c r="V510" s="19"/>
      <c r="W510" s="19"/>
      <c r="X510" s="19">
        <v>9</v>
      </c>
      <c r="Y510" s="19"/>
      <c r="Z510" s="19"/>
      <c r="AA510" s="19"/>
    </row>
    <row r="511" spans="1:27" s="1" customFormat="1" ht="21" customHeight="1" outlineLevel="2" x14ac:dyDescent="0.2">
      <c r="A511" s="17"/>
      <c r="B511" s="17"/>
      <c r="C511" s="17"/>
      <c r="D511" s="18"/>
      <c r="E511" s="18"/>
      <c r="F511" s="18"/>
      <c r="G511" s="18"/>
      <c r="H511" s="18"/>
      <c r="I511" s="18"/>
      <c r="J511" s="18"/>
      <c r="K511" s="18"/>
      <c r="L511" s="18"/>
      <c r="M511" s="18"/>
      <c r="N511" s="18"/>
      <c r="O511" s="18"/>
      <c r="P511" s="19"/>
      <c r="Q511" s="19"/>
      <c r="R511" s="19"/>
      <c r="S511" s="19"/>
      <c r="T511" s="19"/>
      <c r="U511" s="19"/>
      <c r="V511" s="19"/>
      <c r="W511" s="19"/>
      <c r="X511" s="19"/>
      <c r="Y511" s="19"/>
      <c r="Z511" s="19"/>
      <c r="AA511" s="19"/>
    </row>
    <row r="512" spans="1:27" s="1" customFormat="1" ht="14.1" customHeight="1" outlineLevel="2" x14ac:dyDescent="0.2">
      <c r="A512" s="17">
        <v>11030</v>
      </c>
      <c r="B512" s="17"/>
      <c r="C512" s="17"/>
      <c r="D512" s="18" t="s">
        <v>264</v>
      </c>
      <c r="E512" s="18"/>
      <c r="F512" s="18"/>
      <c r="G512" s="18"/>
      <c r="H512" s="18"/>
      <c r="I512" s="18"/>
      <c r="J512" s="18"/>
      <c r="K512" s="18"/>
      <c r="L512" s="18"/>
      <c r="M512" s="18"/>
      <c r="N512" s="18"/>
      <c r="O512" s="18"/>
      <c r="P512" s="19">
        <v>590</v>
      </c>
      <c r="Q512" s="19"/>
      <c r="R512" s="19"/>
      <c r="S512" s="19"/>
      <c r="T512" s="19">
        <v>490</v>
      </c>
      <c r="U512" s="19"/>
      <c r="V512" s="19"/>
      <c r="W512" s="19"/>
      <c r="X512" s="19">
        <v>6</v>
      </c>
      <c r="Y512" s="19"/>
      <c r="Z512" s="19"/>
      <c r="AA512" s="19"/>
    </row>
    <row r="513" spans="1:27" s="1" customFormat="1" ht="14.1" customHeight="1" outlineLevel="2" x14ac:dyDescent="0.2">
      <c r="A513" s="17"/>
      <c r="B513" s="17"/>
      <c r="C513" s="17"/>
      <c r="D513" s="18"/>
      <c r="E513" s="18"/>
      <c r="F513" s="18"/>
      <c r="G513" s="18"/>
      <c r="H513" s="18"/>
      <c r="I513" s="18"/>
      <c r="J513" s="18"/>
      <c r="K513" s="18"/>
      <c r="L513" s="18"/>
      <c r="M513" s="18"/>
      <c r="N513" s="18"/>
      <c r="O513" s="18"/>
      <c r="P513" s="19"/>
      <c r="Q513" s="19"/>
      <c r="R513" s="19"/>
      <c r="S513" s="19"/>
      <c r="T513" s="19"/>
      <c r="U513" s="19"/>
      <c r="V513" s="19"/>
      <c r="W513" s="19"/>
      <c r="X513" s="19"/>
      <c r="Y513" s="19"/>
      <c r="Z513" s="19"/>
      <c r="AA513" s="19"/>
    </row>
    <row r="514" spans="1:27" s="1" customFormat="1" ht="14.1" customHeight="1" outlineLevel="2" x14ac:dyDescent="0.2">
      <c r="A514" s="17">
        <v>9540</v>
      </c>
      <c r="B514" s="17"/>
      <c r="C514" s="17"/>
      <c r="D514" s="18" t="s">
        <v>265</v>
      </c>
      <c r="E514" s="18"/>
      <c r="F514" s="18"/>
      <c r="G514" s="18"/>
      <c r="H514" s="18"/>
      <c r="I514" s="18"/>
      <c r="J514" s="18"/>
      <c r="K514" s="18"/>
      <c r="L514" s="18"/>
      <c r="M514" s="18"/>
      <c r="N514" s="18"/>
      <c r="O514" s="18"/>
      <c r="P514" s="19">
        <v>950</v>
      </c>
      <c r="Q514" s="19"/>
      <c r="R514" s="19"/>
      <c r="S514" s="19"/>
      <c r="T514" s="19">
        <v>810</v>
      </c>
      <c r="U514" s="19"/>
      <c r="V514" s="19"/>
      <c r="W514" s="19"/>
      <c r="X514" s="19">
        <v>3</v>
      </c>
      <c r="Y514" s="19"/>
      <c r="Z514" s="19"/>
      <c r="AA514" s="19"/>
    </row>
    <row r="515" spans="1:27" s="1" customFormat="1" ht="14.1" customHeight="1" outlineLevel="2" x14ac:dyDescent="0.2">
      <c r="A515" s="17"/>
      <c r="B515" s="17"/>
      <c r="C515" s="17"/>
      <c r="D515" s="18"/>
      <c r="E515" s="18"/>
      <c r="F515" s="18"/>
      <c r="G515" s="18"/>
      <c r="H515" s="18"/>
      <c r="I515" s="18"/>
      <c r="J515" s="18"/>
      <c r="K515" s="18"/>
      <c r="L515" s="18"/>
      <c r="M515" s="18"/>
      <c r="N515" s="18"/>
      <c r="O515" s="18"/>
      <c r="P515" s="19"/>
      <c r="Q515" s="19"/>
      <c r="R515" s="19"/>
      <c r="S515" s="19"/>
      <c r="T515" s="19"/>
      <c r="U515" s="19"/>
      <c r="V515" s="19"/>
      <c r="W515" s="19"/>
      <c r="X515" s="19"/>
      <c r="Y515" s="19"/>
      <c r="Z515" s="19"/>
      <c r="AA515" s="19"/>
    </row>
    <row r="516" spans="1:27" s="1" customFormat="1" ht="11.1" customHeight="1" outlineLevel="2" x14ac:dyDescent="0.2">
      <c r="A516" s="17">
        <v>11115</v>
      </c>
      <c r="B516" s="17"/>
      <c r="C516" s="17"/>
      <c r="D516" s="18" t="s">
        <v>266</v>
      </c>
      <c r="E516" s="18"/>
      <c r="F516" s="18"/>
      <c r="G516" s="18"/>
      <c r="H516" s="18"/>
      <c r="I516" s="18"/>
      <c r="J516" s="18"/>
      <c r="K516" s="18"/>
      <c r="L516" s="18"/>
      <c r="M516" s="18"/>
      <c r="N516" s="18"/>
      <c r="O516" s="18"/>
      <c r="P516" s="20">
        <v>5800</v>
      </c>
      <c r="Q516" s="20"/>
      <c r="R516" s="20"/>
      <c r="S516" s="20"/>
      <c r="T516" s="20">
        <v>5400</v>
      </c>
      <c r="U516" s="20"/>
      <c r="V516" s="20"/>
      <c r="W516" s="20"/>
      <c r="X516" s="19">
        <v>1</v>
      </c>
      <c r="Y516" s="19"/>
      <c r="Z516" s="19"/>
      <c r="AA516" s="19"/>
    </row>
    <row r="517" spans="1:27" s="1" customFormat="1" ht="11.1" customHeight="1" outlineLevel="2" x14ac:dyDescent="0.2">
      <c r="A517" s="17"/>
      <c r="B517" s="17"/>
      <c r="C517" s="17"/>
      <c r="D517" s="18"/>
      <c r="E517" s="18"/>
      <c r="F517" s="18"/>
      <c r="G517" s="18"/>
      <c r="H517" s="18"/>
      <c r="I517" s="18"/>
      <c r="J517" s="18"/>
      <c r="K517" s="18"/>
      <c r="L517" s="18"/>
      <c r="M517" s="18"/>
      <c r="N517" s="18"/>
      <c r="O517" s="18"/>
      <c r="P517" s="20"/>
      <c r="Q517" s="20"/>
      <c r="R517" s="20"/>
      <c r="S517" s="20"/>
      <c r="T517" s="20"/>
      <c r="U517" s="20"/>
      <c r="V517" s="20"/>
      <c r="W517" s="20"/>
      <c r="X517" s="19"/>
      <c r="Y517" s="19"/>
      <c r="Z517" s="19"/>
      <c r="AA517" s="19"/>
    </row>
    <row r="518" spans="1:27" s="1" customFormat="1" ht="14.1" customHeight="1" outlineLevel="2" x14ac:dyDescent="0.2">
      <c r="A518" s="17">
        <v>17956</v>
      </c>
      <c r="B518" s="17"/>
      <c r="C518" s="17"/>
      <c r="D518" s="18" t="s">
        <v>267</v>
      </c>
      <c r="E518" s="18"/>
      <c r="F518" s="18"/>
      <c r="G518" s="18"/>
      <c r="H518" s="18"/>
      <c r="I518" s="18"/>
      <c r="J518" s="18"/>
      <c r="K518" s="18"/>
      <c r="L518" s="18"/>
      <c r="M518" s="18"/>
      <c r="N518" s="18"/>
      <c r="O518" s="18"/>
      <c r="P518" s="20">
        <v>5500</v>
      </c>
      <c r="Q518" s="20"/>
      <c r="R518" s="20"/>
      <c r="S518" s="20"/>
      <c r="T518" s="20">
        <v>4800</v>
      </c>
      <c r="U518" s="20"/>
      <c r="V518" s="20"/>
      <c r="W518" s="20"/>
      <c r="X518" s="19">
        <v>5</v>
      </c>
      <c r="Y518" s="19"/>
      <c r="Z518" s="19"/>
      <c r="AA518" s="19"/>
    </row>
    <row r="519" spans="1:27" s="1" customFormat="1" ht="14.1" customHeight="1" outlineLevel="2" x14ac:dyDescent="0.2">
      <c r="A519" s="17"/>
      <c r="B519" s="17"/>
      <c r="C519" s="17"/>
      <c r="D519" s="18"/>
      <c r="E519" s="18"/>
      <c r="F519" s="18"/>
      <c r="G519" s="18"/>
      <c r="H519" s="18"/>
      <c r="I519" s="18"/>
      <c r="J519" s="18"/>
      <c r="K519" s="18"/>
      <c r="L519" s="18"/>
      <c r="M519" s="18"/>
      <c r="N519" s="18"/>
      <c r="O519" s="18"/>
      <c r="P519" s="20"/>
      <c r="Q519" s="20"/>
      <c r="R519" s="20"/>
      <c r="S519" s="20"/>
      <c r="T519" s="20"/>
      <c r="U519" s="20"/>
      <c r="V519" s="20"/>
      <c r="W519" s="20"/>
      <c r="X519" s="19"/>
      <c r="Y519" s="19"/>
      <c r="Z519" s="19"/>
      <c r="AA519" s="19"/>
    </row>
    <row r="520" spans="1:27" s="1" customFormat="1" ht="11.1" customHeight="1" outlineLevel="2" x14ac:dyDescent="0.2">
      <c r="A520" s="17">
        <v>11116</v>
      </c>
      <c r="B520" s="17"/>
      <c r="C520" s="17"/>
      <c r="D520" s="18" t="s">
        <v>268</v>
      </c>
      <c r="E520" s="18"/>
      <c r="F520" s="18"/>
      <c r="G520" s="18"/>
      <c r="H520" s="18"/>
      <c r="I520" s="18"/>
      <c r="J520" s="18"/>
      <c r="K520" s="18"/>
      <c r="L520" s="18"/>
      <c r="M520" s="18"/>
      <c r="N520" s="18"/>
      <c r="O520" s="18"/>
      <c r="P520" s="20">
        <v>5800</v>
      </c>
      <c r="Q520" s="20"/>
      <c r="R520" s="20"/>
      <c r="S520" s="20"/>
      <c r="T520" s="20">
        <v>5400</v>
      </c>
      <c r="U520" s="20"/>
      <c r="V520" s="20"/>
      <c r="W520" s="20"/>
      <c r="X520" s="19">
        <v>1</v>
      </c>
      <c r="Y520" s="19"/>
      <c r="Z520" s="19"/>
      <c r="AA520" s="19"/>
    </row>
    <row r="521" spans="1:27" s="1" customFormat="1" ht="11.1" customHeight="1" outlineLevel="2" x14ac:dyDescent="0.2">
      <c r="A521" s="17"/>
      <c r="B521" s="17"/>
      <c r="C521" s="17"/>
      <c r="D521" s="18"/>
      <c r="E521" s="18"/>
      <c r="F521" s="18"/>
      <c r="G521" s="18"/>
      <c r="H521" s="18"/>
      <c r="I521" s="18"/>
      <c r="J521" s="18"/>
      <c r="K521" s="18"/>
      <c r="L521" s="18"/>
      <c r="M521" s="18"/>
      <c r="N521" s="18"/>
      <c r="O521" s="18"/>
      <c r="P521" s="20"/>
      <c r="Q521" s="20"/>
      <c r="R521" s="20"/>
      <c r="S521" s="20"/>
      <c r="T521" s="20"/>
      <c r="U521" s="20"/>
      <c r="V521" s="20"/>
      <c r="W521" s="20"/>
      <c r="X521" s="19"/>
      <c r="Y521" s="19"/>
      <c r="Z521" s="19"/>
      <c r="AA521" s="19"/>
    </row>
    <row r="522" spans="1:27" s="1" customFormat="1" ht="14.1" customHeight="1" outlineLevel="2" x14ac:dyDescent="0.2">
      <c r="A522" s="17">
        <v>18104</v>
      </c>
      <c r="B522" s="17"/>
      <c r="C522" s="17"/>
      <c r="D522" s="18" t="s">
        <v>269</v>
      </c>
      <c r="E522" s="18"/>
      <c r="F522" s="18"/>
      <c r="G522" s="18"/>
      <c r="H522" s="18"/>
      <c r="I522" s="18"/>
      <c r="J522" s="18"/>
      <c r="K522" s="18"/>
      <c r="L522" s="18"/>
      <c r="M522" s="18"/>
      <c r="N522" s="18"/>
      <c r="O522" s="18"/>
      <c r="P522" s="20">
        <v>5400</v>
      </c>
      <c r="Q522" s="20"/>
      <c r="R522" s="20"/>
      <c r="S522" s="20"/>
      <c r="T522" s="20">
        <v>4800</v>
      </c>
      <c r="U522" s="20"/>
      <c r="V522" s="20"/>
      <c r="W522" s="20"/>
      <c r="X522" s="19">
        <v>1</v>
      </c>
      <c r="Y522" s="19"/>
      <c r="Z522" s="19"/>
      <c r="AA522" s="19"/>
    </row>
    <row r="523" spans="1:27" s="1" customFormat="1" ht="14.1" customHeight="1" outlineLevel="2" x14ac:dyDescent="0.2">
      <c r="A523" s="17"/>
      <c r="B523" s="17"/>
      <c r="C523" s="17"/>
      <c r="D523" s="18"/>
      <c r="E523" s="18"/>
      <c r="F523" s="18"/>
      <c r="G523" s="18"/>
      <c r="H523" s="18"/>
      <c r="I523" s="18"/>
      <c r="J523" s="18"/>
      <c r="K523" s="18"/>
      <c r="L523" s="18"/>
      <c r="M523" s="18"/>
      <c r="N523" s="18"/>
      <c r="O523" s="18"/>
      <c r="P523" s="20"/>
      <c r="Q523" s="20"/>
      <c r="R523" s="20"/>
      <c r="S523" s="20"/>
      <c r="T523" s="20"/>
      <c r="U523" s="20"/>
      <c r="V523" s="20"/>
      <c r="W523" s="20"/>
      <c r="X523" s="19"/>
      <c r="Y523" s="19"/>
      <c r="Z523" s="19"/>
      <c r="AA523" s="19"/>
    </row>
    <row r="524" spans="1:27" s="1" customFormat="1" ht="14.1" customHeight="1" outlineLevel="2" x14ac:dyDescent="0.2">
      <c r="A524" s="17">
        <v>12174</v>
      </c>
      <c r="B524" s="17"/>
      <c r="C524" s="17"/>
      <c r="D524" s="18" t="s">
        <v>270</v>
      </c>
      <c r="E524" s="18"/>
      <c r="F524" s="18"/>
      <c r="G524" s="18"/>
      <c r="H524" s="18"/>
      <c r="I524" s="18"/>
      <c r="J524" s="18"/>
      <c r="K524" s="18"/>
      <c r="L524" s="18"/>
      <c r="M524" s="18"/>
      <c r="N524" s="18"/>
      <c r="O524" s="18"/>
      <c r="P524" s="20">
        <v>6500</v>
      </c>
      <c r="Q524" s="20"/>
      <c r="R524" s="20"/>
      <c r="S524" s="20"/>
      <c r="T524" s="20">
        <v>6000</v>
      </c>
      <c r="U524" s="20"/>
      <c r="V524" s="20"/>
      <c r="W524" s="20"/>
      <c r="X524" s="19">
        <v>1</v>
      </c>
      <c r="Y524" s="19"/>
      <c r="Z524" s="19"/>
      <c r="AA524" s="19"/>
    </row>
    <row r="525" spans="1:27" s="1" customFormat="1" ht="14.1" customHeight="1" outlineLevel="2" x14ac:dyDescent="0.2">
      <c r="A525" s="17"/>
      <c r="B525" s="17"/>
      <c r="C525" s="17"/>
      <c r="D525" s="18"/>
      <c r="E525" s="18"/>
      <c r="F525" s="18"/>
      <c r="G525" s="18"/>
      <c r="H525" s="18"/>
      <c r="I525" s="18"/>
      <c r="J525" s="18"/>
      <c r="K525" s="18"/>
      <c r="L525" s="18"/>
      <c r="M525" s="18"/>
      <c r="N525" s="18"/>
      <c r="O525" s="18"/>
      <c r="P525" s="20"/>
      <c r="Q525" s="20"/>
      <c r="R525" s="20"/>
      <c r="S525" s="20"/>
      <c r="T525" s="20"/>
      <c r="U525" s="20"/>
      <c r="V525" s="20"/>
      <c r="W525" s="20"/>
      <c r="X525" s="19"/>
      <c r="Y525" s="19"/>
      <c r="Z525" s="19"/>
      <c r="AA525" s="19"/>
    </row>
    <row r="526" spans="1:27" s="1" customFormat="1" ht="11.1" customHeight="1" outlineLevel="2" x14ac:dyDescent="0.2">
      <c r="A526" s="17">
        <v>16874</v>
      </c>
      <c r="B526" s="17"/>
      <c r="C526" s="17"/>
      <c r="D526" s="18" t="s">
        <v>271</v>
      </c>
      <c r="E526" s="18"/>
      <c r="F526" s="18"/>
      <c r="G526" s="18"/>
      <c r="H526" s="18"/>
      <c r="I526" s="18"/>
      <c r="J526" s="18"/>
      <c r="K526" s="18"/>
      <c r="L526" s="18"/>
      <c r="M526" s="18"/>
      <c r="N526" s="18"/>
      <c r="O526" s="18"/>
      <c r="P526" s="20">
        <v>3000</v>
      </c>
      <c r="Q526" s="20"/>
      <c r="R526" s="20"/>
      <c r="S526" s="20"/>
      <c r="T526" s="20">
        <v>2500</v>
      </c>
      <c r="U526" s="20"/>
      <c r="V526" s="20"/>
      <c r="W526" s="20"/>
      <c r="X526" s="19">
        <v>2</v>
      </c>
      <c r="Y526" s="19"/>
      <c r="Z526" s="19"/>
      <c r="AA526" s="19"/>
    </row>
    <row r="527" spans="1:27" s="1" customFormat="1" ht="11.1" customHeight="1" outlineLevel="2" x14ac:dyDescent="0.2">
      <c r="A527" s="17"/>
      <c r="B527" s="17"/>
      <c r="C527" s="17"/>
      <c r="D527" s="18"/>
      <c r="E527" s="18"/>
      <c r="F527" s="18"/>
      <c r="G527" s="18"/>
      <c r="H527" s="18"/>
      <c r="I527" s="18"/>
      <c r="J527" s="18"/>
      <c r="K527" s="18"/>
      <c r="L527" s="18"/>
      <c r="M527" s="18"/>
      <c r="N527" s="18"/>
      <c r="O527" s="18"/>
      <c r="P527" s="20"/>
      <c r="Q527" s="20"/>
      <c r="R527" s="20"/>
      <c r="S527" s="20"/>
      <c r="T527" s="20"/>
      <c r="U527" s="20"/>
      <c r="V527" s="20"/>
      <c r="W527" s="20"/>
      <c r="X527" s="19"/>
      <c r="Y527" s="19"/>
      <c r="Z527" s="19"/>
      <c r="AA527" s="19"/>
    </row>
    <row r="528" spans="1:27" s="1" customFormat="1" ht="14.1" customHeight="1" outlineLevel="2" x14ac:dyDescent="0.2">
      <c r="A528" s="17">
        <v>10916</v>
      </c>
      <c r="B528" s="17"/>
      <c r="C528" s="17"/>
      <c r="D528" s="18" t="s">
        <v>272</v>
      </c>
      <c r="E528" s="18"/>
      <c r="F528" s="18"/>
      <c r="G528" s="18"/>
      <c r="H528" s="18"/>
      <c r="I528" s="18"/>
      <c r="J528" s="18"/>
      <c r="K528" s="18"/>
      <c r="L528" s="18"/>
      <c r="M528" s="18"/>
      <c r="N528" s="18"/>
      <c r="O528" s="18"/>
      <c r="P528" s="19">
        <v>140</v>
      </c>
      <c r="Q528" s="19"/>
      <c r="R528" s="19"/>
      <c r="S528" s="19"/>
      <c r="T528" s="19">
        <v>110</v>
      </c>
      <c r="U528" s="19"/>
      <c r="V528" s="19"/>
      <c r="W528" s="19"/>
      <c r="X528" s="19">
        <v>5</v>
      </c>
      <c r="Y528" s="19"/>
      <c r="Z528" s="19"/>
      <c r="AA528" s="19"/>
    </row>
    <row r="529" spans="1:27" s="1" customFormat="1" ht="14.1" customHeight="1" outlineLevel="2" x14ac:dyDescent="0.2">
      <c r="A529" s="17"/>
      <c r="B529" s="17"/>
      <c r="C529" s="17"/>
      <c r="D529" s="18"/>
      <c r="E529" s="18"/>
      <c r="F529" s="18"/>
      <c r="G529" s="18"/>
      <c r="H529" s="18"/>
      <c r="I529" s="18"/>
      <c r="J529" s="18"/>
      <c r="K529" s="18"/>
      <c r="L529" s="18"/>
      <c r="M529" s="18"/>
      <c r="N529" s="18"/>
      <c r="O529" s="18"/>
      <c r="P529" s="19"/>
      <c r="Q529" s="19"/>
      <c r="R529" s="19"/>
      <c r="S529" s="19"/>
      <c r="T529" s="19"/>
      <c r="U529" s="19"/>
      <c r="V529" s="19"/>
      <c r="W529" s="19"/>
      <c r="X529" s="19"/>
      <c r="Y529" s="19"/>
      <c r="Z529" s="19"/>
      <c r="AA529" s="19"/>
    </row>
    <row r="530" spans="1:27" s="1" customFormat="1" ht="14.1" customHeight="1" outlineLevel="2" x14ac:dyDescent="0.2">
      <c r="A530" s="17">
        <v>12176</v>
      </c>
      <c r="B530" s="17"/>
      <c r="C530" s="17"/>
      <c r="D530" s="18" t="s">
        <v>273</v>
      </c>
      <c r="E530" s="18"/>
      <c r="F530" s="18"/>
      <c r="G530" s="18"/>
      <c r="H530" s="18"/>
      <c r="I530" s="18"/>
      <c r="J530" s="18"/>
      <c r="K530" s="18"/>
      <c r="L530" s="18"/>
      <c r="M530" s="18"/>
      <c r="N530" s="18"/>
      <c r="O530" s="18"/>
      <c r="P530" s="20">
        <v>1100</v>
      </c>
      <c r="Q530" s="20"/>
      <c r="R530" s="20"/>
      <c r="S530" s="20"/>
      <c r="T530" s="19">
        <v>900</v>
      </c>
      <c r="U530" s="19"/>
      <c r="V530" s="19"/>
      <c r="W530" s="19"/>
      <c r="X530" s="19">
        <v>2</v>
      </c>
      <c r="Y530" s="19"/>
      <c r="Z530" s="19"/>
      <c r="AA530" s="19"/>
    </row>
    <row r="531" spans="1:27" s="1" customFormat="1" ht="14.1" customHeight="1" outlineLevel="2" x14ac:dyDescent="0.2">
      <c r="A531" s="17"/>
      <c r="B531" s="17"/>
      <c r="C531" s="17"/>
      <c r="D531" s="18"/>
      <c r="E531" s="18"/>
      <c r="F531" s="18"/>
      <c r="G531" s="18"/>
      <c r="H531" s="18"/>
      <c r="I531" s="18"/>
      <c r="J531" s="18"/>
      <c r="K531" s="18"/>
      <c r="L531" s="18"/>
      <c r="M531" s="18"/>
      <c r="N531" s="18"/>
      <c r="O531" s="18"/>
      <c r="P531" s="20"/>
      <c r="Q531" s="20"/>
      <c r="R531" s="20"/>
      <c r="S531" s="20"/>
      <c r="T531" s="19"/>
      <c r="U531" s="19"/>
      <c r="V531" s="19"/>
      <c r="W531" s="19"/>
      <c r="X531" s="19"/>
      <c r="Y531" s="19"/>
      <c r="Z531" s="19"/>
      <c r="AA531" s="19"/>
    </row>
    <row r="532" spans="1:27" s="1" customFormat="1" ht="14.1" customHeight="1" outlineLevel="2" x14ac:dyDescent="0.2">
      <c r="A532" s="17">
        <v>10915</v>
      </c>
      <c r="B532" s="17"/>
      <c r="C532" s="17"/>
      <c r="D532" s="18" t="s">
        <v>274</v>
      </c>
      <c r="E532" s="18"/>
      <c r="F532" s="18"/>
      <c r="G532" s="18"/>
      <c r="H532" s="18"/>
      <c r="I532" s="18"/>
      <c r="J532" s="18"/>
      <c r="K532" s="18"/>
      <c r="L532" s="18"/>
      <c r="M532" s="18"/>
      <c r="N532" s="18"/>
      <c r="O532" s="18"/>
      <c r="P532" s="19">
        <v>700</v>
      </c>
      <c r="Q532" s="19"/>
      <c r="R532" s="19"/>
      <c r="S532" s="19"/>
      <c r="T532" s="19">
        <v>500</v>
      </c>
      <c r="U532" s="19"/>
      <c r="V532" s="19"/>
      <c r="W532" s="19"/>
      <c r="X532" s="19">
        <v>3</v>
      </c>
      <c r="Y532" s="19"/>
      <c r="Z532" s="19"/>
      <c r="AA532" s="19"/>
    </row>
    <row r="533" spans="1:27" s="1" customFormat="1" ht="14.1" customHeight="1" outlineLevel="2" x14ac:dyDescent="0.2">
      <c r="A533" s="17"/>
      <c r="B533" s="17"/>
      <c r="C533" s="17"/>
      <c r="D533" s="18"/>
      <c r="E533" s="18"/>
      <c r="F533" s="18"/>
      <c r="G533" s="18"/>
      <c r="H533" s="18"/>
      <c r="I533" s="18"/>
      <c r="J533" s="18"/>
      <c r="K533" s="18"/>
      <c r="L533" s="18"/>
      <c r="M533" s="18"/>
      <c r="N533" s="18"/>
      <c r="O533" s="18"/>
      <c r="P533" s="19"/>
      <c r="Q533" s="19"/>
      <c r="R533" s="19"/>
      <c r="S533" s="19"/>
      <c r="T533" s="19"/>
      <c r="U533" s="19"/>
      <c r="V533" s="19"/>
      <c r="W533" s="19"/>
      <c r="X533" s="19"/>
      <c r="Y533" s="19"/>
      <c r="Z533" s="19"/>
      <c r="AA533" s="19"/>
    </row>
    <row r="534" spans="1:27" s="1" customFormat="1" ht="11.1" customHeight="1" outlineLevel="2" x14ac:dyDescent="0.2">
      <c r="A534" s="17">
        <v>17347</v>
      </c>
      <c r="B534" s="17"/>
      <c r="C534" s="17"/>
      <c r="D534" s="18" t="s">
        <v>275</v>
      </c>
      <c r="E534" s="18"/>
      <c r="F534" s="18"/>
      <c r="G534" s="18"/>
      <c r="H534" s="18"/>
      <c r="I534" s="18"/>
      <c r="J534" s="18"/>
      <c r="K534" s="18"/>
      <c r="L534" s="18"/>
      <c r="M534" s="18"/>
      <c r="N534" s="18"/>
      <c r="O534" s="18"/>
      <c r="P534" s="19">
        <v>40</v>
      </c>
      <c r="Q534" s="19"/>
      <c r="R534" s="19"/>
      <c r="S534" s="19"/>
      <c r="T534" s="19">
        <v>30</v>
      </c>
      <c r="U534" s="19"/>
      <c r="V534" s="19"/>
      <c r="W534" s="19"/>
      <c r="X534" s="19">
        <v>10</v>
      </c>
      <c r="Y534" s="19"/>
      <c r="Z534" s="19"/>
      <c r="AA534" s="19"/>
    </row>
    <row r="535" spans="1:27" s="1" customFormat="1" ht="11.1" customHeight="1" outlineLevel="2" x14ac:dyDescent="0.2">
      <c r="A535" s="17"/>
      <c r="B535" s="17"/>
      <c r="C535" s="17"/>
      <c r="D535" s="18"/>
      <c r="E535" s="18"/>
      <c r="F535" s="18"/>
      <c r="G535" s="18"/>
      <c r="H535" s="18"/>
      <c r="I535" s="18"/>
      <c r="J535" s="18"/>
      <c r="K535" s="18"/>
      <c r="L535" s="18"/>
      <c r="M535" s="18"/>
      <c r="N535" s="18"/>
      <c r="O535" s="18"/>
      <c r="P535" s="19"/>
      <c r="Q535" s="19"/>
      <c r="R535" s="19"/>
      <c r="S535" s="19"/>
      <c r="T535" s="19"/>
      <c r="U535" s="19"/>
      <c r="V535" s="19"/>
      <c r="W535" s="19"/>
      <c r="X535" s="19"/>
      <c r="Y535" s="19"/>
      <c r="Z535" s="19"/>
      <c r="AA535" s="19"/>
    </row>
    <row r="536" spans="1:27" s="1" customFormat="1" ht="14.1" customHeight="1" outlineLevel="2" x14ac:dyDescent="0.2">
      <c r="A536" s="17">
        <v>11958</v>
      </c>
      <c r="B536" s="17"/>
      <c r="C536" s="17"/>
      <c r="D536" s="18" t="s">
        <v>276</v>
      </c>
      <c r="E536" s="18"/>
      <c r="F536" s="18"/>
      <c r="G536" s="18"/>
      <c r="H536" s="18"/>
      <c r="I536" s="18"/>
      <c r="J536" s="18"/>
      <c r="K536" s="18"/>
      <c r="L536" s="18"/>
      <c r="M536" s="18"/>
      <c r="N536" s="18"/>
      <c r="O536" s="18"/>
      <c r="P536" s="19">
        <v>35</v>
      </c>
      <c r="Q536" s="19"/>
      <c r="R536" s="19"/>
      <c r="S536" s="19"/>
      <c r="T536" s="19">
        <v>20</v>
      </c>
      <c r="U536" s="19"/>
      <c r="V536" s="19"/>
      <c r="W536" s="19"/>
      <c r="X536" s="19">
        <v>970</v>
      </c>
      <c r="Y536" s="19"/>
      <c r="Z536" s="19"/>
      <c r="AA536" s="19"/>
    </row>
    <row r="537" spans="1:27" s="1" customFormat="1" ht="14.1" customHeight="1" outlineLevel="2" x14ac:dyDescent="0.2">
      <c r="A537" s="17"/>
      <c r="B537" s="17"/>
      <c r="C537" s="17"/>
      <c r="D537" s="18"/>
      <c r="E537" s="18"/>
      <c r="F537" s="18"/>
      <c r="G537" s="18"/>
      <c r="H537" s="18"/>
      <c r="I537" s="18"/>
      <c r="J537" s="18"/>
      <c r="K537" s="18"/>
      <c r="L537" s="18"/>
      <c r="M537" s="18"/>
      <c r="N537" s="18"/>
      <c r="O537" s="18"/>
      <c r="P537" s="19"/>
      <c r="Q537" s="19"/>
      <c r="R537" s="19"/>
      <c r="S537" s="19"/>
      <c r="T537" s="19"/>
      <c r="U537" s="19"/>
      <c r="V537" s="19"/>
      <c r="W537" s="19"/>
      <c r="X537" s="19"/>
      <c r="Y537" s="19"/>
      <c r="Z537" s="19"/>
      <c r="AA537" s="19"/>
    </row>
    <row r="538" spans="1:27" s="1" customFormat="1" ht="11.1" customHeight="1" outlineLevel="2" x14ac:dyDescent="0.2">
      <c r="A538" s="17">
        <v>13816</v>
      </c>
      <c r="B538" s="17"/>
      <c r="C538" s="17"/>
      <c r="D538" s="18" t="s">
        <v>277</v>
      </c>
      <c r="E538" s="18"/>
      <c r="F538" s="18"/>
      <c r="G538" s="18"/>
      <c r="H538" s="18"/>
      <c r="I538" s="18"/>
      <c r="J538" s="18"/>
      <c r="K538" s="18"/>
      <c r="L538" s="18"/>
      <c r="M538" s="18"/>
      <c r="N538" s="18"/>
      <c r="O538" s="18"/>
      <c r="P538" s="19">
        <v>300</v>
      </c>
      <c r="Q538" s="19"/>
      <c r="R538" s="19"/>
      <c r="S538" s="19"/>
      <c r="T538" s="19">
        <v>210</v>
      </c>
      <c r="U538" s="19"/>
      <c r="V538" s="19"/>
      <c r="W538" s="19"/>
      <c r="X538" s="19">
        <v>11</v>
      </c>
      <c r="Y538" s="19"/>
      <c r="Z538" s="19"/>
      <c r="AA538" s="19"/>
    </row>
    <row r="539" spans="1:27" s="1" customFormat="1" ht="11.1" customHeight="1" outlineLevel="2" x14ac:dyDescent="0.2">
      <c r="A539" s="17"/>
      <c r="B539" s="17"/>
      <c r="C539" s="17"/>
      <c r="D539" s="18"/>
      <c r="E539" s="18"/>
      <c r="F539" s="18"/>
      <c r="G539" s="18"/>
      <c r="H539" s="18"/>
      <c r="I539" s="18"/>
      <c r="J539" s="18"/>
      <c r="K539" s="18"/>
      <c r="L539" s="18"/>
      <c r="M539" s="18"/>
      <c r="N539" s="18"/>
      <c r="O539" s="18"/>
      <c r="P539" s="19"/>
      <c r="Q539" s="19"/>
      <c r="R539" s="19"/>
      <c r="S539" s="19"/>
      <c r="T539" s="19"/>
      <c r="U539" s="19"/>
      <c r="V539" s="19"/>
      <c r="W539" s="19"/>
      <c r="X539" s="19"/>
      <c r="Y539" s="19"/>
      <c r="Z539" s="19"/>
      <c r="AA539" s="19"/>
    </row>
    <row r="540" spans="1:27" s="1" customFormat="1" ht="14.1" customHeight="1" outlineLevel="2" x14ac:dyDescent="0.2">
      <c r="A540" s="17">
        <v>9133</v>
      </c>
      <c r="B540" s="17"/>
      <c r="C540" s="17"/>
      <c r="D540" s="18" t="s">
        <v>278</v>
      </c>
      <c r="E540" s="18"/>
      <c r="F540" s="18"/>
      <c r="G540" s="18"/>
      <c r="H540" s="18"/>
      <c r="I540" s="18"/>
      <c r="J540" s="18"/>
      <c r="K540" s="18"/>
      <c r="L540" s="18"/>
      <c r="M540" s="18"/>
      <c r="N540" s="18"/>
      <c r="O540" s="18"/>
      <c r="P540" s="19">
        <v>500</v>
      </c>
      <c r="Q540" s="19"/>
      <c r="R540" s="19"/>
      <c r="S540" s="19"/>
      <c r="T540" s="19">
        <v>450</v>
      </c>
      <c r="U540" s="19"/>
      <c r="V540" s="19"/>
      <c r="W540" s="19"/>
      <c r="X540" s="19">
        <v>4</v>
      </c>
      <c r="Y540" s="19"/>
      <c r="Z540" s="19"/>
      <c r="AA540" s="19"/>
    </row>
    <row r="541" spans="1:27" s="1" customFormat="1" ht="14.1" customHeight="1" outlineLevel="2" x14ac:dyDescent="0.2">
      <c r="A541" s="17"/>
      <c r="B541" s="17"/>
      <c r="C541" s="17"/>
      <c r="D541" s="18"/>
      <c r="E541" s="18"/>
      <c r="F541" s="18"/>
      <c r="G541" s="18"/>
      <c r="H541" s="18"/>
      <c r="I541" s="18"/>
      <c r="J541" s="18"/>
      <c r="K541" s="18"/>
      <c r="L541" s="18"/>
      <c r="M541" s="18"/>
      <c r="N541" s="18"/>
      <c r="O541" s="18"/>
      <c r="P541" s="19"/>
      <c r="Q541" s="19"/>
      <c r="R541" s="19"/>
      <c r="S541" s="19"/>
      <c r="T541" s="19"/>
      <c r="U541" s="19"/>
      <c r="V541" s="19"/>
      <c r="W541" s="19"/>
      <c r="X541" s="19"/>
      <c r="Y541" s="19"/>
      <c r="Z541" s="19"/>
      <c r="AA541" s="19"/>
    </row>
    <row r="542" spans="1:27" s="1" customFormat="1" ht="11.1" customHeight="1" outlineLevel="2" x14ac:dyDescent="0.2">
      <c r="A542" s="17">
        <v>11862</v>
      </c>
      <c r="B542" s="17"/>
      <c r="C542" s="17"/>
      <c r="D542" s="18" t="s">
        <v>279</v>
      </c>
      <c r="E542" s="18"/>
      <c r="F542" s="18"/>
      <c r="G542" s="18"/>
      <c r="H542" s="18"/>
      <c r="I542" s="18"/>
      <c r="J542" s="18"/>
      <c r="K542" s="18"/>
      <c r="L542" s="18"/>
      <c r="M542" s="18"/>
      <c r="N542" s="18"/>
      <c r="O542" s="18"/>
      <c r="P542" s="20">
        <v>1260</v>
      </c>
      <c r="Q542" s="20"/>
      <c r="R542" s="20"/>
      <c r="S542" s="20"/>
      <c r="T542" s="20">
        <v>1150</v>
      </c>
      <c r="U542" s="20"/>
      <c r="V542" s="20"/>
      <c r="W542" s="20"/>
      <c r="X542" s="19">
        <v>1</v>
      </c>
      <c r="Y542" s="19"/>
      <c r="Z542" s="19"/>
      <c r="AA542" s="19"/>
    </row>
    <row r="543" spans="1:27" s="1" customFormat="1" ht="11.1" customHeight="1" outlineLevel="2" x14ac:dyDescent="0.2">
      <c r="A543" s="17"/>
      <c r="B543" s="17"/>
      <c r="C543" s="17"/>
      <c r="D543" s="18"/>
      <c r="E543" s="18"/>
      <c r="F543" s="18"/>
      <c r="G543" s="18"/>
      <c r="H543" s="18"/>
      <c r="I543" s="18"/>
      <c r="J543" s="18"/>
      <c r="K543" s="18"/>
      <c r="L543" s="18"/>
      <c r="M543" s="18"/>
      <c r="N543" s="18"/>
      <c r="O543" s="18"/>
      <c r="P543" s="20"/>
      <c r="Q543" s="20"/>
      <c r="R543" s="20"/>
      <c r="S543" s="20"/>
      <c r="T543" s="20"/>
      <c r="U543" s="20"/>
      <c r="V543" s="20"/>
      <c r="W543" s="20"/>
      <c r="X543" s="19"/>
      <c r="Y543" s="19"/>
      <c r="Z543" s="19"/>
      <c r="AA543" s="19"/>
    </row>
    <row r="544" spans="1:27" s="1" customFormat="1" ht="14.1" customHeight="1" outlineLevel="2" x14ac:dyDescent="0.2">
      <c r="A544" s="17">
        <v>14762</v>
      </c>
      <c r="B544" s="17"/>
      <c r="C544" s="17"/>
      <c r="D544" s="18" t="s">
        <v>280</v>
      </c>
      <c r="E544" s="18"/>
      <c r="F544" s="18"/>
      <c r="G544" s="18"/>
      <c r="H544" s="18"/>
      <c r="I544" s="18"/>
      <c r="J544" s="18"/>
      <c r="K544" s="18"/>
      <c r="L544" s="18"/>
      <c r="M544" s="18"/>
      <c r="N544" s="18"/>
      <c r="O544" s="18"/>
      <c r="P544" s="20">
        <v>1300</v>
      </c>
      <c r="Q544" s="20"/>
      <c r="R544" s="20"/>
      <c r="S544" s="20"/>
      <c r="T544" s="20">
        <v>1200</v>
      </c>
      <c r="U544" s="20"/>
      <c r="V544" s="20"/>
      <c r="W544" s="20"/>
      <c r="X544" s="19">
        <v>1</v>
      </c>
      <c r="Y544" s="19"/>
      <c r="Z544" s="19"/>
      <c r="AA544" s="19"/>
    </row>
    <row r="545" spans="1:27" s="1" customFormat="1" ht="14.1" customHeight="1" outlineLevel="2" x14ac:dyDescent="0.2">
      <c r="A545" s="17"/>
      <c r="B545" s="17"/>
      <c r="C545" s="17"/>
      <c r="D545" s="18"/>
      <c r="E545" s="18"/>
      <c r="F545" s="18"/>
      <c r="G545" s="18"/>
      <c r="H545" s="18"/>
      <c r="I545" s="18"/>
      <c r="J545" s="18"/>
      <c r="K545" s="18"/>
      <c r="L545" s="18"/>
      <c r="M545" s="18"/>
      <c r="N545" s="18"/>
      <c r="O545" s="18"/>
      <c r="P545" s="20"/>
      <c r="Q545" s="20"/>
      <c r="R545" s="20"/>
      <c r="S545" s="20"/>
      <c r="T545" s="20"/>
      <c r="U545" s="20"/>
      <c r="V545" s="20"/>
      <c r="W545" s="20"/>
      <c r="X545" s="19"/>
      <c r="Y545" s="19"/>
      <c r="Z545" s="19"/>
      <c r="AA545" s="19"/>
    </row>
    <row r="546" spans="1:27" s="1" customFormat="1" ht="14.1" customHeight="1" outlineLevel="2" x14ac:dyDescent="0.2">
      <c r="A546" s="17">
        <v>13544</v>
      </c>
      <c r="B546" s="17"/>
      <c r="C546" s="17"/>
      <c r="D546" s="18" t="s">
        <v>281</v>
      </c>
      <c r="E546" s="18"/>
      <c r="F546" s="18"/>
      <c r="G546" s="18"/>
      <c r="H546" s="18"/>
      <c r="I546" s="18"/>
      <c r="J546" s="18"/>
      <c r="K546" s="18"/>
      <c r="L546" s="18"/>
      <c r="M546" s="18"/>
      <c r="N546" s="18"/>
      <c r="O546" s="18"/>
      <c r="P546" s="20">
        <v>1630</v>
      </c>
      <c r="Q546" s="20"/>
      <c r="R546" s="20"/>
      <c r="S546" s="20"/>
      <c r="T546" s="20">
        <v>1470</v>
      </c>
      <c r="U546" s="20"/>
      <c r="V546" s="20"/>
      <c r="W546" s="20"/>
      <c r="X546" s="19">
        <v>8</v>
      </c>
      <c r="Y546" s="19"/>
      <c r="Z546" s="19"/>
      <c r="AA546" s="19"/>
    </row>
    <row r="547" spans="1:27" s="1" customFormat="1" ht="14.1" customHeight="1" outlineLevel="2" x14ac:dyDescent="0.2">
      <c r="A547" s="17"/>
      <c r="B547" s="17"/>
      <c r="C547" s="17"/>
      <c r="D547" s="18"/>
      <c r="E547" s="18"/>
      <c r="F547" s="18"/>
      <c r="G547" s="18"/>
      <c r="H547" s="18"/>
      <c r="I547" s="18"/>
      <c r="J547" s="18"/>
      <c r="K547" s="18"/>
      <c r="L547" s="18"/>
      <c r="M547" s="18"/>
      <c r="N547" s="18"/>
      <c r="O547" s="18"/>
      <c r="P547" s="20"/>
      <c r="Q547" s="20"/>
      <c r="R547" s="20"/>
      <c r="S547" s="20"/>
      <c r="T547" s="20"/>
      <c r="U547" s="20"/>
      <c r="V547" s="20"/>
      <c r="W547" s="20"/>
      <c r="X547" s="19"/>
      <c r="Y547" s="19"/>
      <c r="Z547" s="19"/>
      <c r="AA547" s="19"/>
    </row>
    <row r="548" spans="1:27" s="1" customFormat="1" ht="14.1" customHeight="1" outlineLevel="2" x14ac:dyDescent="0.2">
      <c r="A548" s="17">
        <v>16872</v>
      </c>
      <c r="B548" s="17"/>
      <c r="C548" s="17"/>
      <c r="D548" s="18" t="s">
        <v>282</v>
      </c>
      <c r="E548" s="18"/>
      <c r="F548" s="18"/>
      <c r="G548" s="18"/>
      <c r="H548" s="18"/>
      <c r="I548" s="18"/>
      <c r="J548" s="18"/>
      <c r="K548" s="18"/>
      <c r="L548" s="18"/>
      <c r="M548" s="18"/>
      <c r="N548" s="18"/>
      <c r="O548" s="18"/>
      <c r="P548" s="20">
        <v>1000</v>
      </c>
      <c r="Q548" s="20"/>
      <c r="R548" s="20"/>
      <c r="S548" s="20"/>
      <c r="T548" s="19">
        <v>800</v>
      </c>
      <c r="U548" s="19"/>
      <c r="V548" s="19"/>
      <c r="W548" s="19"/>
      <c r="X548" s="19">
        <v>2</v>
      </c>
      <c r="Y548" s="19"/>
      <c r="Z548" s="19"/>
      <c r="AA548" s="19"/>
    </row>
    <row r="549" spans="1:27" s="1" customFormat="1" ht="14.1" customHeight="1" outlineLevel="2" x14ac:dyDescent="0.2">
      <c r="A549" s="17"/>
      <c r="B549" s="17"/>
      <c r="C549" s="17"/>
      <c r="D549" s="18"/>
      <c r="E549" s="18"/>
      <c r="F549" s="18"/>
      <c r="G549" s="18"/>
      <c r="H549" s="18"/>
      <c r="I549" s="18"/>
      <c r="J549" s="18"/>
      <c r="K549" s="18"/>
      <c r="L549" s="18"/>
      <c r="M549" s="18"/>
      <c r="N549" s="18"/>
      <c r="O549" s="18"/>
      <c r="P549" s="20"/>
      <c r="Q549" s="20"/>
      <c r="R549" s="20"/>
      <c r="S549" s="20"/>
      <c r="T549" s="19"/>
      <c r="U549" s="19"/>
      <c r="V549" s="19"/>
      <c r="W549" s="19"/>
      <c r="X549" s="19"/>
      <c r="Y549" s="19"/>
      <c r="Z549" s="19"/>
      <c r="AA549" s="19"/>
    </row>
    <row r="550" spans="1:27" s="1" customFormat="1" ht="14.1" customHeight="1" outlineLevel="2" x14ac:dyDescent="0.2">
      <c r="A550" s="17">
        <v>13937</v>
      </c>
      <c r="B550" s="17"/>
      <c r="C550" s="17"/>
      <c r="D550" s="18" t="s">
        <v>283</v>
      </c>
      <c r="E550" s="18"/>
      <c r="F550" s="18"/>
      <c r="G550" s="18"/>
      <c r="H550" s="18"/>
      <c r="I550" s="18"/>
      <c r="J550" s="18"/>
      <c r="K550" s="18"/>
      <c r="L550" s="18"/>
      <c r="M550" s="18"/>
      <c r="N550" s="18"/>
      <c r="O550" s="18"/>
      <c r="P550" s="20">
        <v>1020</v>
      </c>
      <c r="Q550" s="20"/>
      <c r="R550" s="20"/>
      <c r="S550" s="20"/>
      <c r="T550" s="19">
        <v>770</v>
      </c>
      <c r="U550" s="19"/>
      <c r="V550" s="19"/>
      <c r="W550" s="19"/>
      <c r="X550" s="19">
        <v>2</v>
      </c>
      <c r="Y550" s="19"/>
      <c r="Z550" s="19"/>
      <c r="AA550" s="19"/>
    </row>
    <row r="551" spans="1:27" s="1" customFormat="1" ht="14.1" customHeight="1" outlineLevel="2" x14ac:dyDescent="0.2">
      <c r="A551" s="17"/>
      <c r="B551" s="17"/>
      <c r="C551" s="17"/>
      <c r="D551" s="18"/>
      <c r="E551" s="18"/>
      <c r="F551" s="18"/>
      <c r="G551" s="18"/>
      <c r="H551" s="18"/>
      <c r="I551" s="18"/>
      <c r="J551" s="18"/>
      <c r="K551" s="18"/>
      <c r="L551" s="18"/>
      <c r="M551" s="18"/>
      <c r="N551" s="18"/>
      <c r="O551" s="18"/>
      <c r="P551" s="20"/>
      <c r="Q551" s="20"/>
      <c r="R551" s="20"/>
      <c r="S551" s="20"/>
      <c r="T551" s="19"/>
      <c r="U551" s="19"/>
      <c r="V551" s="19"/>
      <c r="W551" s="19"/>
      <c r="X551" s="19"/>
      <c r="Y551" s="19"/>
      <c r="Z551" s="19"/>
      <c r="AA551" s="19"/>
    </row>
    <row r="552" spans="1:27" s="1" customFormat="1" ht="11.1" customHeight="1" outlineLevel="2" x14ac:dyDescent="0.2">
      <c r="A552" s="17">
        <v>12616</v>
      </c>
      <c r="B552" s="17"/>
      <c r="C552" s="17"/>
      <c r="D552" s="18" t="s">
        <v>284</v>
      </c>
      <c r="E552" s="18"/>
      <c r="F552" s="18"/>
      <c r="G552" s="18"/>
      <c r="H552" s="18"/>
      <c r="I552" s="18"/>
      <c r="J552" s="18"/>
      <c r="K552" s="18"/>
      <c r="L552" s="18"/>
      <c r="M552" s="18"/>
      <c r="N552" s="18"/>
      <c r="O552" s="18"/>
      <c r="P552" s="20">
        <v>1800</v>
      </c>
      <c r="Q552" s="20"/>
      <c r="R552" s="20"/>
      <c r="S552" s="20"/>
      <c r="T552" s="20">
        <v>1550</v>
      </c>
      <c r="U552" s="20"/>
      <c r="V552" s="20"/>
      <c r="W552" s="20"/>
      <c r="X552" s="19">
        <v>1</v>
      </c>
      <c r="Y552" s="19"/>
      <c r="Z552" s="19"/>
      <c r="AA552" s="19"/>
    </row>
    <row r="553" spans="1:27" s="1" customFormat="1" ht="11.1" customHeight="1" outlineLevel="2" x14ac:dyDescent="0.2">
      <c r="A553" s="17"/>
      <c r="B553" s="17"/>
      <c r="C553" s="17"/>
      <c r="D553" s="18"/>
      <c r="E553" s="18"/>
      <c r="F553" s="18"/>
      <c r="G553" s="18"/>
      <c r="H553" s="18"/>
      <c r="I553" s="18"/>
      <c r="J553" s="18"/>
      <c r="K553" s="18"/>
      <c r="L553" s="18"/>
      <c r="M553" s="18"/>
      <c r="N553" s="18"/>
      <c r="O553" s="18"/>
      <c r="P553" s="20"/>
      <c r="Q553" s="20"/>
      <c r="R553" s="20"/>
      <c r="S553" s="20"/>
      <c r="T553" s="20"/>
      <c r="U553" s="20"/>
      <c r="V553" s="20"/>
      <c r="W553" s="20"/>
      <c r="X553" s="19"/>
      <c r="Y553" s="19"/>
      <c r="Z553" s="19"/>
      <c r="AA553" s="19"/>
    </row>
    <row r="554" spans="1:27" s="1" customFormat="1" ht="11.1" customHeight="1" outlineLevel="1" x14ac:dyDescent="0.2">
      <c r="A554" s="16" t="s">
        <v>285</v>
      </c>
      <c r="B554" s="16"/>
      <c r="C554" s="16"/>
      <c r="D554" s="16"/>
      <c r="E554" s="16"/>
      <c r="F554" s="16"/>
      <c r="G554" s="16"/>
      <c r="H554" s="16"/>
      <c r="I554" s="16"/>
      <c r="J554" s="16"/>
      <c r="K554" s="16"/>
      <c r="L554" s="16"/>
      <c r="M554" s="16"/>
      <c r="N554" s="16"/>
      <c r="O554" s="16"/>
      <c r="P554" s="16"/>
      <c r="Q554" s="16"/>
      <c r="R554" s="16"/>
      <c r="S554" s="16"/>
      <c r="T554" s="16"/>
      <c r="U554" s="16"/>
      <c r="V554" s="16"/>
      <c r="W554" s="16"/>
      <c r="X554" s="16"/>
      <c r="Y554" s="16"/>
      <c r="Z554" s="16"/>
      <c r="AA554" s="16"/>
    </row>
    <row r="555" spans="1:27" s="1" customFormat="1" ht="11.1" customHeight="1" outlineLevel="1" x14ac:dyDescent="0.2">
      <c r="A555" s="16"/>
      <c r="B555" s="16"/>
      <c r="C555" s="16"/>
      <c r="D555" s="16"/>
      <c r="E555" s="16"/>
      <c r="F555" s="16"/>
      <c r="G555" s="16"/>
      <c r="H555" s="16"/>
      <c r="I555" s="16"/>
      <c r="J555" s="16"/>
      <c r="K555" s="16"/>
      <c r="L555" s="16"/>
      <c r="M555" s="16"/>
      <c r="N555" s="16"/>
      <c r="O555" s="16"/>
      <c r="P555" s="16"/>
      <c r="Q555" s="16"/>
      <c r="R555" s="16"/>
      <c r="S555" s="16"/>
      <c r="T555" s="16"/>
      <c r="U555" s="16"/>
      <c r="V555" s="16"/>
      <c r="W555" s="16"/>
      <c r="X555" s="16"/>
      <c r="Y555" s="16"/>
      <c r="Z555" s="16"/>
      <c r="AA555" s="16"/>
    </row>
    <row r="556" spans="1:27" s="1" customFormat="1" ht="11.1" customHeight="1" outlineLevel="2" x14ac:dyDescent="0.2">
      <c r="A556" s="17">
        <v>15548</v>
      </c>
      <c r="B556" s="17"/>
      <c r="C556" s="17"/>
      <c r="D556" s="18" t="s">
        <v>286</v>
      </c>
      <c r="E556" s="18"/>
      <c r="F556" s="18"/>
      <c r="G556" s="18"/>
      <c r="H556" s="18"/>
      <c r="I556" s="18"/>
      <c r="J556" s="18"/>
      <c r="K556" s="18"/>
      <c r="L556" s="18"/>
      <c r="M556" s="18"/>
      <c r="N556" s="18"/>
      <c r="O556" s="18"/>
      <c r="P556" s="19">
        <v>890</v>
      </c>
      <c r="Q556" s="19"/>
      <c r="R556" s="19"/>
      <c r="S556" s="19"/>
      <c r="T556" s="19">
        <v>800</v>
      </c>
      <c r="U556" s="19"/>
      <c r="V556" s="19"/>
      <c r="W556" s="19"/>
      <c r="X556" s="19">
        <v>1</v>
      </c>
      <c r="Y556" s="19"/>
      <c r="Z556" s="19"/>
      <c r="AA556" s="19"/>
    </row>
    <row r="557" spans="1:27" s="1" customFormat="1" ht="11.1" customHeight="1" outlineLevel="2" x14ac:dyDescent="0.2">
      <c r="A557" s="17"/>
      <c r="B557" s="17"/>
      <c r="C557" s="17"/>
      <c r="D557" s="18"/>
      <c r="E557" s="18"/>
      <c r="F557" s="18"/>
      <c r="G557" s="18"/>
      <c r="H557" s="18"/>
      <c r="I557" s="18"/>
      <c r="J557" s="18"/>
      <c r="K557" s="18"/>
      <c r="L557" s="18"/>
      <c r="M557" s="18"/>
      <c r="N557" s="18"/>
      <c r="O557" s="18"/>
      <c r="P557" s="19"/>
      <c r="Q557" s="19"/>
      <c r="R557" s="19"/>
      <c r="S557" s="19"/>
      <c r="T557" s="19"/>
      <c r="U557" s="19"/>
      <c r="V557" s="19"/>
      <c r="W557" s="19"/>
      <c r="X557" s="19"/>
      <c r="Y557" s="19"/>
      <c r="Z557" s="19"/>
      <c r="AA557" s="19"/>
    </row>
    <row r="558" spans="1:27" s="1" customFormat="1" ht="11.1" customHeight="1" outlineLevel="2" x14ac:dyDescent="0.2">
      <c r="A558" s="17">
        <v>16004</v>
      </c>
      <c r="B558" s="17"/>
      <c r="C558" s="17"/>
      <c r="D558" s="18" t="s">
        <v>287</v>
      </c>
      <c r="E558" s="18"/>
      <c r="F558" s="18"/>
      <c r="G558" s="18"/>
      <c r="H558" s="18"/>
      <c r="I558" s="18"/>
      <c r="J558" s="18"/>
      <c r="K558" s="18"/>
      <c r="L558" s="18"/>
      <c r="M558" s="18"/>
      <c r="N558" s="18"/>
      <c r="O558" s="18"/>
      <c r="P558" s="19">
        <v>850</v>
      </c>
      <c r="Q558" s="19"/>
      <c r="R558" s="19"/>
      <c r="S558" s="19"/>
      <c r="T558" s="19">
        <v>650</v>
      </c>
      <c r="U558" s="19"/>
      <c r="V558" s="19"/>
      <c r="W558" s="19"/>
      <c r="X558" s="19">
        <v>27</v>
      </c>
      <c r="Y558" s="19"/>
      <c r="Z558" s="19"/>
      <c r="AA558" s="19"/>
    </row>
    <row r="559" spans="1:27" s="1" customFormat="1" ht="11.1" customHeight="1" outlineLevel="2" x14ac:dyDescent="0.2">
      <c r="A559" s="17"/>
      <c r="B559" s="17"/>
      <c r="C559" s="17"/>
      <c r="D559" s="18"/>
      <c r="E559" s="18"/>
      <c r="F559" s="18"/>
      <c r="G559" s="18"/>
      <c r="H559" s="18"/>
      <c r="I559" s="18"/>
      <c r="J559" s="18"/>
      <c r="K559" s="18"/>
      <c r="L559" s="18"/>
      <c r="M559" s="18"/>
      <c r="N559" s="18"/>
      <c r="O559" s="18"/>
      <c r="P559" s="19"/>
      <c r="Q559" s="19"/>
      <c r="R559" s="19"/>
      <c r="S559" s="19"/>
      <c r="T559" s="19"/>
      <c r="U559" s="19"/>
      <c r="V559" s="19"/>
      <c r="W559" s="19"/>
      <c r="X559" s="19"/>
      <c r="Y559" s="19"/>
      <c r="Z559" s="19"/>
      <c r="AA559" s="19"/>
    </row>
    <row r="560" spans="1:27" s="1" customFormat="1" ht="11.1" customHeight="1" outlineLevel="2" x14ac:dyDescent="0.2">
      <c r="A560" s="17">
        <v>15169</v>
      </c>
      <c r="B560" s="17"/>
      <c r="C560" s="17"/>
      <c r="D560" s="18" t="s">
        <v>288</v>
      </c>
      <c r="E560" s="18"/>
      <c r="F560" s="18"/>
      <c r="G560" s="18"/>
      <c r="H560" s="18"/>
      <c r="I560" s="18"/>
      <c r="J560" s="18"/>
      <c r="K560" s="18"/>
      <c r="L560" s="18"/>
      <c r="M560" s="18"/>
      <c r="N560" s="18"/>
      <c r="O560" s="18"/>
      <c r="P560" s="19">
        <v>810</v>
      </c>
      <c r="Q560" s="19"/>
      <c r="R560" s="19"/>
      <c r="S560" s="19"/>
      <c r="T560" s="19">
        <v>730</v>
      </c>
      <c r="U560" s="19"/>
      <c r="V560" s="19"/>
      <c r="W560" s="19"/>
      <c r="X560" s="19">
        <v>1</v>
      </c>
      <c r="Y560" s="19"/>
      <c r="Z560" s="19"/>
      <c r="AA560" s="19"/>
    </row>
    <row r="561" spans="1:27" s="1" customFormat="1" ht="11.1" customHeight="1" outlineLevel="2" x14ac:dyDescent="0.2">
      <c r="A561" s="17"/>
      <c r="B561" s="17"/>
      <c r="C561" s="17"/>
      <c r="D561" s="18"/>
      <c r="E561" s="18"/>
      <c r="F561" s="18"/>
      <c r="G561" s="18"/>
      <c r="H561" s="18"/>
      <c r="I561" s="18"/>
      <c r="J561" s="18"/>
      <c r="K561" s="18"/>
      <c r="L561" s="18"/>
      <c r="M561" s="18"/>
      <c r="N561" s="18"/>
      <c r="O561" s="18"/>
      <c r="P561" s="19"/>
      <c r="Q561" s="19"/>
      <c r="R561" s="19"/>
      <c r="S561" s="19"/>
      <c r="T561" s="19"/>
      <c r="U561" s="19"/>
      <c r="V561" s="19"/>
      <c r="W561" s="19"/>
      <c r="X561" s="19"/>
      <c r="Y561" s="19"/>
      <c r="Z561" s="19"/>
      <c r="AA561" s="19"/>
    </row>
    <row r="562" spans="1:27" s="1" customFormat="1" ht="11.1" customHeight="1" outlineLevel="2" x14ac:dyDescent="0.2">
      <c r="A562" s="17">
        <v>12496</v>
      </c>
      <c r="B562" s="17"/>
      <c r="C562" s="17"/>
      <c r="D562" s="18" t="s">
        <v>289</v>
      </c>
      <c r="E562" s="18"/>
      <c r="F562" s="18"/>
      <c r="G562" s="18"/>
      <c r="H562" s="18"/>
      <c r="I562" s="18"/>
      <c r="J562" s="18"/>
      <c r="K562" s="18"/>
      <c r="L562" s="18"/>
      <c r="M562" s="18"/>
      <c r="N562" s="18"/>
      <c r="O562" s="18"/>
      <c r="P562" s="20">
        <v>1690</v>
      </c>
      <c r="Q562" s="20"/>
      <c r="R562" s="20"/>
      <c r="S562" s="20"/>
      <c r="T562" s="20">
        <v>1500</v>
      </c>
      <c r="U562" s="20"/>
      <c r="V562" s="20"/>
      <c r="W562" s="20"/>
      <c r="X562" s="19">
        <v>11</v>
      </c>
      <c r="Y562" s="19"/>
      <c r="Z562" s="19"/>
      <c r="AA562" s="19"/>
    </row>
    <row r="563" spans="1:27" s="1" customFormat="1" ht="11.1" customHeight="1" outlineLevel="2" x14ac:dyDescent="0.2">
      <c r="A563" s="17"/>
      <c r="B563" s="17"/>
      <c r="C563" s="17"/>
      <c r="D563" s="18"/>
      <c r="E563" s="18"/>
      <c r="F563" s="18"/>
      <c r="G563" s="18"/>
      <c r="H563" s="18"/>
      <c r="I563" s="18"/>
      <c r="J563" s="18"/>
      <c r="K563" s="18"/>
      <c r="L563" s="18"/>
      <c r="M563" s="18"/>
      <c r="N563" s="18"/>
      <c r="O563" s="18"/>
      <c r="P563" s="20"/>
      <c r="Q563" s="20"/>
      <c r="R563" s="20"/>
      <c r="S563" s="20"/>
      <c r="T563" s="20"/>
      <c r="U563" s="20"/>
      <c r="V563" s="20"/>
      <c r="W563" s="20"/>
      <c r="X563" s="19"/>
      <c r="Y563" s="19"/>
      <c r="Z563" s="19"/>
      <c r="AA563" s="19"/>
    </row>
    <row r="564" spans="1:27" s="1" customFormat="1" ht="11.1" customHeight="1" outlineLevel="2" x14ac:dyDescent="0.2">
      <c r="A564" s="17">
        <v>15304</v>
      </c>
      <c r="B564" s="17"/>
      <c r="C564" s="17"/>
      <c r="D564" s="18" t="s">
        <v>290</v>
      </c>
      <c r="E564" s="18"/>
      <c r="F564" s="18"/>
      <c r="G564" s="18"/>
      <c r="H564" s="18"/>
      <c r="I564" s="18"/>
      <c r="J564" s="18"/>
      <c r="K564" s="18"/>
      <c r="L564" s="18"/>
      <c r="M564" s="18"/>
      <c r="N564" s="18"/>
      <c r="O564" s="18"/>
      <c r="P564" s="19">
        <v>680</v>
      </c>
      <c r="Q564" s="19"/>
      <c r="R564" s="19"/>
      <c r="S564" s="19"/>
      <c r="T564" s="19">
        <v>550</v>
      </c>
      <c r="U564" s="19"/>
      <c r="V564" s="19"/>
      <c r="W564" s="19"/>
      <c r="X564" s="19">
        <v>1</v>
      </c>
      <c r="Y564" s="19"/>
      <c r="Z564" s="19"/>
      <c r="AA564" s="19"/>
    </row>
    <row r="565" spans="1:27" s="1" customFormat="1" ht="11.1" customHeight="1" outlineLevel="2" x14ac:dyDescent="0.2">
      <c r="A565" s="17"/>
      <c r="B565" s="17"/>
      <c r="C565" s="17"/>
      <c r="D565" s="18"/>
      <c r="E565" s="18"/>
      <c r="F565" s="18"/>
      <c r="G565" s="18"/>
      <c r="H565" s="18"/>
      <c r="I565" s="18"/>
      <c r="J565" s="18"/>
      <c r="K565" s="18"/>
      <c r="L565" s="18"/>
      <c r="M565" s="18"/>
      <c r="N565" s="18"/>
      <c r="O565" s="18"/>
      <c r="P565" s="19"/>
      <c r="Q565" s="19"/>
      <c r="R565" s="19"/>
      <c r="S565" s="19"/>
      <c r="T565" s="19"/>
      <c r="U565" s="19"/>
      <c r="V565" s="19"/>
      <c r="W565" s="19"/>
      <c r="X565" s="19"/>
      <c r="Y565" s="19"/>
      <c r="Z565" s="19"/>
      <c r="AA565" s="19"/>
    </row>
    <row r="566" spans="1:27" s="1" customFormat="1" ht="14.1" customHeight="1" outlineLevel="2" x14ac:dyDescent="0.2">
      <c r="A566" s="17">
        <v>12514</v>
      </c>
      <c r="B566" s="17"/>
      <c r="C566" s="17"/>
      <c r="D566" s="18" t="s">
        <v>291</v>
      </c>
      <c r="E566" s="18"/>
      <c r="F566" s="18"/>
      <c r="G566" s="18"/>
      <c r="H566" s="18"/>
      <c r="I566" s="18"/>
      <c r="J566" s="18"/>
      <c r="K566" s="18"/>
      <c r="L566" s="18"/>
      <c r="M566" s="18"/>
      <c r="N566" s="18"/>
      <c r="O566" s="18"/>
      <c r="P566" s="19">
        <v>470</v>
      </c>
      <c r="Q566" s="19"/>
      <c r="R566" s="19"/>
      <c r="S566" s="19"/>
      <c r="T566" s="19">
        <v>400</v>
      </c>
      <c r="U566" s="19"/>
      <c r="V566" s="19"/>
      <c r="W566" s="19"/>
      <c r="X566" s="19">
        <v>3</v>
      </c>
      <c r="Y566" s="19"/>
      <c r="Z566" s="19"/>
      <c r="AA566" s="19"/>
    </row>
    <row r="567" spans="1:27" s="1" customFormat="1" ht="14.1" customHeight="1" outlineLevel="2" x14ac:dyDescent="0.2">
      <c r="A567" s="17"/>
      <c r="B567" s="17"/>
      <c r="C567" s="17"/>
      <c r="D567" s="18"/>
      <c r="E567" s="18"/>
      <c r="F567" s="18"/>
      <c r="G567" s="18"/>
      <c r="H567" s="18"/>
      <c r="I567" s="18"/>
      <c r="J567" s="18"/>
      <c r="K567" s="18"/>
      <c r="L567" s="18"/>
      <c r="M567" s="18"/>
      <c r="N567" s="18"/>
      <c r="O567" s="18"/>
      <c r="P567" s="19"/>
      <c r="Q567" s="19"/>
      <c r="R567" s="19"/>
      <c r="S567" s="19"/>
      <c r="T567" s="19"/>
      <c r="U567" s="19"/>
      <c r="V567" s="19"/>
      <c r="W567" s="19"/>
      <c r="X567" s="19"/>
      <c r="Y567" s="19"/>
      <c r="Z567" s="19"/>
      <c r="AA567" s="19"/>
    </row>
    <row r="568" spans="1:27" s="1" customFormat="1" ht="11.1" customHeight="1" outlineLevel="2" x14ac:dyDescent="0.2">
      <c r="A568" s="17">
        <v>11586</v>
      </c>
      <c r="B568" s="17"/>
      <c r="C568" s="17"/>
      <c r="D568" s="18" t="s">
        <v>292</v>
      </c>
      <c r="E568" s="18"/>
      <c r="F568" s="18"/>
      <c r="G568" s="18"/>
      <c r="H568" s="18"/>
      <c r="I568" s="18"/>
      <c r="J568" s="18"/>
      <c r="K568" s="18"/>
      <c r="L568" s="18"/>
      <c r="M568" s="18"/>
      <c r="N568" s="18"/>
      <c r="O568" s="18"/>
      <c r="P568" s="19">
        <v>130</v>
      </c>
      <c r="Q568" s="19"/>
      <c r="R568" s="19"/>
      <c r="S568" s="19"/>
      <c r="T568" s="19">
        <v>95</v>
      </c>
      <c r="U568" s="19"/>
      <c r="V568" s="19"/>
      <c r="W568" s="19"/>
      <c r="X568" s="19">
        <v>1</v>
      </c>
      <c r="Y568" s="19"/>
      <c r="Z568" s="19"/>
      <c r="AA568" s="19"/>
    </row>
    <row r="569" spans="1:27" s="1" customFormat="1" ht="11.1" customHeight="1" outlineLevel="2" x14ac:dyDescent="0.2">
      <c r="A569" s="17"/>
      <c r="B569" s="17"/>
      <c r="C569" s="17"/>
      <c r="D569" s="18"/>
      <c r="E569" s="18"/>
      <c r="F569" s="18"/>
      <c r="G569" s="18"/>
      <c r="H569" s="18"/>
      <c r="I569" s="18"/>
      <c r="J569" s="18"/>
      <c r="K569" s="18"/>
      <c r="L569" s="18"/>
      <c r="M569" s="18"/>
      <c r="N569" s="18"/>
      <c r="O569" s="18"/>
      <c r="P569" s="19"/>
      <c r="Q569" s="19"/>
      <c r="R569" s="19"/>
      <c r="S569" s="19"/>
      <c r="T569" s="19"/>
      <c r="U569" s="19"/>
      <c r="V569" s="19"/>
      <c r="W569" s="19"/>
      <c r="X569" s="19"/>
      <c r="Y569" s="19"/>
      <c r="Z569" s="19"/>
      <c r="AA569" s="19"/>
    </row>
    <row r="570" spans="1:27" s="1" customFormat="1" ht="11.1" customHeight="1" outlineLevel="2" x14ac:dyDescent="0.2">
      <c r="A570" s="17">
        <v>11587</v>
      </c>
      <c r="B570" s="17"/>
      <c r="C570" s="17"/>
      <c r="D570" s="18" t="s">
        <v>293</v>
      </c>
      <c r="E570" s="18"/>
      <c r="F570" s="18"/>
      <c r="G570" s="18"/>
      <c r="H570" s="18"/>
      <c r="I570" s="18"/>
      <c r="J570" s="18"/>
      <c r="K570" s="18"/>
      <c r="L570" s="18"/>
      <c r="M570" s="18"/>
      <c r="N570" s="18"/>
      <c r="O570" s="18"/>
      <c r="P570" s="19">
        <v>130</v>
      </c>
      <c r="Q570" s="19"/>
      <c r="R570" s="19"/>
      <c r="S570" s="19"/>
      <c r="T570" s="19">
        <v>95</v>
      </c>
      <c r="U570" s="19"/>
      <c r="V570" s="19"/>
      <c r="W570" s="19"/>
      <c r="X570" s="19">
        <v>1</v>
      </c>
      <c r="Y570" s="19"/>
      <c r="Z570" s="19"/>
      <c r="AA570" s="19"/>
    </row>
    <row r="571" spans="1:27" s="1" customFormat="1" ht="11.1" customHeight="1" outlineLevel="2" x14ac:dyDescent="0.2">
      <c r="A571" s="17"/>
      <c r="B571" s="17"/>
      <c r="C571" s="17"/>
      <c r="D571" s="18"/>
      <c r="E571" s="18"/>
      <c r="F571" s="18"/>
      <c r="G571" s="18"/>
      <c r="H571" s="18"/>
      <c r="I571" s="18"/>
      <c r="J571" s="18"/>
      <c r="K571" s="18"/>
      <c r="L571" s="18"/>
      <c r="M571" s="18"/>
      <c r="N571" s="18"/>
      <c r="O571" s="18"/>
      <c r="P571" s="19"/>
      <c r="Q571" s="19"/>
      <c r="R571" s="19"/>
      <c r="S571" s="19"/>
      <c r="T571" s="19"/>
      <c r="U571" s="19"/>
      <c r="V571" s="19"/>
      <c r="W571" s="19"/>
      <c r="X571" s="19"/>
      <c r="Y571" s="19"/>
      <c r="Z571" s="19"/>
      <c r="AA571" s="19"/>
    </row>
    <row r="572" spans="1:27" s="1" customFormat="1" ht="11.1" customHeight="1" outlineLevel="2" x14ac:dyDescent="0.2">
      <c r="A572" s="17">
        <v>11585</v>
      </c>
      <c r="B572" s="17"/>
      <c r="C572" s="17"/>
      <c r="D572" s="18" t="s">
        <v>294</v>
      </c>
      <c r="E572" s="18"/>
      <c r="F572" s="18"/>
      <c r="G572" s="18"/>
      <c r="H572" s="18"/>
      <c r="I572" s="18"/>
      <c r="J572" s="18"/>
      <c r="K572" s="18"/>
      <c r="L572" s="18"/>
      <c r="M572" s="18"/>
      <c r="N572" s="18"/>
      <c r="O572" s="18"/>
      <c r="P572" s="19">
        <v>130</v>
      </c>
      <c r="Q572" s="19"/>
      <c r="R572" s="19"/>
      <c r="S572" s="19"/>
      <c r="T572" s="19">
        <v>95</v>
      </c>
      <c r="U572" s="19"/>
      <c r="V572" s="19"/>
      <c r="W572" s="19"/>
      <c r="X572" s="19">
        <v>1</v>
      </c>
      <c r="Y572" s="19"/>
      <c r="Z572" s="19"/>
      <c r="AA572" s="19"/>
    </row>
    <row r="573" spans="1:27" s="1" customFormat="1" ht="11.1" customHeight="1" outlineLevel="2" x14ac:dyDescent="0.2">
      <c r="A573" s="17"/>
      <c r="B573" s="17"/>
      <c r="C573" s="17"/>
      <c r="D573" s="18"/>
      <c r="E573" s="18"/>
      <c r="F573" s="18"/>
      <c r="G573" s="18"/>
      <c r="H573" s="18"/>
      <c r="I573" s="18"/>
      <c r="J573" s="18"/>
      <c r="K573" s="18"/>
      <c r="L573" s="18"/>
      <c r="M573" s="18"/>
      <c r="N573" s="18"/>
      <c r="O573" s="18"/>
      <c r="P573" s="19"/>
      <c r="Q573" s="19"/>
      <c r="R573" s="19"/>
      <c r="S573" s="19"/>
      <c r="T573" s="19"/>
      <c r="U573" s="19"/>
      <c r="V573" s="19"/>
      <c r="W573" s="19"/>
      <c r="X573" s="19"/>
      <c r="Y573" s="19"/>
      <c r="Z573" s="19"/>
      <c r="AA573" s="19"/>
    </row>
    <row r="574" spans="1:27" s="1" customFormat="1" ht="11.1" customHeight="1" outlineLevel="2" x14ac:dyDescent="0.2">
      <c r="A574" s="17">
        <v>11583</v>
      </c>
      <c r="B574" s="17"/>
      <c r="C574" s="17"/>
      <c r="D574" s="18" t="s">
        <v>295</v>
      </c>
      <c r="E574" s="18"/>
      <c r="F574" s="18"/>
      <c r="G574" s="18"/>
      <c r="H574" s="18"/>
      <c r="I574" s="18"/>
      <c r="J574" s="18"/>
      <c r="K574" s="18"/>
      <c r="L574" s="18"/>
      <c r="M574" s="18"/>
      <c r="N574" s="18"/>
      <c r="O574" s="18"/>
      <c r="P574" s="19">
        <v>130</v>
      </c>
      <c r="Q574" s="19"/>
      <c r="R574" s="19"/>
      <c r="S574" s="19"/>
      <c r="T574" s="19">
        <v>90</v>
      </c>
      <c r="U574" s="19"/>
      <c r="V574" s="19"/>
      <c r="W574" s="19"/>
      <c r="X574" s="19">
        <v>2</v>
      </c>
      <c r="Y574" s="19"/>
      <c r="Z574" s="19"/>
      <c r="AA574" s="19"/>
    </row>
    <row r="575" spans="1:27" s="1" customFormat="1" ht="11.1" customHeight="1" outlineLevel="2" x14ac:dyDescent="0.2">
      <c r="A575" s="17"/>
      <c r="B575" s="17"/>
      <c r="C575" s="17"/>
      <c r="D575" s="18"/>
      <c r="E575" s="18"/>
      <c r="F575" s="18"/>
      <c r="G575" s="18"/>
      <c r="H575" s="18"/>
      <c r="I575" s="18"/>
      <c r="J575" s="18"/>
      <c r="K575" s="18"/>
      <c r="L575" s="18"/>
      <c r="M575" s="18"/>
      <c r="N575" s="18"/>
      <c r="O575" s="18"/>
      <c r="P575" s="19"/>
      <c r="Q575" s="19"/>
      <c r="R575" s="19"/>
      <c r="S575" s="19"/>
      <c r="T575" s="19"/>
      <c r="U575" s="19"/>
      <c r="V575" s="19"/>
      <c r="W575" s="19"/>
      <c r="X575" s="19"/>
      <c r="Y575" s="19"/>
      <c r="Z575" s="19"/>
      <c r="AA575" s="19"/>
    </row>
    <row r="576" spans="1:27" s="1" customFormat="1" ht="14.1" customHeight="1" outlineLevel="2" x14ac:dyDescent="0.2">
      <c r="A576" s="17">
        <v>17093</v>
      </c>
      <c r="B576" s="17"/>
      <c r="C576" s="17"/>
      <c r="D576" s="18" t="s">
        <v>296</v>
      </c>
      <c r="E576" s="18"/>
      <c r="F576" s="18"/>
      <c r="G576" s="18"/>
      <c r="H576" s="18"/>
      <c r="I576" s="18"/>
      <c r="J576" s="18"/>
      <c r="K576" s="18"/>
      <c r="L576" s="18"/>
      <c r="M576" s="18"/>
      <c r="N576" s="18"/>
      <c r="O576" s="18"/>
      <c r="P576" s="20">
        <v>7700</v>
      </c>
      <c r="Q576" s="20"/>
      <c r="R576" s="20"/>
      <c r="S576" s="20"/>
      <c r="T576" s="20">
        <v>7100</v>
      </c>
      <c r="U576" s="20"/>
      <c r="V576" s="20"/>
      <c r="W576" s="20"/>
      <c r="X576" s="19">
        <v>1</v>
      </c>
      <c r="Y576" s="19"/>
      <c r="Z576" s="19"/>
      <c r="AA576" s="19"/>
    </row>
    <row r="577" spans="1:27" s="1" customFormat="1" ht="14.1" customHeight="1" outlineLevel="2" x14ac:dyDescent="0.2">
      <c r="A577" s="17"/>
      <c r="B577" s="17"/>
      <c r="C577" s="17"/>
      <c r="D577" s="18"/>
      <c r="E577" s="18"/>
      <c r="F577" s="18"/>
      <c r="G577" s="18"/>
      <c r="H577" s="18"/>
      <c r="I577" s="18"/>
      <c r="J577" s="18"/>
      <c r="K577" s="18"/>
      <c r="L577" s="18"/>
      <c r="M577" s="18"/>
      <c r="N577" s="18"/>
      <c r="O577" s="18"/>
      <c r="P577" s="20"/>
      <c r="Q577" s="20"/>
      <c r="R577" s="20"/>
      <c r="S577" s="20"/>
      <c r="T577" s="20"/>
      <c r="U577" s="20"/>
      <c r="V577" s="20"/>
      <c r="W577" s="20"/>
      <c r="X577" s="19"/>
      <c r="Y577" s="19"/>
      <c r="Z577" s="19"/>
      <c r="AA577" s="19"/>
    </row>
    <row r="578" spans="1:27" s="1" customFormat="1" ht="14.1" customHeight="1" outlineLevel="2" x14ac:dyDescent="0.2">
      <c r="A578" s="17">
        <v>12820</v>
      </c>
      <c r="B578" s="17"/>
      <c r="C578" s="17"/>
      <c r="D578" s="18" t="s">
        <v>297</v>
      </c>
      <c r="E578" s="18"/>
      <c r="F578" s="18"/>
      <c r="G578" s="18"/>
      <c r="H578" s="18"/>
      <c r="I578" s="18"/>
      <c r="J578" s="18"/>
      <c r="K578" s="18"/>
      <c r="L578" s="18"/>
      <c r="M578" s="18"/>
      <c r="N578" s="18"/>
      <c r="O578" s="18"/>
      <c r="P578" s="20">
        <v>3900</v>
      </c>
      <c r="Q578" s="20"/>
      <c r="R578" s="20"/>
      <c r="S578" s="20"/>
      <c r="T578" s="20">
        <v>3400</v>
      </c>
      <c r="U578" s="20"/>
      <c r="V578" s="20"/>
      <c r="W578" s="20"/>
      <c r="X578" s="19">
        <v>1</v>
      </c>
      <c r="Y578" s="19"/>
      <c r="Z578" s="19"/>
      <c r="AA578" s="19"/>
    </row>
    <row r="579" spans="1:27" s="1" customFormat="1" ht="14.1" customHeight="1" outlineLevel="2" x14ac:dyDescent="0.2">
      <c r="A579" s="17"/>
      <c r="B579" s="17"/>
      <c r="C579" s="17"/>
      <c r="D579" s="18"/>
      <c r="E579" s="18"/>
      <c r="F579" s="18"/>
      <c r="G579" s="18"/>
      <c r="H579" s="18"/>
      <c r="I579" s="18"/>
      <c r="J579" s="18"/>
      <c r="K579" s="18"/>
      <c r="L579" s="18"/>
      <c r="M579" s="18"/>
      <c r="N579" s="18"/>
      <c r="O579" s="18"/>
      <c r="P579" s="20"/>
      <c r="Q579" s="20"/>
      <c r="R579" s="20"/>
      <c r="S579" s="20"/>
      <c r="T579" s="20"/>
      <c r="U579" s="20"/>
      <c r="V579" s="20"/>
      <c r="W579" s="20"/>
      <c r="X579" s="19"/>
      <c r="Y579" s="19"/>
      <c r="Z579" s="19"/>
      <c r="AA579" s="19"/>
    </row>
    <row r="580" spans="1:27" s="1" customFormat="1" ht="14.1" customHeight="1" outlineLevel="2" x14ac:dyDescent="0.2">
      <c r="A580" s="17">
        <v>17722</v>
      </c>
      <c r="B580" s="17"/>
      <c r="C580" s="17"/>
      <c r="D580" s="18" t="s">
        <v>298</v>
      </c>
      <c r="E580" s="18"/>
      <c r="F580" s="18"/>
      <c r="G580" s="18"/>
      <c r="H580" s="18"/>
      <c r="I580" s="18"/>
      <c r="J580" s="18"/>
      <c r="K580" s="18"/>
      <c r="L580" s="18"/>
      <c r="M580" s="18"/>
      <c r="N580" s="18"/>
      <c r="O580" s="18"/>
      <c r="P580" s="20">
        <v>4000</v>
      </c>
      <c r="Q580" s="20"/>
      <c r="R580" s="20"/>
      <c r="S580" s="20"/>
      <c r="T580" s="20">
        <v>3700</v>
      </c>
      <c r="U580" s="20"/>
      <c r="V580" s="20"/>
      <c r="W580" s="20"/>
      <c r="X580" s="19">
        <v>3</v>
      </c>
      <c r="Y580" s="19"/>
      <c r="Z580" s="19"/>
      <c r="AA580" s="19"/>
    </row>
    <row r="581" spans="1:27" s="1" customFormat="1" ht="14.1" customHeight="1" outlineLevel="2" x14ac:dyDescent="0.2">
      <c r="A581" s="17"/>
      <c r="B581" s="17"/>
      <c r="C581" s="17"/>
      <c r="D581" s="18"/>
      <c r="E581" s="18"/>
      <c r="F581" s="18"/>
      <c r="G581" s="18"/>
      <c r="H581" s="18"/>
      <c r="I581" s="18"/>
      <c r="J581" s="18"/>
      <c r="K581" s="18"/>
      <c r="L581" s="18"/>
      <c r="M581" s="18"/>
      <c r="N581" s="18"/>
      <c r="O581" s="18"/>
      <c r="P581" s="20"/>
      <c r="Q581" s="20"/>
      <c r="R581" s="20"/>
      <c r="S581" s="20"/>
      <c r="T581" s="20"/>
      <c r="U581" s="20"/>
      <c r="V581" s="20"/>
      <c r="W581" s="20"/>
      <c r="X581" s="19"/>
      <c r="Y581" s="19"/>
      <c r="Z581" s="19"/>
      <c r="AA581" s="19"/>
    </row>
    <row r="582" spans="1:27" s="1" customFormat="1" ht="14.1" customHeight="1" outlineLevel="2" x14ac:dyDescent="0.2">
      <c r="A582" s="17">
        <v>12818</v>
      </c>
      <c r="B582" s="17"/>
      <c r="C582" s="17"/>
      <c r="D582" s="18" t="s">
        <v>299</v>
      </c>
      <c r="E582" s="18"/>
      <c r="F582" s="18"/>
      <c r="G582" s="18"/>
      <c r="H582" s="18"/>
      <c r="I582" s="18"/>
      <c r="J582" s="18"/>
      <c r="K582" s="18"/>
      <c r="L582" s="18"/>
      <c r="M582" s="18"/>
      <c r="N582" s="18"/>
      <c r="O582" s="18"/>
      <c r="P582" s="20">
        <v>9900</v>
      </c>
      <c r="Q582" s="20"/>
      <c r="R582" s="20"/>
      <c r="S582" s="20"/>
      <c r="T582" s="20">
        <v>8900</v>
      </c>
      <c r="U582" s="20"/>
      <c r="V582" s="20"/>
      <c r="W582" s="20"/>
      <c r="X582" s="19">
        <v>4</v>
      </c>
      <c r="Y582" s="19"/>
      <c r="Z582" s="19"/>
      <c r="AA582" s="19"/>
    </row>
    <row r="583" spans="1:27" s="1" customFormat="1" ht="14.1" customHeight="1" outlineLevel="2" x14ac:dyDescent="0.2">
      <c r="A583" s="17"/>
      <c r="B583" s="17"/>
      <c r="C583" s="17"/>
      <c r="D583" s="18"/>
      <c r="E583" s="18"/>
      <c r="F583" s="18"/>
      <c r="G583" s="18"/>
      <c r="H583" s="18"/>
      <c r="I583" s="18"/>
      <c r="J583" s="18"/>
      <c r="K583" s="18"/>
      <c r="L583" s="18"/>
      <c r="M583" s="18"/>
      <c r="N583" s="18"/>
      <c r="O583" s="18"/>
      <c r="P583" s="20"/>
      <c r="Q583" s="20"/>
      <c r="R583" s="20"/>
      <c r="S583" s="20"/>
      <c r="T583" s="20"/>
      <c r="U583" s="20"/>
      <c r="V583" s="20"/>
      <c r="W583" s="20"/>
      <c r="X583" s="19"/>
      <c r="Y583" s="19"/>
      <c r="Z583" s="19"/>
      <c r="AA583" s="19"/>
    </row>
    <row r="584" spans="1:27" s="1" customFormat="1" ht="11.1" customHeight="1" outlineLevel="2" x14ac:dyDescent="0.2">
      <c r="A584" s="17">
        <v>16939</v>
      </c>
      <c r="B584" s="17"/>
      <c r="C584" s="17"/>
      <c r="D584" s="18" t="s">
        <v>300</v>
      </c>
      <c r="E584" s="18"/>
      <c r="F584" s="18"/>
      <c r="G584" s="18"/>
      <c r="H584" s="18"/>
      <c r="I584" s="18"/>
      <c r="J584" s="18"/>
      <c r="K584" s="18"/>
      <c r="L584" s="18"/>
      <c r="M584" s="18"/>
      <c r="N584" s="18"/>
      <c r="O584" s="18"/>
      <c r="P584" s="20">
        <v>10000</v>
      </c>
      <c r="Q584" s="20"/>
      <c r="R584" s="20"/>
      <c r="S584" s="20"/>
      <c r="T584" s="20">
        <v>9000</v>
      </c>
      <c r="U584" s="20"/>
      <c r="V584" s="20"/>
      <c r="W584" s="20"/>
      <c r="X584" s="19">
        <v>1</v>
      </c>
      <c r="Y584" s="19"/>
      <c r="Z584" s="19"/>
      <c r="AA584" s="19"/>
    </row>
    <row r="585" spans="1:27" s="1" customFormat="1" ht="11.1" customHeight="1" outlineLevel="2" x14ac:dyDescent="0.2">
      <c r="A585" s="17"/>
      <c r="B585" s="17"/>
      <c r="C585" s="17"/>
      <c r="D585" s="18"/>
      <c r="E585" s="18"/>
      <c r="F585" s="18"/>
      <c r="G585" s="18"/>
      <c r="H585" s="18"/>
      <c r="I585" s="18"/>
      <c r="J585" s="18"/>
      <c r="K585" s="18"/>
      <c r="L585" s="18"/>
      <c r="M585" s="18"/>
      <c r="N585" s="18"/>
      <c r="O585" s="18"/>
      <c r="P585" s="20"/>
      <c r="Q585" s="20"/>
      <c r="R585" s="20"/>
      <c r="S585" s="20"/>
      <c r="T585" s="20"/>
      <c r="U585" s="20"/>
      <c r="V585" s="20"/>
      <c r="W585" s="20"/>
      <c r="X585" s="19"/>
      <c r="Y585" s="19"/>
      <c r="Z585" s="19"/>
      <c r="AA585" s="19"/>
    </row>
    <row r="586" spans="1:27" s="1" customFormat="1" ht="11.1" customHeight="1" outlineLevel="2" x14ac:dyDescent="0.2">
      <c r="A586" s="17">
        <v>17763</v>
      </c>
      <c r="B586" s="17"/>
      <c r="C586" s="17"/>
      <c r="D586" s="18" t="s">
        <v>301</v>
      </c>
      <c r="E586" s="18"/>
      <c r="F586" s="18"/>
      <c r="G586" s="18"/>
      <c r="H586" s="18"/>
      <c r="I586" s="18"/>
      <c r="J586" s="18"/>
      <c r="K586" s="18"/>
      <c r="L586" s="18"/>
      <c r="M586" s="18"/>
      <c r="N586" s="18"/>
      <c r="O586" s="18"/>
      <c r="P586" s="20">
        <v>3100</v>
      </c>
      <c r="Q586" s="20"/>
      <c r="R586" s="20"/>
      <c r="S586" s="20"/>
      <c r="T586" s="20">
        <v>2800</v>
      </c>
      <c r="U586" s="20"/>
      <c r="V586" s="20"/>
      <c r="W586" s="20"/>
      <c r="X586" s="19">
        <v>17</v>
      </c>
      <c r="Y586" s="19"/>
      <c r="Z586" s="19"/>
      <c r="AA586" s="19"/>
    </row>
    <row r="587" spans="1:27" s="1" customFormat="1" ht="11.1" customHeight="1" outlineLevel="2" x14ac:dyDescent="0.2">
      <c r="A587" s="17"/>
      <c r="B587" s="17"/>
      <c r="C587" s="17"/>
      <c r="D587" s="18"/>
      <c r="E587" s="18"/>
      <c r="F587" s="18"/>
      <c r="G587" s="18"/>
      <c r="H587" s="18"/>
      <c r="I587" s="18"/>
      <c r="J587" s="18"/>
      <c r="K587" s="18"/>
      <c r="L587" s="18"/>
      <c r="M587" s="18"/>
      <c r="N587" s="18"/>
      <c r="O587" s="18"/>
      <c r="P587" s="20"/>
      <c r="Q587" s="20"/>
      <c r="R587" s="20"/>
      <c r="S587" s="20"/>
      <c r="T587" s="20"/>
      <c r="U587" s="20"/>
      <c r="V587" s="20"/>
      <c r="W587" s="20"/>
      <c r="X587" s="19"/>
      <c r="Y587" s="19"/>
      <c r="Z587" s="19"/>
      <c r="AA587" s="19"/>
    </row>
    <row r="588" spans="1:27" s="1" customFormat="1" ht="11.1" customHeight="1" outlineLevel="2" x14ac:dyDescent="0.2">
      <c r="A588" s="17">
        <v>17764</v>
      </c>
      <c r="B588" s="17"/>
      <c r="C588" s="17"/>
      <c r="D588" s="18" t="s">
        <v>302</v>
      </c>
      <c r="E588" s="18"/>
      <c r="F588" s="18"/>
      <c r="G588" s="18"/>
      <c r="H588" s="18"/>
      <c r="I588" s="18"/>
      <c r="J588" s="18"/>
      <c r="K588" s="18"/>
      <c r="L588" s="18"/>
      <c r="M588" s="18"/>
      <c r="N588" s="18"/>
      <c r="O588" s="18"/>
      <c r="P588" s="20">
        <v>5900</v>
      </c>
      <c r="Q588" s="20"/>
      <c r="R588" s="20"/>
      <c r="S588" s="20"/>
      <c r="T588" s="20">
        <v>5600</v>
      </c>
      <c r="U588" s="20"/>
      <c r="V588" s="20"/>
      <c r="W588" s="20"/>
      <c r="X588" s="19">
        <v>9</v>
      </c>
      <c r="Y588" s="19"/>
      <c r="Z588" s="19"/>
      <c r="AA588" s="19"/>
    </row>
    <row r="589" spans="1:27" s="1" customFormat="1" ht="11.1" customHeight="1" outlineLevel="2" x14ac:dyDescent="0.2">
      <c r="A589" s="17"/>
      <c r="B589" s="17"/>
      <c r="C589" s="17"/>
      <c r="D589" s="18"/>
      <c r="E589" s="18"/>
      <c r="F589" s="18"/>
      <c r="G589" s="18"/>
      <c r="H589" s="18"/>
      <c r="I589" s="18"/>
      <c r="J589" s="18"/>
      <c r="K589" s="18"/>
      <c r="L589" s="18"/>
      <c r="M589" s="18"/>
      <c r="N589" s="18"/>
      <c r="O589" s="18"/>
      <c r="P589" s="20"/>
      <c r="Q589" s="20"/>
      <c r="R589" s="20"/>
      <c r="S589" s="20"/>
      <c r="T589" s="20"/>
      <c r="U589" s="20"/>
      <c r="V589" s="20"/>
      <c r="W589" s="20"/>
      <c r="X589" s="19"/>
      <c r="Y589" s="19"/>
      <c r="Z589" s="19"/>
      <c r="AA589" s="19"/>
    </row>
    <row r="590" spans="1:27" s="1" customFormat="1" ht="14.1" customHeight="1" outlineLevel="2" x14ac:dyDescent="0.2">
      <c r="A590" s="17">
        <v>11015</v>
      </c>
      <c r="B590" s="17"/>
      <c r="C590" s="17"/>
      <c r="D590" s="18" t="s">
        <v>303</v>
      </c>
      <c r="E590" s="18"/>
      <c r="F590" s="18"/>
      <c r="G590" s="18"/>
      <c r="H590" s="18"/>
      <c r="I590" s="18"/>
      <c r="J590" s="18"/>
      <c r="K590" s="18"/>
      <c r="L590" s="18"/>
      <c r="M590" s="18"/>
      <c r="N590" s="18"/>
      <c r="O590" s="18"/>
      <c r="P590" s="19">
        <v>990</v>
      </c>
      <c r="Q590" s="19"/>
      <c r="R590" s="19"/>
      <c r="S590" s="19"/>
      <c r="T590" s="19">
        <v>850</v>
      </c>
      <c r="U590" s="19"/>
      <c r="V590" s="19"/>
      <c r="W590" s="19"/>
      <c r="X590" s="19">
        <v>1</v>
      </c>
      <c r="Y590" s="19"/>
      <c r="Z590" s="19"/>
      <c r="AA590" s="19"/>
    </row>
    <row r="591" spans="1:27" s="1" customFormat="1" ht="14.1" customHeight="1" outlineLevel="2" x14ac:dyDescent="0.2">
      <c r="A591" s="17"/>
      <c r="B591" s="17"/>
      <c r="C591" s="17"/>
      <c r="D591" s="18"/>
      <c r="E591" s="18"/>
      <c r="F591" s="18"/>
      <c r="G591" s="18"/>
      <c r="H591" s="18"/>
      <c r="I591" s="18"/>
      <c r="J591" s="18"/>
      <c r="K591" s="18"/>
      <c r="L591" s="18"/>
      <c r="M591" s="18"/>
      <c r="N591" s="18"/>
      <c r="O591" s="18"/>
      <c r="P591" s="19"/>
      <c r="Q591" s="19"/>
      <c r="R591" s="19"/>
      <c r="S591" s="19"/>
      <c r="T591" s="19"/>
      <c r="U591" s="19"/>
      <c r="V591" s="19"/>
      <c r="W591" s="19"/>
      <c r="X591" s="19"/>
      <c r="Y591" s="19"/>
      <c r="Z591" s="19"/>
      <c r="AA591" s="19"/>
    </row>
    <row r="592" spans="1:27" s="1" customFormat="1" ht="14.1" customHeight="1" outlineLevel="2" x14ac:dyDescent="0.2">
      <c r="A592" s="17">
        <v>11016</v>
      </c>
      <c r="B592" s="17"/>
      <c r="C592" s="17"/>
      <c r="D592" s="18" t="s">
        <v>304</v>
      </c>
      <c r="E592" s="18"/>
      <c r="F592" s="18"/>
      <c r="G592" s="18"/>
      <c r="H592" s="18"/>
      <c r="I592" s="18"/>
      <c r="J592" s="18"/>
      <c r="K592" s="18"/>
      <c r="L592" s="18"/>
      <c r="M592" s="18"/>
      <c r="N592" s="18"/>
      <c r="O592" s="18"/>
      <c r="P592" s="19">
        <v>990</v>
      </c>
      <c r="Q592" s="19"/>
      <c r="R592" s="19"/>
      <c r="S592" s="19"/>
      <c r="T592" s="19">
        <v>850</v>
      </c>
      <c r="U592" s="19"/>
      <c r="V592" s="19"/>
      <c r="W592" s="19"/>
      <c r="X592" s="19">
        <v>1</v>
      </c>
      <c r="Y592" s="19"/>
      <c r="Z592" s="19"/>
      <c r="AA592" s="19"/>
    </row>
    <row r="593" spans="1:27" s="1" customFormat="1" ht="14.1" customHeight="1" outlineLevel="2" x14ac:dyDescent="0.2">
      <c r="A593" s="17"/>
      <c r="B593" s="17"/>
      <c r="C593" s="17"/>
      <c r="D593" s="18"/>
      <c r="E593" s="18"/>
      <c r="F593" s="18"/>
      <c r="G593" s="18"/>
      <c r="H593" s="18"/>
      <c r="I593" s="18"/>
      <c r="J593" s="18"/>
      <c r="K593" s="18"/>
      <c r="L593" s="18"/>
      <c r="M593" s="18"/>
      <c r="N593" s="18"/>
      <c r="O593" s="18"/>
      <c r="P593" s="19"/>
      <c r="Q593" s="19"/>
      <c r="R593" s="19"/>
      <c r="S593" s="19"/>
      <c r="T593" s="19"/>
      <c r="U593" s="19"/>
      <c r="V593" s="19"/>
      <c r="W593" s="19"/>
      <c r="X593" s="19"/>
      <c r="Y593" s="19"/>
      <c r="Z593" s="19"/>
      <c r="AA593" s="19"/>
    </row>
    <row r="594" spans="1:27" s="1" customFormat="1" ht="14.1" customHeight="1" outlineLevel="2" x14ac:dyDescent="0.2">
      <c r="A594" s="17">
        <v>14062</v>
      </c>
      <c r="B594" s="17"/>
      <c r="C594" s="17"/>
      <c r="D594" s="18" t="s">
        <v>305</v>
      </c>
      <c r="E594" s="18"/>
      <c r="F594" s="18"/>
      <c r="G594" s="18"/>
      <c r="H594" s="18"/>
      <c r="I594" s="18"/>
      <c r="J594" s="18"/>
      <c r="K594" s="18"/>
      <c r="L594" s="18"/>
      <c r="M594" s="18"/>
      <c r="N594" s="18"/>
      <c r="O594" s="18"/>
      <c r="P594" s="19">
        <v>400</v>
      </c>
      <c r="Q594" s="19"/>
      <c r="R594" s="19"/>
      <c r="S594" s="19"/>
      <c r="T594" s="19">
        <v>340</v>
      </c>
      <c r="U594" s="19"/>
      <c r="V594" s="19"/>
      <c r="W594" s="19"/>
      <c r="X594" s="19">
        <v>1</v>
      </c>
      <c r="Y594" s="19"/>
      <c r="Z594" s="19"/>
      <c r="AA594" s="19"/>
    </row>
    <row r="595" spans="1:27" s="1" customFormat="1" ht="14.1" customHeight="1" outlineLevel="2" x14ac:dyDescent="0.2">
      <c r="A595" s="17"/>
      <c r="B595" s="17"/>
      <c r="C595" s="17"/>
      <c r="D595" s="18"/>
      <c r="E595" s="18"/>
      <c r="F595" s="18"/>
      <c r="G595" s="18"/>
      <c r="H595" s="18"/>
      <c r="I595" s="18"/>
      <c r="J595" s="18"/>
      <c r="K595" s="18"/>
      <c r="L595" s="18"/>
      <c r="M595" s="18"/>
      <c r="N595" s="18"/>
      <c r="O595" s="18"/>
      <c r="P595" s="19"/>
      <c r="Q595" s="19"/>
      <c r="R595" s="19"/>
      <c r="S595" s="19"/>
      <c r="T595" s="19"/>
      <c r="U595" s="19"/>
      <c r="V595" s="19"/>
      <c r="W595" s="19"/>
      <c r="X595" s="19"/>
      <c r="Y595" s="19"/>
      <c r="Z595" s="19"/>
      <c r="AA595" s="19"/>
    </row>
    <row r="596" spans="1:27" s="1" customFormat="1" ht="14.1" customHeight="1" outlineLevel="2" x14ac:dyDescent="0.2">
      <c r="A596" s="17">
        <v>14059</v>
      </c>
      <c r="B596" s="17"/>
      <c r="C596" s="17"/>
      <c r="D596" s="18" t="s">
        <v>306</v>
      </c>
      <c r="E596" s="18"/>
      <c r="F596" s="18"/>
      <c r="G596" s="18"/>
      <c r="H596" s="18"/>
      <c r="I596" s="18"/>
      <c r="J596" s="18"/>
      <c r="K596" s="18"/>
      <c r="L596" s="18"/>
      <c r="M596" s="18"/>
      <c r="N596" s="18"/>
      <c r="O596" s="18"/>
      <c r="P596" s="19">
        <v>400</v>
      </c>
      <c r="Q596" s="19"/>
      <c r="R596" s="19"/>
      <c r="S596" s="19"/>
      <c r="T596" s="19">
        <v>340</v>
      </c>
      <c r="U596" s="19"/>
      <c r="V596" s="19"/>
      <c r="W596" s="19"/>
      <c r="X596" s="19">
        <v>4</v>
      </c>
      <c r="Y596" s="19"/>
      <c r="Z596" s="19"/>
      <c r="AA596" s="19"/>
    </row>
    <row r="597" spans="1:27" s="1" customFormat="1" ht="14.1" customHeight="1" outlineLevel="2" x14ac:dyDescent="0.2">
      <c r="A597" s="17"/>
      <c r="B597" s="17"/>
      <c r="C597" s="17"/>
      <c r="D597" s="18"/>
      <c r="E597" s="18"/>
      <c r="F597" s="18"/>
      <c r="G597" s="18"/>
      <c r="H597" s="18"/>
      <c r="I597" s="18"/>
      <c r="J597" s="18"/>
      <c r="K597" s="18"/>
      <c r="L597" s="18"/>
      <c r="M597" s="18"/>
      <c r="N597" s="18"/>
      <c r="O597" s="18"/>
      <c r="P597" s="19"/>
      <c r="Q597" s="19"/>
      <c r="R597" s="19"/>
      <c r="S597" s="19"/>
      <c r="T597" s="19"/>
      <c r="U597" s="19"/>
      <c r="V597" s="19"/>
      <c r="W597" s="19"/>
      <c r="X597" s="19"/>
      <c r="Y597" s="19"/>
      <c r="Z597" s="19"/>
      <c r="AA597" s="19"/>
    </row>
    <row r="598" spans="1:27" s="1" customFormat="1" ht="14.1" customHeight="1" outlineLevel="2" x14ac:dyDescent="0.2">
      <c r="A598" s="17">
        <v>14061</v>
      </c>
      <c r="B598" s="17"/>
      <c r="C598" s="17"/>
      <c r="D598" s="18" t="s">
        <v>307</v>
      </c>
      <c r="E598" s="18"/>
      <c r="F598" s="18"/>
      <c r="G598" s="18"/>
      <c r="H598" s="18"/>
      <c r="I598" s="18"/>
      <c r="J598" s="18"/>
      <c r="K598" s="18"/>
      <c r="L598" s="18"/>
      <c r="M598" s="18"/>
      <c r="N598" s="18"/>
      <c r="O598" s="18"/>
      <c r="P598" s="19">
        <v>400</v>
      </c>
      <c r="Q598" s="19"/>
      <c r="R598" s="19"/>
      <c r="S598" s="19"/>
      <c r="T598" s="19">
        <v>340</v>
      </c>
      <c r="U598" s="19"/>
      <c r="V598" s="19"/>
      <c r="W598" s="19"/>
      <c r="X598" s="19">
        <v>8</v>
      </c>
      <c r="Y598" s="19"/>
      <c r="Z598" s="19"/>
      <c r="AA598" s="19"/>
    </row>
    <row r="599" spans="1:27" s="1" customFormat="1" ht="14.1" customHeight="1" outlineLevel="2" x14ac:dyDescent="0.2">
      <c r="A599" s="17"/>
      <c r="B599" s="17"/>
      <c r="C599" s="17"/>
      <c r="D599" s="18"/>
      <c r="E599" s="18"/>
      <c r="F599" s="18"/>
      <c r="G599" s="18"/>
      <c r="H599" s="18"/>
      <c r="I599" s="18"/>
      <c r="J599" s="18"/>
      <c r="K599" s="18"/>
      <c r="L599" s="18"/>
      <c r="M599" s="18"/>
      <c r="N599" s="18"/>
      <c r="O599" s="18"/>
      <c r="P599" s="19"/>
      <c r="Q599" s="19"/>
      <c r="R599" s="19"/>
      <c r="S599" s="19"/>
      <c r="T599" s="19"/>
      <c r="U599" s="19"/>
      <c r="V599" s="19"/>
      <c r="W599" s="19"/>
      <c r="X599" s="19"/>
      <c r="Y599" s="19"/>
      <c r="Z599" s="19"/>
      <c r="AA599" s="19"/>
    </row>
    <row r="600" spans="1:27" s="1" customFormat="1" ht="14.1" customHeight="1" outlineLevel="2" x14ac:dyDescent="0.2">
      <c r="A600" s="17">
        <v>14058</v>
      </c>
      <c r="B600" s="17"/>
      <c r="C600" s="17"/>
      <c r="D600" s="18" t="s">
        <v>308</v>
      </c>
      <c r="E600" s="18"/>
      <c r="F600" s="18"/>
      <c r="G600" s="18"/>
      <c r="H600" s="18"/>
      <c r="I600" s="18"/>
      <c r="J600" s="18"/>
      <c r="K600" s="18"/>
      <c r="L600" s="18"/>
      <c r="M600" s="18"/>
      <c r="N600" s="18"/>
      <c r="O600" s="18"/>
      <c r="P600" s="19">
        <v>400</v>
      </c>
      <c r="Q600" s="19"/>
      <c r="R600" s="19"/>
      <c r="S600" s="19"/>
      <c r="T600" s="19">
        <v>340</v>
      </c>
      <c r="U600" s="19"/>
      <c r="V600" s="19"/>
      <c r="W600" s="19"/>
      <c r="X600" s="19">
        <v>10</v>
      </c>
      <c r="Y600" s="19"/>
      <c r="Z600" s="19"/>
      <c r="AA600" s="19"/>
    </row>
    <row r="601" spans="1:27" s="1" customFormat="1" ht="14.1" customHeight="1" outlineLevel="2" x14ac:dyDescent="0.2">
      <c r="A601" s="17"/>
      <c r="B601" s="17"/>
      <c r="C601" s="17"/>
      <c r="D601" s="18"/>
      <c r="E601" s="18"/>
      <c r="F601" s="18"/>
      <c r="G601" s="18"/>
      <c r="H601" s="18"/>
      <c r="I601" s="18"/>
      <c r="J601" s="18"/>
      <c r="K601" s="18"/>
      <c r="L601" s="18"/>
      <c r="M601" s="18"/>
      <c r="N601" s="18"/>
      <c r="O601" s="18"/>
      <c r="P601" s="19"/>
      <c r="Q601" s="19"/>
      <c r="R601" s="19"/>
      <c r="S601" s="19"/>
      <c r="T601" s="19"/>
      <c r="U601" s="19"/>
      <c r="V601" s="19"/>
      <c r="W601" s="19"/>
      <c r="X601" s="19"/>
      <c r="Y601" s="19"/>
      <c r="Z601" s="19"/>
      <c r="AA601" s="19"/>
    </row>
    <row r="602" spans="1:27" s="1" customFormat="1" ht="14.1" customHeight="1" outlineLevel="2" x14ac:dyDescent="0.2">
      <c r="A602" s="17">
        <v>14060</v>
      </c>
      <c r="B602" s="17"/>
      <c r="C602" s="17"/>
      <c r="D602" s="18" t="s">
        <v>309</v>
      </c>
      <c r="E602" s="18"/>
      <c r="F602" s="18"/>
      <c r="G602" s="18"/>
      <c r="H602" s="18"/>
      <c r="I602" s="18"/>
      <c r="J602" s="18"/>
      <c r="K602" s="18"/>
      <c r="L602" s="18"/>
      <c r="M602" s="18"/>
      <c r="N602" s="18"/>
      <c r="O602" s="18"/>
      <c r="P602" s="19">
        <v>400</v>
      </c>
      <c r="Q602" s="19"/>
      <c r="R602" s="19"/>
      <c r="S602" s="19"/>
      <c r="T602" s="19">
        <v>340</v>
      </c>
      <c r="U602" s="19"/>
      <c r="V602" s="19"/>
      <c r="W602" s="19"/>
      <c r="X602" s="19">
        <v>9</v>
      </c>
      <c r="Y602" s="19"/>
      <c r="Z602" s="19"/>
      <c r="AA602" s="19"/>
    </row>
    <row r="603" spans="1:27" s="1" customFormat="1" ht="14.1" customHeight="1" outlineLevel="2" x14ac:dyDescent="0.2">
      <c r="A603" s="17"/>
      <c r="B603" s="17"/>
      <c r="C603" s="17"/>
      <c r="D603" s="18"/>
      <c r="E603" s="18"/>
      <c r="F603" s="18"/>
      <c r="G603" s="18"/>
      <c r="H603" s="18"/>
      <c r="I603" s="18"/>
      <c r="J603" s="18"/>
      <c r="K603" s="18"/>
      <c r="L603" s="18"/>
      <c r="M603" s="18"/>
      <c r="N603" s="18"/>
      <c r="O603" s="18"/>
      <c r="P603" s="19"/>
      <c r="Q603" s="19"/>
      <c r="R603" s="19"/>
      <c r="S603" s="19"/>
      <c r="T603" s="19"/>
      <c r="U603" s="19"/>
      <c r="V603" s="19"/>
      <c r="W603" s="19"/>
      <c r="X603" s="19"/>
      <c r="Y603" s="19"/>
      <c r="Z603" s="19"/>
      <c r="AA603" s="19"/>
    </row>
    <row r="604" spans="1:27" s="1" customFormat="1" ht="14.1" customHeight="1" outlineLevel="2" x14ac:dyDescent="0.2">
      <c r="A604" s="17">
        <v>14057</v>
      </c>
      <c r="B604" s="17"/>
      <c r="C604" s="17"/>
      <c r="D604" s="18" t="s">
        <v>310</v>
      </c>
      <c r="E604" s="18"/>
      <c r="F604" s="18"/>
      <c r="G604" s="18"/>
      <c r="H604" s="18"/>
      <c r="I604" s="18"/>
      <c r="J604" s="18"/>
      <c r="K604" s="18"/>
      <c r="L604" s="18"/>
      <c r="M604" s="18"/>
      <c r="N604" s="18"/>
      <c r="O604" s="18"/>
      <c r="P604" s="19">
        <v>400</v>
      </c>
      <c r="Q604" s="19"/>
      <c r="R604" s="19"/>
      <c r="S604" s="19"/>
      <c r="T604" s="19">
        <v>340</v>
      </c>
      <c r="U604" s="19"/>
      <c r="V604" s="19"/>
      <c r="W604" s="19"/>
      <c r="X604" s="19">
        <v>10</v>
      </c>
      <c r="Y604" s="19"/>
      <c r="Z604" s="19"/>
      <c r="AA604" s="19"/>
    </row>
    <row r="605" spans="1:27" s="1" customFormat="1" ht="14.1" customHeight="1" outlineLevel="2" x14ac:dyDescent="0.2">
      <c r="A605" s="17"/>
      <c r="B605" s="17"/>
      <c r="C605" s="17"/>
      <c r="D605" s="18"/>
      <c r="E605" s="18"/>
      <c r="F605" s="18"/>
      <c r="G605" s="18"/>
      <c r="H605" s="18"/>
      <c r="I605" s="18"/>
      <c r="J605" s="18"/>
      <c r="K605" s="18"/>
      <c r="L605" s="18"/>
      <c r="M605" s="18"/>
      <c r="N605" s="18"/>
      <c r="O605" s="18"/>
      <c r="P605" s="19"/>
      <c r="Q605" s="19"/>
      <c r="R605" s="19"/>
      <c r="S605" s="19"/>
      <c r="T605" s="19"/>
      <c r="U605" s="19"/>
      <c r="V605" s="19"/>
      <c r="W605" s="19"/>
      <c r="X605" s="19"/>
      <c r="Y605" s="19"/>
      <c r="Z605" s="19"/>
      <c r="AA605" s="19"/>
    </row>
    <row r="606" spans="1:27" s="1" customFormat="1" ht="14.1" customHeight="1" outlineLevel="2" x14ac:dyDescent="0.2">
      <c r="A606" s="17">
        <v>14066</v>
      </c>
      <c r="B606" s="17"/>
      <c r="C606" s="17"/>
      <c r="D606" s="18" t="s">
        <v>311</v>
      </c>
      <c r="E606" s="18"/>
      <c r="F606" s="18"/>
      <c r="G606" s="18"/>
      <c r="H606" s="18"/>
      <c r="I606" s="18"/>
      <c r="J606" s="18"/>
      <c r="K606" s="18"/>
      <c r="L606" s="18"/>
      <c r="M606" s="18"/>
      <c r="N606" s="18"/>
      <c r="O606" s="18"/>
      <c r="P606" s="19">
        <v>590</v>
      </c>
      <c r="Q606" s="19"/>
      <c r="R606" s="19"/>
      <c r="S606" s="19"/>
      <c r="T606" s="19">
        <v>490</v>
      </c>
      <c r="U606" s="19"/>
      <c r="V606" s="19"/>
      <c r="W606" s="19"/>
      <c r="X606" s="19">
        <v>12</v>
      </c>
      <c r="Y606" s="19"/>
      <c r="Z606" s="19"/>
      <c r="AA606" s="19"/>
    </row>
    <row r="607" spans="1:27" s="1" customFormat="1" ht="14.1" customHeight="1" outlineLevel="2" x14ac:dyDescent="0.2">
      <c r="A607" s="17"/>
      <c r="B607" s="17"/>
      <c r="C607" s="17"/>
      <c r="D607" s="18"/>
      <c r="E607" s="18"/>
      <c r="F607" s="18"/>
      <c r="G607" s="18"/>
      <c r="H607" s="18"/>
      <c r="I607" s="18"/>
      <c r="J607" s="18"/>
      <c r="K607" s="18"/>
      <c r="L607" s="18"/>
      <c r="M607" s="18"/>
      <c r="N607" s="18"/>
      <c r="O607" s="18"/>
      <c r="P607" s="19"/>
      <c r="Q607" s="19"/>
      <c r="R607" s="19"/>
      <c r="S607" s="19"/>
      <c r="T607" s="19"/>
      <c r="U607" s="19"/>
      <c r="V607" s="19"/>
      <c r="W607" s="19"/>
      <c r="X607" s="19"/>
      <c r="Y607" s="19"/>
      <c r="Z607" s="19"/>
      <c r="AA607" s="19"/>
    </row>
    <row r="608" spans="1:27" s="1" customFormat="1" ht="14.1" customHeight="1" outlineLevel="2" x14ac:dyDescent="0.2">
      <c r="A608" s="17">
        <v>14065</v>
      </c>
      <c r="B608" s="17"/>
      <c r="C608" s="17"/>
      <c r="D608" s="18" t="s">
        <v>312</v>
      </c>
      <c r="E608" s="18"/>
      <c r="F608" s="18"/>
      <c r="G608" s="18"/>
      <c r="H608" s="18"/>
      <c r="I608" s="18"/>
      <c r="J608" s="18"/>
      <c r="K608" s="18"/>
      <c r="L608" s="18"/>
      <c r="M608" s="18"/>
      <c r="N608" s="18"/>
      <c r="O608" s="18"/>
      <c r="P608" s="19">
        <v>590</v>
      </c>
      <c r="Q608" s="19"/>
      <c r="R608" s="19"/>
      <c r="S608" s="19"/>
      <c r="T608" s="19">
        <v>490</v>
      </c>
      <c r="U608" s="19"/>
      <c r="V608" s="19"/>
      <c r="W608" s="19"/>
      <c r="X608" s="19">
        <v>6</v>
      </c>
      <c r="Y608" s="19"/>
      <c r="Z608" s="19"/>
      <c r="AA608" s="19"/>
    </row>
    <row r="609" spans="1:27" s="1" customFormat="1" ht="14.1" customHeight="1" outlineLevel="2" x14ac:dyDescent="0.2">
      <c r="A609" s="17"/>
      <c r="B609" s="17"/>
      <c r="C609" s="17"/>
      <c r="D609" s="18"/>
      <c r="E609" s="18"/>
      <c r="F609" s="18"/>
      <c r="G609" s="18"/>
      <c r="H609" s="18"/>
      <c r="I609" s="18"/>
      <c r="J609" s="18"/>
      <c r="K609" s="18"/>
      <c r="L609" s="18"/>
      <c r="M609" s="18"/>
      <c r="N609" s="18"/>
      <c r="O609" s="18"/>
      <c r="P609" s="19"/>
      <c r="Q609" s="19"/>
      <c r="R609" s="19"/>
      <c r="S609" s="19"/>
      <c r="T609" s="19"/>
      <c r="U609" s="19"/>
      <c r="V609" s="19"/>
      <c r="W609" s="19"/>
      <c r="X609" s="19"/>
      <c r="Y609" s="19"/>
      <c r="Z609" s="19"/>
      <c r="AA609" s="19"/>
    </row>
    <row r="610" spans="1:27" s="1" customFormat="1" ht="14.1" customHeight="1" outlineLevel="2" x14ac:dyDescent="0.2">
      <c r="A610" s="17">
        <v>14063</v>
      </c>
      <c r="B610" s="17"/>
      <c r="C610" s="17"/>
      <c r="D610" s="18" t="s">
        <v>313</v>
      </c>
      <c r="E610" s="18"/>
      <c r="F610" s="18"/>
      <c r="G610" s="18"/>
      <c r="H610" s="18"/>
      <c r="I610" s="18"/>
      <c r="J610" s="18"/>
      <c r="K610" s="18"/>
      <c r="L610" s="18"/>
      <c r="M610" s="18"/>
      <c r="N610" s="18"/>
      <c r="O610" s="18"/>
      <c r="P610" s="19">
        <v>590</v>
      </c>
      <c r="Q610" s="19"/>
      <c r="R610" s="19"/>
      <c r="S610" s="19"/>
      <c r="T610" s="19">
        <v>490</v>
      </c>
      <c r="U610" s="19"/>
      <c r="V610" s="19"/>
      <c r="W610" s="19"/>
      <c r="X610" s="19">
        <v>8</v>
      </c>
      <c r="Y610" s="19"/>
      <c r="Z610" s="19"/>
      <c r="AA610" s="19"/>
    </row>
    <row r="611" spans="1:27" s="1" customFormat="1" ht="14.1" customHeight="1" outlineLevel="2" x14ac:dyDescent="0.2">
      <c r="A611" s="17"/>
      <c r="B611" s="17"/>
      <c r="C611" s="17"/>
      <c r="D611" s="18"/>
      <c r="E611" s="18"/>
      <c r="F611" s="18"/>
      <c r="G611" s="18"/>
      <c r="H611" s="18"/>
      <c r="I611" s="18"/>
      <c r="J611" s="18"/>
      <c r="K611" s="18"/>
      <c r="L611" s="18"/>
      <c r="M611" s="18"/>
      <c r="N611" s="18"/>
      <c r="O611" s="18"/>
      <c r="P611" s="19"/>
      <c r="Q611" s="19"/>
      <c r="R611" s="19"/>
      <c r="S611" s="19"/>
      <c r="T611" s="19"/>
      <c r="U611" s="19"/>
      <c r="V611" s="19"/>
      <c r="W611" s="19"/>
      <c r="X611" s="19"/>
      <c r="Y611" s="19"/>
      <c r="Z611" s="19"/>
      <c r="AA611" s="19"/>
    </row>
    <row r="612" spans="1:27" s="1" customFormat="1" ht="11.1" customHeight="1" outlineLevel="2" x14ac:dyDescent="0.2">
      <c r="A612" s="17">
        <v>13760</v>
      </c>
      <c r="B612" s="17"/>
      <c r="C612" s="17"/>
      <c r="D612" s="18" t="s">
        <v>314</v>
      </c>
      <c r="E612" s="18"/>
      <c r="F612" s="18"/>
      <c r="G612" s="18"/>
      <c r="H612" s="18"/>
      <c r="I612" s="18"/>
      <c r="J612" s="18"/>
      <c r="K612" s="18"/>
      <c r="L612" s="18"/>
      <c r="M612" s="18"/>
      <c r="N612" s="18"/>
      <c r="O612" s="18"/>
      <c r="P612" s="19">
        <v>140</v>
      </c>
      <c r="Q612" s="19"/>
      <c r="R612" s="19"/>
      <c r="S612" s="19"/>
      <c r="T612" s="19">
        <v>100</v>
      </c>
      <c r="U612" s="19"/>
      <c r="V612" s="19"/>
      <c r="W612" s="19"/>
      <c r="X612" s="19">
        <v>1</v>
      </c>
      <c r="Y612" s="19"/>
      <c r="Z612" s="19"/>
      <c r="AA612" s="19"/>
    </row>
    <row r="613" spans="1:27" s="1" customFormat="1" ht="11.1" customHeight="1" outlineLevel="2" x14ac:dyDescent="0.2">
      <c r="A613" s="17"/>
      <c r="B613" s="17"/>
      <c r="C613" s="17"/>
      <c r="D613" s="18"/>
      <c r="E613" s="18"/>
      <c r="F613" s="18"/>
      <c r="G613" s="18"/>
      <c r="H613" s="18"/>
      <c r="I613" s="18"/>
      <c r="J613" s="18"/>
      <c r="K613" s="18"/>
      <c r="L613" s="18"/>
      <c r="M613" s="18"/>
      <c r="N613" s="18"/>
      <c r="O613" s="18"/>
      <c r="P613" s="19"/>
      <c r="Q613" s="19"/>
      <c r="R613" s="19"/>
      <c r="S613" s="19"/>
      <c r="T613" s="19"/>
      <c r="U613" s="19"/>
      <c r="V613" s="19"/>
      <c r="W613" s="19"/>
      <c r="X613" s="19"/>
      <c r="Y613" s="19"/>
      <c r="Z613" s="19"/>
      <c r="AA613" s="19"/>
    </row>
    <row r="614" spans="1:27" s="1" customFormat="1" ht="14.1" customHeight="1" outlineLevel="2" x14ac:dyDescent="0.2">
      <c r="A614" s="17">
        <v>18027</v>
      </c>
      <c r="B614" s="17"/>
      <c r="C614" s="17"/>
      <c r="D614" s="18" t="s">
        <v>315</v>
      </c>
      <c r="E614" s="18"/>
      <c r="F614" s="18"/>
      <c r="G614" s="18"/>
      <c r="H614" s="18"/>
      <c r="I614" s="18"/>
      <c r="J614" s="18"/>
      <c r="K614" s="18"/>
      <c r="L614" s="18"/>
      <c r="M614" s="18"/>
      <c r="N614" s="18"/>
      <c r="O614" s="18"/>
      <c r="P614" s="20">
        <v>5000</v>
      </c>
      <c r="Q614" s="20"/>
      <c r="R614" s="20"/>
      <c r="S614" s="20"/>
      <c r="T614" s="20">
        <v>4500</v>
      </c>
      <c r="U614" s="20"/>
      <c r="V614" s="20"/>
      <c r="W614" s="20"/>
      <c r="X614" s="19">
        <v>1</v>
      </c>
      <c r="Y614" s="19"/>
      <c r="Z614" s="19"/>
      <c r="AA614" s="19"/>
    </row>
    <row r="615" spans="1:27" s="1" customFormat="1" ht="14.1" customHeight="1" outlineLevel="2" x14ac:dyDescent="0.2">
      <c r="A615" s="17"/>
      <c r="B615" s="17"/>
      <c r="C615" s="17"/>
      <c r="D615" s="18"/>
      <c r="E615" s="18"/>
      <c r="F615" s="18"/>
      <c r="G615" s="18"/>
      <c r="H615" s="18"/>
      <c r="I615" s="18"/>
      <c r="J615" s="18"/>
      <c r="K615" s="18"/>
      <c r="L615" s="18"/>
      <c r="M615" s="18"/>
      <c r="N615" s="18"/>
      <c r="O615" s="18"/>
      <c r="P615" s="20"/>
      <c r="Q615" s="20"/>
      <c r="R615" s="20"/>
      <c r="S615" s="20"/>
      <c r="T615" s="20"/>
      <c r="U615" s="20"/>
      <c r="V615" s="20"/>
      <c r="W615" s="20"/>
      <c r="X615" s="19"/>
      <c r="Y615" s="19"/>
      <c r="Z615" s="19"/>
      <c r="AA615" s="19"/>
    </row>
    <row r="616" spans="1:27" s="1" customFormat="1" ht="14.1" customHeight="1" outlineLevel="2" x14ac:dyDescent="0.2">
      <c r="A616" s="17">
        <v>18149</v>
      </c>
      <c r="B616" s="17"/>
      <c r="C616" s="17"/>
      <c r="D616" s="18" t="s">
        <v>316</v>
      </c>
      <c r="E616" s="18"/>
      <c r="F616" s="18"/>
      <c r="G616" s="18"/>
      <c r="H616" s="18"/>
      <c r="I616" s="18"/>
      <c r="J616" s="18"/>
      <c r="K616" s="18"/>
      <c r="L616" s="18"/>
      <c r="M616" s="18"/>
      <c r="N616" s="18"/>
      <c r="O616" s="18"/>
      <c r="P616" s="20">
        <v>4900</v>
      </c>
      <c r="Q616" s="20"/>
      <c r="R616" s="20"/>
      <c r="S616" s="20"/>
      <c r="T616" s="20">
        <v>4500</v>
      </c>
      <c r="U616" s="20"/>
      <c r="V616" s="20"/>
      <c r="W616" s="20"/>
      <c r="X616" s="19">
        <v>1</v>
      </c>
      <c r="Y616" s="19"/>
      <c r="Z616" s="19"/>
      <c r="AA616" s="19"/>
    </row>
    <row r="617" spans="1:27" s="1" customFormat="1" ht="14.1" customHeight="1" outlineLevel="2" x14ac:dyDescent="0.2">
      <c r="A617" s="17"/>
      <c r="B617" s="17"/>
      <c r="C617" s="17"/>
      <c r="D617" s="18"/>
      <c r="E617" s="18"/>
      <c r="F617" s="18"/>
      <c r="G617" s="18"/>
      <c r="H617" s="18"/>
      <c r="I617" s="18"/>
      <c r="J617" s="18"/>
      <c r="K617" s="18"/>
      <c r="L617" s="18"/>
      <c r="M617" s="18"/>
      <c r="N617" s="18"/>
      <c r="O617" s="18"/>
      <c r="P617" s="20"/>
      <c r="Q617" s="20"/>
      <c r="R617" s="20"/>
      <c r="S617" s="20"/>
      <c r="T617" s="20"/>
      <c r="U617" s="20"/>
      <c r="V617" s="20"/>
      <c r="W617" s="20"/>
      <c r="X617" s="19"/>
      <c r="Y617" s="19"/>
      <c r="Z617" s="19"/>
      <c r="AA617" s="19"/>
    </row>
    <row r="618" spans="1:27" s="1" customFormat="1" ht="14.1" customHeight="1" outlineLevel="2" x14ac:dyDescent="0.2">
      <c r="A618" s="17">
        <v>18026</v>
      </c>
      <c r="B618" s="17"/>
      <c r="C618" s="17"/>
      <c r="D618" s="18" t="s">
        <v>317</v>
      </c>
      <c r="E618" s="18"/>
      <c r="F618" s="18"/>
      <c r="G618" s="18"/>
      <c r="H618" s="18"/>
      <c r="I618" s="18"/>
      <c r="J618" s="18"/>
      <c r="K618" s="18"/>
      <c r="L618" s="18"/>
      <c r="M618" s="18"/>
      <c r="N618" s="18"/>
      <c r="O618" s="18"/>
      <c r="P618" s="20">
        <v>5000</v>
      </c>
      <c r="Q618" s="20"/>
      <c r="R618" s="20"/>
      <c r="S618" s="20"/>
      <c r="T618" s="20">
        <v>4500</v>
      </c>
      <c r="U618" s="20"/>
      <c r="V618" s="20"/>
      <c r="W618" s="20"/>
      <c r="X618" s="19">
        <v>1</v>
      </c>
      <c r="Y618" s="19"/>
      <c r="Z618" s="19"/>
      <c r="AA618" s="19"/>
    </row>
    <row r="619" spans="1:27" s="1" customFormat="1" ht="14.1" customHeight="1" outlineLevel="2" x14ac:dyDescent="0.2">
      <c r="A619" s="17"/>
      <c r="B619" s="17"/>
      <c r="C619" s="17"/>
      <c r="D619" s="18"/>
      <c r="E619" s="18"/>
      <c r="F619" s="18"/>
      <c r="G619" s="18"/>
      <c r="H619" s="18"/>
      <c r="I619" s="18"/>
      <c r="J619" s="18"/>
      <c r="K619" s="18"/>
      <c r="L619" s="18"/>
      <c r="M619" s="18"/>
      <c r="N619" s="18"/>
      <c r="O619" s="18"/>
      <c r="P619" s="20"/>
      <c r="Q619" s="20"/>
      <c r="R619" s="20"/>
      <c r="S619" s="20"/>
      <c r="T619" s="20"/>
      <c r="U619" s="20"/>
      <c r="V619" s="20"/>
      <c r="W619" s="20"/>
      <c r="X619" s="19"/>
      <c r="Y619" s="19"/>
      <c r="Z619" s="19"/>
      <c r="AA619" s="19"/>
    </row>
    <row r="620" spans="1:27" s="1" customFormat="1" ht="11.1" customHeight="1" outlineLevel="2" x14ac:dyDescent="0.2">
      <c r="A620" s="17">
        <v>14123</v>
      </c>
      <c r="B620" s="17"/>
      <c r="C620" s="17"/>
      <c r="D620" s="18" t="s">
        <v>318</v>
      </c>
      <c r="E620" s="18"/>
      <c r="F620" s="18"/>
      <c r="G620" s="18"/>
      <c r="H620" s="18"/>
      <c r="I620" s="18"/>
      <c r="J620" s="18"/>
      <c r="K620" s="18"/>
      <c r="L620" s="18"/>
      <c r="M620" s="18"/>
      <c r="N620" s="18"/>
      <c r="O620" s="18"/>
      <c r="P620" s="19">
        <v>250</v>
      </c>
      <c r="Q620" s="19"/>
      <c r="R620" s="19"/>
      <c r="S620" s="19"/>
      <c r="T620" s="19">
        <v>160</v>
      </c>
      <c r="U620" s="19"/>
      <c r="V620" s="19"/>
      <c r="W620" s="19"/>
      <c r="X620" s="19">
        <v>5</v>
      </c>
      <c r="Y620" s="19"/>
      <c r="Z620" s="19"/>
      <c r="AA620" s="19"/>
    </row>
    <row r="621" spans="1:27" s="1" customFormat="1" ht="11.1" customHeight="1" outlineLevel="2" x14ac:dyDescent="0.2">
      <c r="A621" s="17"/>
      <c r="B621" s="17"/>
      <c r="C621" s="17"/>
      <c r="D621" s="18"/>
      <c r="E621" s="18"/>
      <c r="F621" s="18"/>
      <c r="G621" s="18"/>
      <c r="H621" s="18"/>
      <c r="I621" s="18"/>
      <c r="J621" s="18"/>
      <c r="K621" s="18"/>
      <c r="L621" s="18"/>
      <c r="M621" s="18"/>
      <c r="N621" s="18"/>
      <c r="O621" s="18"/>
      <c r="P621" s="19"/>
      <c r="Q621" s="19"/>
      <c r="R621" s="19"/>
      <c r="S621" s="19"/>
      <c r="T621" s="19"/>
      <c r="U621" s="19"/>
      <c r="V621" s="19"/>
      <c r="W621" s="19"/>
      <c r="X621" s="19"/>
      <c r="Y621" s="19"/>
      <c r="Z621" s="19"/>
      <c r="AA621" s="19"/>
    </row>
    <row r="622" spans="1:27" s="1" customFormat="1" ht="11.1" customHeight="1" outlineLevel="2" x14ac:dyDescent="0.2">
      <c r="A622" s="17">
        <v>14124</v>
      </c>
      <c r="B622" s="17"/>
      <c r="C622" s="17"/>
      <c r="D622" s="18" t="s">
        <v>319</v>
      </c>
      <c r="E622" s="18"/>
      <c r="F622" s="18"/>
      <c r="G622" s="18"/>
      <c r="H622" s="18"/>
      <c r="I622" s="18"/>
      <c r="J622" s="18"/>
      <c r="K622" s="18"/>
      <c r="L622" s="18"/>
      <c r="M622" s="18"/>
      <c r="N622" s="18"/>
      <c r="O622" s="18"/>
      <c r="P622" s="19">
        <v>250</v>
      </c>
      <c r="Q622" s="19"/>
      <c r="R622" s="19"/>
      <c r="S622" s="19"/>
      <c r="T622" s="19">
        <v>160</v>
      </c>
      <c r="U622" s="19"/>
      <c r="V622" s="19"/>
      <c r="W622" s="19"/>
      <c r="X622" s="19">
        <v>5</v>
      </c>
      <c r="Y622" s="19"/>
      <c r="Z622" s="19"/>
      <c r="AA622" s="19"/>
    </row>
    <row r="623" spans="1:27" s="1" customFormat="1" ht="11.1" customHeight="1" outlineLevel="2" x14ac:dyDescent="0.2">
      <c r="A623" s="17"/>
      <c r="B623" s="17"/>
      <c r="C623" s="17"/>
      <c r="D623" s="18"/>
      <c r="E623" s="18"/>
      <c r="F623" s="18"/>
      <c r="G623" s="18"/>
      <c r="H623" s="18"/>
      <c r="I623" s="18"/>
      <c r="J623" s="18"/>
      <c r="K623" s="18"/>
      <c r="L623" s="18"/>
      <c r="M623" s="18"/>
      <c r="N623" s="18"/>
      <c r="O623" s="18"/>
      <c r="P623" s="19"/>
      <c r="Q623" s="19"/>
      <c r="R623" s="19"/>
      <c r="S623" s="19"/>
      <c r="T623" s="19"/>
      <c r="U623" s="19"/>
      <c r="V623" s="19"/>
      <c r="W623" s="19"/>
      <c r="X623" s="19"/>
      <c r="Y623" s="19"/>
      <c r="Z623" s="19"/>
      <c r="AA623" s="19"/>
    </row>
    <row r="624" spans="1:27" s="1" customFormat="1" ht="11.1" customHeight="1" outlineLevel="2" x14ac:dyDescent="0.2">
      <c r="A624" s="17">
        <v>17293</v>
      </c>
      <c r="B624" s="17"/>
      <c r="C624" s="17"/>
      <c r="D624" s="18" t="s">
        <v>320</v>
      </c>
      <c r="E624" s="18"/>
      <c r="F624" s="18"/>
      <c r="G624" s="18"/>
      <c r="H624" s="18"/>
      <c r="I624" s="18"/>
      <c r="J624" s="18"/>
      <c r="K624" s="18"/>
      <c r="L624" s="18"/>
      <c r="M624" s="18"/>
      <c r="N624" s="18"/>
      <c r="O624" s="18"/>
      <c r="P624" s="19">
        <v>690</v>
      </c>
      <c r="Q624" s="19"/>
      <c r="R624" s="19"/>
      <c r="S624" s="19"/>
      <c r="T624" s="19">
        <v>495</v>
      </c>
      <c r="U624" s="19"/>
      <c r="V624" s="19"/>
      <c r="W624" s="19"/>
      <c r="X624" s="19">
        <v>10</v>
      </c>
      <c r="Y624" s="19"/>
      <c r="Z624" s="19"/>
      <c r="AA624" s="19"/>
    </row>
    <row r="625" spans="1:27" s="1" customFormat="1" ht="11.1" customHeight="1" outlineLevel="2" x14ac:dyDescent="0.2">
      <c r="A625" s="17"/>
      <c r="B625" s="17"/>
      <c r="C625" s="17"/>
      <c r="D625" s="18"/>
      <c r="E625" s="18"/>
      <c r="F625" s="18"/>
      <c r="G625" s="18"/>
      <c r="H625" s="18"/>
      <c r="I625" s="18"/>
      <c r="J625" s="18"/>
      <c r="K625" s="18"/>
      <c r="L625" s="18"/>
      <c r="M625" s="18"/>
      <c r="N625" s="18"/>
      <c r="O625" s="18"/>
      <c r="P625" s="19"/>
      <c r="Q625" s="19"/>
      <c r="R625" s="19"/>
      <c r="S625" s="19"/>
      <c r="T625" s="19"/>
      <c r="U625" s="19"/>
      <c r="V625" s="19"/>
      <c r="W625" s="19"/>
      <c r="X625" s="19"/>
      <c r="Y625" s="19"/>
      <c r="Z625" s="19"/>
      <c r="AA625" s="19"/>
    </row>
    <row r="626" spans="1:27" s="1" customFormat="1" ht="14.1" customHeight="1" outlineLevel="2" x14ac:dyDescent="0.2">
      <c r="A626" s="17">
        <v>15545</v>
      </c>
      <c r="B626" s="17"/>
      <c r="C626" s="17"/>
      <c r="D626" s="18" t="s">
        <v>321</v>
      </c>
      <c r="E626" s="18"/>
      <c r="F626" s="18"/>
      <c r="G626" s="18"/>
      <c r="H626" s="18"/>
      <c r="I626" s="18"/>
      <c r="J626" s="18"/>
      <c r="K626" s="18"/>
      <c r="L626" s="18"/>
      <c r="M626" s="18"/>
      <c r="N626" s="18"/>
      <c r="O626" s="18"/>
      <c r="P626" s="20">
        <v>1960</v>
      </c>
      <c r="Q626" s="20"/>
      <c r="R626" s="20"/>
      <c r="S626" s="20"/>
      <c r="T626" s="20">
        <v>1800</v>
      </c>
      <c r="U626" s="20"/>
      <c r="V626" s="20"/>
      <c r="W626" s="20"/>
      <c r="X626" s="19">
        <v>1</v>
      </c>
      <c r="Y626" s="19"/>
      <c r="Z626" s="19"/>
      <c r="AA626" s="19"/>
    </row>
    <row r="627" spans="1:27" s="1" customFormat="1" ht="14.1" customHeight="1" outlineLevel="2" x14ac:dyDescent="0.2">
      <c r="A627" s="17"/>
      <c r="B627" s="17"/>
      <c r="C627" s="17"/>
      <c r="D627" s="18"/>
      <c r="E627" s="18"/>
      <c r="F627" s="18"/>
      <c r="G627" s="18"/>
      <c r="H627" s="18"/>
      <c r="I627" s="18"/>
      <c r="J627" s="18"/>
      <c r="K627" s="18"/>
      <c r="L627" s="18"/>
      <c r="M627" s="18"/>
      <c r="N627" s="18"/>
      <c r="O627" s="18"/>
      <c r="P627" s="20"/>
      <c r="Q627" s="20"/>
      <c r="R627" s="20"/>
      <c r="S627" s="20"/>
      <c r="T627" s="20"/>
      <c r="U627" s="20"/>
      <c r="V627" s="20"/>
      <c r="W627" s="20"/>
      <c r="X627" s="19"/>
      <c r="Y627" s="19"/>
      <c r="Z627" s="19"/>
      <c r="AA627" s="19"/>
    </row>
    <row r="628" spans="1:27" s="1" customFormat="1" ht="14.1" customHeight="1" outlineLevel="2" x14ac:dyDescent="0.2">
      <c r="A628" s="17">
        <v>18030</v>
      </c>
      <c r="B628" s="17"/>
      <c r="C628" s="17"/>
      <c r="D628" s="18" t="s">
        <v>322</v>
      </c>
      <c r="E628" s="18"/>
      <c r="F628" s="18"/>
      <c r="G628" s="18"/>
      <c r="H628" s="18"/>
      <c r="I628" s="18"/>
      <c r="J628" s="18"/>
      <c r="K628" s="18"/>
      <c r="L628" s="18"/>
      <c r="M628" s="18"/>
      <c r="N628" s="18"/>
      <c r="O628" s="18"/>
      <c r="P628" s="20">
        <v>1900</v>
      </c>
      <c r="Q628" s="20"/>
      <c r="R628" s="20"/>
      <c r="S628" s="20"/>
      <c r="T628" s="20">
        <v>1500</v>
      </c>
      <c r="U628" s="20"/>
      <c r="V628" s="20"/>
      <c r="W628" s="20"/>
      <c r="X628" s="19">
        <v>1</v>
      </c>
      <c r="Y628" s="19"/>
      <c r="Z628" s="19"/>
      <c r="AA628" s="19"/>
    </row>
    <row r="629" spans="1:27" s="1" customFormat="1" ht="14.1" customHeight="1" outlineLevel="2" x14ac:dyDescent="0.2">
      <c r="A629" s="17"/>
      <c r="B629" s="17"/>
      <c r="C629" s="17"/>
      <c r="D629" s="18"/>
      <c r="E629" s="18"/>
      <c r="F629" s="18"/>
      <c r="G629" s="18"/>
      <c r="H629" s="18"/>
      <c r="I629" s="18"/>
      <c r="J629" s="18"/>
      <c r="K629" s="18"/>
      <c r="L629" s="18"/>
      <c r="M629" s="18"/>
      <c r="N629" s="18"/>
      <c r="O629" s="18"/>
      <c r="P629" s="20"/>
      <c r="Q629" s="20"/>
      <c r="R629" s="20"/>
      <c r="S629" s="20"/>
      <c r="T629" s="20"/>
      <c r="U629" s="20"/>
      <c r="V629" s="20"/>
      <c r="W629" s="20"/>
      <c r="X629" s="19"/>
      <c r="Y629" s="19"/>
      <c r="Z629" s="19"/>
      <c r="AA629" s="19"/>
    </row>
    <row r="630" spans="1:27" s="1" customFormat="1" ht="14.1" customHeight="1" outlineLevel="2" x14ac:dyDescent="0.2">
      <c r="A630" s="17">
        <v>12507</v>
      </c>
      <c r="B630" s="17"/>
      <c r="C630" s="17"/>
      <c r="D630" s="18" t="s">
        <v>323</v>
      </c>
      <c r="E630" s="18"/>
      <c r="F630" s="18"/>
      <c r="G630" s="18"/>
      <c r="H630" s="18"/>
      <c r="I630" s="18"/>
      <c r="J630" s="18"/>
      <c r="K630" s="18"/>
      <c r="L630" s="18"/>
      <c r="M630" s="18"/>
      <c r="N630" s="18"/>
      <c r="O630" s="18"/>
      <c r="P630" s="20">
        <v>3000</v>
      </c>
      <c r="Q630" s="20"/>
      <c r="R630" s="20"/>
      <c r="S630" s="20"/>
      <c r="T630" s="20">
        <v>2800</v>
      </c>
      <c r="U630" s="20"/>
      <c r="V630" s="20"/>
      <c r="W630" s="20"/>
      <c r="X630" s="19">
        <v>1</v>
      </c>
      <c r="Y630" s="19"/>
      <c r="Z630" s="19"/>
      <c r="AA630" s="19"/>
    </row>
    <row r="631" spans="1:27" s="1" customFormat="1" ht="14.1" customHeight="1" outlineLevel="2" x14ac:dyDescent="0.2">
      <c r="A631" s="17"/>
      <c r="B631" s="17"/>
      <c r="C631" s="17"/>
      <c r="D631" s="18"/>
      <c r="E631" s="18"/>
      <c r="F631" s="18"/>
      <c r="G631" s="18"/>
      <c r="H631" s="18"/>
      <c r="I631" s="18"/>
      <c r="J631" s="18"/>
      <c r="K631" s="18"/>
      <c r="L631" s="18"/>
      <c r="M631" s="18"/>
      <c r="N631" s="18"/>
      <c r="O631" s="18"/>
      <c r="P631" s="20"/>
      <c r="Q631" s="20"/>
      <c r="R631" s="20"/>
      <c r="S631" s="20"/>
      <c r="T631" s="20"/>
      <c r="U631" s="20"/>
      <c r="V631" s="20"/>
      <c r="W631" s="20"/>
      <c r="X631" s="19"/>
      <c r="Y631" s="19"/>
      <c r="Z631" s="19"/>
      <c r="AA631" s="19"/>
    </row>
    <row r="632" spans="1:27" s="1" customFormat="1" ht="11.1" customHeight="1" outlineLevel="2" x14ac:dyDescent="0.2">
      <c r="A632" s="17">
        <v>15261</v>
      </c>
      <c r="B632" s="17"/>
      <c r="C632" s="17"/>
      <c r="D632" s="18" t="s">
        <v>324</v>
      </c>
      <c r="E632" s="18"/>
      <c r="F632" s="18"/>
      <c r="G632" s="18"/>
      <c r="H632" s="18"/>
      <c r="I632" s="18"/>
      <c r="J632" s="18"/>
      <c r="K632" s="18"/>
      <c r="L632" s="18"/>
      <c r="M632" s="18"/>
      <c r="N632" s="18"/>
      <c r="O632" s="18"/>
      <c r="P632" s="20">
        <v>1300</v>
      </c>
      <c r="Q632" s="20"/>
      <c r="R632" s="20"/>
      <c r="S632" s="20"/>
      <c r="T632" s="20">
        <v>1200</v>
      </c>
      <c r="U632" s="20"/>
      <c r="V632" s="20"/>
      <c r="W632" s="20"/>
      <c r="X632" s="19">
        <v>2</v>
      </c>
      <c r="Y632" s="19"/>
      <c r="Z632" s="19"/>
      <c r="AA632" s="19"/>
    </row>
    <row r="633" spans="1:27" s="1" customFormat="1" ht="11.1" customHeight="1" outlineLevel="2" x14ac:dyDescent="0.2">
      <c r="A633" s="17"/>
      <c r="B633" s="17"/>
      <c r="C633" s="17"/>
      <c r="D633" s="18"/>
      <c r="E633" s="18"/>
      <c r="F633" s="18"/>
      <c r="G633" s="18"/>
      <c r="H633" s="18"/>
      <c r="I633" s="18"/>
      <c r="J633" s="18"/>
      <c r="K633" s="18"/>
      <c r="L633" s="18"/>
      <c r="M633" s="18"/>
      <c r="N633" s="18"/>
      <c r="O633" s="18"/>
      <c r="P633" s="20"/>
      <c r="Q633" s="20"/>
      <c r="R633" s="20"/>
      <c r="S633" s="20"/>
      <c r="T633" s="20"/>
      <c r="U633" s="20"/>
      <c r="V633" s="20"/>
      <c r="W633" s="20"/>
      <c r="X633" s="19"/>
      <c r="Y633" s="19"/>
      <c r="Z633" s="19"/>
      <c r="AA633" s="19"/>
    </row>
    <row r="634" spans="1:27" s="1" customFormat="1" ht="14.1" customHeight="1" outlineLevel="2" x14ac:dyDescent="0.2">
      <c r="A634" s="17">
        <v>16943</v>
      </c>
      <c r="B634" s="17"/>
      <c r="C634" s="17"/>
      <c r="D634" s="18" t="s">
        <v>325</v>
      </c>
      <c r="E634" s="18"/>
      <c r="F634" s="18"/>
      <c r="G634" s="18"/>
      <c r="H634" s="18"/>
      <c r="I634" s="18"/>
      <c r="J634" s="18"/>
      <c r="K634" s="18"/>
      <c r="L634" s="18"/>
      <c r="M634" s="18"/>
      <c r="N634" s="18"/>
      <c r="O634" s="18"/>
      <c r="P634" s="20">
        <v>1300</v>
      </c>
      <c r="Q634" s="20"/>
      <c r="R634" s="20"/>
      <c r="S634" s="20"/>
      <c r="T634" s="20">
        <v>1100</v>
      </c>
      <c r="U634" s="20"/>
      <c r="V634" s="20"/>
      <c r="W634" s="20"/>
      <c r="X634" s="19">
        <v>1</v>
      </c>
      <c r="Y634" s="19"/>
      <c r="Z634" s="19"/>
      <c r="AA634" s="19"/>
    </row>
    <row r="635" spans="1:27" s="1" customFormat="1" ht="14.1" customHeight="1" outlineLevel="2" x14ac:dyDescent="0.2">
      <c r="A635" s="17"/>
      <c r="B635" s="17"/>
      <c r="C635" s="17"/>
      <c r="D635" s="18"/>
      <c r="E635" s="18"/>
      <c r="F635" s="18"/>
      <c r="G635" s="18"/>
      <c r="H635" s="18"/>
      <c r="I635" s="18"/>
      <c r="J635" s="18"/>
      <c r="K635" s="18"/>
      <c r="L635" s="18"/>
      <c r="M635" s="18"/>
      <c r="N635" s="18"/>
      <c r="O635" s="18"/>
      <c r="P635" s="20"/>
      <c r="Q635" s="20"/>
      <c r="R635" s="20"/>
      <c r="S635" s="20"/>
      <c r="T635" s="20"/>
      <c r="U635" s="20"/>
      <c r="V635" s="20"/>
      <c r="W635" s="20"/>
      <c r="X635" s="19"/>
      <c r="Y635" s="19"/>
      <c r="Z635" s="19"/>
      <c r="AA635" s="19"/>
    </row>
    <row r="636" spans="1:27" s="1" customFormat="1" ht="11.1" customHeight="1" outlineLevel="2" x14ac:dyDescent="0.2">
      <c r="A636" s="17">
        <v>11186</v>
      </c>
      <c r="B636" s="17"/>
      <c r="C636" s="17"/>
      <c r="D636" s="18" t="s">
        <v>326</v>
      </c>
      <c r="E636" s="18"/>
      <c r="F636" s="18"/>
      <c r="G636" s="18"/>
      <c r="H636" s="18"/>
      <c r="I636" s="18"/>
      <c r="J636" s="18"/>
      <c r="K636" s="18"/>
      <c r="L636" s="18"/>
      <c r="M636" s="18"/>
      <c r="N636" s="18"/>
      <c r="O636" s="18"/>
      <c r="P636" s="19">
        <v>200</v>
      </c>
      <c r="Q636" s="19"/>
      <c r="R636" s="19"/>
      <c r="S636" s="19"/>
      <c r="T636" s="19">
        <v>150</v>
      </c>
      <c r="U636" s="19"/>
      <c r="V636" s="19"/>
      <c r="W636" s="19"/>
      <c r="X636" s="19">
        <v>1</v>
      </c>
      <c r="Y636" s="19"/>
      <c r="Z636" s="19"/>
      <c r="AA636" s="19"/>
    </row>
    <row r="637" spans="1:27" s="1" customFormat="1" ht="11.1" customHeight="1" outlineLevel="2" x14ac:dyDescent="0.2">
      <c r="A637" s="17"/>
      <c r="B637" s="17"/>
      <c r="C637" s="17"/>
      <c r="D637" s="18"/>
      <c r="E637" s="18"/>
      <c r="F637" s="18"/>
      <c r="G637" s="18"/>
      <c r="H637" s="18"/>
      <c r="I637" s="18"/>
      <c r="J637" s="18"/>
      <c r="K637" s="18"/>
      <c r="L637" s="18"/>
      <c r="M637" s="18"/>
      <c r="N637" s="18"/>
      <c r="O637" s="18"/>
      <c r="P637" s="19"/>
      <c r="Q637" s="19"/>
      <c r="R637" s="19"/>
      <c r="S637" s="19"/>
      <c r="T637" s="19"/>
      <c r="U637" s="19"/>
      <c r="V637" s="19"/>
      <c r="W637" s="19"/>
      <c r="X637" s="19"/>
      <c r="Y637" s="19"/>
      <c r="Z637" s="19"/>
      <c r="AA637" s="19"/>
    </row>
    <row r="638" spans="1:27" s="1" customFormat="1" ht="11.1" customHeight="1" outlineLevel="2" x14ac:dyDescent="0.2">
      <c r="A638" s="17">
        <v>17343</v>
      </c>
      <c r="B638" s="17"/>
      <c r="C638" s="17"/>
      <c r="D638" s="18" t="s">
        <v>327</v>
      </c>
      <c r="E638" s="18"/>
      <c r="F638" s="18"/>
      <c r="G638" s="18"/>
      <c r="H638" s="18"/>
      <c r="I638" s="18"/>
      <c r="J638" s="18"/>
      <c r="K638" s="18"/>
      <c r="L638" s="18"/>
      <c r="M638" s="18"/>
      <c r="N638" s="18"/>
      <c r="O638" s="18"/>
      <c r="P638" s="19">
        <v>40</v>
      </c>
      <c r="Q638" s="19"/>
      <c r="R638" s="19"/>
      <c r="S638" s="19"/>
      <c r="T638" s="19">
        <v>30</v>
      </c>
      <c r="U638" s="19"/>
      <c r="V638" s="19"/>
      <c r="W638" s="19"/>
      <c r="X638" s="19">
        <v>19</v>
      </c>
      <c r="Y638" s="19"/>
      <c r="Z638" s="19"/>
      <c r="AA638" s="19"/>
    </row>
    <row r="639" spans="1:27" s="1" customFormat="1" ht="11.1" customHeight="1" outlineLevel="2" x14ac:dyDescent="0.2">
      <c r="A639" s="17"/>
      <c r="B639" s="17"/>
      <c r="C639" s="17"/>
      <c r="D639" s="18"/>
      <c r="E639" s="18"/>
      <c r="F639" s="18"/>
      <c r="G639" s="18"/>
      <c r="H639" s="18"/>
      <c r="I639" s="18"/>
      <c r="J639" s="18"/>
      <c r="K639" s="18"/>
      <c r="L639" s="18"/>
      <c r="M639" s="18"/>
      <c r="N639" s="18"/>
      <c r="O639" s="18"/>
      <c r="P639" s="19"/>
      <c r="Q639" s="19"/>
      <c r="R639" s="19"/>
      <c r="S639" s="19"/>
      <c r="T639" s="19"/>
      <c r="U639" s="19"/>
      <c r="V639" s="19"/>
      <c r="W639" s="19"/>
      <c r="X639" s="19"/>
      <c r="Y639" s="19"/>
      <c r="Z639" s="19"/>
      <c r="AA639" s="19"/>
    </row>
    <row r="640" spans="1:27" s="1" customFormat="1" ht="14.1" customHeight="1" outlineLevel="2" x14ac:dyDescent="0.2">
      <c r="A640" s="17">
        <v>11959</v>
      </c>
      <c r="B640" s="17"/>
      <c r="C640" s="17"/>
      <c r="D640" s="18" t="s">
        <v>328</v>
      </c>
      <c r="E640" s="18"/>
      <c r="F640" s="18"/>
      <c r="G640" s="18"/>
      <c r="H640" s="18"/>
      <c r="I640" s="18"/>
      <c r="J640" s="18"/>
      <c r="K640" s="18"/>
      <c r="L640" s="18"/>
      <c r="M640" s="18"/>
      <c r="N640" s="18"/>
      <c r="O640" s="18"/>
      <c r="P640" s="19">
        <v>40</v>
      </c>
      <c r="Q640" s="19"/>
      <c r="R640" s="19"/>
      <c r="S640" s="19"/>
      <c r="T640" s="19">
        <v>30</v>
      </c>
      <c r="U640" s="19"/>
      <c r="V640" s="19"/>
      <c r="W640" s="19"/>
      <c r="X640" s="20">
        <v>1166</v>
      </c>
      <c r="Y640" s="20"/>
      <c r="Z640" s="20"/>
      <c r="AA640" s="20"/>
    </row>
    <row r="641" spans="1:27" s="1" customFormat="1" ht="14.1" customHeight="1" outlineLevel="2" x14ac:dyDescent="0.2">
      <c r="A641" s="17"/>
      <c r="B641" s="17"/>
      <c r="C641" s="17"/>
      <c r="D641" s="18"/>
      <c r="E641" s="18"/>
      <c r="F641" s="18"/>
      <c r="G641" s="18"/>
      <c r="H641" s="18"/>
      <c r="I641" s="18"/>
      <c r="J641" s="18"/>
      <c r="K641" s="18"/>
      <c r="L641" s="18"/>
      <c r="M641" s="18"/>
      <c r="N641" s="18"/>
      <c r="O641" s="18"/>
      <c r="P641" s="19"/>
      <c r="Q641" s="19"/>
      <c r="R641" s="19"/>
      <c r="S641" s="19"/>
      <c r="T641" s="19"/>
      <c r="U641" s="19"/>
      <c r="V641" s="19"/>
      <c r="W641" s="19"/>
      <c r="X641" s="20"/>
      <c r="Y641" s="20"/>
      <c r="Z641" s="20"/>
      <c r="AA641" s="20"/>
    </row>
    <row r="642" spans="1:27" s="1" customFormat="1" ht="11.1" customHeight="1" outlineLevel="2" x14ac:dyDescent="0.2">
      <c r="A642" s="17">
        <v>17827</v>
      </c>
      <c r="B642" s="17"/>
      <c r="C642" s="17"/>
      <c r="D642" s="18" t="s">
        <v>329</v>
      </c>
      <c r="E642" s="18"/>
      <c r="F642" s="18"/>
      <c r="G642" s="18"/>
      <c r="H642" s="18"/>
      <c r="I642" s="18"/>
      <c r="J642" s="18"/>
      <c r="K642" s="18"/>
      <c r="L642" s="18"/>
      <c r="M642" s="18"/>
      <c r="N642" s="18"/>
      <c r="O642" s="18"/>
      <c r="P642" s="19">
        <v>250</v>
      </c>
      <c r="Q642" s="19"/>
      <c r="R642" s="19"/>
      <c r="S642" s="19"/>
      <c r="T642" s="19">
        <v>190</v>
      </c>
      <c r="U642" s="19"/>
      <c r="V642" s="19"/>
      <c r="W642" s="19"/>
      <c r="X642" s="19">
        <v>80</v>
      </c>
      <c r="Y642" s="19"/>
      <c r="Z642" s="19"/>
      <c r="AA642" s="19"/>
    </row>
    <row r="643" spans="1:27" s="1" customFormat="1" ht="11.1" customHeight="1" outlineLevel="2" x14ac:dyDescent="0.2">
      <c r="A643" s="17"/>
      <c r="B643" s="17"/>
      <c r="C643" s="17"/>
      <c r="D643" s="18"/>
      <c r="E643" s="18"/>
      <c r="F643" s="18"/>
      <c r="G643" s="18"/>
      <c r="H643" s="18"/>
      <c r="I643" s="18"/>
      <c r="J643" s="18"/>
      <c r="K643" s="18"/>
      <c r="L643" s="18"/>
      <c r="M643" s="18"/>
      <c r="N643" s="18"/>
      <c r="O643" s="18"/>
      <c r="P643" s="19"/>
      <c r="Q643" s="19"/>
      <c r="R643" s="19"/>
      <c r="S643" s="19"/>
      <c r="T643" s="19"/>
      <c r="U643" s="19"/>
      <c r="V643" s="19"/>
      <c r="W643" s="19"/>
      <c r="X643" s="19"/>
      <c r="Y643" s="19"/>
      <c r="Z643" s="19"/>
      <c r="AA643" s="19"/>
    </row>
    <row r="644" spans="1:27" s="1" customFormat="1" ht="14.1" customHeight="1" outlineLevel="2" x14ac:dyDescent="0.2">
      <c r="A644" s="17">
        <v>10990</v>
      </c>
      <c r="B644" s="17"/>
      <c r="C644" s="17"/>
      <c r="D644" s="18" t="s">
        <v>330</v>
      </c>
      <c r="E644" s="18"/>
      <c r="F644" s="18"/>
      <c r="G644" s="18"/>
      <c r="H644" s="18"/>
      <c r="I644" s="18"/>
      <c r="J644" s="18"/>
      <c r="K644" s="18"/>
      <c r="L644" s="18"/>
      <c r="M644" s="18"/>
      <c r="N644" s="18"/>
      <c r="O644" s="18"/>
      <c r="P644" s="19">
        <v>350</v>
      </c>
      <c r="Q644" s="19"/>
      <c r="R644" s="19"/>
      <c r="S644" s="19"/>
      <c r="T644" s="19">
        <v>240</v>
      </c>
      <c r="U644" s="19"/>
      <c r="V644" s="19"/>
      <c r="W644" s="19"/>
      <c r="X644" s="19">
        <v>100</v>
      </c>
      <c r="Y644" s="19"/>
      <c r="Z644" s="19"/>
      <c r="AA644" s="19"/>
    </row>
    <row r="645" spans="1:27" s="1" customFormat="1" ht="14.1" customHeight="1" outlineLevel="2" x14ac:dyDescent="0.2">
      <c r="A645" s="17"/>
      <c r="B645" s="17"/>
      <c r="C645" s="17"/>
      <c r="D645" s="18"/>
      <c r="E645" s="18"/>
      <c r="F645" s="18"/>
      <c r="G645" s="18"/>
      <c r="H645" s="18"/>
      <c r="I645" s="18"/>
      <c r="J645" s="18"/>
      <c r="K645" s="18"/>
      <c r="L645" s="18"/>
      <c r="M645" s="18"/>
      <c r="N645" s="18"/>
      <c r="O645" s="18"/>
      <c r="P645" s="19"/>
      <c r="Q645" s="19"/>
      <c r="R645" s="19"/>
      <c r="S645" s="19"/>
      <c r="T645" s="19"/>
      <c r="U645" s="19"/>
      <c r="V645" s="19"/>
      <c r="W645" s="19"/>
      <c r="X645" s="19"/>
      <c r="Y645" s="19"/>
      <c r="Z645" s="19"/>
      <c r="AA645" s="19"/>
    </row>
    <row r="646" spans="1:27" s="1" customFormat="1" ht="11.1" customHeight="1" outlineLevel="2" x14ac:dyDescent="0.2">
      <c r="A646" s="17">
        <v>15343</v>
      </c>
      <c r="B646" s="17"/>
      <c r="C646" s="17"/>
      <c r="D646" s="18" t="s">
        <v>331</v>
      </c>
      <c r="E646" s="18"/>
      <c r="F646" s="18"/>
      <c r="G646" s="18"/>
      <c r="H646" s="18"/>
      <c r="I646" s="18"/>
      <c r="J646" s="18"/>
      <c r="K646" s="18"/>
      <c r="L646" s="18"/>
      <c r="M646" s="18"/>
      <c r="N646" s="18"/>
      <c r="O646" s="18"/>
      <c r="P646" s="19">
        <v>170</v>
      </c>
      <c r="Q646" s="19"/>
      <c r="R646" s="19"/>
      <c r="S646" s="19"/>
      <c r="T646" s="19">
        <v>120</v>
      </c>
      <c r="U646" s="19"/>
      <c r="V646" s="19"/>
      <c r="W646" s="19"/>
      <c r="X646" s="19">
        <v>26</v>
      </c>
      <c r="Y646" s="19"/>
      <c r="Z646" s="19"/>
      <c r="AA646" s="19"/>
    </row>
    <row r="647" spans="1:27" s="1" customFormat="1" ht="11.1" customHeight="1" outlineLevel="2" x14ac:dyDescent="0.2">
      <c r="A647" s="17"/>
      <c r="B647" s="17"/>
      <c r="C647" s="17"/>
      <c r="D647" s="18"/>
      <c r="E647" s="18"/>
      <c r="F647" s="18"/>
      <c r="G647" s="18"/>
      <c r="H647" s="18"/>
      <c r="I647" s="18"/>
      <c r="J647" s="18"/>
      <c r="K647" s="18"/>
      <c r="L647" s="18"/>
      <c r="M647" s="18"/>
      <c r="N647" s="18"/>
      <c r="O647" s="18"/>
      <c r="P647" s="19"/>
      <c r="Q647" s="19"/>
      <c r="R647" s="19"/>
      <c r="S647" s="19"/>
      <c r="T647" s="19"/>
      <c r="U647" s="19"/>
      <c r="V647" s="19"/>
      <c r="W647" s="19"/>
      <c r="X647" s="19"/>
      <c r="Y647" s="19"/>
      <c r="Z647" s="19"/>
      <c r="AA647" s="19"/>
    </row>
    <row r="648" spans="1:27" s="1" customFormat="1" ht="11.1" customHeight="1" outlineLevel="2" x14ac:dyDescent="0.2">
      <c r="A648" s="17">
        <v>15344</v>
      </c>
      <c r="B648" s="17"/>
      <c r="C648" s="17"/>
      <c r="D648" s="18" t="s">
        <v>332</v>
      </c>
      <c r="E648" s="18"/>
      <c r="F648" s="18"/>
      <c r="G648" s="18"/>
      <c r="H648" s="18"/>
      <c r="I648" s="18"/>
      <c r="J648" s="18"/>
      <c r="K648" s="18"/>
      <c r="L648" s="18"/>
      <c r="M648" s="18"/>
      <c r="N648" s="18"/>
      <c r="O648" s="18"/>
      <c r="P648" s="19">
        <v>250</v>
      </c>
      <c r="Q648" s="19"/>
      <c r="R648" s="19"/>
      <c r="S648" s="19"/>
      <c r="T648" s="19">
        <v>180</v>
      </c>
      <c r="U648" s="19"/>
      <c r="V648" s="19"/>
      <c r="W648" s="19"/>
      <c r="X648" s="19">
        <v>23</v>
      </c>
      <c r="Y648" s="19"/>
      <c r="Z648" s="19"/>
      <c r="AA648" s="19"/>
    </row>
    <row r="649" spans="1:27" s="1" customFormat="1" ht="11.1" customHeight="1" outlineLevel="2" x14ac:dyDescent="0.2">
      <c r="A649" s="17"/>
      <c r="B649" s="17"/>
      <c r="C649" s="17"/>
      <c r="D649" s="18"/>
      <c r="E649" s="18"/>
      <c r="F649" s="18"/>
      <c r="G649" s="18"/>
      <c r="H649" s="18"/>
      <c r="I649" s="18"/>
      <c r="J649" s="18"/>
      <c r="K649" s="18"/>
      <c r="L649" s="18"/>
      <c r="M649" s="18"/>
      <c r="N649" s="18"/>
      <c r="O649" s="18"/>
      <c r="P649" s="19"/>
      <c r="Q649" s="19"/>
      <c r="R649" s="19"/>
      <c r="S649" s="19"/>
      <c r="T649" s="19"/>
      <c r="U649" s="19"/>
      <c r="V649" s="19"/>
      <c r="W649" s="19"/>
      <c r="X649" s="19"/>
      <c r="Y649" s="19"/>
      <c r="Z649" s="19"/>
      <c r="AA649" s="19"/>
    </row>
    <row r="650" spans="1:27" s="1" customFormat="1" ht="14.1" customHeight="1" outlineLevel="2" x14ac:dyDescent="0.2">
      <c r="A650" s="17">
        <v>14761</v>
      </c>
      <c r="B650" s="17"/>
      <c r="C650" s="17"/>
      <c r="D650" s="18" t="s">
        <v>333</v>
      </c>
      <c r="E650" s="18"/>
      <c r="F650" s="18"/>
      <c r="G650" s="18"/>
      <c r="H650" s="18"/>
      <c r="I650" s="18"/>
      <c r="J650" s="18"/>
      <c r="K650" s="18"/>
      <c r="L650" s="18"/>
      <c r="M650" s="18"/>
      <c r="N650" s="18"/>
      <c r="O650" s="18"/>
      <c r="P650" s="20">
        <v>1050</v>
      </c>
      <c r="Q650" s="20"/>
      <c r="R650" s="20"/>
      <c r="S650" s="20"/>
      <c r="T650" s="19">
        <v>900</v>
      </c>
      <c r="U650" s="19"/>
      <c r="V650" s="19"/>
      <c r="W650" s="19"/>
      <c r="X650" s="19">
        <v>4</v>
      </c>
      <c r="Y650" s="19"/>
      <c r="Z650" s="19"/>
      <c r="AA650" s="19"/>
    </row>
    <row r="651" spans="1:27" s="1" customFormat="1" ht="14.1" customHeight="1" outlineLevel="2" x14ac:dyDescent="0.2">
      <c r="A651" s="17"/>
      <c r="B651" s="17"/>
      <c r="C651" s="17"/>
      <c r="D651" s="18"/>
      <c r="E651" s="18"/>
      <c r="F651" s="18"/>
      <c r="G651" s="18"/>
      <c r="H651" s="18"/>
      <c r="I651" s="18"/>
      <c r="J651" s="18"/>
      <c r="K651" s="18"/>
      <c r="L651" s="18"/>
      <c r="M651" s="18"/>
      <c r="N651" s="18"/>
      <c r="O651" s="18"/>
      <c r="P651" s="20"/>
      <c r="Q651" s="20"/>
      <c r="R651" s="20"/>
      <c r="S651" s="20"/>
      <c r="T651" s="19"/>
      <c r="U651" s="19"/>
      <c r="V651" s="19"/>
      <c r="W651" s="19"/>
      <c r="X651" s="19"/>
      <c r="Y651" s="19"/>
      <c r="Z651" s="19"/>
      <c r="AA651" s="19"/>
    </row>
    <row r="652" spans="1:27" s="1" customFormat="1" ht="14.1" customHeight="1" outlineLevel="2" x14ac:dyDescent="0.2">
      <c r="A652" s="17">
        <v>17252</v>
      </c>
      <c r="B652" s="17"/>
      <c r="C652" s="17"/>
      <c r="D652" s="18" t="s">
        <v>334</v>
      </c>
      <c r="E652" s="18"/>
      <c r="F652" s="18"/>
      <c r="G652" s="18"/>
      <c r="H652" s="18"/>
      <c r="I652" s="18"/>
      <c r="J652" s="18"/>
      <c r="K652" s="18"/>
      <c r="L652" s="18"/>
      <c r="M652" s="18"/>
      <c r="N652" s="18"/>
      <c r="O652" s="18"/>
      <c r="P652" s="20">
        <v>1150</v>
      </c>
      <c r="Q652" s="20"/>
      <c r="R652" s="20"/>
      <c r="S652" s="20"/>
      <c r="T652" s="19">
        <v>990</v>
      </c>
      <c r="U652" s="19"/>
      <c r="V652" s="19"/>
      <c r="W652" s="19"/>
      <c r="X652" s="19">
        <v>18</v>
      </c>
      <c r="Y652" s="19"/>
      <c r="Z652" s="19"/>
      <c r="AA652" s="19"/>
    </row>
    <row r="653" spans="1:27" s="1" customFormat="1" ht="14.1" customHeight="1" outlineLevel="2" x14ac:dyDescent="0.2">
      <c r="A653" s="17"/>
      <c r="B653" s="17"/>
      <c r="C653" s="17"/>
      <c r="D653" s="18"/>
      <c r="E653" s="18"/>
      <c r="F653" s="18"/>
      <c r="G653" s="18"/>
      <c r="H653" s="18"/>
      <c r="I653" s="18"/>
      <c r="J653" s="18"/>
      <c r="K653" s="18"/>
      <c r="L653" s="18"/>
      <c r="M653" s="18"/>
      <c r="N653" s="18"/>
      <c r="O653" s="18"/>
      <c r="P653" s="20"/>
      <c r="Q653" s="20"/>
      <c r="R653" s="20"/>
      <c r="S653" s="20"/>
      <c r="T653" s="19"/>
      <c r="U653" s="19"/>
      <c r="V653" s="19"/>
      <c r="W653" s="19"/>
      <c r="X653" s="19"/>
      <c r="Y653" s="19"/>
      <c r="Z653" s="19"/>
      <c r="AA653" s="19"/>
    </row>
    <row r="654" spans="1:27" s="1" customFormat="1" ht="14.1" customHeight="1" outlineLevel="2" x14ac:dyDescent="0.2">
      <c r="A654" s="17">
        <v>12509</v>
      </c>
      <c r="B654" s="17"/>
      <c r="C654" s="17"/>
      <c r="D654" s="18" t="s">
        <v>335</v>
      </c>
      <c r="E654" s="18"/>
      <c r="F654" s="18"/>
      <c r="G654" s="18"/>
      <c r="H654" s="18"/>
      <c r="I654" s="18"/>
      <c r="J654" s="18"/>
      <c r="K654" s="18"/>
      <c r="L654" s="18"/>
      <c r="M654" s="18"/>
      <c r="N654" s="18"/>
      <c r="O654" s="18"/>
      <c r="P654" s="20">
        <v>1650</v>
      </c>
      <c r="Q654" s="20"/>
      <c r="R654" s="20"/>
      <c r="S654" s="20"/>
      <c r="T654" s="20">
        <v>1500</v>
      </c>
      <c r="U654" s="20"/>
      <c r="V654" s="20"/>
      <c r="W654" s="20"/>
      <c r="X654" s="19">
        <v>3</v>
      </c>
      <c r="Y654" s="19"/>
      <c r="Z654" s="19"/>
      <c r="AA654" s="19"/>
    </row>
    <row r="655" spans="1:27" s="1" customFormat="1" ht="14.1" customHeight="1" outlineLevel="2" x14ac:dyDescent="0.2">
      <c r="A655" s="17"/>
      <c r="B655" s="17"/>
      <c r="C655" s="17"/>
      <c r="D655" s="18"/>
      <c r="E655" s="18"/>
      <c r="F655" s="18"/>
      <c r="G655" s="18"/>
      <c r="H655" s="18"/>
      <c r="I655" s="18"/>
      <c r="J655" s="18"/>
      <c r="K655" s="18"/>
      <c r="L655" s="18"/>
      <c r="M655" s="18"/>
      <c r="N655" s="18"/>
      <c r="O655" s="18"/>
      <c r="P655" s="20"/>
      <c r="Q655" s="20"/>
      <c r="R655" s="20"/>
      <c r="S655" s="20"/>
      <c r="T655" s="20"/>
      <c r="U655" s="20"/>
      <c r="V655" s="20"/>
      <c r="W655" s="20"/>
      <c r="X655" s="19"/>
      <c r="Y655" s="19"/>
      <c r="Z655" s="19"/>
      <c r="AA655" s="19"/>
    </row>
    <row r="656" spans="1:27" s="1" customFormat="1" ht="14.1" customHeight="1" outlineLevel="2" x14ac:dyDescent="0.2">
      <c r="A656" s="17">
        <v>12512</v>
      </c>
      <c r="B656" s="17"/>
      <c r="C656" s="17"/>
      <c r="D656" s="18" t="s">
        <v>336</v>
      </c>
      <c r="E656" s="18"/>
      <c r="F656" s="18"/>
      <c r="G656" s="18"/>
      <c r="H656" s="18"/>
      <c r="I656" s="18"/>
      <c r="J656" s="18"/>
      <c r="K656" s="18"/>
      <c r="L656" s="18"/>
      <c r="M656" s="18"/>
      <c r="N656" s="18"/>
      <c r="O656" s="18"/>
      <c r="P656" s="20">
        <v>2200</v>
      </c>
      <c r="Q656" s="20"/>
      <c r="R656" s="20"/>
      <c r="S656" s="20"/>
      <c r="T656" s="20">
        <v>2000</v>
      </c>
      <c r="U656" s="20"/>
      <c r="V656" s="20"/>
      <c r="W656" s="20"/>
      <c r="X656" s="19">
        <v>2</v>
      </c>
      <c r="Y656" s="19"/>
      <c r="Z656" s="19"/>
      <c r="AA656" s="19"/>
    </row>
    <row r="657" spans="1:27" s="1" customFormat="1" ht="14.1" customHeight="1" outlineLevel="2" x14ac:dyDescent="0.2">
      <c r="A657" s="17"/>
      <c r="B657" s="17"/>
      <c r="C657" s="17"/>
      <c r="D657" s="18"/>
      <c r="E657" s="18"/>
      <c r="F657" s="18"/>
      <c r="G657" s="18"/>
      <c r="H657" s="18"/>
      <c r="I657" s="18"/>
      <c r="J657" s="18"/>
      <c r="K657" s="18"/>
      <c r="L657" s="18"/>
      <c r="M657" s="18"/>
      <c r="N657" s="18"/>
      <c r="O657" s="18"/>
      <c r="P657" s="20"/>
      <c r="Q657" s="20"/>
      <c r="R657" s="20"/>
      <c r="S657" s="20"/>
      <c r="T657" s="20"/>
      <c r="U657" s="20"/>
      <c r="V657" s="20"/>
      <c r="W657" s="20"/>
      <c r="X657" s="19"/>
      <c r="Y657" s="19"/>
      <c r="Z657" s="19"/>
      <c r="AA657" s="19"/>
    </row>
    <row r="658" spans="1:27" s="1" customFormat="1" ht="14.1" customHeight="1" outlineLevel="2" x14ac:dyDescent="0.2">
      <c r="A658" s="17">
        <v>15544</v>
      </c>
      <c r="B658" s="17"/>
      <c r="C658" s="17"/>
      <c r="D658" s="18" t="s">
        <v>337</v>
      </c>
      <c r="E658" s="18"/>
      <c r="F658" s="18"/>
      <c r="G658" s="18"/>
      <c r="H658" s="18"/>
      <c r="I658" s="18"/>
      <c r="J658" s="18"/>
      <c r="K658" s="18"/>
      <c r="L658" s="18"/>
      <c r="M658" s="18"/>
      <c r="N658" s="18"/>
      <c r="O658" s="18"/>
      <c r="P658" s="19">
        <v>570</v>
      </c>
      <c r="Q658" s="19"/>
      <c r="R658" s="19"/>
      <c r="S658" s="19"/>
      <c r="T658" s="19">
        <v>500</v>
      </c>
      <c r="U658" s="19"/>
      <c r="V658" s="19"/>
      <c r="W658" s="19"/>
      <c r="X658" s="19">
        <v>1</v>
      </c>
      <c r="Y658" s="19"/>
      <c r="Z658" s="19"/>
      <c r="AA658" s="19"/>
    </row>
    <row r="659" spans="1:27" s="1" customFormat="1" ht="14.1" customHeight="1" outlineLevel="2" x14ac:dyDescent="0.2">
      <c r="A659" s="17"/>
      <c r="B659" s="17"/>
      <c r="C659" s="17"/>
      <c r="D659" s="18"/>
      <c r="E659" s="18"/>
      <c r="F659" s="18"/>
      <c r="G659" s="18"/>
      <c r="H659" s="18"/>
      <c r="I659" s="18"/>
      <c r="J659" s="18"/>
      <c r="K659" s="18"/>
      <c r="L659" s="18"/>
      <c r="M659" s="18"/>
      <c r="N659" s="18"/>
      <c r="O659" s="18"/>
      <c r="P659" s="19"/>
      <c r="Q659" s="19"/>
      <c r="R659" s="19"/>
      <c r="S659" s="19"/>
      <c r="T659" s="19"/>
      <c r="U659" s="19"/>
      <c r="V659" s="19"/>
      <c r="W659" s="19"/>
      <c r="X659" s="19"/>
      <c r="Y659" s="19"/>
      <c r="Z659" s="19"/>
      <c r="AA659" s="19"/>
    </row>
    <row r="660" spans="1:27" s="1" customFormat="1" ht="14.1" customHeight="1" outlineLevel="2" x14ac:dyDescent="0.2">
      <c r="A660" s="17">
        <v>16960</v>
      </c>
      <c r="B660" s="17"/>
      <c r="C660" s="17"/>
      <c r="D660" s="18" t="s">
        <v>338</v>
      </c>
      <c r="E660" s="18"/>
      <c r="F660" s="18"/>
      <c r="G660" s="18"/>
      <c r="H660" s="18"/>
      <c r="I660" s="18"/>
      <c r="J660" s="18"/>
      <c r="K660" s="18"/>
      <c r="L660" s="18"/>
      <c r="M660" s="18"/>
      <c r="N660" s="18"/>
      <c r="O660" s="18"/>
      <c r="P660" s="20">
        <v>1200</v>
      </c>
      <c r="Q660" s="20"/>
      <c r="R660" s="20"/>
      <c r="S660" s="20"/>
      <c r="T660" s="19">
        <v>900</v>
      </c>
      <c r="U660" s="19"/>
      <c r="V660" s="19"/>
      <c r="W660" s="19"/>
      <c r="X660" s="19">
        <v>1</v>
      </c>
      <c r="Y660" s="19"/>
      <c r="Z660" s="19"/>
      <c r="AA660" s="19"/>
    </row>
    <row r="661" spans="1:27" s="1" customFormat="1" ht="14.1" customHeight="1" outlineLevel="2" x14ac:dyDescent="0.2">
      <c r="A661" s="17"/>
      <c r="B661" s="17"/>
      <c r="C661" s="17"/>
      <c r="D661" s="18"/>
      <c r="E661" s="18"/>
      <c r="F661" s="18"/>
      <c r="G661" s="18"/>
      <c r="H661" s="18"/>
      <c r="I661" s="18"/>
      <c r="J661" s="18"/>
      <c r="K661" s="18"/>
      <c r="L661" s="18"/>
      <c r="M661" s="18"/>
      <c r="N661" s="18"/>
      <c r="O661" s="18"/>
      <c r="P661" s="20"/>
      <c r="Q661" s="20"/>
      <c r="R661" s="20"/>
      <c r="S661" s="20"/>
      <c r="T661" s="19"/>
      <c r="U661" s="19"/>
      <c r="V661" s="19"/>
      <c r="W661" s="19"/>
      <c r="X661" s="19"/>
      <c r="Y661" s="19"/>
      <c r="Z661" s="19"/>
      <c r="AA661" s="19"/>
    </row>
    <row r="662" spans="1:27" s="1" customFormat="1" ht="14.1" customHeight="1" outlineLevel="2" x14ac:dyDescent="0.2">
      <c r="A662" s="17">
        <v>17291</v>
      </c>
      <c r="B662" s="17"/>
      <c r="C662" s="17"/>
      <c r="D662" s="18" t="s">
        <v>339</v>
      </c>
      <c r="E662" s="18"/>
      <c r="F662" s="18"/>
      <c r="G662" s="18"/>
      <c r="H662" s="18"/>
      <c r="I662" s="18"/>
      <c r="J662" s="18"/>
      <c r="K662" s="18"/>
      <c r="L662" s="18"/>
      <c r="M662" s="18"/>
      <c r="N662" s="18"/>
      <c r="O662" s="18"/>
      <c r="P662" s="20">
        <v>1000</v>
      </c>
      <c r="Q662" s="20"/>
      <c r="R662" s="20"/>
      <c r="S662" s="20"/>
      <c r="T662" s="19">
        <v>790</v>
      </c>
      <c r="U662" s="19"/>
      <c r="V662" s="19"/>
      <c r="W662" s="19"/>
      <c r="X662" s="19">
        <v>11</v>
      </c>
      <c r="Y662" s="19"/>
      <c r="Z662" s="19"/>
      <c r="AA662" s="19"/>
    </row>
    <row r="663" spans="1:27" s="1" customFormat="1" ht="14.1" customHeight="1" outlineLevel="2" x14ac:dyDescent="0.2">
      <c r="A663" s="17"/>
      <c r="B663" s="17"/>
      <c r="C663" s="17"/>
      <c r="D663" s="18"/>
      <c r="E663" s="18"/>
      <c r="F663" s="18"/>
      <c r="G663" s="18"/>
      <c r="H663" s="18"/>
      <c r="I663" s="18"/>
      <c r="J663" s="18"/>
      <c r="K663" s="18"/>
      <c r="L663" s="18"/>
      <c r="M663" s="18"/>
      <c r="N663" s="18"/>
      <c r="O663" s="18"/>
      <c r="P663" s="20"/>
      <c r="Q663" s="20"/>
      <c r="R663" s="20"/>
      <c r="S663" s="20"/>
      <c r="T663" s="19"/>
      <c r="U663" s="19"/>
      <c r="V663" s="19"/>
      <c r="W663" s="19"/>
      <c r="X663" s="19"/>
      <c r="Y663" s="19"/>
      <c r="Z663" s="19"/>
      <c r="AA663" s="19"/>
    </row>
    <row r="664" spans="1:27" s="1" customFormat="1" ht="14.1" customHeight="1" outlineLevel="2" x14ac:dyDescent="0.2">
      <c r="A664" s="17">
        <v>12515</v>
      </c>
      <c r="B664" s="17"/>
      <c r="C664" s="17"/>
      <c r="D664" s="18" t="s">
        <v>340</v>
      </c>
      <c r="E664" s="18"/>
      <c r="F664" s="18"/>
      <c r="G664" s="18"/>
      <c r="H664" s="18"/>
      <c r="I664" s="18"/>
      <c r="J664" s="18"/>
      <c r="K664" s="18"/>
      <c r="L664" s="18"/>
      <c r="M664" s="18"/>
      <c r="N664" s="18"/>
      <c r="O664" s="18"/>
      <c r="P664" s="19">
        <v>890</v>
      </c>
      <c r="Q664" s="19"/>
      <c r="R664" s="19"/>
      <c r="S664" s="19"/>
      <c r="T664" s="19">
        <v>800</v>
      </c>
      <c r="U664" s="19"/>
      <c r="V664" s="19"/>
      <c r="W664" s="19"/>
      <c r="X664" s="19">
        <v>1</v>
      </c>
      <c r="Y664" s="19"/>
      <c r="Z664" s="19"/>
      <c r="AA664" s="19"/>
    </row>
    <row r="665" spans="1:27" s="1" customFormat="1" ht="14.1" customHeight="1" outlineLevel="2" x14ac:dyDescent="0.2">
      <c r="A665" s="17"/>
      <c r="B665" s="17"/>
      <c r="C665" s="17"/>
      <c r="D665" s="18"/>
      <c r="E665" s="18"/>
      <c r="F665" s="18"/>
      <c r="G665" s="18"/>
      <c r="H665" s="18"/>
      <c r="I665" s="18"/>
      <c r="J665" s="18"/>
      <c r="K665" s="18"/>
      <c r="L665" s="18"/>
      <c r="M665" s="18"/>
      <c r="N665" s="18"/>
      <c r="O665" s="18"/>
      <c r="P665" s="19"/>
      <c r="Q665" s="19"/>
      <c r="R665" s="19"/>
      <c r="S665" s="19"/>
      <c r="T665" s="19"/>
      <c r="U665" s="19"/>
      <c r="V665" s="19"/>
      <c r="W665" s="19"/>
      <c r="X665" s="19"/>
      <c r="Y665" s="19"/>
      <c r="Z665" s="19"/>
      <c r="AA665" s="19"/>
    </row>
    <row r="666" spans="1:27" s="1" customFormat="1" ht="14.1" customHeight="1" outlineLevel="2" x14ac:dyDescent="0.2">
      <c r="A666" s="17">
        <v>12511</v>
      </c>
      <c r="B666" s="17"/>
      <c r="C666" s="17"/>
      <c r="D666" s="18" t="s">
        <v>341</v>
      </c>
      <c r="E666" s="18"/>
      <c r="F666" s="18"/>
      <c r="G666" s="18"/>
      <c r="H666" s="18"/>
      <c r="I666" s="18"/>
      <c r="J666" s="18"/>
      <c r="K666" s="18"/>
      <c r="L666" s="18"/>
      <c r="M666" s="18"/>
      <c r="N666" s="18"/>
      <c r="O666" s="18"/>
      <c r="P666" s="19">
        <v>570</v>
      </c>
      <c r="Q666" s="19"/>
      <c r="R666" s="19"/>
      <c r="S666" s="19"/>
      <c r="T666" s="19">
        <v>500</v>
      </c>
      <c r="U666" s="19"/>
      <c r="V666" s="19"/>
      <c r="W666" s="19"/>
      <c r="X666" s="19">
        <v>4</v>
      </c>
      <c r="Y666" s="19"/>
      <c r="Z666" s="19"/>
      <c r="AA666" s="19"/>
    </row>
    <row r="667" spans="1:27" s="1" customFormat="1" ht="14.1" customHeight="1" outlineLevel="2" x14ac:dyDescent="0.2">
      <c r="A667" s="17"/>
      <c r="B667" s="17"/>
      <c r="C667" s="17"/>
      <c r="D667" s="18"/>
      <c r="E667" s="18"/>
      <c r="F667" s="18"/>
      <c r="G667" s="18"/>
      <c r="H667" s="18"/>
      <c r="I667" s="18"/>
      <c r="J667" s="18"/>
      <c r="K667" s="18"/>
      <c r="L667" s="18"/>
      <c r="M667" s="18"/>
      <c r="N667" s="18"/>
      <c r="O667" s="18"/>
      <c r="P667" s="19"/>
      <c r="Q667" s="19"/>
      <c r="R667" s="19"/>
      <c r="S667" s="19"/>
      <c r="T667" s="19"/>
      <c r="U667" s="19"/>
      <c r="V667" s="19"/>
      <c r="W667" s="19"/>
      <c r="X667" s="19"/>
      <c r="Y667" s="19"/>
      <c r="Z667" s="19"/>
      <c r="AA667" s="19"/>
    </row>
    <row r="668" spans="1:27" s="1" customFormat="1" ht="14.1" customHeight="1" outlineLevel="2" x14ac:dyDescent="0.2">
      <c r="A668" s="17">
        <v>12508</v>
      </c>
      <c r="B668" s="17"/>
      <c r="C668" s="17"/>
      <c r="D668" s="18" t="s">
        <v>342</v>
      </c>
      <c r="E668" s="18"/>
      <c r="F668" s="18"/>
      <c r="G668" s="18"/>
      <c r="H668" s="18"/>
      <c r="I668" s="18"/>
      <c r="J668" s="18"/>
      <c r="K668" s="18"/>
      <c r="L668" s="18"/>
      <c r="M668" s="18"/>
      <c r="N668" s="18"/>
      <c r="O668" s="18"/>
      <c r="P668" s="20">
        <v>1100</v>
      </c>
      <c r="Q668" s="20"/>
      <c r="R668" s="20"/>
      <c r="S668" s="20"/>
      <c r="T668" s="20">
        <v>1000</v>
      </c>
      <c r="U668" s="20"/>
      <c r="V668" s="20"/>
      <c r="W668" s="20"/>
      <c r="X668" s="19">
        <v>3</v>
      </c>
      <c r="Y668" s="19"/>
      <c r="Z668" s="19"/>
      <c r="AA668" s="19"/>
    </row>
    <row r="669" spans="1:27" s="1" customFormat="1" ht="14.1" customHeight="1" outlineLevel="2" x14ac:dyDescent="0.2">
      <c r="A669" s="17"/>
      <c r="B669" s="17"/>
      <c r="C669" s="17"/>
      <c r="D669" s="18"/>
      <c r="E669" s="18"/>
      <c r="F669" s="18"/>
      <c r="G669" s="18"/>
      <c r="H669" s="18"/>
      <c r="I669" s="18"/>
      <c r="J669" s="18"/>
      <c r="K669" s="18"/>
      <c r="L669" s="18"/>
      <c r="M669" s="18"/>
      <c r="N669" s="18"/>
      <c r="O669" s="18"/>
      <c r="P669" s="20"/>
      <c r="Q669" s="20"/>
      <c r="R669" s="20"/>
      <c r="S669" s="20"/>
      <c r="T669" s="20"/>
      <c r="U669" s="20"/>
      <c r="V669" s="20"/>
      <c r="W669" s="20"/>
      <c r="X669" s="19"/>
      <c r="Y669" s="19"/>
      <c r="Z669" s="19"/>
      <c r="AA669" s="19"/>
    </row>
    <row r="670" spans="1:27" s="1" customFormat="1" ht="11.1" customHeight="1" outlineLevel="1" x14ac:dyDescent="0.2">
      <c r="A670" s="16" t="s">
        <v>343</v>
      </c>
      <c r="B670" s="16"/>
      <c r="C670" s="16"/>
      <c r="D670" s="16"/>
      <c r="E670" s="16"/>
      <c r="F670" s="16"/>
      <c r="G670" s="16"/>
      <c r="H670" s="16"/>
      <c r="I670" s="16"/>
      <c r="J670" s="16"/>
      <c r="K670" s="16"/>
      <c r="L670" s="16"/>
      <c r="M670" s="16"/>
      <c r="N670" s="16"/>
      <c r="O670" s="16"/>
      <c r="P670" s="16"/>
      <c r="Q670" s="16"/>
      <c r="R670" s="16"/>
      <c r="S670" s="16"/>
      <c r="T670" s="16"/>
      <c r="U670" s="16"/>
      <c r="V670" s="16"/>
      <c r="W670" s="16"/>
      <c r="X670" s="16"/>
      <c r="Y670" s="16"/>
      <c r="Z670" s="16"/>
      <c r="AA670" s="16"/>
    </row>
    <row r="671" spans="1:27" s="1" customFormat="1" ht="11.1" customHeight="1" outlineLevel="1" x14ac:dyDescent="0.2">
      <c r="A671" s="16"/>
      <c r="B671" s="16"/>
      <c r="C671" s="16"/>
      <c r="D671" s="16"/>
      <c r="E671" s="16"/>
      <c r="F671" s="16"/>
      <c r="G671" s="16"/>
      <c r="H671" s="16"/>
      <c r="I671" s="16"/>
      <c r="J671" s="16"/>
      <c r="K671" s="16"/>
      <c r="L671" s="16"/>
      <c r="M671" s="16"/>
      <c r="N671" s="16"/>
      <c r="O671" s="16"/>
      <c r="P671" s="16"/>
      <c r="Q671" s="16"/>
      <c r="R671" s="16"/>
      <c r="S671" s="16"/>
      <c r="T671" s="16"/>
      <c r="U671" s="16"/>
      <c r="V671" s="16"/>
      <c r="W671" s="16"/>
      <c r="X671" s="16"/>
      <c r="Y671" s="16"/>
      <c r="Z671" s="16"/>
      <c r="AA671" s="16"/>
    </row>
    <row r="672" spans="1:27" s="1" customFormat="1" ht="11.1" customHeight="1" outlineLevel="2" x14ac:dyDescent="0.2">
      <c r="A672" s="17">
        <v>16379</v>
      </c>
      <c r="B672" s="17"/>
      <c r="C672" s="17"/>
      <c r="D672" s="18" t="s">
        <v>344</v>
      </c>
      <c r="E672" s="18"/>
      <c r="F672" s="18"/>
      <c r="G672" s="18"/>
      <c r="H672" s="18"/>
      <c r="I672" s="18"/>
      <c r="J672" s="18"/>
      <c r="K672" s="18"/>
      <c r="L672" s="18"/>
      <c r="M672" s="18"/>
      <c r="N672" s="18"/>
      <c r="O672" s="18"/>
      <c r="P672" s="19">
        <v>800</v>
      </c>
      <c r="Q672" s="19"/>
      <c r="R672" s="19"/>
      <c r="S672" s="19"/>
      <c r="T672" s="19">
        <v>600</v>
      </c>
      <c r="U672" s="19"/>
      <c r="V672" s="19"/>
      <c r="W672" s="19"/>
      <c r="X672" s="19">
        <v>24</v>
      </c>
      <c r="Y672" s="19"/>
      <c r="Z672" s="19"/>
      <c r="AA672" s="19"/>
    </row>
    <row r="673" spans="1:27" s="1" customFormat="1" ht="11.1" customHeight="1" outlineLevel="2" x14ac:dyDescent="0.2">
      <c r="A673" s="17"/>
      <c r="B673" s="17"/>
      <c r="C673" s="17"/>
      <c r="D673" s="18"/>
      <c r="E673" s="18"/>
      <c r="F673" s="18"/>
      <c r="G673" s="18"/>
      <c r="H673" s="18"/>
      <c r="I673" s="18"/>
      <c r="J673" s="18"/>
      <c r="K673" s="18"/>
      <c r="L673" s="18"/>
      <c r="M673" s="18"/>
      <c r="N673" s="18"/>
      <c r="O673" s="18"/>
      <c r="P673" s="19"/>
      <c r="Q673" s="19"/>
      <c r="R673" s="19"/>
      <c r="S673" s="19"/>
      <c r="T673" s="19"/>
      <c r="U673" s="19"/>
      <c r="V673" s="19"/>
      <c r="W673" s="19"/>
      <c r="X673" s="19"/>
      <c r="Y673" s="19"/>
      <c r="Z673" s="19"/>
      <c r="AA673" s="19"/>
    </row>
    <row r="674" spans="1:27" s="1" customFormat="1" ht="11.1" customHeight="1" outlineLevel="2" x14ac:dyDescent="0.2">
      <c r="A674" s="17">
        <v>15170</v>
      </c>
      <c r="B674" s="17"/>
      <c r="C674" s="17"/>
      <c r="D674" s="18" t="s">
        <v>345</v>
      </c>
      <c r="E674" s="18"/>
      <c r="F674" s="18"/>
      <c r="G674" s="18"/>
      <c r="H674" s="18"/>
      <c r="I674" s="18"/>
      <c r="J674" s="18"/>
      <c r="K674" s="18"/>
      <c r="L674" s="18"/>
      <c r="M674" s="18"/>
      <c r="N674" s="18"/>
      <c r="O674" s="18"/>
      <c r="P674" s="19">
        <v>750</v>
      </c>
      <c r="Q674" s="19"/>
      <c r="R674" s="19"/>
      <c r="S674" s="19"/>
      <c r="T674" s="19">
        <v>680</v>
      </c>
      <c r="U674" s="19"/>
      <c r="V674" s="19"/>
      <c r="W674" s="19"/>
      <c r="X674" s="19">
        <v>5</v>
      </c>
      <c r="Y674" s="19"/>
      <c r="Z674" s="19"/>
      <c r="AA674" s="19"/>
    </row>
    <row r="675" spans="1:27" s="1" customFormat="1" ht="11.1" customHeight="1" outlineLevel="2" x14ac:dyDescent="0.2">
      <c r="A675" s="17"/>
      <c r="B675" s="17"/>
      <c r="C675" s="17"/>
      <c r="D675" s="18"/>
      <c r="E675" s="18"/>
      <c r="F675" s="18"/>
      <c r="G675" s="18"/>
      <c r="H675" s="18"/>
      <c r="I675" s="18"/>
      <c r="J675" s="18"/>
      <c r="K675" s="18"/>
      <c r="L675" s="18"/>
      <c r="M675" s="18"/>
      <c r="N675" s="18"/>
      <c r="O675" s="18"/>
      <c r="P675" s="19"/>
      <c r="Q675" s="19"/>
      <c r="R675" s="19"/>
      <c r="S675" s="19"/>
      <c r="T675" s="19"/>
      <c r="U675" s="19"/>
      <c r="V675" s="19"/>
      <c r="W675" s="19"/>
      <c r="X675" s="19"/>
      <c r="Y675" s="19"/>
      <c r="Z675" s="19"/>
      <c r="AA675" s="19"/>
    </row>
    <row r="676" spans="1:27" s="1" customFormat="1" ht="11.1" customHeight="1" outlineLevel="2" x14ac:dyDescent="0.2">
      <c r="A676" s="17">
        <v>12495</v>
      </c>
      <c r="B676" s="17"/>
      <c r="C676" s="17"/>
      <c r="D676" s="18" t="s">
        <v>346</v>
      </c>
      <c r="E676" s="18"/>
      <c r="F676" s="18"/>
      <c r="G676" s="18"/>
      <c r="H676" s="18"/>
      <c r="I676" s="18"/>
      <c r="J676" s="18"/>
      <c r="K676" s="18"/>
      <c r="L676" s="18"/>
      <c r="M676" s="18"/>
      <c r="N676" s="18"/>
      <c r="O676" s="18"/>
      <c r="P676" s="20">
        <v>1390</v>
      </c>
      <c r="Q676" s="20"/>
      <c r="R676" s="20"/>
      <c r="S676" s="20"/>
      <c r="T676" s="20">
        <v>1200</v>
      </c>
      <c r="U676" s="20"/>
      <c r="V676" s="20"/>
      <c r="W676" s="20"/>
      <c r="X676" s="19">
        <v>11</v>
      </c>
      <c r="Y676" s="19"/>
      <c r="Z676" s="19"/>
      <c r="AA676" s="19"/>
    </row>
    <row r="677" spans="1:27" s="1" customFormat="1" ht="11.1" customHeight="1" outlineLevel="2" x14ac:dyDescent="0.2">
      <c r="A677" s="17"/>
      <c r="B677" s="17"/>
      <c r="C677" s="17"/>
      <c r="D677" s="18"/>
      <c r="E677" s="18"/>
      <c r="F677" s="18"/>
      <c r="G677" s="18"/>
      <c r="H677" s="18"/>
      <c r="I677" s="18"/>
      <c r="J677" s="18"/>
      <c r="K677" s="18"/>
      <c r="L677" s="18"/>
      <c r="M677" s="18"/>
      <c r="N677" s="18"/>
      <c r="O677" s="18"/>
      <c r="P677" s="20"/>
      <c r="Q677" s="20"/>
      <c r="R677" s="20"/>
      <c r="S677" s="20"/>
      <c r="T677" s="20"/>
      <c r="U677" s="20"/>
      <c r="V677" s="20"/>
      <c r="W677" s="20"/>
      <c r="X677" s="19"/>
      <c r="Y677" s="19"/>
      <c r="Z677" s="19"/>
      <c r="AA677" s="19"/>
    </row>
    <row r="678" spans="1:27" s="1" customFormat="1" ht="11.1" customHeight="1" outlineLevel="2" x14ac:dyDescent="0.2">
      <c r="A678" s="17">
        <v>16952</v>
      </c>
      <c r="B678" s="17"/>
      <c r="C678" s="17"/>
      <c r="D678" s="18" t="s">
        <v>347</v>
      </c>
      <c r="E678" s="18"/>
      <c r="F678" s="18"/>
      <c r="G678" s="18"/>
      <c r="H678" s="18"/>
      <c r="I678" s="18"/>
      <c r="J678" s="18"/>
      <c r="K678" s="18"/>
      <c r="L678" s="18"/>
      <c r="M678" s="18"/>
      <c r="N678" s="18"/>
      <c r="O678" s="18"/>
      <c r="P678" s="20">
        <v>1400</v>
      </c>
      <c r="Q678" s="20"/>
      <c r="R678" s="20"/>
      <c r="S678" s="20"/>
      <c r="T678" s="20">
        <v>1000</v>
      </c>
      <c r="U678" s="20"/>
      <c r="V678" s="20"/>
      <c r="W678" s="20"/>
      <c r="X678" s="19">
        <v>2</v>
      </c>
      <c r="Y678" s="19"/>
      <c r="Z678" s="19"/>
      <c r="AA678" s="19"/>
    </row>
    <row r="679" spans="1:27" s="1" customFormat="1" ht="11.1" customHeight="1" outlineLevel="2" x14ac:dyDescent="0.2">
      <c r="A679" s="17"/>
      <c r="B679" s="17"/>
      <c r="C679" s="17"/>
      <c r="D679" s="18"/>
      <c r="E679" s="18"/>
      <c r="F679" s="18"/>
      <c r="G679" s="18"/>
      <c r="H679" s="18"/>
      <c r="I679" s="18"/>
      <c r="J679" s="18"/>
      <c r="K679" s="18"/>
      <c r="L679" s="18"/>
      <c r="M679" s="18"/>
      <c r="N679" s="18"/>
      <c r="O679" s="18"/>
      <c r="P679" s="20"/>
      <c r="Q679" s="20"/>
      <c r="R679" s="20"/>
      <c r="S679" s="20"/>
      <c r="T679" s="20"/>
      <c r="U679" s="20"/>
      <c r="V679" s="20"/>
      <c r="W679" s="20"/>
      <c r="X679" s="19"/>
      <c r="Y679" s="19"/>
      <c r="Z679" s="19"/>
      <c r="AA679" s="19"/>
    </row>
    <row r="680" spans="1:27" s="1" customFormat="1" ht="11.1" customHeight="1" outlineLevel="2" x14ac:dyDescent="0.2">
      <c r="A680" s="17">
        <v>16955</v>
      </c>
      <c r="B680" s="17"/>
      <c r="C680" s="17"/>
      <c r="D680" s="18" t="s">
        <v>348</v>
      </c>
      <c r="E680" s="18"/>
      <c r="F680" s="18"/>
      <c r="G680" s="18"/>
      <c r="H680" s="18"/>
      <c r="I680" s="18"/>
      <c r="J680" s="18"/>
      <c r="K680" s="18"/>
      <c r="L680" s="18"/>
      <c r="M680" s="18"/>
      <c r="N680" s="18"/>
      <c r="O680" s="18"/>
      <c r="P680" s="19">
        <v>300</v>
      </c>
      <c r="Q680" s="19"/>
      <c r="R680" s="19"/>
      <c r="S680" s="19"/>
      <c r="T680" s="19">
        <v>200</v>
      </c>
      <c r="U680" s="19"/>
      <c r="V680" s="19"/>
      <c r="W680" s="19"/>
      <c r="X680" s="19">
        <v>1</v>
      </c>
      <c r="Y680" s="19"/>
      <c r="Z680" s="19"/>
      <c r="AA680" s="19"/>
    </row>
    <row r="681" spans="1:27" s="1" customFormat="1" ht="11.1" customHeight="1" outlineLevel="2" x14ac:dyDescent="0.2">
      <c r="A681" s="17"/>
      <c r="B681" s="17"/>
      <c r="C681" s="17"/>
      <c r="D681" s="18"/>
      <c r="E681" s="18"/>
      <c r="F681" s="18"/>
      <c r="G681" s="18"/>
      <c r="H681" s="18"/>
      <c r="I681" s="18"/>
      <c r="J681" s="18"/>
      <c r="K681" s="18"/>
      <c r="L681" s="18"/>
      <c r="M681" s="18"/>
      <c r="N681" s="18"/>
      <c r="O681" s="18"/>
      <c r="P681" s="19"/>
      <c r="Q681" s="19"/>
      <c r="R681" s="19"/>
      <c r="S681" s="19"/>
      <c r="T681" s="19"/>
      <c r="U681" s="19"/>
      <c r="V681" s="19"/>
      <c r="W681" s="19"/>
      <c r="X681" s="19"/>
      <c r="Y681" s="19"/>
      <c r="Z681" s="19"/>
      <c r="AA681" s="19"/>
    </row>
    <row r="682" spans="1:27" s="1" customFormat="1" ht="11.1" customHeight="1" outlineLevel="2" x14ac:dyDescent="0.2">
      <c r="A682" s="17">
        <v>11582</v>
      </c>
      <c r="B682" s="17"/>
      <c r="C682" s="17"/>
      <c r="D682" s="18" t="s">
        <v>349</v>
      </c>
      <c r="E682" s="18"/>
      <c r="F682" s="18"/>
      <c r="G682" s="18"/>
      <c r="H682" s="18"/>
      <c r="I682" s="18"/>
      <c r="J682" s="18"/>
      <c r="K682" s="18"/>
      <c r="L682" s="18"/>
      <c r="M682" s="18"/>
      <c r="N682" s="18"/>
      <c r="O682" s="18"/>
      <c r="P682" s="19">
        <v>130</v>
      </c>
      <c r="Q682" s="19"/>
      <c r="R682" s="19"/>
      <c r="S682" s="19"/>
      <c r="T682" s="19">
        <v>95</v>
      </c>
      <c r="U682" s="19"/>
      <c r="V682" s="19"/>
      <c r="W682" s="19"/>
      <c r="X682" s="19">
        <v>1</v>
      </c>
      <c r="Y682" s="19"/>
      <c r="Z682" s="19"/>
      <c r="AA682" s="19"/>
    </row>
    <row r="683" spans="1:27" s="1" customFormat="1" ht="11.1" customHeight="1" outlineLevel="2" x14ac:dyDescent="0.2">
      <c r="A683" s="17"/>
      <c r="B683" s="17"/>
      <c r="C683" s="17"/>
      <c r="D683" s="18"/>
      <c r="E683" s="18"/>
      <c r="F683" s="18"/>
      <c r="G683" s="18"/>
      <c r="H683" s="18"/>
      <c r="I683" s="18"/>
      <c r="J683" s="18"/>
      <c r="K683" s="18"/>
      <c r="L683" s="18"/>
      <c r="M683" s="18"/>
      <c r="N683" s="18"/>
      <c r="O683" s="18"/>
      <c r="P683" s="19"/>
      <c r="Q683" s="19"/>
      <c r="R683" s="19"/>
      <c r="S683" s="19"/>
      <c r="T683" s="19"/>
      <c r="U683" s="19"/>
      <c r="V683" s="19"/>
      <c r="W683" s="19"/>
      <c r="X683" s="19"/>
      <c r="Y683" s="19"/>
      <c r="Z683" s="19"/>
      <c r="AA683" s="19"/>
    </row>
    <row r="684" spans="1:27" s="1" customFormat="1" ht="11.1" customHeight="1" outlineLevel="2" x14ac:dyDescent="0.2">
      <c r="A684" s="17">
        <v>11580</v>
      </c>
      <c r="B684" s="17"/>
      <c r="C684" s="17"/>
      <c r="D684" s="18" t="s">
        <v>350</v>
      </c>
      <c r="E684" s="18"/>
      <c r="F684" s="18"/>
      <c r="G684" s="18"/>
      <c r="H684" s="18"/>
      <c r="I684" s="18"/>
      <c r="J684" s="18"/>
      <c r="K684" s="18"/>
      <c r="L684" s="18"/>
      <c r="M684" s="18"/>
      <c r="N684" s="18"/>
      <c r="O684" s="18"/>
      <c r="P684" s="19">
        <v>130</v>
      </c>
      <c r="Q684" s="19"/>
      <c r="R684" s="19"/>
      <c r="S684" s="19"/>
      <c r="T684" s="19">
        <v>95</v>
      </c>
      <c r="U684" s="19"/>
      <c r="V684" s="19"/>
      <c r="W684" s="19"/>
      <c r="X684" s="19">
        <v>1</v>
      </c>
      <c r="Y684" s="19"/>
      <c r="Z684" s="19"/>
      <c r="AA684" s="19"/>
    </row>
    <row r="685" spans="1:27" s="1" customFormat="1" ht="11.1" customHeight="1" outlineLevel="2" x14ac:dyDescent="0.2">
      <c r="A685" s="17"/>
      <c r="B685" s="17"/>
      <c r="C685" s="17"/>
      <c r="D685" s="18"/>
      <c r="E685" s="18"/>
      <c r="F685" s="18"/>
      <c r="G685" s="18"/>
      <c r="H685" s="18"/>
      <c r="I685" s="18"/>
      <c r="J685" s="18"/>
      <c r="K685" s="18"/>
      <c r="L685" s="18"/>
      <c r="M685" s="18"/>
      <c r="N685" s="18"/>
      <c r="O685" s="18"/>
      <c r="P685" s="19"/>
      <c r="Q685" s="19"/>
      <c r="R685" s="19"/>
      <c r="S685" s="19"/>
      <c r="T685" s="19"/>
      <c r="U685" s="19"/>
      <c r="V685" s="19"/>
      <c r="W685" s="19"/>
      <c r="X685" s="19"/>
      <c r="Y685" s="19"/>
      <c r="Z685" s="19"/>
      <c r="AA685" s="19"/>
    </row>
    <row r="686" spans="1:27" s="1" customFormat="1" ht="11.1" customHeight="1" outlineLevel="2" x14ac:dyDescent="0.2">
      <c r="A686" s="17">
        <v>11581</v>
      </c>
      <c r="B686" s="17"/>
      <c r="C686" s="17"/>
      <c r="D686" s="18" t="s">
        <v>351</v>
      </c>
      <c r="E686" s="18"/>
      <c r="F686" s="18"/>
      <c r="G686" s="18"/>
      <c r="H686" s="18"/>
      <c r="I686" s="18"/>
      <c r="J686" s="18"/>
      <c r="K686" s="18"/>
      <c r="L686" s="18"/>
      <c r="M686" s="18"/>
      <c r="N686" s="18"/>
      <c r="O686" s="18"/>
      <c r="P686" s="19">
        <v>130</v>
      </c>
      <c r="Q686" s="19"/>
      <c r="R686" s="19"/>
      <c r="S686" s="19"/>
      <c r="T686" s="19">
        <v>95</v>
      </c>
      <c r="U686" s="19"/>
      <c r="V686" s="19"/>
      <c r="W686" s="19"/>
      <c r="X686" s="19">
        <v>1</v>
      </c>
      <c r="Y686" s="19"/>
      <c r="Z686" s="19"/>
      <c r="AA686" s="19"/>
    </row>
    <row r="687" spans="1:27" s="1" customFormat="1" ht="11.1" customHeight="1" outlineLevel="2" x14ac:dyDescent="0.2">
      <c r="A687" s="17"/>
      <c r="B687" s="17"/>
      <c r="C687" s="17"/>
      <c r="D687" s="18"/>
      <c r="E687" s="18"/>
      <c r="F687" s="18"/>
      <c r="G687" s="18"/>
      <c r="H687" s="18"/>
      <c r="I687" s="18"/>
      <c r="J687" s="18"/>
      <c r="K687" s="18"/>
      <c r="L687" s="18"/>
      <c r="M687" s="18"/>
      <c r="N687" s="18"/>
      <c r="O687" s="18"/>
      <c r="P687" s="19"/>
      <c r="Q687" s="19"/>
      <c r="R687" s="19"/>
      <c r="S687" s="19"/>
      <c r="T687" s="19"/>
      <c r="U687" s="19"/>
      <c r="V687" s="19"/>
      <c r="W687" s="19"/>
      <c r="X687" s="19"/>
      <c r="Y687" s="19"/>
      <c r="Z687" s="19"/>
      <c r="AA687" s="19"/>
    </row>
    <row r="688" spans="1:27" s="1" customFormat="1" ht="11.1" customHeight="1" outlineLevel="2" x14ac:dyDescent="0.2">
      <c r="A688" s="17">
        <v>16954</v>
      </c>
      <c r="B688" s="17"/>
      <c r="C688" s="17"/>
      <c r="D688" s="18" t="s">
        <v>352</v>
      </c>
      <c r="E688" s="18"/>
      <c r="F688" s="18"/>
      <c r="G688" s="18"/>
      <c r="H688" s="18"/>
      <c r="I688" s="18"/>
      <c r="J688" s="18"/>
      <c r="K688" s="18"/>
      <c r="L688" s="18"/>
      <c r="M688" s="18"/>
      <c r="N688" s="18"/>
      <c r="O688" s="18"/>
      <c r="P688" s="19">
        <v>150</v>
      </c>
      <c r="Q688" s="19"/>
      <c r="R688" s="19"/>
      <c r="S688" s="19"/>
      <c r="T688" s="19">
        <v>90</v>
      </c>
      <c r="U688" s="19"/>
      <c r="V688" s="19"/>
      <c r="W688" s="19"/>
      <c r="X688" s="19">
        <v>1</v>
      </c>
      <c r="Y688" s="19"/>
      <c r="Z688" s="19"/>
      <c r="AA688" s="19"/>
    </row>
    <row r="689" spans="1:27" s="1" customFormat="1" ht="11.1" customHeight="1" outlineLevel="2" x14ac:dyDescent="0.2">
      <c r="A689" s="17"/>
      <c r="B689" s="17"/>
      <c r="C689" s="17"/>
      <c r="D689" s="18"/>
      <c r="E689" s="18"/>
      <c r="F689" s="18"/>
      <c r="G689" s="18"/>
      <c r="H689" s="18"/>
      <c r="I689" s="18"/>
      <c r="J689" s="18"/>
      <c r="K689" s="18"/>
      <c r="L689" s="18"/>
      <c r="M689" s="18"/>
      <c r="N689" s="18"/>
      <c r="O689" s="18"/>
      <c r="P689" s="19"/>
      <c r="Q689" s="19"/>
      <c r="R689" s="19"/>
      <c r="S689" s="19"/>
      <c r="T689" s="19"/>
      <c r="U689" s="19"/>
      <c r="V689" s="19"/>
      <c r="W689" s="19"/>
      <c r="X689" s="19"/>
      <c r="Y689" s="19"/>
      <c r="Z689" s="19"/>
      <c r="AA689" s="19"/>
    </row>
    <row r="690" spans="1:27" s="1" customFormat="1" ht="11.1" customHeight="1" outlineLevel="2" x14ac:dyDescent="0.2">
      <c r="A690" s="17">
        <v>11579</v>
      </c>
      <c r="B690" s="17"/>
      <c r="C690" s="17"/>
      <c r="D690" s="18" t="s">
        <v>353</v>
      </c>
      <c r="E690" s="18"/>
      <c r="F690" s="18"/>
      <c r="G690" s="18"/>
      <c r="H690" s="18"/>
      <c r="I690" s="18"/>
      <c r="J690" s="18"/>
      <c r="K690" s="18"/>
      <c r="L690" s="18"/>
      <c r="M690" s="18"/>
      <c r="N690" s="18"/>
      <c r="O690" s="18"/>
      <c r="P690" s="19">
        <v>150</v>
      </c>
      <c r="Q690" s="19"/>
      <c r="R690" s="19"/>
      <c r="S690" s="19"/>
      <c r="T690" s="19">
        <v>95</v>
      </c>
      <c r="U690" s="19"/>
      <c r="V690" s="19"/>
      <c r="W690" s="19"/>
      <c r="X690" s="19">
        <v>2</v>
      </c>
      <c r="Y690" s="19"/>
      <c r="Z690" s="19"/>
      <c r="AA690" s="19"/>
    </row>
    <row r="691" spans="1:27" s="1" customFormat="1" ht="11.1" customHeight="1" outlineLevel="2" x14ac:dyDescent="0.2">
      <c r="A691" s="17"/>
      <c r="B691" s="17"/>
      <c r="C691" s="17"/>
      <c r="D691" s="18"/>
      <c r="E691" s="18"/>
      <c r="F691" s="18"/>
      <c r="G691" s="18"/>
      <c r="H691" s="18"/>
      <c r="I691" s="18"/>
      <c r="J691" s="18"/>
      <c r="K691" s="18"/>
      <c r="L691" s="18"/>
      <c r="M691" s="18"/>
      <c r="N691" s="18"/>
      <c r="O691" s="18"/>
      <c r="P691" s="19"/>
      <c r="Q691" s="19"/>
      <c r="R691" s="19"/>
      <c r="S691" s="19"/>
      <c r="T691" s="19"/>
      <c r="U691" s="19"/>
      <c r="V691" s="19"/>
      <c r="W691" s="19"/>
      <c r="X691" s="19"/>
      <c r="Y691" s="19"/>
      <c r="Z691" s="19"/>
      <c r="AA691" s="19"/>
    </row>
    <row r="692" spans="1:27" s="1" customFormat="1" ht="11.1" customHeight="1" outlineLevel="2" x14ac:dyDescent="0.2">
      <c r="A692" s="17">
        <v>13439</v>
      </c>
      <c r="B692" s="17"/>
      <c r="C692" s="17"/>
      <c r="D692" s="18" t="s">
        <v>354</v>
      </c>
      <c r="E692" s="18"/>
      <c r="F692" s="18"/>
      <c r="G692" s="18"/>
      <c r="H692" s="18"/>
      <c r="I692" s="18"/>
      <c r="J692" s="18"/>
      <c r="K692" s="18"/>
      <c r="L692" s="18"/>
      <c r="M692" s="18"/>
      <c r="N692" s="18"/>
      <c r="O692" s="18"/>
      <c r="P692" s="20">
        <v>4800</v>
      </c>
      <c r="Q692" s="20"/>
      <c r="R692" s="20"/>
      <c r="S692" s="20"/>
      <c r="T692" s="20">
        <v>4300</v>
      </c>
      <c r="U692" s="20"/>
      <c r="V692" s="20"/>
      <c r="W692" s="20"/>
      <c r="X692" s="19">
        <v>5</v>
      </c>
      <c r="Y692" s="19"/>
      <c r="Z692" s="19"/>
      <c r="AA692" s="19"/>
    </row>
    <row r="693" spans="1:27" s="1" customFormat="1" ht="11.1" customHeight="1" outlineLevel="2" x14ac:dyDescent="0.2">
      <c r="A693" s="17"/>
      <c r="B693" s="17"/>
      <c r="C693" s="17"/>
      <c r="D693" s="18"/>
      <c r="E693" s="18"/>
      <c r="F693" s="18"/>
      <c r="G693" s="18"/>
      <c r="H693" s="18"/>
      <c r="I693" s="18"/>
      <c r="J693" s="18"/>
      <c r="K693" s="18"/>
      <c r="L693" s="18"/>
      <c r="M693" s="18"/>
      <c r="N693" s="18"/>
      <c r="O693" s="18"/>
      <c r="P693" s="20"/>
      <c r="Q693" s="20"/>
      <c r="R693" s="20"/>
      <c r="S693" s="20"/>
      <c r="T693" s="20"/>
      <c r="U693" s="20"/>
      <c r="V693" s="20"/>
      <c r="W693" s="20"/>
      <c r="X693" s="19"/>
      <c r="Y693" s="19"/>
      <c r="Z693" s="19"/>
      <c r="AA693" s="19"/>
    </row>
    <row r="694" spans="1:27" s="1" customFormat="1" ht="11.1" customHeight="1" outlineLevel="2" x14ac:dyDescent="0.2">
      <c r="A694" s="17">
        <v>16956</v>
      </c>
      <c r="B694" s="17"/>
      <c r="C694" s="17"/>
      <c r="D694" s="18" t="s">
        <v>355</v>
      </c>
      <c r="E694" s="18"/>
      <c r="F694" s="18"/>
      <c r="G694" s="18"/>
      <c r="H694" s="18"/>
      <c r="I694" s="18"/>
      <c r="J694" s="18"/>
      <c r="K694" s="18"/>
      <c r="L694" s="18"/>
      <c r="M694" s="18"/>
      <c r="N694" s="18"/>
      <c r="O694" s="18"/>
      <c r="P694" s="20">
        <v>2900</v>
      </c>
      <c r="Q694" s="20"/>
      <c r="R694" s="20"/>
      <c r="S694" s="20"/>
      <c r="T694" s="20">
        <v>2500</v>
      </c>
      <c r="U694" s="20"/>
      <c r="V694" s="20"/>
      <c r="W694" s="20"/>
      <c r="X694" s="19">
        <v>1</v>
      </c>
      <c r="Y694" s="19"/>
      <c r="Z694" s="19"/>
      <c r="AA694" s="19"/>
    </row>
    <row r="695" spans="1:27" s="1" customFormat="1" ht="11.1" customHeight="1" outlineLevel="2" x14ac:dyDescent="0.2">
      <c r="A695" s="17"/>
      <c r="B695" s="17"/>
      <c r="C695" s="17"/>
      <c r="D695" s="18"/>
      <c r="E695" s="18"/>
      <c r="F695" s="18"/>
      <c r="G695" s="18"/>
      <c r="H695" s="18"/>
      <c r="I695" s="18"/>
      <c r="J695" s="18"/>
      <c r="K695" s="18"/>
      <c r="L695" s="18"/>
      <c r="M695" s="18"/>
      <c r="N695" s="18"/>
      <c r="O695" s="18"/>
      <c r="P695" s="20"/>
      <c r="Q695" s="20"/>
      <c r="R695" s="20"/>
      <c r="S695" s="20"/>
      <c r="T695" s="20"/>
      <c r="U695" s="20"/>
      <c r="V695" s="20"/>
      <c r="W695" s="20"/>
      <c r="X695" s="19"/>
      <c r="Y695" s="19"/>
      <c r="Z695" s="19"/>
      <c r="AA695" s="19"/>
    </row>
    <row r="696" spans="1:27" s="1" customFormat="1" ht="14.1" customHeight="1" outlineLevel="2" x14ac:dyDescent="0.2">
      <c r="A696" s="17">
        <v>11019</v>
      </c>
      <c r="B696" s="17"/>
      <c r="C696" s="17"/>
      <c r="D696" s="18" t="s">
        <v>356</v>
      </c>
      <c r="E696" s="18"/>
      <c r="F696" s="18"/>
      <c r="G696" s="18"/>
      <c r="H696" s="18"/>
      <c r="I696" s="18"/>
      <c r="J696" s="18"/>
      <c r="K696" s="18"/>
      <c r="L696" s="18"/>
      <c r="M696" s="18"/>
      <c r="N696" s="18"/>
      <c r="O696" s="18"/>
      <c r="P696" s="19">
        <v>990</v>
      </c>
      <c r="Q696" s="19"/>
      <c r="R696" s="19"/>
      <c r="S696" s="19"/>
      <c r="T696" s="19">
        <v>850</v>
      </c>
      <c r="U696" s="19"/>
      <c r="V696" s="19"/>
      <c r="W696" s="19"/>
      <c r="X696" s="19">
        <v>1</v>
      </c>
      <c r="Y696" s="19"/>
      <c r="Z696" s="19"/>
      <c r="AA696" s="19"/>
    </row>
    <row r="697" spans="1:27" s="1" customFormat="1" ht="14.1" customHeight="1" outlineLevel="2" x14ac:dyDescent="0.2">
      <c r="A697" s="17"/>
      <c r="B697" s="17"/>
      <c r="C697" s="17"/>
      <c r="D697" s="18"/>
      <c r="E697" s="18"/>
      <c r="F697" s="18"/>
      <c r="G697" s="18"/>
      <c r="H697" s="18"/>
      <c r="I697" s="18"/>
      <c r="J697" s="18"/>
      <c r="K697" s="18"/>
      <c r="L697" s="18"/>
      <c r="M697" s="18"/>
      <c r="N697" s="18"/>
      <c r="O697" s="18"/>
      <c r="P697" s="19"/>
      <c r="Q697" s="19"/>
      <c r="R697" s="19"/>
      <c r="S697" s="19"/>
      <c r="T697" s="19"/>
      <c r="U697" s="19"/>
      <c r="V697" s="19"/>
      <c r="W697" s="19"/>
      <c r="X697" s="19"/>
      <c r="Y697" s="19"/>
      <c r="Z697" s="19"/>
      <c r="AA697" s="19"/>
    </row>
    <row r="698" spans="1:27" s="1" customFormat="1" ht="14.1" customHeight="1" outlineLevel="2" x14ac:dyDescent="0.2">
      <c r="A698" s="17">
        <v>12573</v>
      </c>
      <c r="B698" s="17"/>
      <c r="C698" s="17"/>
      <c r="D698" s="18" t="s">
        <v>357</v>
      </c>
      <c r="E698" s="18"/>
      <c r="F698" s="18"/>
      <c r="G698" s="18"/>
      <c r="H698" s="18"/>
      <c r="I698" s="18"/>
      <c r="J698" s="18"/>
      <c r="K698" s="18"/>
      <c r="L698" s="18"/>
      <c r="M698" s="18"/>
      <c r="N698" s="18"/>
      <c r="O698" s="18"/>
      <c r="P698" s="19">
        <v>400</v>
      </c>
      <c r="Q698" s="19"/>
      <c r="R698" s="19"/>
      <c r="S698" s="19"/>
      <c r="T698" s="19">
        <v>340</v>
      </c>
      <c r="U698" s="19"/>
      <c r="V698" s="19"/>
      <c r="W698" s="19"/>
      <c r="X698" s="19">
        <v>11</v>
      </c>
      <c r="Y698" s="19"/>
      <c r="Z698" s="19"/>
      <c r="AA698" s="19"/>
    </row>
    <row r="699" spans="1:27" s="1" customFormat="1" ht="14.1" customHeight="1" outlineLevel="2" x14ac:dyDescent="0.2">
      <c r="A699" s="17"/>
      <c r="B699" s="17"/>
      <c r="C699" s="17"/>
      <c r="D699" s="18"/>
      <c r="E699" s="18"/>
      <c r="F699" s="18"/>
      <c r="G699" s="18"/>
      <c r="H699" s="18"/>
      <c r="I699" s="18"/>
      <c r="J699" s="18"/>
      <c r="K699" s="18"/>
      <c r="L699" s="18"/>
      <c r="M699" s="18"/>
      <c r="N699" s="18"/>
      <c r="O699" s="18"/>
      <c r="P699" s="19"/>
      <c r="Q699" s="19"/>
      <c r="R699" s="19"/>
      <c r="S699" s="19"/>
      <c r="T699" s="19"/>
      <c r="U699" s="19"/>
      <c r="V699" s="19"/>
      <c r="W699" s="19"/>
      <c r="X699" s="19"/>
      <c r="Y699" s="19"/>
      <c r="Z699" s="19"/>
      <c r="AA699" s="19"/>
    </row>
    <row r="700" spans="1:27" s="1" customFormat="1" ht="14.1" customHeight="1" outlineLevel="2" x14ac:dyDescent="0.2">
      <c r="A700" s="17">
        <v>12575</v>
      </c>
      <c r="B700" s="17"/>
      <c r="C700" s="17"/>
      <c r="D700" s="18" t="s">
        <v>358</v>
      </c>
      <c r="E700" s="18"/>
      <c r="F700" s="18"/>
      <c r="G700" s="18"/>
      <c r="H700" s="18"/>
      <c r="I700" s="18"/>
      <c r="J700" s="18"/>
      <c r="K700" s="18"/>
      <c r="L700" s="18"/>
      <c r="M700" s="18"/>
      <c r="N700" s="18"/>
      <c r="O700" s="18"/>
      <c r="P700" s="19">
        <v>400</v>
      </c>
      <c r="Q700" s="19"/>
      <c r="R700" s="19"/>
      <c r="S700" s="19"/>
      <c r="T700" s="19">
        <v>340</v>
      </c>
      <c r="U700" s="19"/>
      <c r="V700" s="19"/>
      <c r="W700" s="19"/>
      <c r="X700" s="19">
        <v>14</v>
      </c>
      <c r="Y700" s="19"/>
      <c r="Z700" s="19"/>
      <c r="AA700" s="19"/>
    </row>
    <row r="701" spans="1:27" s="1" customFormat="1" ht="14.1" customHeight="1" outlineLevel="2" x14ac:dyDescent="0.2">
      <c r="A701" s="17"/>
      <c r="B701" s="17"/>
      <c r="C701" s="17"/>
      <c r="D701" s="18"/>
      <c r="E701" s="18"/>
      <c r="F701" s="18"/>
      <c r="G701" s="18"/>
      <c r="H701" s="18"/>
      <c r="I701" s="18"/>
      <c r="J701" s="18"/>
      <c r="K701" s="18"/>
      <c r="L701" s="18"/>
      <c r="M701" s="18"/>
      <c r="N701" s="18"/>
      <c r="O701" s="18"/>
      <c r="P701" s="19"/>
      <c r="Q701" s="19"/>
      <c r="R701" s="19"/>
      <c r="S701" s="19"/>
      <c r="T701" s="19"/>
      <c r="U701" s="19"/>
      <c r="V701" s="19"/>
      <c r="W701" s="19"/>
      <c r="X701" s="19"/>
      <c r="Y701" s="19"/>
      <c r="Z701" s="19"/>
      <c r="AA701" s="19"/>
    </row>
    <row r="702" spans="1:27" s="1" customFormat="1" ht="14.1" customHeight="1" outlineLevel="2" x14ac:dyDescent="0.2">
      <c r="A702" s="17">
        <v>12574</v>
      </c>
      <c r="B702" s="17"/>
      <c r="C702" s="17"/>
      <c r="D702" s="18" t="s">
        <v>359</v>
      </c>
      <c r="E702" s="18"/>
      <c r="F702" s="18"/>
      <c r="G702" s="18"/>
      <c r="H702" s="18"/>
      <c r="I702" s="18"/>
      <c r="J702" s="18"/>
      <c r="K702" s="18"/>
      <c r="L702" s="18"/>
      <c r="M702" s="18"/>
      <c r="N702" s="18"/>
      <c r="O702" s="18"/>
      <c r="P702" s="19">
        <v>400</v>
      </c>
      <c r="Q702" s="19"/>
      <c r="R702" s="19"/>
      <c r="S702" s="19"/>
      <c r="T702" s="19">
        <v>340</v>
      </c>
      <c r="U702" s="19"/>
      <c r="V702" s="19"/>
      <c r="W702" s="19"/>
      <c r="X702" s="19">
        <v>12</v>
      </c>
      <c r="Y702" s="19"/>
      <c r="Z702" s="19"/>
      <c r="AA702" s="19"/>
    </row>
    <row r="703" spans="1:27" s="1" customFormat="1" ht="14.1" customHeight="1" outlineLevel="2" x14ac:dyDescent="0.2">
      <c r="A703" s="17"/>
      <c r="B703" s="17"/>
      <c r="C703" s="17"/>
      <c r="D703" s="18"/>
      <c r="E703" s="18"/>
      <c r="F703" s="18"/>
      <c r="G703" s="18"/>
      <c r="H703" s="18"/>
      <c r="I703" s="18"/>
      <c r="J703" s="18"/>
      <c r="K703" s="18"/>
      <c r="L703" s="18"/>
      <c r="M703" s="18"/>
      <c r="N703" s="18"/>
      <c r="O703" s="18"/>
      <c r="P703" s="19"/>
      <c r="Q703" s="19"/>
      <c r="R703" s="19"/>
      <c r="S703" s="19"/>
      <c r="T703" s="19"/>
      <c r="U703" s="19"/>
      <c r="V703" s="19"/>
      <c r="W703" s="19"/>
      <c r="X703" s="19"/>
      <c r="Y703" s="19"/>
      <c r="Z703" s="19"/>
      <c r="AA703" s="19"/>
    </row>
    <row r="704" spans="1:27" s="1" customFormat="1" ht="14.1" customHeight="1" outlineLevel="2" x14ac:dyDescent="0.2">
      <c r="A704" s="17">
        <v>12576</v>
      </c>
      <c r="B704" s="17"/>
      <c r="C704" s="17"/>
      <c r="D704" s="18" t="s">
        <v>360</v>
      </c>
      <c r="E704" s="18"/>
      <c r="F704" s="18"/>
      <c r="G704" s="18"/>
      <c r="H704" s="18"/>
      <c r="I704" s="18"/>
      <c r="J704" s="18"/>
      <c r="K704" s="18"/>
      <c r="L704" s="18"/>
      <c r="M704" s="18"/>
      <c r="N704" s="18"/>
      <c r="O704" s="18"/>
      <c r="P704" s="19">
        <v>400</v>
      </c>
      <c r="Q704" s="19"/>
      <c r="R704" s="19"/>
      <c r="S704" s="19"/>
      <c r="T704" s="19">
        <v>340</v>
      </c>
      <c r="U704" s="19"/>
      <c r="V704" s="19"/>
      <c r="W704" s="19"/>
      <c r="X704" s="19">
        <v>9</v>
      </c>
      <c r="Y704" s="19"/>
      <c r="Z704" s="19"/>
      <c r="AA704" s="19"/>
    </row>
    <row r="705" spans="1:27" s="1" customFormat="1" ht="14.1" customHeight="1" outlineLevel="2" x14ac:dyDescent="0.2">
      <c r="A705" s="17"/>
      <c r="B705" s="17"/>
      <c r="C705" s="17"/>
      <c r="D705" s="18"/>
      <c r="E705" s="18"/>
      <c r="F705" s="18"/>
      <c r="G705" s="18"/>
      <c r="H705" s="18"/>
      <c r="I705" s="18"/>
      <c r="J705" s="18"/>
      <c r="K705" s="18"/>
      <c r="L705" s="18"/>
      <c r="M705" s="18"/>
      <c r="N705" s="18"/>
      <c r="O705" s="18"/>
      <c r="P705" s="19"/>
      <c r="Q705" s="19"/>
      <c r="R705" s="19"/>
      <c r="S705" s="19"/>
      <c r="T705" s="19"/>
      <c r="U705" s="19"/>
      <c r="V705" s="19"/>
      <c r="W705" s="19"/>
      <c r="X705" s="19"/>
      <c r="Y705" s="19"/>
      <c r="Z705" s="19"/>
      <c r="AA705" s="19"/>
    </row>
    <row r="706" spans="1:27" s="1" customFormat="1" ht="14.1" customHeight="1" outlineLevel="2" x14ac:dyDescent="0.2">
      <c r="A706" s="17">
        <v>14068</v>
      </c>
      <c r="B706" s="17"/>
      <c r="C706" s="17"/>
      <c r="D706" s="18" t="s">
        <v>361</v>
      </c>
      <c r="E706" s="18"/>
      <c r="F706" s="18"/>
      <c r="G706" s="18"/>
      <c r="H706" s="18"/>
      <c r="I706" s="18"/>
      <c r="J706" s="18"/>
      <c r="K706" s="18"/>
      <c r="L706" s="18"/>
      <c r="M706" s="18"/>
      <c r="N706" s="18"/>
      <c r="O706" s="18"/>
      <c r="P706" s="19">
        <v>400</v>
      </c>
      <c r="Q706" s="19"/>
      <c r="R706" s="19"/>
      <c r="S706" s="19"/>
      <c r="T706" s="19">
        <v>340</v>
      </c>
      <c r="U706" s="19"/>
      <c r="V706" s="19"/>
      <c r="W706" s="19"/>
      <c r="X706" s="19">
        <v>10</v>
      </c>
      <c r="Y706" s="19"/>
      <c r="Z706" s="19"/>
      <c r="AA706" s="19"/>
    </row>
    <row r="707" spans="1:27" s="1" customFormat="1" ht="14.1" customHeight="1" outlineLevel="2" x14ac:dyDescent="0.2">
      <c r="A707" s="17"/>
      <c r="B707" s="17"/>
      <c r="C707" s="17"/>
      <c r="D707" s="18"/>
      <c r="E707" s="18"/>
      <c r="F707" s="18"/>
      <c r="G707" s="18"/>
      <c r="H707" s="18"/>
      <c r="I707" s="18"/>
      <c r="J707" s="18"/>
      <c r="K707" s="18"/>
      <c r="L707" s="18"/>
      <c r="M707" s="18"/>
      <c r="N707" s="18"/>
      <c r="O707" s="18"/>
      <c r="P707" s="19"/>
      <c r="Q707" s="19"/>
      <c r="R707" s="19"/>
      <c r="S707" s="19"/>
      <c r="T707" s="19"/>
      <c r="U707" s="19"/>
      <c r="V707" s="19"/>
      <c r="W707" s="19"/>
      <c r="X707" s="19"/>
      <c r="Y707" s="19"/>
      <c r="Z707" s="19"/>
      <c r="AA707" s="19"/>
    </row>
    <row r="708" spans="1:27" s="1" customFormat="1" ht="14.1" customHeight="1" outlineLevel="2" x14ac:dyDescent="0.2">
      <c r="A708" s="17">
        <v>12577</v>
      </c>
      <c r="B708" s="17"/>
      <c r="C708" s="17"/>
      <c r="D708" s="18" t="s">
        <v>362</v>
      </c>
      <c r="E708" s="18"/>
      <c r="F708" s="18"/>
      <c r="G708" s="18"/>
      <c r="H708" s="18"/>
      <c r="I708" s="18"/>
      <c r="J708" s="18"/>
      <c r="K708" s="18"/>
      <c r="L708" s="18"/>
      <c r="M708" s="18"/>
      <c r="N708" s="18"/>
      <c r="O708" s="18"/>
      <c r="P708" s="19">
        <v>400</v>
      </c>
      <c r="Q708" s="19"/>
      <c r="R708" s="19"/>
      <c r="S708" s="19"/>
      <c r="T708" s="19">
        <v>340</v>
      </c>
      <c r="U708" s="19"/>
      <c r="V708" s="19"/>
      <c r="W708" s="19"/>
      <c r="X708" s="19">
        <v>14</v>
      </c>
      <c r="Y708" s="19"/>
      <c r="Z708" s="19"/>
      <c r="AA708" s="19"/>
    </row>
    <row r="709" spans="1:27" s="1" customFormat="1" ht="14.1" customHeight="1" outlineLevel="2" x14ac:dyDescent="0.2">
      <c r="A709" s="17"/>
      <c r="B709" s="17"/>
      <c r="C709" s="17"/>
      <c r="D709" s="18"/>
      <c r="E709" s="18"/>
      <c r="F709" s="18"/>
      <c r="G709" s="18"/>
      <c r="H709" s="18"/>
      <c r="I709" s="18"/>
      <c r="J709" s="18"/>
      <c r="K709" s="18"/>
      <c r="L709" s="18"/>
      <c r="M709" s="18"/>
      <c r="N709" s="18"/>
      <c r="O709" s="18"/>
      <c r="P709" s="19"/>
      <c r="Q709" s="19"/>
      <c r="R709" s="19"/>
      <c r="S709" s="19"/>
      <c r="T709" s="19"/>
      <c r="U709" s="19"/>
      <c r="V709" s="19"/>
      <c r="W709" s="19"/>
      <c r="X709" s="19"/>
      <c r="Y709" s="19"/>
      <c r="Z709" s="19"/>
      <c r="AA709" s="19"/>
    </row>
    <row r="710" spans="1:27" s="1" customFormat="1" ht="14.1" customHeight="1" outlineLevel="2" x14ac:dyDescent="0.2">
      <c r="A710" s="17">
        <v>17069</v>
      </c>
      <c r="B710" s="17"/>
      <c r="C710" s="17"/>
      <c r="D710" s="18" t="s">
        <v>363</v>
      </c>
      <c r="E710" s="18"/>
      <c r="F710" s="18"/>
      <c r="G710" s="18"/>
      <c r="H710" s="18"/>
      <c r="I710" s="18"/>
      <c r="J710" s="18"/>
      <c r="K710" s="18"/>
      <c r="L710" s="18"/>
      <c r="M710" s="18"/>
      <c r="N710" s="18"/>
      <c r="O710" s="18"/>
      <c r="P710" s="20">
        <v>6500</v>
      </c>
      <c r="Q710" s="20"/>
      <c r="R710" s="20"/>
      <c r="S710" s="20"/>
      <c r="T710" s="20">
        <v>6000</v>
      </c>
      <c r="U710" s="20"/>
      <c r="V710" s="20"/>
      <c r="W710" s="20"/>
      <c r="X710" s="19">
        <v>1</v>
      </c>
      <c r="Y710" s="19"/>
      <c r="Z710" s="19"/>
      <c r="AA710" s="19"/>
    </row>
    <row r="711" spans="1:27" s="1" customFormat="1" ht="14.1" customHeight="1" outlineLevel="2" x14ac:dyDescent="0.2">
      <c r="A711" s="17"/>
      <c r="B711" s="17"/>
      <c r="C711" s="17"/>
      <c r="D711" s="18"/>
      <c r="E711" s="18"/>
      <c r="F711" s="18"/>
      <c r="G711" s="18"/>
      <c r="H711" s="18"/>
      <c r="I711" s="18"/>
      <c r="J711" s="18"/>
      <c r="K711" s="18"/>
      <c r="L711" s="18"/>
      <c r="M711" s="18"/>
      <c r="N711" s="18"/>
      <c r="O711" s="18"/>
      <c r="P711" s="20"/>
      <c r="Q711" s="20"/>
      <c r="R711" s="20"/>
      <c r="S711" s="20"/>
      <c r="T711" s="20"/>
      <c r="U711" s="20"/>
      <c r="V711" s="20"/>
      <c r="W711" s="20"/>
      <c r="X711" s="19"/>
      <c r="Y711" s="19"/>
      <c r="Z711" s="19"/>
      <c r="AA711" s="19"/>
    </row>
    <row r="712" spans="1:27" s="1" customFormat="1" ht="11.1" customHeight="1" outlineLevel="2" x14ac:dyDescent="0.2">
      <c r="A712" s="17">
        <v>14125</v>
      </c>
      <c r="B712" s="17"/>
      <c r="C712" s="17"/>
      <c r="D712" s="18" t="s">
        <v>364</v>
      </c>
      <c r="E712" s="18"/>
      <c r="F712" s="18"/>
      <c r="G712" s="18"/>
      <c r="H712" s="18"/>
      <c r="I712" s="18"/>
      <c r="J712" s="18"/>
      <c r="K712" s="18"/>
      <c r="L712" s="18"/>
      <c r="M712" s="18"/>
      <c r="N712" s="18"/>
      <c r="O712" s="18"/>
      <c r="P712" s="19">
        <v>250</v>
      </c>
      <c r="Q712" s="19"/>
      <c r="R712" s="19"/>
      <c r="S712" s="19"/>
      <c r="T712" s="19">
        <v>160</v>
      </c>
      <c r="U712" s="19"/>
      <c r="V712" s="19"/>
      <c r="W712" s="19"/>
      <c r="X712" s="19">
        <v>4</v>
      </c>
      <c r="Y712" s="19"/>
      <c r="Z712" s="19"/>
      <c r="AA712" s="19"/>
    </row>
    <row r="713" spans="1:27" s="1" customFormat="1" ht="11.1" customHeight="1" outlineLevel="2" x14ac:dyDescent="0.2">
      <c r="A713" s="17"/>
      <c r="B713" s="17"/>
      <c r="C713" s="17"/>
      <c r="D713" s="18"/>
      <c r="E713" s="18"/>
      <c r="F713" s="18"/>
      <c r="G713" s="18"/>
      <c r="H713" s="18"/>
      <c r="I713" s="18"/>
      <c r="J713" s="18"/>
      <c r="K713" s="18"/>
      <c r="L713" s="18"/>
      <c r="M713" s="18"/>
      <c r="N713" s="18"/>
      <c r="O713" s="18"/>
      <c r="P713" s="19"/>
      <c r="Q713" s="19"/>
      <c r="R713" s="19"/>
      <c r="S713" s="19"/>
      <c r="T713" s="19"/>
      <c r="U713" s="19"/>
      <c r="V713" s="19"/>
      <c r="W713" s="19"/>
      <c r="X713" s="19"/>
      <c r="Y713" s="19"/>
      <c r="Z713" s="19"/>
      <c r="AA713" s="19"/>
    </row>
    <row r="714" spans="1:27" s="1" customFormat="1" ht="11.1" customHeight="1" outlineLevel="2" x14ac:dyDescent="0.2">
      <c r="A714" s="17">
        <v>15260</v>
      </c>
      <c r="B714" s="17"/>
      <c r="C714" s="17"/>
      <c r="D714" s="18" t="s">
        <v>365</v>
      </c>
      <c r="E714" s="18"/>
      <c r="F714" s="18"/>
      <c r="G714" s="18"/>
      <c r="H714" s="18"/>
      <c r="I714" s="18"/>
      <c r="J714" s="18"/>
      <c r="K714" s="18"/>
      <c r="L714" s="18"/>
      <c r="M714" s="18"/>
      <c r="N714" s="18"/>
      <c r="O714" s="18"/>
      <c r="P714" s="20">
        <v>1300</v>
      </c>
      <c r="Q714" s="20"/>
      <c r="R714" s="20"/>
      <c r="S714" s="20"/>
      <c r="T714" s="20">
        <v>1200</v>
      </c>
      <c r="U714" s="20"/>
      <c r="V714" s="20"/>
      <c r="W714" s="20"/>
      <c r="X714" s="19">
        <v>2</v>
      </c>
      <c r="Y714" s="19"/>
      <c r="Z714" s="19"/>
      <c r="AA714" s="19"/>
    </row>
    <row r="715" spans="1:27" s="1" customFormat="1" ht="11.1" customHeight="1" outlineLevel="2" x14ac:dyDescent="0.2">
      <c r="A715" s="17"/>
      <c r="B715" s="17"/>
      <c r="C715" s="17"/>
      <c r="D715" s="18"/>
      <c r="E715" s="18"/>
      <c r="F715" s="18"/>
      <c r="G715" s="18"/>
      <c r="H715" s="18"/>
      <c r="I715" s="18"/>
      <c r="J715" s="18"/>
      <c r="K715" s="18"/>
      <c r="L715" s="18"/>
      <c r="M715" s="18"/>
      <c r="N715" s="18"/>
      <c r="O715" s="18"/>
      <c r="P715" s="20"/>
      <c r="Q715" s="20"/>
      <c r="R715" s="20"/>
      <c r="S715" s="20"/>
      <c r="T715" s="20"/>
      <c r="U715" s="20"/>
      <c r="V715" s="20"/>
      <c r="W715" s="20"/>
      <c r="X715" s="19"/>
      <c r="Y715" s="19"/>
      <c r="Z715" s="19"/>
      <c r="AA715" s="19"/>
    </row>
    <row r="716" spans="1:27" s="1" customFormat="1" ht="11.1" customHeight="1" outlineLevel="2" x14ac:dyDescent="0.2">
      <c r="A716" s="17">
        <v>11961</v>
      </c>
      <c r="B716" s="17"/>
      <c r="C716" s="17"/>
      <c r="D716" s="18" t="s">
        <v>366</v>
      </c>
      <c r="E716" s="18"/>
      <c r="F716" s="18"/>
      <c r="G716" s="18"/>
      <c r="H716" s="18"/>
      <c r="I716" s="18"/>
      <c r="J716" s="18"/>
      <c r="K716" s="18"/>
      <c r="L716" s="18"/>
      <c r="M716" s="18"/>
      <c r="N716" s="18"/>
      <c r="O716" s="18"/>
      <c r="P716" s="19">
        <v>40</v>
      </c>
      <c r="Q716" s="19"/>
      <c r="R716" s="19"/>
      <c r="S716" s="19"/>
      <c r="T716" s="19">
        <v>30</v>
      </c>
      <c r="U716" s="19"/>
      <c r="V716" s="19"/>
      <c r="W716" s="19"/>
      <c r="X716" s="19">
        <v>592</v>
      </c>
      <c r="Y716" s="19"/>
      <c r="Z716" s="19"/>
      <c r="AA716" s="19"/>
    </row>
    <row r="717" spans="1:27" s="1" customFormat="1" ht="11.1" customHeight="1" outlineLevel="2" x14ac:dyDescent="0.2">
      <c r="A717" s="17"/>
      <c r="B717" s="17"/>
      <c r="C717" s="17"/>
      <c r="D717" s="18"/>
      <c r="E717" s="18"/>
      <c r="F717" s="18"/>
      <c r="G717" s="18"/>
      <c r="H717" s="18"/>
      <c r="I717" s="18"/>
      <c r="J717" s="18"/>
      <c r="K717" s="18"/>
      <c r="L717" s="18"/>
      <c r="M717" s="18"/>
      <c r="N717" s="18"/>
      <c r="O717" s="18"/>
      <c r="P717" s="19"/>
      <c r="Q717" s="19"/>
      <c r="R717" s="19"/>
      <c r="S717" s="19"/>
      <c r="T717" s="19"/>
      <c r="U717" s="19"/>
      <c r="V717" s="19"/>
      <c r="W717" s="19"/>
      <c r="X717" s="19"/>
      <c r="Y717" s="19"/>
      <c r="Z717" s="19"/>
      <c r="AA717" s="19"/>
    </row>
    <row r="718" spans="1:27" s="1" customFormat="1" ht="14.1" customHeight="1" outlineLevel="2" x14ac:dyDescent="0.2">
      <c r="A718" s="17">
        <v>13817</v>
      </c>
      <c r="B718" s="17"/>
      <c r="C718" s="17"/>
      <c r="D718" s="18" t="s">
        <v>367</v>
      </c>
      <c r="E718" s="18"/>
      <c r="F718" s="18"/>
      <c r="G718" s="18"/>
      <c r="H718" s="18"/>
      <c r="I718" s="18"/>
      <c r="J718" s="18"/>
      <c r="K718" s="18"/>
      <c r="L718" s="18"/>
      <c r="M718" s="18"/>
      <c r="N718" s="18"/>
      <c r="O718" s="18"/>
      <c r="P718" s="19">
        <v>330</v>
      </c>
      <c r="Q718" s="19"/>
      <c r="R718" s="19"/>
      <c r="S718" s="19"/>
      <c r="T718" s="19">
        <v>230</v>
      </c>
      <c r="U718" s="19"/>
      <c r="V718" s="19"/>
      <c r="W718" s="19"/>
      <c r="X718" s="19">
        <v>16</v>
      </c>
      <c r="Y718" s="19"/>
      <c r="Z718" s="19"/>
      <c r="AA718" s="19"/>
    </row>
    <row r="719" spans="1:27" s="1" customFormat="1" ht="14.1" customHeight="1" outlineLevel="2" x14ac:dyDescent="0.2">
      <c r="A719" s="17"/>
      <c r="B719" s="17"/>
      <c r="C719" s="17"/>
      <c r="D719" s="18"/>
      <c r="E719" s="18"/>
      <c r="F719" s="18"/>
      <c r="G719" s="18"/>
      <c r="H719" s="18"/>
      <c r="I719" s="18"/>
      <c r="J719" s="18"/>
      <c r="K719" s="18"/>
      <c r="L719" s="18"/>
      <c r="M719" s="18"/>
      <c r="N719" s="18"/>
      <c r="O719" s="18"/>
      <c r="P719" s="19"/>
      <c r="Q719" s="19"/>
      <c r="R719" s="19"/>
      <c r="S719" s="19"/>
      <c r="T719" s="19"/>
      <c r="U719" s="19"/>
      <c r="V719" s="19"/>
      <c r="W719" s="19"/>
      <c r="X719" s="19"/>
      <c r="Y719" s="19"/>
      <c r="Z719" s="19"/>
      <c r="AA719" s="19"/>
    </row>
    <row r="720" spans="1:27" s="1" customFormat="1" ht="11.1" customHeight="1" outlineLevel="2" x14ac:dyDescent="0.2">
      <c r="A720" s="17">
        <v>15346</v>
      </c>
      <c r="B720" s="17"/>
      <c r="C720" s="17"/>
      <c r="D720" s="18" t="s">
        <v>368</v>
      </c>
      <c r="E720" s="18"/>
      <c r="F720" s="18"/>
      <c r="G720" s="18"/>
      <c r="H720" s="18"/>
      <c r="I720" s="18"/>
      <c r="J720" s="18"/>
      <c r="K720" s="18"/>
      <c r="L720" s="18"/>
      <c r="M720" s="18"/>
      <c r="N720" s="18"/>
      <c r="O720" s="18"/>
      <c r="P720" s="19">
        <v>310</v>
      </c>
      <c r="Q720" s="19"/>
      <c r="R720" s="19"/>
      <c r="S720" s="19"/>
      <c r="T720" s="19">
        <v>250</v>
      </c>
      <c r="U720" s="19"/>
      <c r="V720" s="19"/>
      <c r="W720" s="19"/>
      <c r="X720" s="19">
        <v>5</v>
      </c>
      <c r="Y720" s="19"/>
      <c r="Z720" s="19"/>
      <c r="AA720" s="19"/>
    </row>
    <row r="721" spans="1:27" s="1" customFormat="1" ht="11.1" customHeight="1" outlineLevel="2" x14ac:dyDescent="0.2">
      <c r="A721" s="17"/>
      <c r="B721" s="17"/>
      <c r="C721" s="17"/>
      <c r="D721" s="18"/>
      <c r="E721" s="18"/>
      <c r="F721" s="18"/>
      <c r="G721" s="18"/>
      <c r="H721" s="18"/>
      <c r="I721" s="18"/>
      <c r="J721" s="18"/>
      <c r="K721" s="18"/>
      <c r="L721" s="18"/>
      <c r="M721" s="18"/>
      <c r="N721" s="18"/>
      <c r="O721" s="18"/>
      <c r="P721" s="19"/>
      <c r="Q721" s="19"/>
      <c r="R721" s="19"/>
      <c r="S721" s="19"/>
      <c r="T721" s="19"/>
      <c r="U721" s="19"/>
      <c r="V721" s="19"/>
      <c r="W721" s="19"/>
      <c r="X721" s="19"/>
      <c r="Y721" s="19"/>
      <c r="Z721" s="19"/>
      <c r="AA721" s="19"/>
    </row>
    <row r="722" spans="1:27" s="1" customFormat="1" ht="14.1" customHeight="1" outlineLevel="2" x14ac:dyDescent="0.2">
      <c r="A722" s="17">
        <v>16958</v>
      </c>
      <c r="B722" s="17"/>
      <c r="C722" s="17"/>
      <c r="D722" s="18" t="s">
        <v>369</v>
      </c>
      <c r="E722" s="18"/>
      <c r="F722" s="18"/>
      <c r="G722" s="18"/>
      <c r="H722" s="18"/>
      <c r="I722" s="18"/>
      <c r="J722" s="18"/>
      <c r="K722" s="18"/>
      <c r="L722" s="18"/>
      <c r="M722" s="18"/>
      <c r="N722" s="18"/>
      <c r="O722" s="18"/>
      <c r="P722" s="20">
        <v>1500</v>
      </c>
      <c r="Q722" s="20"/>
      <c r="R722" s="20"/>
      <c r="S722" s="20"/>
      <c r="T722" s="20">
        <v>1200</v>
      </c>
      <c r="U722" s="20"/>
      <c r="V722" s="20"/>
      <c r="W722" s="20"/>
      <c r="X722" s="19">
        <v>2</v>
      </c>
      <c r="Y722" s="19"/>
      <c r="Z722" s="19"/>
      <c r="AA722" s="19"/>
    </row>
    <row r="723" spans="1:27" s="1" customFormat="1" ht="14.1" customHeight="1" outlineLevel="2" x14ac:dyDescent="0.2">
      <c r="A723" s="17"/>
      <c r="B723" s="17"/>
      <c r="C723" s="17"/>
      <c r="D723" s="18"/>
      <c r="E723" s="18"/>
      <c r="F723" s="18"/>
      <c r="G723" s="18"/>
      <c r="H723" s="18"/>
      <c r="I723" s="18"/>
      <c r="J723" s="18"/>
      <c r="K723" s="18"/>
      <c r="L723" s="18"/>
      <c r="M723" s="18"/>
      <c r="N723" s="18"/>
      <c r="O723" s="18"/>
      <c r="P723" s="20"/>
      <c r="Q723" s="20"/>
      <c r="R723" s="20"/>
      <c r="S723" s="20"/>
      <c r="T723" s="20"/>
      <c r="U723" s="20"/>
      <c r="V723" s="20"/>
      <c r="W723" s="20"/>
      <c r="X723" s="19"/>
      <c r="Y723" s="19"/>
      <c r="Z723" s="19"/>
      <c r="AA723" s="19"/>
    </row>
    <row r="724" spans="1:27" s="1" customFormat="1" ht="11.1" customHeight="1" outlineLevel="1" x14ac:dyDescent="0.2">
      <c r="A724" s="16" t="s">
        <v>370</v>
      </c>
      <c r="B724" s="16"/>
      <c r="C724" s="16"/>
      <c r="D724" s="16"/>
      <c r="E724" s="16"/>
      <c r="F724" s="16"/>
      <c r="G724" s="16"/>
      <c r="H724" s="16"/>
      <c r="I724" s="16"/>
      <c r="J724" s="16"/>
      <c r="K724" s="16"/>
      <c r="L724" s="16"/>
      <c r="M724" s="16"/>
      <c r="N724" s="16"/>
      <c r="O724" s="16"/>
      <c r="P724" s="16"/>
      <c r="Q724" s="16"/>
      <c r="R724" s="16"/>
      <c r="S724" s="16"/>
      <c r="T724" s="16"/>
      <c r="U724" s="16"/>
      <c r="V724" s="16"/>
      <c r="W724" s="16"/>
      <c r="X724" s="16"/>
      <c r="Y724" s="16"/>
      <c r="Z724" s="16"/>
      <c r="AA724" s="16"/>
    </row>
    <row r="725" spans="1:27" s="1" customFormat="1" ht="11.1" customHeight="1" outlineLevel="1" x14ac:dyDescent="0.2">
      <c r="A725" s="16"/>
      <c r="B725" s="16"/>
      <c r="C725" s="16"/>
      <c r="D725" s="16"/>
      <c r="E725" s="16"/>
      <c r="F725" s="16"/>
      <c r="G725" s="16"/>
      <c r="H725" s="16"/>
      <c r="I725" s="16"/>
      <c r="J725" s="16"/>
      <c r="K725" s="16"/>
      <c r="L725" s="16"/>
      <c r="M725" s="16"/>
      <c r="N725" s="16"/>
      <c r="O725" s="16"/>
      <c r="P725" s="16"/>
      <c r="Q725" s="16"/>
      <c r="R725" s="16"/>
      <c r="S725" s="16"/>
      <c r="T725" s="16"/>
      <c r="U725" s="16"/>
      <c r="V725" s="16"/>
      <c r="W725" s="16"/>
      <c r="X725" s="16"/>
      <c r="Y725" s="16"/>
      <c r="Z725" s="16"/>
      <c r="AA725" s="16"/>
    </row>
    <row r="726" spans="1:27" s="1" customFormat="1" ht="11.1" customHeight="1" outlineLevel="2" x14ac:dyDescent="0.2">
      <c r="A726" s="17">
        <v>16378</v>
      </c>
      <c r="B726" s="17"/>
      <c r="C726" s="17"/>
      <c r="D726" s="18" t="s">
        <v>371</v>
      </c>
      <c r="E726" s="18"/>
      <c r="F726" s="18"/>
      <c r="G726" s="18"/>
      <c r="H726" s="18"/>
      <c r="I726" s="18"/>
      <c r="J726" s="18"/>
      <c r="K726" s="18"/>
      <c r="L726" s="18"/>
      <c r="M726" s="18"/>
      <c r="N726" s="18"/>
      <c r="O726" s="18"/>
      <c r="P726" s="20">
        <v>1100</v>
      </c>
      <c r="Q726" s="20"/>
      <c r="R726" s="20"/>
      <c r="S726" s="20"/>
      <c r="T726" s="19">
        <v>890</v>
      </c>
      <c r="U726" s="19"/>
      <c r="V726" s="19"/>
      <c r="W726" s="19"/>
      <c r="X726" s="19">
        <v>9</v>
      </c>
      <c r="Y726" s="19"/>
      <c r="Z726" s="19"/>
      <c r="AA726" s="19"/>
    </row>
    <row r="727" spans="1:27" s="1" customFormat="1" ht="11.1" customHeight="1" outlineLevel="2" x14ac:dyDescent="0.2">
      <c r="A727" s="17"/>
      <c r="B727" s="17"/>
      <c r="C727" s="17"/>
      <c r="D727" s="18"/>
      <c r="E727" s="18"/>
      <c r="F727" s="18"/>
      <c r="G727" s="18"/>
      <c r="H727" s="18"/>
      <c r="I727" s="18"/>
      <c r="J727" s="18"/>
      <c r="K727" s="18"/>
      <c r="L727" s="18"/>
      <c r="M727" s="18"/>
      <c r="N727" s="18"/>
      <c r="O727" s="18"/>
      <c r="P727" s="20"/>
      <c r="Q727" s="20"/>
      <c r="R727" s="20"/>
      <c r="S727" s="20"/>
      <c r="T727" s="19"/>
      <c r="U727" s="19"/>
      <c r="V727" s="19"/>
      <c r="W727" s="19"/>
      <c r="X727" s="19"/>
      <c r="Y727" s="19"/>
      <c r="Z727" s="19"/>
      <c r="AA727" s="19"/>
    </row>
    <row r="728" spans="1:27" s="1" customFormat="1" ht="11.1" customHeight="1" outlineLevel="2" x14ac:dyDescent="0.2">
      <c r="A728" s="17">
        <v>15171</v>
      </c>
      <c r="B728" s="17"/>
      <c r="C728" s="17"/>
      <c r="D728" s="18" t="s">
        <v>372</v>
      </c>
      <c r="E728" s="18"/>
      <c r="F728" s="18"/>
      <c r="G728" s="18"/>
      <c r="H728" s="18"/>
      <c r="I728" s="18"/>
      <c r="J728" s="18"/>
      <c r="K728" s="18"/>
      <c r="L728" s="18"/>
      <c r="M728" s="18"/>
      <c r="N728" s="18"/>
      <c r="O728" s="18"/>
      <c r="P728" s="20">
        <v>1210</v>
      </c>
      <c r="Q728" s="20"/>
      <c r="R728" s="20"/>
      <c r="S728" s="20"/>
      <c r="T728" s="20">
        <v>1070</v>
      </c>
      <c r="U728" s="20"/>
      <c r="V728" s="20"/>
      <c r="W728" s="20"/>
      <c r="X728" s="19">
        <v>3</v>
      </c>
      <c r="Y728" s="19"/>
      <c r="Z728" s="19"/>
      <c r="AA728" s="19"/>
    </row>
    <row r="729" spans="1:27" s="1" customFormat="1" ht="11.1" customHeight="1" outlineLevel="2" x14ac:dyDescent="0.2">
      <c r="A729" s="17"/>
      <c r="B729" s="17"/>
      <c r="C729" s="17"/>
      <c r="D729" s="18"/>
      <c r="E729" s="18"/>
      <c r="F729" s="18"/>
      <c r="G729" s="18"/>
      <c r="H729" s="18"/>
      <c r="I729" s="18"/>
      <c r="J729" s="18"/>
      <c r="K729" s="18"/>
      <c r="L729" s="18"/>
      <c r="M729" s="18"/>
      <c r="N729" s="18"/>
      <c r="O729" s="18"/>
      <c r="P729" s="20"/>
      <c r="Q729" s="20"/>
      <c r="R729" s="20"/>
      <c r="S729" s="20"/>
      <c r="T729" s="20"/>
      <c r="U729" s="20"/>
      <c r="V729" s="20"/>
      <c r="W729" s="20"/>
      <c r="X729" s="19"/>
      <c r="Y729" s="19"/>
      <c r="Z729" s="19"/>
      <c r="AA729" s="19"/>
    </row>
    <row r="730" spans="1:27" s="1" customFormat="1" ht="11.1" customHeight="1" outlineLevel="2" x14ac:dyDescent="0.2">
      <c r="A730" s="17">
        <v>12494</v>
      </c>
      <c r="B730" s="17"/>
      <c r="C730" s="17"/>
      <c r="D730" s="18" t="s">
        <v>373</v>
      </c>
      <c r="E730" s="18"/>
      <c r="F730" s="18"/>
      <c r="G730" s="18"/>
      <c r="H730" s="18"/>
      <c r="I730" s="18"/>
      <c r="J730" s="18"/>
      <c r="K730" s="18"/>
      <c r="L730" s="18"/>
      <c r="M730" s="18"/>
      <c r="N730" s="18"/>
      <c r="O730" s="18"/>
      <c r="P730" s="20">
        <v>2200</v>
      </c>
      <c r="Q730" s="20"/>
      <c r="R730" s="20"/>
      <c r="S730" s="20"/>
      <c r="T730" s="20">
        <v>1980</v>
      </c>
      <c r="U730" s="20"/>
      <c r="V730" s="20"/>
      <c r="W730" s="20"/>
      <c r="X730" s="19">
        <v>1</v>
      </c>
      <c r="Y730" s="19"/>
      <c r="Z730" s="19"/>
      <c r="AA730" s="19"/>
    </row>
    <row r="731" spans="1:27" s="1" customFormat="1" ht="11.1" customHeight="1" outlineLevel="2" x14ac:dyDescent="0.2">
      <c r="A731" s="17"/>
      <c r="B731" s="17"/>
      <c r="C731" s="17"/>
      <c r="D731" s="18"/>
      <c r="E731" s="18"/>
      <c r="F731" s="18"/>
      <c r="G731" s="18"/>
      <c r="H731" s="18"/>
      <c r="I731" s="18"/>
      <c r="J731" s="18"/>
      <c r="K731" s="18"/>
      <c r="L731" s="18"/>
      <c r="M731" s="18"/>
      <c r="N731" s="18"/>
      <c r="O731" s="18"/>
      <c r="P731" s="20"/>
      <c r="Q731" s="20"/>
      <c r="R731" s="20"/>
      <c r="S731" s="20"/>
      <c r="T731" s="20"/>
      <c r="U731" s="20"/>
      <c r="V731" s="20"/>
      <c r="W731" s="20"/>
      <c r="X731" s="19"/>
      <c r="Y731" s="19"/>
      <c r="Z731" s="19"/>
      <c r="AA731" s="19"/>
    </row>
    <row r="732" spans="1:27" s="1" customFormat="1" ht="11.1" customHeight="1" outlineLevel="2" x14ac:dyDescent="0.2">
      <c r="A732" s="17">
        <v>12638</v>
      </c>
      <c r="B732" s="17"/>
      <c r="C732" s="17"/>
      <c r="D732" s="18" t="s">
        <v>374</v>
      </c>
      <c r="E732" s="18"/>
      <c r="F732" s="18"/>
      <c r="G732" s="18"/>
      <c r="H732" s="18"/>
      <c r="I732" s="18"/>
      <c r="J732" s="18"/>
      <c r="K732" s="18"/>
      <c r="L732" s="18"/>
      <c r="M732" s="18"/>
      <c r="N732" s="18"/>
      <c r="O732" s="18"/>
      <c r="P732" s="20">
        <v>2200</v>
      </c>
      <c r="Q732" s="20"/>
      <c r="R732" s="20"/>
      <c r="S732" s="20"/>
      <c r="T732" s="20">
        <v>2000</v>
      </c>
      <c r="U732" s="20"/>
      <c r="V732" s="20"/>
      <c r="W732" s="20"/>
      <c r="X732" s="19">
        <v>1</v>
      </c>
      <c r="Y732" s="19"/>
      <c r="Z732" s="19"/>
      <c r="AA732" s="19"/>
    </row>
    <row r="733" spans="1:27" s="1" customFormat="1" ht="11.1" customHeight="1" outlineLevel="2" x14ac:dyDescent="0.2">
      <c r="A733" s="17"/>
      <c r="B733" s="17"/>
      <c r="C733" s="17"/>
      <c r="D733" s="18"/>
      <c r="E733" s="18"/>
      <c r="F733" s="18"/>
      <c r="G733" s="18"/>
      <c r="H733" s="18"/>
      <c r="I733" s="18"/>
      <c r="J733" s="18"/>
      <c r="K733" s="18"/>
      <c r="L733" s="18"/>
      <c r="M733" s="18"/>
      <c r="N733" s="18"/>
      <c r="O733" s="18"/>
      <c r="P733" s="20"/>
      <c r="Q733" s="20"/>
      <c r="R733" s="20"/>
      <c r="S733" s="20"/>
      <c r="T733" s="20"/>
      <c r="U733" s="20"/>
      <c r="V733" s="20"/>
      <c r="W733" s="20"/>
      <c r="X733" s="19"/>
      <c r="Y733" s="19"/>
      <c r="Z733" s="19"/>
      <c r="AA733" s="19"/>
    </row>
    <row r="734" spans="1:27" s="1" customFormat="1" ht="11.1" customHeight="1" outlineLevel="2" x14ac:dyDescent="0.2">
      <c r="A734" s="17">
        <v>15303</v>
      </c>
      <c r="B734" s="17"/>
      <c r="C734" s="17"/>
      <c r="D734" s="18" t="s">
        <v>375</v>
      </c>
      <c r="E734" s="18"/>
      <c r="F734" s="18"/>
      <c r="G734" s="18"/>
      <c r="H734" s="18"/>
      <c r="I734" s="18"/>
      <c r="J734" s="18"/>
      <c r="K734" s="18"/>
      <c r="L734" s="18"/>
      <c r="M734" s="18"/>
      <c r="N734" s="18"/>
      <c r="O734" s="18"/>
      <c r="P734" s="19">
        <v>680</v>
      </c>
      <c r="Q734" s="19"/>
      <c r="R734" s="19"/>
      <c r="S734" s="19"/>
      <c r="T734" s="19">
        <v>550</v>
      </c>
      <c r="U734" s="19"/>
      <c r="V734" s="19"/>
      <c r="W734" s="19"/>
      <c r="X734" s="19">
        <v>10</v>
      </c>
      <c r="Y734" s="19"/>
      <c r="Z734" s="19"/>
      <c r="AA734" s="19"/>
    </row>
    <row r="735" spans="1:27" s="1" customFormat="1" ht="11.1" customHeight="1" outlineLevel="2" x14ac:dyDescent="0.2">
      <c r="A735" s="17"/>
      <c r="B735" s="17"/>
      <c r="C735" s="17"/>
      <c r="D735" s="18"/>
      <c r="E735" s="18"/>
      <c r="F735" s="18"/>
      <c r="G735" s="18"/>
      <c r="H735" s="18"/>
      <c r="I735" s="18"/>
      <c r="J735" s="18"/>
      <c r="K735" s="18"/>
      <c r="L735" s="18"/>
      <c r="M735" s="18"/>
      <c r="N735" s="18"/>
      <c r="O735" s="18"/>
      <c r="P735" s="19"/>
      <c r="Q735" s="19"/>
      <c r="R735" s="19"/>
      <c r="S735" s="19"/>
      <c r="T735" s="19"/>
      <c r="U735" s="19"/>
      <c r="V735" s="19"/>
      <c r="W735" s="19"/>
      <c r="X735" s="19"/>
      <c r="Y735" s="19"/>
      <c r="Z735" s="19"/>
      <c r="AA735" s="19"/>
    </row>
    <row r="736" spans="1:27" s="1" customFormat="1" ht="14.1" customHeight="1" outlineLevel="2" x14ac:dyDescent="0.2">
      <c r="A736" s="17">
        <v>12639</v>
      </c>
      <c r="B736" s="17"/>
      <c r="C736" s="17"/>
      <c r="D736" s="18" t="s">
        <v>376</v>
      </c>
      <c r="E736" s="18"/>
      <c r="F736" s="18"/>
      <c r="G736" s="18"/>
      <c r="H736" s="18"/>
      <c r="I736" s="18"/>
      <c r="J736" s="18"/>
      <c r="K736" s="18"/>
      <c r="L736" s="18"/>
      <c r="M736" s="18"/>
      <c r="N736" s="18"/>
      <c r="O736" s="18"/>
      <c r="P736" s="20">
        <v>4000</v>
      </c>
      <c r="Q736" s="20"/>
      <c r="R736" s="20"/>
      <c r="S736" s="20"/>
      <c r="T736" s="20">
        <v>3600</v>
      </c>
      <c r="U736" s="20"/>
      <c r="V736" s="20"/>
      <c r="W736" s="20"/>
      <c r="X736" s="19">
        <v>1</v>
      </c>
      <c r="Y736" s="19"/>
      <c r="Z736" s="19"/>
      <c r="AA736" s="19"/>
    </row>
    <row r="737" spans="1:27" s="1" customFormat="1" ht="14.1" customHeight="1" outlineLevel="2" x14ac:dyDescent="0.2">
      <c r="A737" s="17"/>
      <c r="B737" s="17"/>
      <c r="C737" s="17"/>
      <c r="D737" s="18"/>
      <c r="E737" s="18"/>
      <c r="F737" s="18"/>
      <c r="G737" s="18"/>
      <c r="H737" s="18"/>
      <c r="I737" s="18"/>
      <c r="J737" s="18"/>
      <c r="K737" s="18"/>
      <c r="L737" s="18"/>
      <c r="M737" s="18"/>
      <c r="N737" s="18"/>
      <c r="O737" s="18"/>
      <c r="P737" s="20"/>
      <c r="Q737" s="20"/>
      <c r="R737" s="20"/>
      <c r="S737" s="20"/>
      <c r="T737" s="20"/>
      <c r="U737" s="20"/>
      <c r="V737" s="20"/>
      <c r="W737" s="20"/>
      <c r="X737" s="19"/>
      <c r="Y737" s="19"/>
      <c r="Z737" s="19"/>
      <c r="AA737" s="19"/>
    </row>
    <row r="738" spans="1:27" s="1" customFormat="1" ht="11.1" customHeight="1" outlineLevel="2" x14ac:dyDescent="0.2">
      <c r="A738" s="17">
        <v>12640</v>
      </c>
      <c r="B738" s="17"/>
      <c r="C738" s="17"/>
      <c r="D738" s="18" t="s">
        <v>377</v>
      </c>
      <c r="E738" s="18"/>
      <c r="F738" s="18"/>
      <c r="G738" s="18"/>
      <c r="H738" s="18"/>
      <c r="I738" s="18"/>
      <c r="J738" s="18"/>
      <c r="K738" s="18"/>
      <c r="L738" s="18"/>
      <c r="M738" s="18"/>
      <c r="N738" s="18"/>
      <c r="O738" s="18"/>
      <c r="P738" s="19">
        <v>900</v>
      </c>
      <c r="Q738" s="19"/>
      <c r="R738" s="19"/>
      <c r="S738" s="19"/>
      <c r="T738" s="19">
        <v>750</v>
      </c>
      <c r="U738" s="19"/>
      <c r="V738" s="19"/>
      <c r="W738" s="19"/>
      <c r="X738" s="19">
        <v>1</v>
      </c>
      <c r="Y738" s="19"/>
      <c r="Z738" s="19"/>
      <c r="AA738" s="19"/>
    </row>
    <row r="739" spans="1:27" s="1" customFormat="1" ht="11.1" customHeight="1" outlineLevel="2" x14ac:dyDescent="0.2">
      <c r="A739" s="17"/>
      <c r="B739" s="17"/>
      <c r="C739" s="17"/>
      <c r="D739" s="18"/>
      <c r="E739" s="18"/>
      <c r="F739" s="18"/>
      <c r="G739" s="18"/>
      <c r="H739" s="18"/>
      <c r="I739" s="18"/>
      <c r="J739" s="18"/>
      <c r="K739" s="18"/>
      <c r="L739" s="18"/>
      <c r="M739" s="18"/>
      <c r="N739" s="18"/>
      <c r="O739" s="18"/>
      <c r="P739" s="19"/>
      <c r="Q739" s="19"/>
      <c r="R739" s="19"/>
      <c r="S739" s="19"/>
      <c r="T739" s="19"/>
      <c r="U739" s="19"/>
      <c r="V739" s="19"/>
      <c r="W739" s="19"/>
      <c r="X739" s="19"/>
      <c r="Y739" s="19"/>
      <c r="Z739" s="19"/>
      <c r="AA739" s="19"/>
    </row>
    <row r="740" spans="1:27" s="1" customFormat="1" ht="11.1" customHeight="1" outlineLevel="2" x14ac:dyDescent="0.2">
      <c r="A740" s="17">
        <v>11589</v>
      </c>
      <c r="B740" s="17"/>
      <c r="C740" s="17"/>
      <c r="D740" s="18" t="s">
        <v>378</v>
      </c>
      <c r="E740" s="18"/>
      <c r="F740" s="18"/>
      <c r="G740" s="18"/>
      <c r="H740" s="18"/>
      <c r="I740" s="18"/>
      <c r="J740" s="18"/>
      <c r="K740" s="18"/>
      <c r="L740" s="18"/>
      <c r="M740" s="18"/>
      <c r="N740" s="18"/>
      <c r="O740" s="18"/>
      <c r="P740" s="19">
        <v>130</v>
      </c>
      <c r="Q740" s="19"/>
      <c r="R740" s="19"/>
      <c r="S740" s="19"/>
      <c r="T740" s="19">
        <v>95</v>
      </c>
      <c r="U740" s="19"/>
      <c r="V740" s="19"/>
      <c r="W740" s="19"/>
      <c r="X740" s="19">
        <v>1</v>
      </c>
      <c r="Y740" s="19"/>
      <c r="Z740" s="19"/>
      <c r="AA740" s="19"/>
    </row>
    <row r="741" spans="1:27" s="1" customFormat="1" ht="11.1" customHeight="1" outlineLevel="2" x14ac:dyDescent="0.2">
      <c r="A741" s="17"/>
      <c r="B741" s="17"/>
      <c r="C741" s="17"/>
      <c r="D741" s="18"/>
      <c r="E741" s="18"/>
      <c r="F741" s="18"/>
      <c r="G741" s="18"/>
      <c r="H741" s="18"/>
      <c r="I741" s="18"/>
      <c r="J741" s="18"/>
      <c r="K741" s="18"/>
      <c r="L741" s="18"/>
      <c r="M741" s="18"/>
      <c r="N741" s="18"/>
      <c r="O741" s="18"/>
      <c r="P741" s="19"/>
      <c r="Q741" s="19"/>
      <c r="R741" s="19"/>
      <c r="S741" s="19"/>
      <c r="T741" s="19"/>
      <c r="U741" s="19"/>
      <c r="V741" s="19"/>
      <c r="W741" s="19"/>
      <c r="X741" s="19"/>
      <c r="Y741" s="19"/>
      <c r="Z741" s="19"/>
      <c r="AA741" s="19"/>
    </row>
    <row r="742" spans="1:27" s="1" customFormat="1" ht="11.1" customHeight="1" outlineLevel="2" x14ac:dyDescent="0.2">
      <c r="A742" s="17">
        <v>11590</v>
      </c>
      <c r="B742" s="17"/>
      <c r="C742" s="17"/>
      <c r="D742" s="18" t="s">
        <v>379</v>
      </c>
      <c r="E742" s="18"/>
      <c r="F742" s="18"/>
      <c r="G742" s="18"/>
      <c r="H742" s="18"/>
      <c r="I742" s="18"/>
      <c r="J742" s="18"/>
      <c r="K742" s="18"/>
      <c r="L742" s="18"/>
      <c r="M742" s="18"/>
      <c r="N742" s="18"/>
      <c r="O742" s="18"/>
      <c r="P742" s="19">
        <v>130</v>
      </c>
      <c r="Q742" s="19"/>
      <c r="R742" s="19"/>
      <c r="S742" s="19"/>
      <c r="T742" s="19">
        <v>95</v>
      </c>
      <c r="U742" s="19"/>
      <c r="V742" s="19"/>
      <c r="W742" s="19"/>
      <c r="X742" s="19">
        <v>1</v>
      </c>
      <c r="Y742" s="19"/>
      <c r="Z742" s="19"/>
      <c r="AA742" s="19"/>
    </row>
    <row r="743" spans="1:27" s="1" customFormat="1" ht="11.1" customHeight="1" outlineLevel="2" x14ac:dyDescent="0.2">
      <c r="A743" s="17"/>
      <c r="B743" s="17"/>
      <c r="C743" s="17"/>
      <c r="D743" s="18"/>
      <c r="E743" s="18"/>
      <c r="F743" s="18"/>
      <c r="G743" s="18"/>
      <c r="H743" s="18"/>
      <c r="I743" s="18"/>
      <c r="J743" s="18"/>
      <c r="K743" s="18"/>
      <c r="L743" s="18"/>
      <c r="M743" s="18"/>
      <c r="N743" s="18"/>
      <c r="O743" s="18"/>
      <c r="P743" s="19"/>
      <c r="Q743" s="19"/>
      <c r="R743" s="19"/>
      <c r="S743" s="19"/>
      <c r="T743" s="19"/>
      <c r="U743" s="19"/>
      <c r="V743" s="19"/>
      <c r="W743" s="19"/>
      <c r="X743" s="19"/>
      <c r="Y743" s="19"/>
      <c r="Z743" s="19"/>
      <c r="AA743" s="19"/>
    </row>
    <row r="744" spans="1:27" s="1" customFormat="1" ht="11.1" customHeight="1" outlineLevel="2" x14ac:dyDescent="0.2">
      <c r="A744" s="17">
        <v>11591</v>
      </c>
      <c r="B744" s="17"/>
      <c r="C744" s="17"/>
      <c r="D744" s="18" t="s">
        <v>380</v>
      </c>
      <c r="E744" s="18"/>
      <c r="F744" s="18"/>
      <c r="G744" s="18"/>
      <c r="H744" s="18"/>
      <c r="I744" s="18"/>
      <c r="J744" s="18"/>
      <c r="K744" s="18"/>
      <c r="L744" s="18"/>
      <c r="M744" s="18"/>
      <c r="N744" s="18"/>
      <c r="O744" s="18"/>
      <c r="P744" s="19">
        <v>130</v>
      </c>
      <c r="Q744" s="19"/>
      <c r="R744" s="19"/>
      <c r="S744" s="19"/>
      <c r="T744" s="19">
        <v>95</v>
      </c>
      <c r="U744" s="19"/>
      <c r="V744" s="19"/>
      <c r="W744" s="19"/>
      <c r="X744" s="19">
        <v>1</v>
      </c>
      <c r="Y744" s="19"/>
      <c r="Z744" s="19"/>
      <c r="AA744" s="19"/>
    </row>
    <row r="745" spans="1:27" s="1" customFormat="1" ht="11.1" customHeight="1" outlineLevel="2" x14ac:dyDescent="0.2">
      <c r="A745" s="17"/>
      <c r="B745" s="17"/>
      <c r="C745" s="17"/>
      <c r="D745" s="18"/>
      <c r="E745" s="18"/>
      <c r="F745" s="18"/>
      <c r="G745" s="18"/>
      <c r="H745" s="18"/>
      <c r="I745" s="18"/>
      <c r="J745" s="18"/>
      <c r="K745" s="18"/>
      <c r="L745" s="18"/>
      <c r="M745" s="18"/>
      <c r="N745" s="18"/>
      <c r="O745" s="18"/>
      <c r="P745" s="19"/>
      <c r="Q745" s="19"/>
      <c r="R745" s="19"/>
      <c r="S745" s="19"/>
      <c r="T745" s="19"/>
      <c r="U745" s="19"/>
      <c r="V745" s="19"/>
      <c r="W745" s="19"/>
      <c r="X745" s="19"/>
      <c r="Y745" s="19"/>
      <c r="Z745" s="19"/>
      <c r="AA745" s="19"/>
    </row>
    <row r="746" spans="1:27" s="1" customFormat="1" ht="11.1" customHeight="1" outlineLevel="2" x14ac:dyDescent="0.2">
      <c r="A746" s="17">
        <v>11588</v>
      </c>
      <c r="B746" s="17"/>
      <c r="C746" s="17"/>
      <c r="D746" s="18" t="s">
        <v>381</v>
      </c>
      <c r="E746" s="18"/>
      <c r="F746" s="18"/>
      <c r="G746" s="18"/>
      <c r="H746" s="18"/>
      <c r="I746" s="18"/>
      <c r="J746" s="18"/>
      <c r="K746" s="18"/>
      <c r="L746" s="18"/>
      <c r="M746" s="18"/>
      <c r="N746" s="18"/>
      <c r="O746" s="18"/>
      <c r="P746" s="19">
        <v>130</v>
      </c>
      <c r="Q746" s="19"/>
      <c r="R746" s="19"/>
      <c r="S746" s="19"/>
      <c r="T746" s="19">
        <v>95</v>
      </c>
      <c r="U746" s="19"/>
      <c r="V746" s="19"/>
      <c r="W746" s="19"/>
      <c r="X746" s="19">
        <v>1</v>
      </c>
      <c r="Y746" s="19"/>
      <c r="Z746" s="19"/>
      <c r="AA746" s="19"/>
    </row>
    <row r="747" spans="1:27" s="1" customFormat="1" ht="11.1" customHeight="1" outlineLevel="2" x14ac:dyDescent="0.2">
      <c r="A747" s="17"/>
      <c r="B747" s="17"/>
      <c r="C747" s="17"/>
      <c r="D747" s="18"/>
      <c r="E747" s="18"/>
      <c r="F747" s="18"/>
      <c r="G747" s="18"/>
      <c r="H747" s="18"/>
      <c r="I747" s="18"/>
      <c r="J747" s="18"/>
      <c r="K747" s="18"/>
      <c r="L747" s="18"/>
      <c r="M747" s="18"/>
      <c r="N747" s="18"/>
      <c r="O747" s="18"/>
      <c r="P747" s="19"/>
      <c r="Q747" s="19"/>
      <c r="R747" s="19"/>
      <c r="S747" s="19"/>
      <c r="T747" s="19"/>
      <c r="U747" s="19"/>
      <c r="V747" s="19"/>
      <c r="W747" s="19"/>
      <c r="X747" s="19"/>
      <c r="Y747" s="19"/>
      <c r="Z747" s="19"/>
      <c r="AA747" s="19"/>
    </row>
    <row r="748" spans="1:27" s="1" customFormat="1" ht="14.1" customHeight="1" outlineLevel="2" x14ac:dyDescent="0.2">
      <c r="A748" s="17">
        <v>18103</v>
      </c>
      <c r="B748" s="17"/>
      <c r="C748" s="17"/>
      <c r="D748" s="18" t="s">
        <v>382</v>
      </c>
      <c r="E748" s="18"/>
      <c r="F748" s="18"/>
      <c r="G748" s="18"/>
      <c r="H748" s="18"/>
      <c r="I748" s="18"/>
      <c r="J748" s="18"/>
      <c r="K748" s="18"/>
      <c r="L748" s="18"/>
      <c r="M748" s="18"/>
      <c r="N748" s="18"/>
      <c r="O748" s="18"/>
      <c r="P748" s="20">
        <v>7600</v>
      </c>
      <c r="Q748" s="20"/>
      <c r="R748" s="20"/>
      <c r="S748" s="20"/>
      <c r="T748" s="20">
        <v>6500</v>
      </c>
      <c r="U748" s="20"/>
      <c r="V748" s="20"/>
      <c r="W748" s="20"/>
      <c r="X748" s="19">
        <v>2</v>
      </c>
      <c r="Y748" s="19"/>
      <c r="Z748" s="19"/>
      <c r="AA748" s="19"/>
    </row>
    <row r="749" spans="1:27" s="1" customFormat="1" ht="14.1" customHeight="1" outlineLevel="2" x14ac:dyDescent="0.2">
      <c r="A749" s="17"/>
      <c r="B749" s="17"/>
      <c r="C749" s="17"/>
      <c r="D749" s="18"/>
      <c r="E749" s="18"/>
      <c r="F749" s="18"/>
      <c r="G749" s="18"/>
      <c r="H749" s="18"/>
      <c r="I749" s="18"/>
      <c r="J749" s="18"/>
      <c r="K749" s="18"/>
      <c r="L749" s="18"/>
      <c r="M749" s="18"/>
      <c r="N749" s="18"/>
      <c r="O749" s="18"/>
      <c r="P749" s="20"/>
      <c r="Q749" s="20"/>
      <c r="R749" s="20"/>
      <c r="S749" s="20"/>
      <c r="T749" s="20"/>
      <c r="U749" s="20"/>
      <c r="V749" s="20"/>
      <c r="W749" s="20"/>
      <c r="X749" s="19"/>
      <c r="Y749" s="19"/>
      <c r="Z749" s="19"/>
      <c r="AA749" s="19"/>
    </row>
    <row r="750" spans="1:27" s="1" customFormat="1" ht="14.1" customHeight="1" outlineLevel="2" x14ac:dyDescent="0.2">
      <c r="A750" s="17">
        <v>12819</v>
      </c>
      <c r="B750" s="17"/>
      <c r="C750" s="17"/>
      <c r="D750" s="18" t="s">
        <v>383</v>
      </c>
      <c r="E750" s="18"/>
      <c r="F750" s="18"/>
      <c r="G750" s="18"/>
      <c r="H750" s="18"/>
      <c r="I750" s="18"/>
      <c r="J750" s="18"/>
      <c r="K750" s="18"/>
      <c r="L750" s="18"/>
      <c r="M750" s="18"/>
      <c r="N750" s="18"/>
      <c r="O750" s="18"/>
      <c r="P750" s="20">
        <v>8700</v>
      </c>
      <c r="Q750" s="20"/>
      <c r="R750" s="20"/>
      <c r="S750" s="20"/>
      <c r="T750" s="20">
        <v>7500</v>
      </c>
      <c r="U750" s="20"/>
      <c r="V750" s="20"/>
      <c r="W750" s="20"/>
      <c r="X750" s="19">
        <v>3</v>
      </c>
      <c r="Y750" s="19"/>
      <c r="Z750" s="19"/>
      <c r="AA750" s="19"/>
    </row>
    <row r="751" spans="1:27" s="1" customFormat="1" ht="14.1" customHeight="1" outlineLevel="2" x14ac:dyDescent="0.2">
      <c r="A751" s="17"/>
      <c r="B751" s="17"/>
      <c r="C751" s="17"/>
      <c r="D751" s="18"/>
      <c r="E751" s="18"/>
      <c r="F751" s="18"/>
      <c r="G751" s="18"/>
      <c r="H751" s="18"/>
      <c r="I751" s="18"/>
      <c r="J751" s="18"/>
      <c r="K751" s="18"/>
      <c r="L751" s="18"/>
      <c r="M751" s="18"/>
      <c r="N751" s="18"/>
      <c r="O751" s="18"/>
      <c r="P751" s="20"/>
      <c r="Q751" s="20"/>
      <c r="R751" s="20"/>
      <c r="S751" s="20"/>
      <c r="T751" s="20"/>
      <c r="U751" s="20"/>
      <c r="V751" s="20"/>
      <c r="W751" s="20"/>
      <c r="X751" s="19"/>
      <c r="Y751" s="19"/>
      <c r="Z751" s="19"/>
      <c r="AA751" s="19"/>
    </row>
    <row r="752" spans="1:27" s="1" customFormat="1" ht="14.1" customHeight="1" outlineLevel="2" x14ac:dyDescent="0.2">
      <c r="A752" s="17">
        <v>12641</v>
      </c>
      <c r="B752" s="17"/>
      <c r="C752" s="17"/>
      <c r="D752" s="18" t="s">
        <v>384</v>
      </c>
      <c r="E752" s="18"/>
      <c r="F752" s="18"/>
      <c r="G752" s="18"/>
      <c r="H752" s="18"/>
      <c r="I752" s="18"/>
      <c r="J752" s="18"/>
      <c r="K752" s="18"/>
      <c r="L752" s="18"/>
      <c r="M752" s="18"/>
      <c r="N752" s="18"/>
      <c r="O752" s="18"/>
      <c r="P752" s="20">
        <v>18000</v>
      </c>
      <c r="Q752" s="20"/>
      <c r="R752" s="20"/>
      <c r="S752" s="20"/>
      <c r="T752" s="20">
        <v>17000</v>
      </c>
      <c r="U752" s="20"/>
      <c r="V752" s="20"/>
      <c r="W752" s="20"/>
      <c r="X752" s="19">
        <v>1</v>
      </c>
      <c r="Y752" s="19"/>
      <c r="Z752" s="19"/>
      <c r="AA752" s="19"/>
    </row>
    <row r="753" spans="1:27" s="1" customFormat="1" ht="14.1" customHeight="1" outlineLevel="2" x14ac:dyDescent="0.2">
      <c r="A753" s="17"/>
      <c r="B753" s="17"/>
      <c r="C753" s="17"/>
      <c r="D753" s="18"/>
      <c r="E753" s="18"/>
      <c r="F753" s="18"/>
      <c r="G753" s="18"/>
      <c r="H753" s="18"/>
      <c r="I753" s="18"/>
      <c r="J753" s="18"/>
      <c r="K753" s="18"/>
      <c r="L753" s="18"/>
      <c r="M753" s="18"/>
      <c r="N753" s="18"/>
      <c r="O753" s="18"/>
      <c r="P753" s="20"/>
      <c r="Q753" s="20"/>
      <c r="R753" s="20"/>
      <c r="S753" s="20"/>
      <c r="T753" s="20"/>
      <c r="U753" s="20"/>
      <c r="V753" s="20"/>
      <c r="W753" s="20"/>
      <c r="X753" s="19"/>
      <c r="Y753" s="19"/>
      <c r="Z753" s="19"/>
      <c r="AA753" s="19"/>
    </row>
    <row r="754" spans="1:27" s="1" customFormat="1" ht="11.1" customHeight="1" outlineLevel="2" x14ac:dyDescent="0.2">
      <c r="A754" s="17">
        <v>17285</v>
      </c>
      <c r="B754" s="17"/>
      <c r="C754" s="17"/>
      <c r="D754" s="18" t="s">
        <v>385</v>
      </c>
      <c r="E754" s="18"/>
      <c r="F754" s="18"/>
      <c r="G754" s="18"/>
      <c r="H754" s="18"/>
      <c r="I754" s="18"/>
      <c r="J754" s="18"/>
      <c r="K754" s="18"/>
      <c r="L754" s="18"/>
      <c r="M754" s="18"/>
      <c r="N754" s="18"/>
      <c r="O754" s="18"/>
      <c r="P754" s="20">
        <v>6500</v>
      </c>
      <c r="Q754" s="20"/>
      <c r="R754" s="20"/>
      <c r="S754" s="20"/>
      <c r="T754" s="20">
        <v>6000</v>
      </c>
      <c r="U754" s="20"/>
      <c r="V754" s="20"/>
      <c r="W754" s="20"/>
      <c r="X754" s="19">
        <v>2</v>
      </c>
      <c r="Y754" s="19"/>
      <c r="Z754" s="19"/>
      <c r="AA754" s="19"/>
    </row>
    <row r="755" spans="1:27" s="1" customFormat="1" ht="11.1" customHeight="1" outlineLevel="2" x14ac:dyDescent="0.2">
      <c r="A755" s="17"/>
      <c r="B755" s="17"/>
      <c r="C755" s="17"/>
      <c r="D755" s="18"/>
      <c r="E755" s="18"/>
      <c r="F755" s="18"/>
      <c r="G755" s="18"/>
      <c r="H755" s="18"/>
      <c r="I755" s="18"/>
      <c r="J755" s="18"/>
      <c r="K755" s="18"/>
      <c r="L755" s="18"/>
      <c r="M755" s="18"/>
      <c r="N755" s="18"/>
      <c r="O755" s="18"/>
      <c r="P755" s="20"/>
      <c r="Q755" s="20"/>
      <c r="R755" s="20"/>
      <c r="S755" s="20"/>
      <c r="T755" s="20"/>
      <c r="U755" s="20"/>
      <c r="V755" s="20"/>
      <c r="W755" s="20"/>
      <c r="X755" s="19"/>
      <c r="Y755" s="19"/>
      <c r="Z755" s="19"/>
      <c r="AA755" s="19"/>
    </row>
    <row r="756" spans="1:27" s="1" customFormat="1" ht="14.1" customHeight="1" outlineLevel="2" x14ac:dyDescent="0.2">
      <c r="A756" s="17">
        <v>12643</v>
      </c>
      <c r="B756" s="17"/>
      <c r="C756" s="17"/>
      <c r="D756" s="18" t="s">
        <v>386</v>
      </c>
      <c r="E756" s="18"/>
      <c r="F756" s="18"/>
      <c r="G756" s="18"/>
      <c r="H756" s="18"/>
      <c r="I756" s="18"/>
      <c r="J756" s="18"/>
      <c r="K756" s="18"/>
      <c r="L756" s="18"/>
      <c r="M756" s="18"/>
      <c r="N756" s="18"/>
      <c r="O756" s="18"/>
      <c r="P756" s="20">
        <v>6900</v>
      </c>
      <c r="Q756" s="20"/>
      <c r="R756" s="20"/>
      <c r="S756" s="20"/>
      <c r="T756" s="20">
        <v>6500</v>
      </c>
      <c r="U756" s="20"/>
      <c r="V756" s="20"/>
      <c r="W756" s="20"/>
      <c r="X756" s="19">
        <v>3</v>
      </c>
      <c r="Y756" s="19"/>
      <c r="Z756" s="19"/>
      <c r="AA756" s="19"/>
    </row>
    <row r="757" spans="1:27" s="1" customFormat="1" ht="14.1" customHeight="1" outlineLevel="2" x14ac:dyDescent="0.2">
      <c r="A757" s="17"/>
      <c r="B757" s="17"/>
      <c r="C757" s="17"/>
      <c r="D757" s="18"/>
      <c r="E757" s="18"/>
      <c r="F757" s="18"/>
      <c r="G757" s="18"/>
      <c r="H757" s="18"/>
      <c r="I757" s="18"/>
      <c r="J757" s="18"/>
      <c r="K757" s="18"/>
      <c r="L757" s="18"/>
      <c r="M757" s="18"/>
      <c r="N757" s="18"/>
      <c r="O757" s="18"/>
      <c r="P757" s="20"/>
      <c r="Q757" s="20"/>
      <c r="R757" s="20"/>
      <c r="S757" s="20"/>
      <c r="T757" s="20"/>
      <c r="U757" s="20"/>
      <c r="V757" s="20"/>
      <c r="W757" s="20"/>
      <c r="X757" s="19"/>
      <c r="Y757" s="19"/>
      <c r="Z757" s="19"/>
      <c r="AA757" s="19"/>
    </row>
    <row r="758" spans="1:27" s="1" customFormat="1" ht="14.1" customHeight="1" outlineLevel="2" x14ac:dyDescent="0.2">
      <c r="A758" s="17">
        <v>12580</v>
      </c>
      <c r="B758" s="17"/>
      <c r="C758" s="17"/>
      <c r="D758" s="18" t="s">
        <v>387</v>
      </c>
      <c r="E758" s="18"/>
      <c r="F758" s="18"/>
      <c r="G758" s="18"/>
      <c r="H758" s="18"/>
      <c r="I758" s="18"/>
      <c r="J758" s="18"/>
      <c r="K758" s="18"/>
      <c r="L758" s="18"/>
      <c r="M758" s="18"/>
      <c r="N758" s="18"/>
      <c r="O758" s="18"/>
      <c r="P758" s="19">
        <v>590</v>
      </c>
      <c r="Q758" s="19"/>
      <c r="R758" s="19"/>
      <c r="S758" s="19"/>
      <c r="T758" s="19">
        <v>490</v>
      </c>
      <c r="U758" s="19"/>
      <c r="V758" s="19"/>
      <c r="W758" s="19"/>
      <c r="X758" s="19">
        <v>13</v>
      </c>
      <c r="Y758" s="19"/>
      <c r="Z758" s="19"/>
      <c r="AA758" s="19"/>
    </row>
    <row r="759" spans="1:27" s="1" customFormat="1" ht="14.1" customHeight="1" outlineLevel="2" x14ac:dyDescent="0.2">
      <c r="A759" s="17"/>
      <c r="B759" s="17"/>
      <c r="C759" s="17"/>
      <c r="D759" s="18"/>
      <c r="E759" s="18"/>
      <c r="F759" s="18"/>
      <c r="G759" s="18"/>
      <c r="H759" s="18"/>
      <c r="I759" s="18"/>
      <c r="J759" s="18"/>
      <c r="K759" s="18"/>
      <c r="L759" s="18"/>
      <c r="M759" s="18"/>
      <c r="N759" s="18"/>
      <c r="O759" s="18"/>
      <c r="P759" s="19"/>
      <c r="Q759" s="19"/>
      <c r="R759" s="19"/>
      <c r="S759" s="19"/>
      <c r="T759" s="19"/>
      <c r="U759" s="19"/>
      <c r="V759" s="19"/>
      <c r="W759" s="19"/>
      <c r="X759" s="19"/>
      <c r="Y759" s="19"/>
      <c r="Z759" s="19"/>
      <c r="AA759" s="19"/>
    </row>
    <row r="760" spans="1:27" s="1" customFormat="1" ht="14.1" customHeight="1" outlineLevel="2" x14ac:dyDescent="0.2">
      <c r="A760" s="17">
        <v>12578</v>
      </c>
      <c r="B760" s="17"/>
      <c r="C760" s="17"/>
      <c r="D760" s="18" t="s">
        <v>388</v>
      </c>
      <c r="E760" s="18"/>
      <c r="F760" s="18"/>
      <c r="G760" s="18"/>
      <c r="H760" s="18"/>
      <c r="I760" s="18"/>
      <c r="J760" s="18"/>
      <c r="K760" s="18"/>
      <c r="L760" s="18"/>
      <c r="M760" s="18"/>
      <c r="N760" s="18"/>
      <c r="O760" s="18"/>
      <c r="P760" s="19">
        <v>590</v>
      </c>
      <c r="Q760" s="19"/>
      <c r="R760" s="19"/>
      <c r="S760" s="19"/>
      <c r="T760" s="19">
        <v>490</v>
      </c>
      <c r="U760" s="19"/>
      <c r="V760" s="19"/>
      <c r="W760" s="19"/>
      <c r="X760" s="19">
        <v>9</v>
      </c>
      <c r="Y760" s="19"/>
      <c r="Z760" s="19"/>
      <c r="AA760" s="19"/>
    </row>
    <row r="761" spans="1:27" s="1" customFormat="1" ht="14.1" customHeight="1" outlineLevel="2" x14ac:dyDescent="0.2">
      <c r="A761" s="17"/>
      <c r="B761" s="17"/>
      <c r="C761" s="17"/>
      <c r="D761" s="18"/>
      <c r="E761" s="18"/>
      <c r="F761" s="18"/>
      <c r="G761" s="18"/>
      <c r="H761" s="18"/>
      <c r="I761" s="18"/>
      <c r="J761" s="18"/>
      <c r="K761" s="18"/>
      <c r="L761" s="18"/>
      <c r="M761" s="18"/>
      <c r="N761" s="18"/>
      <c r="O761" s="18"/>
      <c r="P761" s="19"/>
      <c r="Q761" s="19"/>
      <c r="R761" s="19"/>
      <c r="S761" s="19"/>
      <c r="T761" s="19"/>
      <c r="U761" s="19"/>
      <c r="V761" s="19"/>
      <c r="W761" s="19"/>
      <c r="X761" s="19"/>
      <c r="Y761" s="19"/>
      <c r="Z761" s="19"/>
      <c r="AA761" s="19"/>
    </row>
    <row r="762" spans="1:27" s="1" customFormat="1" ht="14.1" customHeight="1" outlineLevel="2" x14ac:dyDescent="0.2">
      <c r="A762" s="17">
        <v>14067</v>
      </c>
      <c r="B762" s="17"/>
      <c r="C762" s="17"/>
      <c r="D762" s="18" t="s">
        <v>389</v>
      </c>
      <c r="E762" s="18"/>
      <c r="F762" s="18"/>
      <c r="G762" s="18"/>
      <c r="H762" s="18"/>
      <c r="I762" s="18"/>
      <c r="J762" s="18"/>
      <c r="K762" s="18"/>
      <c r="L762" s="18"/>
      <c r="M762" s="18"/>
      <c r="N762" s="18"/>
      <c r="O762" s="18"/>
      <c r="P762" s="19">
        <v>590</v>
      </c>
      <c r="Q762" s="19"/>
      <c r="R762" s="19"/>
      <c r="S762" s="19"/>
      <c r="T762" s="19">
        <v>490</v>
      </c>
      <c r="U762" s="19"/>
      <c r="V762" s="19"/>
      <c r="W762" s="19"/>
      <c r="X762" s="19">
        <v>6</v>
      </c>
      <c r="Y762" s="19"/>
      <c r="Z762" s="19"/>
      <c r="AA762" s="19"/>
    </row>
    <row r="763" spans="1:27" s="1" customFormat="1" ht="14.1" customHeight="1" outlineLevel="2" x14ac:dyDescent="0.2">
      <c r="A763" s="17"/>
      <c r="B763" s="17"/>
      <c r="C763" s="17"/>
      <c r="D763" s="18"/>
      <c r="E763" s="18"/>
      <c r="F763" s="18"/>
      <c r="G763" s="18"/>
      <c r="H763" s="18"/>
      <c r="I763" s="18"/>
      <c r="J763" s="18"/>
      <c r="K763" s="18"/>
      <c r="L763" s="18"/>
      <c r="M763" s="18"/>
      <c r="N763" s="18"/>
      <c r="O763" s="18"/>
      <c r="P763" s="19"/>
      <c r="Q763" s="19"/>
      <c r="R763" s="19"/>
      <c r="S763" s="19"/>
      <c r="T763" s="19"/>
      <c r="U763" s="19"/>
      <c r="V763" s="19"/>
      <c r="W763" s="19"/>
      <c r="X763" s="19"/>
      <c r="Y763" s="19"/>
      <c r="Z763" s="19"/>
      <c r="AA763" s="19"/>
    </row>
    <row r="764" spans="1:27" s="1" customFormat="1" ht="14.1" customHeight="1" outlineLevel="2" x14ac:dyDescent="0.2">
      <c r="A764" s="17">
        <v>14126</v>
      </c>
      <c r="B764" s="17"/>
      <c r="C764" s="17"/>
      <c r="D764" s="18" t="s">
        <v>390</v>
      </c>
      <c r="E764" s="18"/>
      <c r="F764" s="18"/>
      <c r="G764" s="18"/>
      <c r="H764" s="18"/>
      <c r="I764" s="18"/>
      <c r="J764" s="18"/>
      <c r="K764" s="18"/>
      <c r="L764" s="18"/>
      <c r="M764" s="18"/>
      <c r="N764" s="18"/>
      <c r="O764" s="18"/>
      <c r="P764" s="19">
        <v>250</v>
      </c>
      <c r="Q764" s="19"/>
      <c r="R764" s="19"/>
      <c r="S764" s="19"/>
      <c r="T764" s="19">
        <v>160</v>
      </c>
      <c r="U764" s="19"/>
      <c r="V764" s="19"/>
      <c r="W764" s="19"/>
      <c r="X764" s="19">
        <v>4</v>
      </c>
      <c r="Y764" s="19"/>
      <c r="Z764" s="19"/>
      <c r="AA764" s="19"/>
    </row>
    <row r="765" spans="1:27" s="1" customFormat="1" ht="14.1" customHeight="1" outlineLevel="2" x14ac:dyDescent="0.2">
      <c r="A765" s="17"/>
      <c r="B765" s="17"/>
      <c r="C765" s="17"/>
      <c r="D765" s="18"/>
      <c r="E765" s="18"/>
      <c r="F765" s="18"/>
      <c r="G765" s="18"/>
      <c r="H765" s="18"/>
      <c r="I765" s="18"/>
      <c r="J765" s="18"/>
      <c r="K765" s="18"/>
      <c r="L765" s="18"/>
      <c r="M765" s="18"/>
      <c r="N765" s="18"/>
      <c r="O765" s="18"/>
      <c r="P765" s="19"/>
      <c r="Q765" s="19"/>
      <c r="R765" s="19"/>
      <c r="S765" s="19"/>
      <c r="T765" s="19"/>
      <c r="U765" s="19"/>
      <c r="V765" s="19"/>
      <c r="W765" s="19"/>
      <c r="X765" s="19"/>
      <c r="Y765" s="19"/>
      <c r="Z765" s="19"/>
      <c r="AA765" s="19"/>
    </row>
    <row r="766" spans="1:27" s="1" customFormat="1" ht="11.1" customHeight="1" outlineLevel="2" x14ac:dyDescent="0.2">
      <c r="A766" s="17">
        <v>17292</v>
      </c>
      <c r="B766" s="17"/>
      <c r="C766" s="17"/>
      <c r="D766" s="18" t="s">
        <v>391</v>
      </c>
      <c r="E766" s="18"/>
      <c r="F766" s="18"/>
      <c r="G766" s="18"/>
      <c r="H766" s="18"/>
      <c r="I766" s="18"/>
      <c r="J766" s="18"/>
      <c r="K766" s="18"/>
      <c r="L766" s="18"/>
      <c r="M766" s="18"/>
      <c r="N766" s="18"/>
      <c r="O766" s="18"/>
      <c r="P766" s="19">
        <v>850</v>
      </c>
      <c r="Q766" s="19"/>
      <c r="R766" s="19"/>
      <c r="S766" s="19"/>
      <c r="T766" s="19">
        <v>630</v>
      </c>
      <c r="U766" s="19"/>
      <c r="V766" s="19"/>
      <c r="W766" s="19"/>
      <c r="X766" s="19">
        <v>5</v>
      </c>
      <c r="Y766" s="19"/>
      <c r="Z766" s="19"/>
      <c r="AA766" s="19"/>
    </row>
    <row r="767" spans="1:27" s="1" customFormat="1" ht="11.1" customHeight="1" outlineLevel="2" x14ac:dyDescent="0.2">
      <c r="A767" s="17"/>
      <c r="B767" s="17"/>
      <c r="C767" s="17"/>
      <c r="D767" s="18"/>
      <c r="E767" s="18"/>
      <c r="F767" s="18"/>
      <c r="G767" s="18"/>
      <c r="H767" s="18"/>
      <c r="I767" s="18"/>
      <c r="J767" s="18"/>
      <c r="K767" s="18"/>
      <c r="L767" s="18"/>
      <c r="M767" s="18"/>
      <c r="N767" s="18"/>
      <c r="O767" s="18"/>
      <c r="P767" s="19"/>
      <c r="Q767" s="19"/>
      <c r="R767" s="19"/>
      <c r="S767" s="19"/>
      <c r="T767" s="19"/>
      <c r="U767" s="19"/>
      <c r="V767" s="19"/>
      <c r="W767" s="19"/>
      <c r="X767" s="19"/>
      <c r="Y767" s="19"/>
      <c r="Z767" s="19"/>
      <c r="AA767" s="19"/>
    </row>
    <row r="768" spans="1:27" s="1" customFormat="1" ht="14.1" customHeight="1" outlineLevel="2" x14ac:dyDescent="0.2">
      <c r="A768" s="17">
        <v>18029</v>
      </c>
      <c r="B768" s="17"/>
      <c r="C768" s="17"/>
      <c r="D768" s="18" t="s">
        <v>392</v>
      </c>
      <c r="E768" s="18"/>
      <c r="F768" s="18"/>
      <c r="G768" s="18"/>
      <c r="H768" s="18"/>
      <c r="I768" s="18"/>
      <c r="J768" s="18"/>
      <c r="K768" s="18"/>
      <c r="L768" s="18"/>
      <c r="M768" s="18"/>
      <c r="N768" s="18"/>
      <c r="O768" s="18"/>
      <c r="P768" s="20">
        <v>2100</v>
      </c>
      <c r="Q768" s="20"/>
      <c r="R768" s="20"/>
      <c r="S768" s="20"/>
      <c r="T768" s="20">
        <v>1800</v>
      </c>
      <c r="U768" s="20"/>
      <c r="V768" s="20"/>
      <c r="W768" s="20"/>
      <c r="X768" s="19">
        <v>1</v>
      </c>
      <c r="Y768" s="19"/>
      <c r="Z768" s="19"/>
      <c r="AA768" s="19"/>
    </row>
    <row r="769" spans="1:27" s="1" customFormat="1" ht="14.1" customHeight="1" outlineLevel="2" x14ac:dyDescent="0.2">
      <c r="A769" s="17"/>
      <c r="B769" s="17"/>
      <c r="C769" s="17"/>
      <c r="D769" s="18"/>
      <c r="E769" s="18"/>
      <c r="F769" s="18"/>
      <c r="G769" s="18"/>
      <c r="H769" s="18"/>
      <c r="I769" s="18"/>
      <c r="J769" s="18"/>
      <c r="K769" s="18"/>
      <c r="L769" s="18"/>
      <c r="M769" s="18"/>
      <c r="N769" s="18"/>
      <c r="O769" s="18"/>
      <c r="P769" s="20"/>
      <c r="Q769" s="20"/>
      <c r="R769" s="20"/>
      <c r="S769" s="20"/>
      <c r="T769" s="20"/>
      <c r="U769" s="20"/>
      <c r="V769" s="20"/>
      <c r="W769" s="20"/>
      <c r="X769" s="19"/>
      <c r="Y769" s="19"/>
      <c r="Z769" s="19"/>
      <c r="AA769" s="19"/>
    </row>
    <row r="770" spans="1:27" s="1" customFormat="1" ht="14.1" customHeight="1" outlineLevel="2" x14ac:dyDescent="0.2">
      <c r="A770" s="17">
        <v>18028</v>
      </c>
      <c r="B770" s="17"/>
      <c r="C770" s="17"/>
      <c r="D770" s="18" t="s">
        <v>393</v>
      </c>
      <c r="E770" s="18"/>
      <c r="F770" s="18"/>
      <c r="G770" s="18"/>
      <c r="H770" s="18"/>
      <c r="I770" s="18"/>
      <c r="J770" s="18"/>
      <c r="K770" s="18"/>
      <c r="L770" s="18"/>
      <c r="M770" s="18"/>
      <c r="N770" s="18"/>
      <c r="O770" s="18"/>
      <c r="P770" s="20">
        <v>2100</v>
      </c>
      <c r="Q770" s="20"/>
      <c r="R770" s="20"/>
      <c r="S770" s="20"/>
      <c r="T770" s="20">
        <v>1800</v>
      </c>
      <c r="U770" s="20"/>
      <c r="V770" s="20"/>
      <c r="W770" s="20"/>
      <c r="X770" s="19">
        <v>2</v>
      </c>
      <c r="Y770" s="19"/>
      <c r="Z770" s="19"/>
      <c r="AA770" s="19"/>
    </row>
    <row r="771" spans="1:27" s="1" customFormat="1" ht="14.1" customHeight="1" outlineLevel="2" x14ac:dyDescent="0.2">
      <c r="A771" s="17"/>
      <c r="B771" s="17"/>
      <c r="C771" s="17"/>
      <c r="D771" s="18"/>
      <c r="E771" s="18"/>
      <c r="F771" s="18"/>
      <c r="G771" s="18"/>
      <c r="H771" s="18"/>
      <c r="I771" s="18"/>
      <c r="J771" s="18"/>
      <c r="K771" s="18"/>
      <c r="L771" s="18"/>
      <c r="M771" s="18"/>
      <c r="N771" s="18"/>
      <c r="O771" s="18"/>
      <c r="P771" s="20"/>
      <c r="Q771" s="20"/>
      <c r="R771" s="20"/>
      <c r="S771" s="20"/>
      <c r="T771" s="20"/>
      <c r="U771" s="20"/>
      <c r="V771" s="20"/>
      <c r="W771" s="20"/>
      <c r="X771" s="19"/>
      <c r="Y771" s="19"/>
      <c r="Z771" s="19"/>
      <c r="AA771" s="19"/>
    </row>
    <row r="772" spans="1:27" s="1" customFormat="1" ht="11.1" customHeight="1" outlineLevel="2" x14ac:dyDescent="0.2">
      <c r="A772" s="17">
        <v>15262</v>
      </c>
      <c r="B772" s="17"/>
      <c r="C772" s="17"/>
      <c r="D772" s="18" t="s">
        <v>394</v>
      </c>
      <c r="E772" s="18"/>
      <c r="F772" s="18"/>
      <c r="G772" s="18"/>
      <c r="H772" s="18"/>
      <c r="I772" s="18"/>
      <c r="J772" s="18"/>
      <c r="K772" s="18"/>
      <c r="L772" s="18"/>
      <c r="M772" s="18"/>
      <c r="N772" s="18"/>
      <c r="O772" s="18"/>
      <c r="P772" s="20">
        <v>1630</v>
      </c>
      <c r="Q772" s="20"/>
      <c r="R772" s="20"/>
      <c r="S772" s="20"/>
      <c r="T772" s="20">
        <v>1500</v>
      </c>
      <c r="U772" s="20"/>
      <c r="V772" s="20"/>
      <c r="W772" s="20"/>
      <c r="X772" s="19">
        <v>2</v>
      </c>
      <c r="Y772" s="19"/>
      <c r="Z772" s="19"/>
      <c r="AA772" s="19"/>
    </row>
    <row r="773" spans="1:27" s="1" customFormat="1" ht="11.1" customHeight="1" outlineLevel="2" x14ac:dyDescent="0.2">
      <c r="A773" s="17"/>
      <c r="B773" s="17"/>
      <c r="C773" s="17"/>
      <c r="D773" s="18"/>
      <c r="E773" s="18"/>
      <c r="F773" s="18"/>
      <c r="G773" s="18"/>
      <c r="H773" s="18"/>
      <c r="I773" s="18"/>
      <c r="J773" s="18"/>
      <c r="K773" s="18"/>
      <c r="L773" s="18"/>
      <c r="M773" s="18"/>
      <c r="N773" s="18"/>
      <c r="O773" s="18"/>
      <c r="P773" s="20"/>
      <c r="Q773" s="20"/>
      <c r="R773" s="20"/>
      <c r="S773" s="20"/>
      <c r="T773" s="20"/>
      <c r="U773" s="20"/>
      <c r="V773" s="20"/>
      <c r="W773" s="20"/>
      <c r="X773" s="19"/>
      <c r="Y773" s="19"/>
      <c r="Z773" s="19"/>
      <c r="AA773" s="19"/>
    </row>
    <row r="774" spans="1:27" s="1" customFormat="1" ht="14.1" customHeight="1" outlineLevel="2" x14ac:dyDescent="0.2">
      <c r="A774" s="17">
        <v>12645</v>
      </c>
      <c r="B774" s="17"/>
      <c r="C774" s="17"/>
      <c r="D774" s="18" t="s">
        <v>395</v>
      </c>
      <c r="E774" s="18"/>
      <c r="F774" s="18"/>
      <c r="G774" s="18"/>
      <c r="H774" s="18"/>
      <c r="I774" s="18"/>
      <c r="J774" s="18"/>
      <c r="K774" s="18"/>
      <c r="L774" s="18"/>
      <c r="M774" s="18"/>
      <c r="N774" s="18"/>
      <c r="O774" s="18"/>
      <c r="P774" s="20">
        <v>3900</v>
      </c>
      <c r="Q774" s="20"/>
      <c r="R774" s="20"/>
      <c r="S774" s="20"/>
      <c r="T774" s="20">
        <v>3500</v>
      </c>
      <c r="U774" s="20"/>
      <c r="V774" s="20"/>
      <c r="W774" s="20"/>
      <c r="X774" s="19">
        <v>2</v>
      </c>
      <c r="Y774" s="19"/>
      <c r="Z774" s="19"/>
      <c r="AA774" s="19"/>
    </row>
    <row r="775" spans="1:27" s="1" customFormat="1" ht="14.1" customHeight="1" outlineLevel="2" x14ac:dyDescent="0.2">
      <c r="A775" s="17"/>
      <c r="B775" s="17"/>
      <c r="C775" s="17"/>
      <c r="D775" s="18"/>
      <c r="E775" s="18"/>
      <c r="F775" s="18"/>
      <c r="G775" s="18"/>
      <c r="H775" s="18"/>
      <c r="I775" s="18"/>
      <c r="J775" s="18"/>
      <c r="K775" s="18"/>
      <c r="L775" s="18"/>
      <c r="M775" s="18"/>
      <c r="N775" s="18"/>
      <c r="O775" s="18"/>
      <c r="P775" s="20"/>
      <c r="Q775" s="20"/>
      <c r="R775" s="20"/>
      <c r="S775" s="20"/>
      <c r="T775" s="20"/>
      <c r="U775" s="20"/>
      <c r="V775" s="20"/>
      <c r="W775" s="20"/>
      <c r="X775" s="19"/>
      <c r="Y775" s="19"/>
      <c r="Z775" s="19"/>
      <c r="AA775" s="19"/>
    </row>
    <row r="776" spans="1:27" s="1" customFormat="1" ht="11.1" customHeight="1" outlineLevel="2" x14ac:dyDescent="0.2">
      <c r="A776" s="17">
        <v>11187</v>
      </c>
      <c r="B776" s="17"/>
      <c r="C776" s="17"/>
      <c r="D776" s="18" t="s">
        <v>396</v>
      </c>
      <c r="E776" s="18"/>
      <c r="F776" s="18"/>
      <c r="G776" s="18"/>
      <c r="H776" s="18"/>
      <c r="I776" s="18"/>
      <c r="J776" s="18"/>
      <c r="K776" s="18"/>
      <c r="L776" s="18"/>
      <c r="M776" s="18"/>
      <c r="N776" s="18"/>
      <c r="O776" s="18"/>
      <c r="P776" s="19">
        <v>480</v>
      </c>
      <c r="Q776" s="19"/>
      <c r="R776" s="19"/>
      <c r="S776" s="19"/>
      <c r="T776" s="19">
        <v>440</v>
      </c>
      <c r="U776" s="19"/>
      <c r="V776" s="19"/>
      <c r="W776" s="19"/>
      <c r="X776" s="19">
        <v>1</v>
      </c>
      <c r="Y776" s="19"/>
      <c r="Z776" s="19"/>
      <c r="AA776" s="19"/>
    </row>
    <row r="777" spans="1:27" s="1" customFormat="1" ht="11.1" customHeight="1" outlineLevel="2" x14ac:dyDescent="0.2">
      <c r="A777" s="17"/>
      <c r="B777" s="17"/>
      <c r="C777" s="17"/>
      <c r="D777" s="18"/>
      <c r="E777" s="18"/>
      <c r="F777" s="18"/>
      <c r="G777" s="18"/>
      <c r="H777" s="18"/>
      <c r="I777" s="18"/>
      <c r="J777" s="18"/>
      <c r="K777" s="18"/>
      <c r="L777" s="18"/>
      <c r="M777" s="18"/>
      <c r="N777" s="18"/>
      <c r="O777" s="18"/>
      <c r="P777" s="19"/>
      <c r="Q777" s="19"/>
      <c r="R777" s="19"/>
      <c r="S777" s="19"/>
      <c r="T777" s="19"/>
      <c r="U777" s="19"/>
      <c r="V777" s="19"/>
      <c r="W777" s="19"/>
      <c r="X777" s="19"/>
      <c r="Y777" s="19"/>
      <c r="Z777" s="19"/>
      <c r="AA777" s="19"/>
    </row>
    <row r="778" spans="1:27" s="1" customFormat="1" ht="11.1" customHeight="1" outlineLevel="2" x14ac:dyDescent="0.2">
      <c r="A778" s="17">
        <v>17344</v>
      </c>
      <c r="B778" s="17"/>
      <c r="C778" s="17"/>
      <c r="D778" s="18" t="s">
        <v>397</v>
      </c>
      <c r="E778" s="18"/>
      <c r="F778" s="18"/>
      <c r="G778" s="18"/>
      <c r="H778" s="18"/>
      <c r="I778" s="18"/>
      <c r="J778" s="18"/>
      <c r="K778" s="18"/>
      <c r="L778" s="18"/>
      <c r="M778" s="18"/>
      <c r="N778" s="18"/>
      <c r="O778" s="18"/>
      <c r="P778" s="19">
        <v>40</v>
      </c>
      <c r="Q778" s="19"/>
      <c r="R778" s="19"/>
      <c r="S778" s="19"/>
      <c r="T778" s="19">
        <v>30</v>
      </c>
      <c r="U778" s="19"/>
      <c r="V778" s="19"/>
      <c r="W778" s="19"/>
      <c r="X778" s="19">
        <v>10</v>
      </c>
      <c r="Y778" s="19"/>
      <c r="Z778" s="19"/>
      <c r="AA778" s="19"/>
    </row>
    <row r="779" spans="1:27" s="1" customFormat="1" ht="11.1" customHeight="1" outlineLevel="2" x14ac:dyDescent="0.2">
      <c r="A779" s="17"/>
      <c r="B779" s="17"/>
      <c r="C779" s="17"/>
      <c r="D779" s="18"/>
      <c r="E779" s="18"/>
      <c r="F779" s="18"/>
      <c r="G779" s="18"/>
      <c r="H779" s="18"/>
      <c r="I779" s="18"/>
      <c r="J779" s="18"/>
      <c r="K779" s="18"/>
      <c r="L779" s="18"/>
      <c r="M779" s="18"/>
      <c r="N779" s="18"/>
      <c r="O779" s="18"/>
      <c r="P779" s="19"/>
      <c r="Q779" s="19"/>
      <c r="R779" s="19"/>
      <c r="S779" s="19"/>
      <c r="T779" s="19"/>
      <c r="U779" s="19"/>
      <c r="V779" s="19"/>
      <c r="W779" s="19"/>
      <c r="X779" s="19"/>
      <c r="Y779" s="19"/>
      <c r="Z779" s="19"/>
      <c r="AA779" s="19"/>
    </row>
    <row r="780" spans="1:27" s="1" customFormat="1" ht="14.1" customHeight="1" outlineLevel="2" x14ac:dyDescent="0.2">
      <c r="A780" s="17">
        <v>11960</v>
      </c>
      <c r="B780" s="17"/>
      <c r="C780" s="17"/>
      <c r="D780" s="18" t="s">
        <v>398</v>
      </c>
      <c r="E780" s="18"/>
      <c r="F780" s="18"/>
      <c r="G780" s="18"/>
      <c r="H780" s="18"/>
      <c r="I780" s="18"/>
      <c r="J780" s="18"/>
      <c r="K780" s="18"/>
      <c r="L780" s="18"/>
      <c r="M780" s="18"/>
      <c r="N780" s="18"/>
      <c r="O780" s="18"/>
      <c r="P780" s="19">
        <v>40</v>
      </c>
      <c r="Q780" s="19"/>
      <c r="R780" s="19"/>
      <c r="S780" s="19"/>
      <c r="T780" s="19">
        <v>30</v>
      </c>
      <c r="U780" s="19"/>
      <c r="V780" s="19"/>
      <c r="W780" s="19"/>
      <c r="X780" s="19">
        <v>586</v>
      </c>
      <c r="Y780" s="19"/>
      <c r="Z780" s="19"/>
      <c r="AA780" s="19"/>
    </row>
    <row r="781" spans="1:27" s="1" customFormat="1" ht="14.1" customHeight="1" outlineLevel="2" x14ac:dyDescent="0.2">
      <c r="A781" s="17"/>
      <c r="B781" s="17"/>
      <c r="C781" s="17"/>
      <c r="D781" s="18"/>
      <c r="E781" s="18"/>
      <c r="F781" s="18"/>
      <c r="G781" s="18"/>
      <c r="H781" s="18"/>
      <c r="I781" s="18"/>
      <c r="J781" s="18"/>
      <c r="K781" s="18"/>
      <c r="L781" s="18"/>
      <c r="M781" s="18"/>
      <c r="N781" s="18"/>
      <c r="O781" s="18"/>
      <c r="P781" s="19"/>
      <c r="Q781" s="19"/>
      <c r="R781" s="19"/>
      <c r="S781" s="19"/>
      <c r="T781" s="19"/>
      <c r="U781" s="19"/>
      <c r="V781" s="19"/>
      <c r="W781" s="19"/>
      <c r="X781" s="19"/>
      <c r="Y781" s="19"/>
      <c r="Z781" s="19"/>
      <c r="AA781" s="19"/>
    </row>
    <row r="782" spans="1:27" s="1" customFormat="1" ht="14.1" customHeight="1" outlineLevel="2" x14ac:dyDescent="0.2">
      <c r="A782" s="17">
        <v>10992</v>
      </c>
      <c r="B782" s="17"/>
      <c r="C782" s="17"/>
      <c r="D782" s="18" t="s">
        <v>399</v>
      </c>
      <c r="E782" s="18"/>
      <c r="F782" s="18"/>
      <c r="G782" s="18"/>
      <c r="H782" s="18"/>
      <c r="I782" s="18"/>
      <c r="J782" s="18"/>
      <c r="K782" s="18"/>
      <c r="L782" s="18"/>
      <c r="M782" s="18"/>
      <c r="N782" s="18"/>
      <c r="O782" s="18"/>
      <c r="P782" s="19">
        <v>390</v>
      </c>
      <c r="Q782" s="19"/>
      <c r="R782" s="19"/>
      <c r="S782" s="19"/>
      <c r="T782" s="19">
        <v>270</v>
      </c>
      <c r="U782" s="19"/>
      <c r="V782" s="19"/>
      <c r="W782" s="19"/>
      <c r="X782" s="19">
        <v>9</v>
      </c>
      <c r="Y782" s="19"/>
      <c r="Z782" s="19"/>
      <c r="AA782" s="19"/>
    </row>
    <row r="783" spans="1:27" s="1" customFormat="1" ht="14.1" customHeight="1" outlineLevel="2" x14ac:dyDescent="0.2">
      <c r="A783" s="17"/>
      <c r="B783" s="17"/>
      <c r="C783" s="17"/>
      <c r="D783" s="18"/>
      <c r="E783" s="18"/>
      <c r="F783" s="18"/>
      <c r="G783" s="18"/>
      <c r="H783" s="18"/>
      <c r="I783" s="18"/>
      <c r="J783" s="18"/>
      <c r="K783" s="18"/>
      <c r="L783" s="18"/>
      <c r="M783" s="18"/>
      <c r="N783" s="18"/>
      <c r="O783" s="18"/>
      <c r="P783" s="19"/>
      <c r="Q783" s="19"/>
      <c r="R783" s="19"/>
      <c r="S783" s="19"/>
      <c r="T783" s="19"/>
      <c r="U783" s="19"/>
      <c r="V783" s="19"/>
      <c r="W783" s="19"/>
      <c r="X783" s="19"/>
      <c r="Y783" s="19"/>
      <c r="Z783" s="19"/>
      <c r="AA783" s="19"/>
    </row>
    <row r="784" spans="1:27" s="1" customFormat="1" ht="11.1" customHeight="1" outlineLevel="2" x14ac:dyDescent="0.2">
      <c r="A784" s="17">
        <v>13820</v>
      </c>
      <c r="B784" s="17"/>
      <c r="C784" s="17"/>
      <c r="D784" s="18" t="s">
        <v>400</v>
      </c>
      <c r="E784" s="18"/>
      <c r="F784" s="18"/>
      <c r="G784" s="18"/>
      <c r="H784" s="18"/>
      <c r="I784" s="18"/>
      <c r="J784" s="18"/>
      <c r="K784" s="18"/>
      <c r="L784" s="18"/>
      <c r="M784" s="18"/>
      <c r="N784" s="18"/>
      <c r="O784" s="18"/>
      <c r="P784" s="19">
        <v>300</v>
      </c>
      <c r="Q784" s="19"/>
      <c r="R784" s="19"/>
      <c r="S784" s="19"/>
      <c r="T784" s="19">
        <v>210</v>
      </c>
      <c r="U784" s="19"/>
      <c r="V784" s="19"/>
      <c r="W784" s="19"/>
      <c r="X784" s="19">
        <v>47</v>
      </c>
      <c r="Y784" s="19"/>
      <c r="Z784" s="19"/>
      <c r="AA784" s="19"/>
    </row>
    <row r="785" spans="1:27" s="1" customFormat="1" ht="11.1" customHeight="1" outlineLevel="2" x14ac:dyDescent="0.2">
      <c r="A785" s="17"/>
      <c r="B785" s="17"/>
      <c r="C785" s="17"/>
      <c r="D785" s="18"/>
      <c r="E785" s="18"/>
      <c r="F785" s="18"/>
      <c r="G785" s="18"/>
      <c r="H785" s="18"/>
      <c r="I785" s="18"/>
      <c r="J785" s="18"/>
      <c r="K785" s="18"/>
      <c r="L785" s="18"/>
      <c r="M785" s="18"/>
      <c r="N785" s="18"/>
      <c r="O785" s="18"/>
      <c r="P785" s="19"/>
      <c r="Q785" s="19"/>
      <c r="R785" s="19"/>
      <c r="S785" s="19"/>
      <c r="T785" s="19"/>
      <c r="U785" s="19"/>
      <c r="V785" s="19"/>
      <c r="W785" s="19"/>
      <c r="X785" s="19"/>
      <c r="Y785" s="19"/>
      <c r="Z785" s="19"/>
      <c r="AA785" s="19"/>
    </row>
    <row r="786" spans="1:27" s="1" customFormat="1" ht="11.1" customHeight="1" outlineLevel="2" x14ac:dyDescent="0.2">
      <c r="A786" s="17">
        <v>15345</v>
      </c>
      <c r="B786" s="17"/>
      <c r="C786" s="17"/>
      <c r="D786" s="18" t="s">
        <v>401</v>
      </c>
      <c r="E786" s="18"/>
      <c r="F786" s="18"/>
      <c r="G786" s="18"/>
      <c r="H786" s="18"/>
      <c r="I786" s="18"/>
      <c r="J786" s="18"/>
      <c r="K786" s="18"/>
      <c r="L786" s="18"/>
      <c r="M786" s="18"/>
      <c r="N786" s="18"/>
      <c r="O786" s="18"/>
      <c r="P786" s="19">
        <v>350</v>
      </c>
      <c r="Q786" s="19"/>
      <c r="R786" s="19"/>
      <c r="S786" s="19"/>
      <c r="T786" s="19">
        <v>250</v>
      </c>
      <c r="U786" s="19"/>
      <c r="V786" s="19"/>
      <c r="W786" s="19"/>
      <c r="X786" s="19">
        <v>24</v>
      </c>
      <c r="Y786" s="19"/>
      <c r="Z786" s="19"/>
      <c r="AA786" s="19"/>
    </row>
    <row r="787" spans="1:27" s="1" customFormat="1" ht="11.1" customHeight="1" outlineLevel="2" x14ac:dyDescent="0.2">
      <c r="A787" s="17"/>
      <c r="B787" s="17"/>
      <c r="C787" s="17"/>
      <c r="D787" s="18"/>
      <c r="E787" s="18"/>
      <c r="F787" s="18"/>
      <c r="G787" s="18"/>
      <c r="H787" s="18"/>
      <c r="I787" s="18"/>
      <c r="J787" s="18"/>
      <c r="K787" s="18"/>
      <c r="L787" s="18"/>
      <c r="M787" s="18"/>
      <c r="N787" s="18"/>
      <c r="O787" s="18"/>
      <c r="P787" s="19"/>
      <c r="Q787" s="19"/>
      <c r="R787" s="19"/>
      <c r="S787" s="19"/>
      <c r="T787" s="19"/>
      <c r="U787" s="19"/>
      <c r="V787" s="19"/>
      <c r="W787" s="19"/>
      <c r="X787" s="19"/>
      <c r="Y787" s="19"/>
      <c r="Z787" s="19"/>
      <c r="AA787" s="19"/>
    </row>
    <row r="788" spans="1:27" s="1" customFormat="1" ht="14.1" customHeight="1" outlineLevel="2" x14ac:dyDescent="0.2">
      <c r="A788" s="17">
        <v>15179</v>
      </c>
      <c r="B788" s="17"/>
      <c r="C788" s="17"/>
      <c r="D788" s="18" t="s">
        <v>402</v>
      </c>
      <c r="E788" s="18"/>
      <c r="F788" s="18"/>
      <c r="G788" s="18"/>
      <c r="H788" s="18"/>
      <c r="I788" s="18"/>
      <c r="J788" s="18"/>
      <c r="K788" s="18"/>
      <c r="L788" s="18"/>
      <c r="M788" s="18"/>
      <c r="N788" s="18"/>
      <c r="O788" s="18"/>
      <c r="P788" s="20">
        <v>1990</v>
      </c>
      <c r="Q788" s="20"/>
      <c r="R788" s="20"/>
      <c r="S788" s="20"/>
      <c r="T788" s="20">
        <v>1800</v>
      </c>
      <c r="U788" s="20"/>
      <c r="V788" s="20"/>
      <c r="W788" s="20"/>
      <c r="X788" s="19">
        <v>9</v>
      </c>
      <c r="Y788" s="19"/>
      <c r="Z788" s="19"/>
      <c r="AA788" s="19"/>
    </row>
    <row r="789" spans="1:27" s="1" customFormat="1" ht="14.1" customHeight="1" outlineLevel="2" x14ac:dyDescent="0.2">
      <c r="A789" s="17"/>
      <c r="B789" s="17"/>
      <c r="C789" s="17"/>
      <c r="D789" s="18"/>
      <c r="E789" s="18"/>
      <c r="F789" s="18"/>
      <c r="G789" s="18"/>
      <c r="H789" s="18"/>
      <c r="I789" s="18"/>
      <c r="J789" s="18"/>
      <c r="K789" s="18"/>
      <c r="L789" s="18"/>
      <c r="M789" s="18"/>
      <c r="N789" s="18"/>
      <c r="O789" s="18"/>
      <c r="P789" s="20"/>
      <c r="Q789" s="20"/>
      <c r="R789" s="20"/>
      <c r="S789" s="20"/>
      <c r="T789" s="20"/>
      <c r="U789" s="20"/>
      <c r="V789" s="20"/>
      <c r="W789" s="20"/>
      <c r="X789" s="19"/>
      <c r="Y789" s="19"/>
      <c r="Z789" s="19"/>
      <c r="AA789" s="19"/>
    </row>
    <row r="790" spans="1:27" s="1" customFormat="1" ht="14.1" customHeight="1" outlineLevel="2" x14ac:dyDescent="0.2">
      <c r="A790" s="17">
        <v>13941</v>
      </c>
      <c r="B790" s="17"/>
      <c r="C790" s="17"/>
      <c r="D790" s="18" t="s">
        <v>403</v>
      </c>
      <c r="E790" s="18"/>
      <c r="F790" s="18"/>
      <c r="G790" s="18"/>
      <c r="H790" s="18"/>
      <c r="I790" s="18"/>
      <c r="J790" s="18"/>
      <c r="K790" s="18"/>
      <c r="L790" s="18"/>
      <c r="M790" s="18"/>
      <c r="N790" s="18"/>
      <c r="O790" s="18"/>
      <c r="P790" s="20">
        <v>1470</v>
      </c>
      <c r="Q790" s="20"/>
      <c r="R790" s="20"/>
      <c r="S790" s="20"/>
      <c r="T790" s="20">
        <v>1300</v>
      </c>
      <c r="U790" s="20"/>
      <c r="V790" s="20"/>
      <c r="W790" s="20"/>
      <c r="X790" s="19">
        <v>1</v>
      </c>
      <c r="Y790" s="19"/>
      <c r="Z790" s="19"/>
      <c r="AA790" s="19"/>
    </row>
    <row r="791" spans="1:27" s="1" customFormat="1" ht="14.1" customHeight="1" outlineLevel="2" x14ac:dyDescent="0.2">
      <c r="A791" s="17"/>
      <c r="B791" s="17"/>
      <c r="C791" s="17"/>
      <c r="D791" s="18"/>
      <c r="E791" s="18"/>
      <c r="F791" s="18"/>
      <c r="G791" s="18"/>
      <c r="H791" s="18"/>
      <c r="I791" s="18"/>
      <c r="J791" s="18"/>
      <c r="K791" s="18"/>
      <c r="L791" s="18"/>
      <c r="M791" s="18"/>
      <c r="N791" s="18"/>
      <c r="O791" s="18"/>
      <c r="P791" s="20"/>
      <c r="Q791" s="20"/>
      <c r="R791" s="20"/>
      <c r="S791" s="20"/>
      <c r="T791" s="20"/>
      <c r="U791" s="20"/>
      <c r="V791" s="20"/>
      <c r="W791" s="20"/>
      <c r="X791" s="19"/>
      <c r="Y791" s="19"/>
      <c r="Z791" s="19"/>
      <c r="AA791" s="19"/>
    </row>
    <row r="792" spans="1:27" s="1" customFormat="1" ht="14.1" customHeight="1" outlineLevel="2" x14ac:dyDescent="0.2">
      <c r="A792" s="17">
        <v>17290</v>
      </c>
      <c r="B792" s="17"/>
      <c r="C792" s="17"/>
      <c r="D792" s="18" t="s">
        <v>404</v>
      </c>
      <c r="E792" s="18"/>
      <c r="F792" s="18"/>
      <c r="G792" s="18"/>
      <c r="H792" s="18"/>
      <c r="I792" s="18"/>
      <c r="J792" s="18"/>
      <c r="K792" s="18"/>
      <c r="L792" s="18"/>
      <c r="M792" s="18"/>
      <c r="N792" s="18"/>
      <c r="O792" s="18"/>
      <c r="P792" s="20">
        <v>1000</v>
      </c>
      <c r="Q792" s="20"/>
      <c r="R792" s="20"/>
      <c r="S792" s="20"/>
      <c r="T792" s="19">
        <v>790</v>
      </c>
      <c r="U792" s="19"/>
      <c r="V792" s="19"/>
      <c r="W792" s="19"/>
      <c r="X792" s="19">
        <v>15</v>
      </c>
      <c r="Y792" s="19"/>
      <c r="Z792" s="19"/>
      <c r="AA792" s="19"/>
    </row>
    <row r="793" spans="1:27" s="1" customFormat="1" ht="14.1" customHeight="1" outlineLevel="2" x14ac:dyDescent="0.2">
      <c r="A793" s="17"/>
      <c r="B793" s="17"/>
      <c r="C793" s="17"/>
      <c r="D793" s="18"/>
      <c r="E793" s="18"/>
      <c r="F793" s="18"/>
      <c r="G793" s="18"/>
      <c r="H793" s="18"/>
      <c r="I793" s="18"/>
      <c r="J793" s="18"/>
      <c r="K793" s="18"/>
      <c r="L793" s="18"/>
      <c r="M793" s="18"/>
      <c r="N793" s="18"/>
      <c r="O793" s="18"/>
      <c r="P793" s="20"/>
      <c r="Q793" s="20"/>
      <c r="R793" s="20"/>
      <c r="S793" s="20"/>
      <c r="T793" s="19"/>
      <c r="U793" s="19"/>
      <c r="V793" s="19"/>
      <c r="W793" s="19"/>
      <c r="X793" s="19"/>
      <c r="Y793" s="19"/>
      <c r="Z793" s="19"/>
      <c r="AA793" s="19"/>
    </row>
    <row r="794" spans="1:27" s="1" customFormat="1" ht="14.1" customHeight="1" outlineLevel="2" x14ac:dyDescent="0.2">
      <c r="A794" s="17">
        <v>12646</v>
      </c>
      <c r="B794" s="17"/>
      <c r="C794" s="17"/>
      <c r="D794" s="18" t="s">
        <v>405</v>
      </c>
      <c r="E794" s="18"/>
      <c r="F794" s="18"/>
      <c r="G794" s="18"/>
      <c r="H794" s="18"/>
      <c r="I794" s="18"/>
      <c r="J794" s="18"/>
      <c r="K794" s="18"/>
      <c r="L794" s="18"/>
      <c r="M794" s="18"/>
      <c r="N794" s="18"/>
      <c r="O794" s="18"/>
      <c r="P794" s="20">
        <v>1100</v>
      </c>
      <c r="Q794" s="20"/>
      <c r="R794" s="20"/>
      <c r="S794" s="20"/>
      <c r="T794" s="20">
        <v>1000</v>
      </c>
      <c r="U794" s="20"/>
      <c r="V794" s="20"/>
      <c r="W794" s="20"/>
      <c r="X794" s="19">
        <v>1</v>
      </c>
      <c r="Y794" s="19"/>
      <c r="Z794" s="19"/>
      <c r="AA794" s="19"/>
    </row>
    <row r="795" spans="1:27" s="1" customFormat="1" ht="14.1" customHeight="1" outlineLevel="2" x14ac:dyDescent="0.2">
      <c r="A795" s="17"/>
      <c r="B795" s="17"/>
      <c r="C795" s="17"/>
      <c r="D795" s="18"/>
      <c r="E795" s="18"/>
      <c r="F795" s="18"/>
      <c r="G795" s="18"/>
      <c r="H795" s="18"/>
      <c r="I795" s="18"/>
      <c r="J795" s="18"/>
      <c r="K795" s="18"/>
      <c r="L795" s="18"/>
      <c r="M795" s="18"/>
      <c r="N795" s="18"/>
      <c r="O795" s="18"/>
      <c r="P795" s="20"/>
      <c r="Q795" s="20"/>
      <c r="R795" s="20"/>
      <c r="S795" s="20"/>
      <c r="T795" s="20"/>
      <c r="U795" s="20"/>
      <c r="V795" s="20"/>
      <c r="W795" s="20"/>
      <c r="X795" s="19"/>
      <c r="Y795" s="19"/>
      <c r="Z795" s="19"/>
      <c r="AA795" s="19"/>
    </row>
    <row r="796" spans="1:27" s="1" customFormat="1" ht="11.1" customHeight="1" outlineLevel="1" x14ac:dyDescent="0.2">
      <c r="A796" s="16" t="s">
        <v>406</v>
      </c>
      <c r="B796" s="16"/>
      <c r="C796" s="16"/>
      <c r="D796" s="16"/>
      <c r="E796" s="16"/>
      <c r="F796" s="16"/>
      <c r="G796" s="16"/>
      <c r="H796" s="16"/>
      <c r="I796" s="16"/>
      <c r="J796" s="16"/>
      <c r="K796" s="16"/>
      <c r="L796" s="16"/>
      <c r="M796" s="16"/>
      <c r="N796" s="16"/>
      <c r="O796" s="16"/>
      <c r="P796" s="16"/>
      <c r="Q796" s="16"/>
      <c r="R796" s="16"/>
      <c r="S796" s="16"/>
      <c r="T796" s="16"/>
      <c r="U796" s="16"/>
      <c r="V796" s="16"/>
      <c r="W796" s="16"/>
      <c r="X796" s="16"/>
      <c r="Y796" s="16"/>
      <c r="Z796" s="16"/>
      <c r="AA796" s="16"/>
    </row>
    <row r="797" spans="1:27" s="1" customFormat="1" ht="11.1" customHeight="1" outlineLevel="1" x14ac:dyDescent="0.2">
      <c r="A797" s="16"/>
      <c r="B797" s="16"/>
      <c r="C797" s="16"/>
      <c r="D797" s="16"/>
      <c r="E797" s="16"/>
      <c r="F797" s="16"/>
      <c r="G797" s="16"/>
      <c r="H797" s="16"/>
      <c r="I797" s="16"/>
      <c r="J797" s="16"/>
      <c r="K797" s="16"/>
      <c r="L797" s="16"/>
      <c r="M797" s="16"/>
      <c r="N797" s="16"/>
      <c r="O797" s="16"/>
      <c r="P797" s="16"/>
      <c r="Q797" s="16"/>
      <c r="R797" s="16"/>
      <c r="S797" s="16"/>
      <c r="T797" s="16"/>
      <c r="U797" s="16"/>
      <c r="V797" s="16"/>
      <c r="W797" s="16"/>
      <c r="X797" s="16"/>
      <c r="Y797" s="16"/>
      <c r="Z797" s="16"/>
      <c r="AA797" s="16"/>
    </row>
    <row r="798" spans="1:27" s="1" customFormat="1" ht="11.1" customHeight="1" outlineLevel="2" x14ac:dyDescent="0.2">
      <c r="A798" s="17">
        <v>16132</v>
      </c>
      <c r="B798" s="17"/>
      <c r="C798" s="17"/>
      <c r="D798" s="18" t="s">
        <v>407</v>
      </c>
      <c r="E798" s="18"/>
      <c r="F798" s="18"/>
      <c r="G798" s="18"/>
      <c r="H798" s="18"/>
      <c r="I798" s="18"/>
      <c r="J798" s="18"/>
      <c r="K798" s="18"/>
      <c r="L798" s="18"/>
      <c r="M798" s="18"/>
      <c r="N798" s="18"/>
      <c r="O798" s="18"/>
      <c r="P798" s="19">
        <v>780</v>
      </c>
      <c r="Q798" s="19"/>
      <c r="R798" s="19"/>
      <c r="S798" s="19"/>
      <c r="T798" s="19">
        <v>500</v>
      </c>
      <c r="U798" s="19"/>
      <c r="V798" s="19"/>
      <c r="W798" s="19"/>
      <c r="X798" s="19">
        <v>2</v>
      </c>
      <c r="Y798" s="19"/>
      <c r="Z798" s="19"/>
      <c r="AA798" s="19"/>
    </row>
    <row r="799" spans="1:27" s="1" customFormat="1" ht="11.1" customHeight="1" outlineLevel="2" x14ac:dyDescent="0.2">
      <c r="A799" s="17"/>
      <c r="B799" s="17"/>
      <c r="C799" s="17"/>
      <c r="D799" s="18"/>
      <c r="E799" s="18"/>
      <c r="F799" s="18"/>
      <c r="G799" s="18"/>
      <c r="H799" s="18"/>
      <c r="I799" s="18"/>
      <c r="J799" s="18"/>
      <c r="K799" s="18"/>
      <c r="L799" s="18"/>
      <c r="M799" s="18"/>
      <c r="N799" s="18"/>
      <c r="O799" s="18"/>
      <c r="P799" s="19"/>
      <c r="Q799" s="19"/>
      <c r="R799" s="19"/>
      <c r="S799" s="19"/>
      <c r="T799" s="19"/>
      <c r="U799" s="19"/>
      <c r="V799" s="19"/>
      <c r="W799" s="19"/>
      <c r="X799" s="19"/>
      <c r="Y799" s="19"/>
      <c r="Z799" s="19"/>
      <c r="AA799" s="19"/>
    </row>
    <row r="800" spans="1:27" s="1" customFormat="1" ht="11.1" customHeight="1" outlineLevel="2" x14ac:dyDescent="0.2">
      <c r="A800" s="17">
        <v>18163</v>
      </c>
      <c r="B800" s="17"/>
      <c r="C800" s="17"/>
      <c r="D800" s="18" t="s">
        <v>408</v>
      </c>
      <c r="E800" s="18"/>
      <c r="F800" s="18"/>
      <c r="G800" s="18"/>
      <c r="H800" s="18"/>
      <c r="I800" s="18"/>
      <c r="J800" s="18"/>
      <c r="K800" s="18"/>
      <c r="L800" s="18"/>
      <c r="M800" s="18"/>
      <c r="N800" s="18"/>
      <c r="O800" s="18"/>
      <c r="P800" s="19">
        <v>850</v>
      </c>
      <c r="Q800" s="19"/>
      <c r="R800" s="19"/>
      <c r="S800" s="19"/>
      <c r="T800" s="19">
        <v>750</v>
      </c>
      <c r="U800" s="19"/>
      <c r="V800" s="19"/>
      <c r="W800" s="19"/>
      <c r="X800" s="19">
        <v>15</v>
      </c>
      <c r="Y800" s="19"/>
      <c r="Z800" s="19"/>
      <c r="AA800" s="19"/>
    </row>
    <row r="801" spans="1:27" s="1" customFormat="1" ht="11.1" customHeight="1" outlineLevel="2" x14ac:dyDescent="0.2">
      <c r="A801" s="17"/>
      <c r="B801" s="17"/>
      <c r="C801" s="17"/>
      <c r="D801" s="18"/>
      <c r="E801" s="18"/>
      <c r="F801" s="18"/>
      <c r="G801" s="18"/>
      <c r="H801" s="18"/>
      <c r="I801" s="18"/>
      <c r="J801" s="18"/>
      <c r="K801" s="18"/>
      <c r="L801" s="18"/>
      <c r="M801" s="18"/>
      <c r="N801" s="18"/>
      <c r="O801" s="18"/>
      <c r="P801" s="19"/>
      <c r="Q801" s="19"/>
      <c r="R801" s="19"/>
      <c r="S801" s="19"/>
      <c r="T801" s="19"/>
      <c r="U801" s="19"/>
      <c r="V801" s="19"/>
      <c r="W801" s="19"/>
      <c r="X801" s="19"/>
      <c r="Y801" s="19"/>
      <c r="Z801" s="19"/>
      <c r="AA801" s="19"/>
    </row>
    <row r="802" spans="1:27" s="1" customFormat="1" ht="11.1" customHeight="1" outlineLevel="2" x14ac:dyDescent="0.2">
      <c r="A802" s="17">
        <v>16131</v>
      </c>
      <c r="B802" s="17"/>
      <c r="C802" s="17"/>
      <c r="D802" s="18" t="s">
        <v>409</v>
      </c>
      <c r="E802" s="18"/>
      <c r="F802" s="18"/>
      <c r="G802" s="18"/>
      <c r="H802" s="18"/>
      <c r="I802" s="18"/>
      <c r="J802" s="18"/>
      <c r="K802" s="18"/>
      <c r="L802" s="18"/>
      <c r="M802" s="18"/>
      <c r="N802" s="18"/>
      <c r="O802" s="18"/>
      <c r="P802" s="20">
        <v>1300</v>
      </c>
      <c r="Q802" s="20"/>
      <c r="R802" s="20"/>
      <c r="S802" s="20"/>
      <c r="T802" s="20">
        <v>1000</v>
      </c>
      <c r="U802" s="20"/>
      <c r="V802" s="20"/>
      <c r="W802" s="20"/>
      <c r="X802" s="19">
        <v>1</v>
      </c>
      <c r="Y802" s="19"/>
      <c r="Z802" s="19"/>
      <c r="AA802" s="19"/>
    </row>
    <row r="803" spans="1:27" s="1" customFormat="1" ht="11.1" customHeight="1" outlineLevel="2" x14ac:dyDescent="0.2">
      <c r="A803" s="17"/>
      <c r="B803" s="17"/>
      <c r="C803" s="17"/>
      <c r="D803" s="18"/>
      <c r="E803" s="18"/>
      <c r="F803" s="18"/>
      <c r="G803" s="18"/>
      <c r="H803" s="18"/>
      <c r="I803" s="18"/>
      <c r="J803" s="18"/>
      <c r="K803" s="18"/>
      <c r="L803" s="18"/>
      <c r="M803" s="18"/>
      <c r="N803" s="18"/>
      <c r="O803" s="18"/>
      <c r="P803" s="20"/>
      <c r="Q803" s="20"/>
      <c r="R803" s="20"/>
      <c r="S803" s="20"/>
      <c r="T803" s="20"/>
      <c r="U803" s="20"/>
      <c r="V803" s="20"/>
      <c r="W803" s="20"/>
      <c r="X803" s="19"/>
      <c r="Y803" s="19"/>
      <c r="Z803" s="19"/>
      <c r="AA803" s="19"/>
    </row>
    <row r="804" spans="1:27" s="1" customFormat="1" ht="11.1" customHeight="1" outlineLevel="2" x14ac:dyDescent="0.2">
      <c r="A804" s="17">
        <v>17427</v>
      </c>
      <c r="B804" s="17"/>
      <c r="C804" s="17"/>
      <c r="D804" s="18" t="s">
        <v>410</v>
      </c>
      <c r="E804" s="18"/>
      <c r="F804" s="18"/>
      <c r="G804" s="18"/>
      <c r="H804" s="18"/>
      <c r="I804" s="18"/>
      <c r="J804" s="18"/>
      <c r="K804" s="18"/>
      <c r="L804" s="18"/>
      <c r="M804" s="18"/>
      <c r="N804" s="18"/>
      <c r="O804" s="18"/>
      <c r="P804" s="20">
        <v>1300</v>
      </c>
      <c r="Q804" s="20"/>
      <c r="R804" s="20"/>
      <c r="S804" s="20"/>
      <c r="T804" s="20">
        <v>1200</v>
      </c>
      <c r="U804" s="20"/>
      <c r="V804" s="20"/>
      <c r="W804" s="20"/>
      <c r="X804" s="19">
        <v>2</v>
      </c>
      <c r="Y804" s="19"/>
      <c r="Z804" s="19"/>
      <c r="AA804" s="19"/>
    </row>
    <row r="805" spans="1:27" s="1" customFormat="1" ht="11.1" customHeight="1" outlineLevel="2" x14ac:dyDescent="0.2">
      <c r="A805" s="17"/>
      <c r="B805" s="17"/>
      <c r="C805" s="17"/>
      <c r="D805" s="18"/>
      <c r="E805" s="18"/>
      <c r="F805" s="18"/>
      <c r="G805" s="18"/>
      <c r="H805" s="18"/>
      <c r="I805" s="18"/>
      <c r="J805" s="18"/>
      <c r="K805" s="18"/>
      <c r="L805" s="18"/>
      <c r="M805" s="18"/>
      <c r="N805" s="18"/>
      <c r="O805" s="18"/>
      <c r="P805" s="20"/>
      <c r="Q805" s="20"/>
      <c r="R805" s="20"/>
      <c r="S805" s="20"/>
      <c r="T805" s="20"/>
      <c r="U805" s="20"/>
      <c r="V805" s="20"/>
      <c r="W805" s="20"/>
      <c r="X805" s="19"/>
      <c r="Y805" s="19"/>
      <c r="Z805" s="19"/>
      <c r="AA805" s="19"/>
    </row>
    <row r="806" spans="1:27" s="1" customFormat="1" ht="11.1" customHeight="1" outlineLevel="2" x14ac:dyDescent="0.2">
      <c r="A806" s="17">
        <v>15172</v>
      </c>
      <c r="B806" s="17"/>
      <c r="C806" s="17"/>
      <c r="D806" s="18" t="s">
        <v>411</v>
      </c>
      <c r="E806" s="18"/>
      <c r="F806" s="18"/>
      <c r="G806" s="18"/>
      <c r="H806" s="18"/>
      <c r="I806" s="18"/>
      <c r="J806" s="18"/>
      <c r="K806" s="18"/>
      <c r="L806" s="18"/>
      <c r="M806" s="18"/>
      <c r="N806" s="18"/>
      <c r="O806" s="18"/>
      <c r="P806" s="20">
        <v>1160</v>
      </c>
      <c r="Q806" s="20"/>
      <c r="R806" s="20"/>
      <c r="S806" s="20"/>
      <c r="T806" s="20">
        <v>1050</v>
      </c>
      <c r="U806" s="20"/>
      <c r="V806" s="20"/>
      <c r="W806" s="20"/>
      <c r="X806" s="19">
        <v>3</v>
      </c>
      <c r="Y806" s="19"/>
      <c r="Z806" s="19"/>
      <c r="AA806" s="19"/>
    </row>
    <row r="807" spans="1:27" s="1" customFormat="1" ht="11.1" customHeight="1" outlineLevel="2" x14ac:dyDescent="0.2">
      <c r="A807" s="17"/>
      <c r="B807" s="17"/>
      <c r="C807" s="17"/>
      <c r="D807" s="18"/>
      <c r="E807" s="18"/>
      <c r="F807" s="18"/>
      <c r="G807" s="18"/>
      <c r="H807" s="18"/>
      <c r="I807" s="18"/>
      <c r="J807" s="18"/>
      <c r="K807" s="18"/>
      <c r="L807" s="18"/>
      <c r="M807" s="18"/>
      <c r="N807" s="18"/>
      <c r="O807" s="18"/>
      <c r="P807" s="20"/>
      <c r="Q807" s="20"/>
      <c r="R807" s="20"/>
      <c r="S807" s="20"/>
      <c r="T807" s="20"/>
      <c r="U807" s="20"/>
      <c r="V807" s="20"/>
      <c r="W807" s="20"/>
      <c r="X807" s="19"/>
      <c r="Y807" s="19"/>
      <c r="Z807" s="19"/>
      <c r="AA807" s="19"/>
    </row>
    <row r="808" spans="1:27" s="1" customFormat="1" ht="11.1" customHeight="1" outlineLevel="2" x14ac:dyDescent="0.2">
      <c r="A808" s="17">
        <v>16278</v>
      </c>
      <c r="B808" s="17"/>
      <c r="C808" s="17"/>
      <c r="D808" s="18" t="s">
        <v>412</v>
      </c>
      <c r="E808" s="18"/>
      <c r="F808" s="18"/>
      <c r="G808" s="18"/>
      <c r="H808" s="18"/>
      <c r="I808" s="18"/>
      <c r="J808" s="18"/>
      <c r="K808" s="18"/>
      <c r="L808" s="18"/>
      <c r="M808" s="18"/>
      <c r="N808" s="18"/>
      <c r="O808" s="18"/>
      <c r="P808" s="20">
        <v>1900</v>
      </c>
      <c r="Q808" s="20"/>
      <c r="R808" s="20"/>
      <c r="S808" s="20"/>
      <c r="T808" s="20">
        <v>1600</v>
      </c>
      <c r="U808" s="20"/>
      <c r="V808" s="20"/>
      <c r="W808" s="20"/>
      <c r="X808" s="19">
        <v>14</v>
      </c>
      <c r="Y808" s="19"/>
      <c r="Z808" s="19"/>
      <c r="AA808" s="19"/>
    </row>
    <row r="809" spans="1:27" s="1" customFormat="1" ht="11.1" customHeight="1" outlineLevel="2" x14ac:dyDescent="0.2">
      <c r="A809" s="17"/>
      <c r="B809" s="17"/>
      <c r="C809" s="17"/>
      <c r="D809" s="18"/>
      <c r="E809" s="18"/>
      <c r="F809" s="18"/>
      <c r="G809" s="18"/>
      <c r="H809" s="18"/>
      <c r="I809" s="18"/>
      <c r="J809" s="18"/>
      <c r="K809" s="18"/>
      <c r="L809" s="18"/>
      <c r="M809" s="18"/>
      <c r="N809" s="18"/>
      <c r="O809" s="18"/>
      <c r="P809" s="20"/>
      <c r="Q809" s="20"/>
      <c r="R809" s="20"/>
      <c r="S809" s="20"/>
      <c r="T809" s="20"/>
      <c r="U809" s="20"/>
      <c r="V809" s="20"/>
      <c r="W809" s="20"/>
      <c r="X809" s="19"/>
      <c r="Y809" s="19"/>
      <c r="Z809" s="19"/>
      <c r="AA809" s="19"/>
    </row>
    <row r="810" spans="1:27" s="1" customFormat="1" ht="11.1" customHeight="1" outlineLevel="2" x14ac:dyDescent="0.2">
      <c r="A810" s="17">
        <v>17332</v>
      </c>
      <c r="B810" s="17"/>
      <c r="C810" s="17"/>
      <c r="D810" s="18" t="s">
        <v>413</v>
      </c>
      <c r="E810" s="18"/>
      <c r="F810" s="18"/>
      <c r="G810" s="18"/>
      <c r="H810" s="18"/>
      <c r="I810" s="18"/>
      <c r="J810" s="18"/>
      <c r="K810" s="18"/>
      <c r="L810" s="18"/>
      <c r="M810" s="18"/>
      <c r="N810" s="18"/>
      <c r="O810" s="18"/>
      <c r="P810" s="20">
        <v>1050</v>
      </c>
      <c r="Q810" s="20"/>
      <c r="R810" s="20"/>
      <c r="S810" s="20"/>
      <c r="T810" s="19">
        <v>850</v>
      </c>
      <c r="U810" s="19"/>
      <c r="V810" s="19"/>
      <c r="W810" s="19"/>
      <c r="X810" s="19">
        <v>21</v>
      </c>
      <c r="Y810" s="19"/>
      <c r="Z810" s="19"/>
      <c r="AA810" s="19"/>
    </row>
    <row r="811" spans="1:27" s="1" customFormat="1" ht="11.1" customHeight="1" outlineLevel="2" x14ac:dyDescent="0.2">
      <c r="A811" s="17"/>
      <c r="B811" s="17"/>
      <c r="C811" s="17"/>
      <c r="D811" s="18"/>
      <c r="E811" s="18"/>
      <c r="F811" s="18"/>
      <c r="G811" s="18"/>
      <c r="H811" s="18"/>
      <c r="I811" s="18"/>
      <c r="J811" s="18"/>
      <c r="K811" s="18"/>
      <c r="L811" s="18"/>
      <c r="M811" s="18"/>
      <c r="N811" s="18"/>
      <c r="O811" s="18"/>
      <c r="P811" s="20"/>
      <c r="Q811" s="20"/>
      <c r="R811" s="20"/>
      <c r="S811" s="20"/>
      <c r="T811" s="19"/>
      <c r="U811" s="19"/>
      <c r="V811" s="19"/>
      <c r="W811" s="19"/>
      <c r="X811" s="19"/>
      <c r="Y811" s="19"/>
      <c r="Z811" s="19"/>
      <c r="AA811" s="19"/>
    </row>
    <row r="812" spans="1:27" s="1" customFormat="1" ht="11.1" customHeight="1" outlineLevel="2" x14ac:dyDescent="0.2">
      <c r="A812" s="17">
        <v>17085</v>
      </c>
      <c r="B812" s="17"/>
      <c r="C812" s="17"/>
      <c r="D812" s="18" t="s">
        <v>414</v>
      </c>
      <c r="E812" s="18"/>
      <c r="F812" s="18"/>
      <c r="G812" s="18"/>
      <c r="H812" s="18"/>
      <c r="I812" s="18"/>
      <c r="J812" s="18"/>
      <c r="K812" s="18"/>
      <c r="L812" s="18"/>
      <c r="M812" s="18"/>
      <c r="N812" s="18"/>
      <c r="O812" s="18"/>
      <c r="P812" s="20">
        <v>1500</v>
      </c>
      <c r="Q812" s="20"/>
      <c r="R812" s="20"/>
      <c r="S812" s="20"/>
      <c r="T812" s="20">
        <v>1000</v>
      </c>
      <c r="U812" s="20"/>
      <c r="V812" s="20"/>
      <c r="W812" s="20"/>
      <c r="X812" s="19">
        <v>1</v>
      </c>
      <c r="Y812" s="19"/>
      <c r="Z812" s="19"/>
      <c r="AA812" s="19"/>
    </row>
    <row r="813" spans="1:27" s="1" customFormat="1" ht="11.1" customHeight="1" outlineLevel="2" x14ac:dyDescent="0.2">
      <c r="A813" s="17"/>
      <c r="B813" s="17"/>
      <c r="C813" s="17"/>
      <c r="D813" s="18"/>
      <c r="E813" s="18"/>
      <c r="F813" s="18"/>
      <c r="G813" s="18"/>
      <c r="H813" s="18"/>
      <c r="I813" s="18"/>
      <c r="J813" s="18"/>
      <c r="K813" s="18"/>
      <c r="L813" s="18"/>
      <c r="M813" s="18"/>
      <c r="N813" s="18"/>
      <c r="O813" s="18"/>
      <c r="P813" s="20"/>
      <c r="Q813" s="20"/>
      <c r="R813" s="20"/>
      <c r="S813" s="20"/>
      <c r="T813" s="20"/>
      <c r="U813" s="20"/>
      <c r="V813" s="20"/>
      <c r="W813" s="20"/>
      <c r="X813" s="19"/>
      <c r="Y813" s="19"/>
      <c r="Z813" s="19"/>
      <c r="AA813" s="19"/>
    </row>
    <row r="814" spans="1:27" s="1" customFormat="1" ht="11.1" customHeight="1" outlineLevel="2" x14ac:dyDescent="0.2">
      <c r="A814" s="17">
        <v>15173</v>
      </c>
      <c r="B814" s="17"/>
      <c r="C814" s="17"/>
      <c r="D814" s="18" t="s">
        <v>415</v>
      </c>
      <c r="E814" s="18"/>
      <c r="F814" s="18"/>
      <c r="G814" s="18"/>
      <c r="H814" s="18"/>
      <c r="I814" s="18"/>
      <c r="J814" s="18"/>
      <c r="K814" s="18"/>
      <c r="L814" s="18"/>
      <c r="M814" s="18"/>
      <c r="N814" s="18"/>
      <c r="O814" s="18"/>
      <c r="P814" s="20">
        <v>1590</v>
      </c>
      <c r="Q814" s="20"/>
      <c r="R814" s="20"/>
      <c r="S814" s="20"/>
      <c r="T814" s="20">
        <v>1420</v>
      </c>
      <c r="U814" s="20"/>
      <c r="V814" s="20"/>
      <c r="W814" s="20"/>
      <c r="X814" s="19">
        <v>3</v>
      </c>
      <c r="Y814" s="19"/>
      <c r="Z814" s="19"/>
      <c r="AA814" s="19"/>
    </row>
    <row r="815" spans="1:27" s="1" customFormat="1" ht="11.1" customHeight="1" outlineLevel="2" x14ac:dyDescent="0.2">
      <c r="A815" s="17"/>
      <c r="B815" s="17"/>
      <c r="C815" s="17"/>
      <c r="D815" s="18"/>
      <c r="E815" s="18"/>
      <c r="F815" s="18"/>
      <c r="G815" s="18"/>
      <c r="H815" s="18"/>
      <c r="I815" s="18"/>
      <c r="J815" s="18"/>
      <c r="K815" s="18"/>
      <c r="L815" s="18"/>
      <c r="M815" s="18"/>
      <c r="N815" s="18"/>
      <c r="O815" s="18"/>
      <c r="P815" s="20"/>
      <c r="Q815" s="20"/>
      <c r="R815" s="20"/>
      <c r="S815" s="20"/>
      <c r="T815" s="20"/>
      <c r="U815" s="20"/>
      <c r="V815" s="20"/>
      <c r="W815" s="20"/>
      <c r="X815" s="19"/>
      <c r="Y815" s="19"/>
      <c r="Z815" s="19"/>
      <c r="AA815" s="19"/>
    </row>
    <row r="816" spans="1:27" s="1" customFormat="1" ht="11.1" customHeight="1" outlineLevel="2" x14ac:dyDescent="0.2">
      <c r="A816" s="17">
        <v>18151</v>
      </c>
      <c r="B816" s="17"/>
      <c r="C816" s="17"/>
      <c r="D816" s="18" t="s">
        <v>416</v>
      </c>
      <c r="E816" s="18"/>
      <c r="F816" s="18"/>
      <c r="G816" s="18"/>
      <c r="H816" s="18"/>
      <c r="I816" s="18"/>
      <c r="J816" s="18"/>
      <c r="K816" s="18"/>
      <c r="L816" s="18"/>
      <c r="M816" s="18"/>
      <c r="N816" s="18"/>
      <c r="O816" s="18"/>
      <c r="P816" s="20">
        <v>2500</v>
      </c>
      <c r="Q816" s="20"/>
      <c r="R816" s="20"/>
      <c r="S816" s="20"/>
      <c r="T816" s="20">
        <v>2200</v>
      </c>
      <c r="U816" s="20"/>
      <c r="V816" s="20"/>
      <c r="W816" s="20"/>
      <c r="X816" s="19">
        <v>10</v>
      </c>
      <c r="Y816" s="19"/>
      <c r="Z816" s="19"/>
      <c r="AA816" s="19"/>
    </row>
    <row r="817" spans="1:27" s="1" customFormat="1" ht="11.1" customHeight="1" outlineLevel="2" x14ac:dyDescent="0.2">
      <c r="A817" s="17"/>
      <c r="B817" s="17"/>
      <c r="C817" s="17"/>
      <c r="D817" s="18"/>
      <c r="E817" s="18"/>
      <c r="F817" s="18"/>
      <c r="G817" s="18"/>
      <c r="H817" s="18"/>
      <c r="I817" s="18"/>
      <c r="J817" s="18"/>
      <c r="K817" s="18"/>
      <c r="L817" s="18"/>
      <c r="M817" s="18"/>
      <c r="N817" s="18"/>
      <c r="O817" s="18"/>
      <c r="P817" s="20"/>
      <c r="Q817" s="20"/>
      <c r="R817" s="20"/>
      <c r="S817" s="20"/>
      <c r="T817" s="20"/>
      <c r="U817" s="20"/>
      <c r="V817" s="20"/>
      <c r="W817" s="20"/>
      <c r="X817" s="19"/>
      <c r="Y817" s="19"/>
      <c r="Z817" s="19"/>
      <c r="AA817" s="19"/>
    </row>
    <row r="818" spans="1:27" s="1" customFormat="1" ht="11.1" customHeight="1" outlineLevel="2" x14ac:dyDescent="0.2">
      <c r="A818" s="17">
        <v>17488</v>
      </c>
      <c r="B818" s="17"/>
      <c r="C818" s="17"/>
      <c r="D818" s="18" t="s">
        <v>417</v>
      </c>
      <c r="E818" s="18"/>
      <c r="F818" s="18"/>
      <c r="G818" s="18"/>
      <c r="H818" s="18"/>
      <c r="I818" s="18"/>
      <c r="J818" s="18"/>
      <c r="K818" s="18"/>
      <c r="L818" s="18"/>
      <c r="M818" s="18"/>
      <c r="N818" s="18"/>
      <c r="O818" s="18"/>
      <c r="P818" s="19">
        <v>600</v>
      </c>
      <c r="Q818" s="19"/>
      <c r="R818" s="19"/>
      <c r="S818" s="19"/>
      <c r="T818" s="19">
        <v>500</v>
      </c>
      <c r="U818" s="19"/>
      <c r="V818" s="19"/>
      <c r="W818" s="19"/>
      <c r="X818" s="19">
        <v>1</v>
      </c>
      <c r="Y818" s="19"/>
      <c r="Z818" s="19"/>
      <c r="AA818" s="19"/>
    </row>
    <row r="819" spans="1:27" s="1" customFormat="1" ht="11.1" customHeight="1" outlineLevel="2" x14ac:dyDescent="0.2">
      <c r="A819" s="17"/>
      <c r="B819" s="17"/>
      <c r="C819" s="17"/>
      <c r="D819" s="18"/>
      <c r="E819" s="18"/>
      <c r="F819" s="18"/>
      <c r="G819" s="18"/>
      <c r="H819" s="18"/>
      <c r="I819" s="18"/>
      <c r="J819" s="18"/>
      <c r="K819" s="18"/>
      <c r="L819" s="18"/>
      <c r="M819" s="18"/>
      <c r="N819" s="18"/>
      <c r="O819" s="18"/>
      <c r="P819" s="19"/>
      <c r="Q819" s="19"/>
      <c r="R819" s="19"/>
      <c r="S819" s="19"/>
      <c r="T819" s="19"/>
      <c r="U819" s="19"/>
      <c r="V819" s="19"/>
      <c r="W819" s="19"/>
      <c r="X819" s="19"/>
      <c r="Y819" s="19"/>
      <c r="Z819" s="19"/>
      <c r="AA819" s="19"/>
    </row>
    <row r="820" spans="1:27" s="1" customFormat="1" ht="11.1" customHeight="1" outlineLevel="2" x14ac:dyDescent="0.2">
      <c r="A820" s="17">
        <v>16134</v>
      </c>
      <c r="B820" s="17"/>
      <c r="C820" s="17"/>
      <c r="D820" s="18" t="s">
        <v>418</v>
      </c>
      <c r="E820" s="18"/>
      <c r="F820" s="18"/>
      <c r="G820" s="18"/>
      <c r="H820" s="18"/>
      <c r="I820" s="18"/>
      <c r="J820" s="18"/>
      <c r="K820" s="18"/>
      <c r="L820" s="18"/>
      <c r="M820" s="18"/>
      <c r="N820" s="18"/>
      <c r="O820" s="18"/>
      <c r="P820" s="19">
        <v>390</v>
      </c>
      <c r="Q820" s="19"/>
      <c r="R820" s="19"/>
      <c r="S820" s="19"/>
      <c r="T820" s="19">
        <v>250</v>
      </c>
      <c r="U820" s="19"/>
      <c r="V820" s="19"/>
      <c r="W820" s="19"/>
      <c r="X820" s="19">
        <v>3</v>
      </c>
      <c r="Y820" s="19"/>
      <c r="Z820" s="19"/>
      <c r="AA820" s="19"/>
    </row>
    <row r="821" spans="1:27" s="1" customFormat="1" ht="11.1" customHeight="1" outlineLevel="2" x14ac:dyDescent="0.2">
      <c r="A821" s="17"/>
      <c r="B821" s="17"/>
      <c r="C821" s="17"/>
      <c r="D821" s="18"/>
      <c r="E821" s="18"/>
      <c r="F821" s="18"/>
      <c r="G821" s="18"/>
      <c r="H821" s="18"/>
      <c r="I821" s="18"/>
      <c r="J821" s="18"/>
      <c r="K821" s="18"/>
      <c r="L821" s="18"/>
      <c r="M821" s="18"/>
      <c r="N821" s="18"/>
      <c r="O821" s="18"/>
      <c r="P821" s="19"/>
      <c r="Q821" s="19"/>
      <c r="R821" s="19"/>
      <c r="S821" s="19"/>
      <c r="T821" s="19"/>
      <c r="U821" s="19"/>
      <c r="V821" s="19"/>
      <c r="W821" s="19"/>
      <c r="X821" s="19"/>
      <c r="Y821" s="19"/>
      <c r="Z821" s="19"/>
      <c r="AA821" s="19"/>
    </row>
    <row r="822" spans="1:27" s="1" customFormat="1" ht="11.1" customHeight="1" outlineLevel="2" x14ac:dyDescent="0.2">
      <c r="A822" s="17">
        <v>16866</v>
      </c>
      <c r="B822" s="17"/>
      <c r="C822" s="17"/>
      <c r="D822" s="18" t="s">
        <v>419</v>
      </c>
      <c r="E822" s="18"/>
      <c r="F822" s="18"/>
      <c r="G822" s="18"/>
      <c r="H822" s="18"/>
      <c r="I822" s="18"/>
      <c r="J822" s="18"/>
      <c r="K822" s="18"/>
      <c r="L822" s="18"/>
      <c r="M822" s="18"/>
      <c r="N822" s="18"/>
      <c r="O822" s="18"/>
      <c r="P822" s="19">
        <v>450</v>
      </c>
      <c r="Q822" s="19"/>
      <c r="R822" s="19"/>
      <c r="S822" s="19"/>
      <c r="T822" s="19">
        <v>350</v>
      </c>
      <c r="U822" s="19"/>
      <c r="V822" s="19"/>
      <c r="W822" s="19"/>
      <c r="X822" s="19">
        <v>1</v>
      </c>
      <c r="Y822" s="19"/>
      <c r="Z822" s="19"/>
      <c r="AA822" s="19"/>
    </row>
    <row r="823" spans="1:27" s="1" customFormat="1" ht="11.1" customHeight="1" outlineLevel="2" x14ac:dyDescent="0.2">
      <c r="A823" s="17"/>
      <c r="B823" s="17"/>
      <c r="C823" s="17"/>
      <c r="D823" s="18"/>
      <c r="E823" s="18"/>
      <c r="F823" s="18"/>
      <c r="G823" s="18"/>
      <c r="H823" s="18"/>
      <c r="I823" s="18"/>
      <c r="J823" s="18"/>
      <c r="K823" s="18"/>
      <c r="L823" s="18"/>
      <c r="M823" s="18"/>
      <c r="N823" s="18"/>
      <c r="O823" s="18"/>
      <c r="P823" s="19"/>
      <c r="Q823" s="19"/>
      <c r="R823" s="19"/>
      <c r="S823" s="19"/>
      <c r="T823" s="19"/>
      <c r="U823" s="19"/>
      <c r="V823" s="19"/>
      <c r="W823" s="19"/>
      <c r="X823" s="19"/>
      <c r="Y823" s="19"/>
      <c r="Z823" s="19"/>
      <c r="AA823" s="19"/>
    </row>
    <row r="824" spans="1:27" s="1" customFormat="1" ht="11.1" customHeight="1" outlineLevel="2" x14ac:dyDescent="0.2">
      <c r="A824" s="17">
        <v>16700</v>
      </c>
      <c r="B824" s="17"/>
      <c r="C824" s="17"/>
      <c r="D824" s="18" t="s">
        <v>420</v>
      </c>
      <c r="E824" s="18"/>
      <c r="F824" s="18"/>
      <c r="G824" s="18"/>
      <c r="H824" s="18"/>
      <c r="I824" s="18"/>
      <c r="J824" s="18"/>
      <c r="K824" s="18"/>
      <c r="L824" s="18"/>
      <c r="M824" s="18"/>
      <c r="N824" s="18"/>
      <c r="O824" s="18"/>
      <c r="P824" s="20">
        <v>1300</v>
      </c>
      <c r="Q824" s="20"/>
      <c r="R824" s="20"/>
      <c r="S824" s="20"/>
      <c r="T824" s="20">
        <v>1000</v>
      </c>
      <c r="U824" s="20"/>
      <c r="V824" s="20"/>
      <c r="W824" s="20"/>
      <c r="X824" s="19">
        <v>1</v>
      </c>
      <c r="Y824" s="19"/>
      <c r="Z824" s="19"/>
      <c r="AA824" s="19"/>
    </row>
    <row r="825" spans="1:27" s="1" customFormat="1" ht="11.1" customHeight="1" outlineLevel="2" x14ac:dyDescent="0.2">
      <c r="A825" s="17"/>
      <c r="B825" s="17"/>
      <c r="C825" s="17"/>
      <c r="D825" s="18"/>
      <c r="E825" s="18"/>
      <c r="F825" s="18"/>
      <c r="G825" s="18"/>
      <c r="H825" s="18"/>
      <c r="I825" s="18"/>
      <c r="J825" s="18"/>
      <c r="K825" s="18"/>
      <c r="L825" s="18"/>
      <c r="M825" s="18"/>
      <c r="N825" s="18"/>
      <c r="O825" s="18"/>
      <c r="P825" s="20"/>
      <c r="Q825" s="20"/>
      <c r="R825" s="20"/>
      <c r="S825" s="20"/>
      <c r="T825" s="20"/>
      <c r="U825" s="20"/>
      <c r="V825" s="20"/>
      <c r="W825" s="20"/>
      <c r="X825" s="19"/>
      <c r="Y825" s="19"/>
      <c r="Z825" s="19"/>
      <c r="AA825" s="19"/>
    </row>
    <row r="826" spans="1:27" s="1" customFormat="1" ht="14.1" customHeight="1" outlineLevel="2" x14ac:dyDescent="0.2">
      <c r="A826" s="17">
        <v>14580</v>
      </c>
      <c r="B826" s="17"/>
      <c r="C826" s="17"/>
      <c r="D826" s="18" t="s">
        <v>421</v>
      </c>
      <c r="E826" s="18"/>
      <c r="F826" s="18"/>
      <c r="G826" s="18"/>
      <c r="H826" s="18"/>
      <c r="I826" s="18"/>
      <c r="J826" s="18"/>
      <c r="K826" s="18"/>
      <c r="L826" s="18"/>
      <c r="M826" s="18"/>
      <c r="N826" s="18"/>
      <c r="O826" s="18"/>
      <c r="P826" s="20">
        <v>1100</v>
      </c>
      <c r="Q826" s="20"/>
      <c r="R826" s="20"/>
      <c r="S826" s="20"/>
      <c r="T826" s="20">
        <v>1000</v>
      </c>
      <c r="U826" s="20"/>
      <c r="V826" s="20"/>
      <c r="W826" s="20"/>
      <c r="X826" s="19">
        <v>1</v>
      </c>
      <c r="Y826" s="19"/>
      <c r="Z826" s="19"/>
      <c r="AA826" s="19"/>
    </row>
    <row r="827" spans="1:27" s="1" customFormat="1" ht="14.1" customHeight="1" outlineLevel="2" x14ac:dyDescent="0.2">
      <c r="A827" s="17"/>
      <c r="B827" s="17"/>
      <c r="C827" s="17"/>
      <c r="D827" s="18"/>
      <c r="E827" s="18"/>
      <c r="F827" s="18"/>
      <c r="G827" s="18"/>
      <c r="H827" s="18"/>
      <c r="I827" s="18"/>
      <c r="J827" s="18"/>
      <c r="K827" s="18"/>
      <c r="L827" s="18"/>
      <c r="M827" s="18"/>
      <c r="N827" s="18"/>
      <c r="O827" s="18"/>
      <c r="P827" s="20"/>
      <c r="Q827" s="20"/>
      <c r="R827" s="20"/>
      <c r="S827" s="20"/>
      <c r="T827" s="20"/>
      <c r="U827" s="20"/>
      <c r="V827" s="20"/>
      <c r="W827" s="20"/>
      <c r="X827" s="19"/>
      <c r="Y827" s="19"/>
      <c r="Z827" s="19"/>
      <c r="AA827" s="19"/>
    </row>
    <row r="828" spans="1:27" s="1" customFormat="1" ht="14.1" customHeight="1" outlineLevel="2" x14ac:dyDescent="0.2">
      <c r="A828" s="17">
        <v>16613</v>
      </c>
      <c r="B828" s="17"/>
      <c r="C828" s="17"/>
      <c r="D828" s="18" t="s">
        <v>422</v>
      </c>
      <c r="E828" s="18"/>
      <c r="F828" s="18"/>
      <c r="G828" s="18"/>
      <c r="H828" s="18"/>
      <c r="I828" s="18"/>
      <c r="J828" s="18"/>
      <c r="K828" s="18"/>
      <c r="L828" s="18"/>
      <c r="M828" s="18"/>
      <c r="N828" s="18"/>
      <c r="O828" s="18"/>
      <c r="P828" s="19">
        <v>150</v>
      </c>
      <c r="Q828" s="19"/>
      <c r="R828" s="19"/>
      <c r="S828" s="19"/>
      <c r="T828" s="19">
        <v>50</v>
      </c>
      <c r="U828" s="19"/>
      <c r="V828" s="19"/>
      <c r="W828" s="19"/>
      <c r="X828" s="19">
        <v>1</v>
      </c>
      <c r="Y828" s="19"/>
      <c r="Z828" s="19"/>
      <c r="AA828" s="19"/>
    </row>
    <row r="829" spans="1:27" s="1" customFormat="1" ht="14.1" customHeight="1" outlineLevel="2" x14ac:dyDescent="0.2">
      <c r="A829" s="17"/>
      <c r="B829" s="17"/>
      <c r="C829" s="17"/>
      <c r="D829" s="18"/>
      <c r="E829" s="18"/>
      <c r="F829" s="18"/>
      <c r="G829" s="18"/>
      <c r="H829" s="18"/>
      <c r="I829" s="18"/>
      <c r="J829" s="18"/>
      <c r="K829" s="18"/>
      <c r="L829" s="18"/>
      <c r="M829" s="18"/>
      <c r="N829" s="18"/>
      <c r="O829" s="18"/>
      <c r="P829" s="19"/>
      <c r="Q829" s="19"/>
      <c r="R829" s="19"/>
      <c r="S829" s="19"/>
      <c r="T829" s="19"/>
      <c r="U829" s="19"/>
      <c r="V829" s="19"/>
      <c r="W829" s="19"/>
      <c r="X829" s="19"/>
      <c r="Y829" s="19"/>
      <c r="Z829" s="19"/>
      <c r="AA829" s="19"/>
    </row>
    <row r="830" spans="1:27" s="1" customFormat="1" ht="11.1" customHeight="1" outlineLevel="2" x14ac:dyDescent="0.2">
      <c r="A830" s="17">
        <v>16139</v>
      </c>
      <c r="B830" s="17"/>
      <c r="C830" s="17"/>
      <c r="D830" s="18" t="s">
        <v>423</v>
      </c>
      <c r="E830" s="18"/>
      <c r="F830" s="18"/>
      <c r="G830" s="18"/>
      <c r="H830" s="18"/>
      <c r="I830" s="18"/>
      <c r="J830" s="18"/>
      <c r="K830" s="18"/>
      <c r="L830" s="18"/>
      <c r="M830" s="18"/>
      <c r="N830" s="18"/>
      <c r="O830" s="18"/>
      <c r="P830" s="19">
        <v>250</v>
      </c>
      <c r="Q830" s="19"/>
      <c r="R830" s="19"/>
      <c r="S830" s="19"/>
      <c r="T830" s="19">
        <v>200</v>
      </c>
      <c r="U830" s="19"/>
      <c r="V830" s="19"/>
      <c r="W830" s="19"/>
      <c r="X830" s="19">
        <v>1</v>
      </c>
      <c r="Y830" s="19"/>
      <c r="Z830" s="19"/>
      <c r="AA830" s="19"/>
    </row>
    <row r="831" spans="1:27" s="1" customFormat="1" ht="11.1" customHeight="1" outlineLevel="2" x14ac:dyDescent="0.2">
      <c r="A831" s="17"/>
      <c r="B831" s="17"/>
      <c r="C831" s="17"/>
      <c r="D831" s="18"/>
      <c r="E831" s="18"/>
      <c r="F831" s="18"/>
      <c r="G831" s="18"/>
      <c r="H831" s="18"/>
      <c r="I831" s="18"/>
      <c r="J831" s="18"/>
      <c r="K831" s="18"/>
      <c r="L831" s="18"/>
      <c r="M831" s="18"/>
      <c r="N831" s="18"/>
      <c r="O831" s="18"/>
      <c r="P831" s="19"/>
      <c r="Q831" s="19"/>
      <c r="R831" s="19"/>
      <c r="S831" s="19"/>
      <c r="T831" s="19"/>
      <c r="U831" s="19"/>
      <c r="V831" s="19"/>
      <c r="W831" s="19"/>
      <c r="X831" s="19"/>
      <c r="Y831" s="19"/>
      <c r="Z831" s="19"/>
      <c r="AA831" s="19"/>
    </row>
    <row r="832" spans="1:27" s="1" customFormat="1" ht="11.1" customHeight="1" outlineLevel="2" x14ac:dyDescent="0.2">
      <c r="A832" s="17">
        <v>16938</v>
      </c>
      <c r="B832" s="17"/>
      <c r="C832" s="17"/>
      <c r="D832" s="18" t="s">
        <v>424</v>
      </c>
      <c r="E832" s="18"/>
      <c r="F832" s="18"/>
      <c r="G832" s="18"/>
      <c r="H832" s="18"/>
      <c r="I832" s="18"/>
      <c r="J832" s="18"/>
      <c r="K832" s="18"/>
      <c r="L832" s="18"/>
      <c r="M832" s="18"/>
      <c r="N832" s="18"/>
      <c r="O832" s="18"/>
      <c r="P832" s="19">
        <v>200</v>
      </c>
      <c r="Q832" s="19"/>
      <c r="R832" s="19"/>
      <c r="S832" s="19"/>
      <c r="T832" s="19">
        <v>150</v>
      </c>
      <c r="U832" s="19"/>
      <c r="V832" s="19"/>
      <c r="W832" s="19"/>
      <c r="X832" s="19">
        <v>1</v>
      </c>
      <c r="Y832" s="19"/>
      <c r="Z832" s="19"/>
      <c r="AA832" s="19"/>
    </row>
    <row r="833" spans="1:27" s="1" customFormat="1" ht="11.1" customHeight="1" outlineLevel="2" x14ac:dyDescent="0.2">
      <c r="A833" s="17"/>
      <c r="B833" s="17"/>
      <c r="C833" s="17"/>
      <c r="D833" s="18"/>
      <c r="E833" s="18"/>
      <c r="F833" s="18"/>
      <c r="G833" s="18"/>
      <c r="H833" s="18"/>
      <c r="I833" s="18"/>
      <c r="J833" s="18"/>
      <c r="K833" s="18"/>
      <c r="L833" s="18"/>
      <c r="M833" s="18"/>
      <c r="N833" s="18"/>
      <c r="O833" s="18"/>
      <c r="P833" s="19"/>
      <c r="Q833" s="19"/>
      <c r="R833" s="19"/>
      <c r="S833" s="19"/>
      <c r="T833" s="19"/>
      <c r="U833" s="19"/>
      <c r="V833" s="19"/>
      <c r="W833" s="19"/>
      <c r="X833" s="19"/>
      <c r="Y833" s="19"/>
      <c r="Z833" s="19"/>
      <c r="AA833" s="19"/>
    </row>
    <row r="834" spans="1:27" s="1" customFormat="1" ht="11.1" customHeight="1" outlineLevel="2" x14ac:dyDescent="0.2">
      <c r="A834" s="17">
        <v>16865</v>
      </c>
      <c r="B834" s="17"/>
      <c r="C834" s="17"/>
      <c r="D834" s="18" t="s">
        <v>425</v>
      </c>
      <c r="E834" s="18"/>
      <c r="F834" s="18"/>
      <c r="G834" s="18"/>
      <c r="H834" s="18"/>
      <c r="I834" s="18"/>
      <c r="J834" s="18"/>
      <c r="K834" s="18"/>
      <c r="L834" s="18"/>
      <c r="M834" s="18"/>
      <c r="N834" s="18"/>
      <c r="O834" s="18"/>
      <c r="P834" s="20">
        <v>1000</v>
      </c>
      <c r="Q834" s="20"/>
      <c r="R834" s="20"/>
      <c r="S834" s="20"/>
      <c r="T834" s="19">
        <v>800</v>
      </c>
      <c r="U834" s="19"/>
      <c r="V834" s="19"/>
      <c r="W834" s="19"/>
      <c r="X834" s="19">
        <v>1</v>
      </c>
      <c r="Y834" s="19"/>
      <c r="Z834" s="19"/>
      <c r="AA834" s="19"/>
    </row>
    <row r="835" spans="1:27" s="1" customFormat="1" ht="11.1" customHeight="1" outlineLevel="2" x14ac:dyDescent="0.2">
      <c r="A835" s="17"/>
      <c r="B835" s="17"/>
      <c r="C835" s="17"/>
      <c r="D835" s="18"/>
      <c r="E835" s="18"/>
      <c r="F835" s="18"/>
      <c r="G835" s="18"/>
      <c r="H835" s="18"/>
      <c r="I835" s="18"/>
      <c r="J835" s="18"/>
      <c r="K835" s="18"/>
      <c r="L835" s="18"/>
      <c r="M835" s="18"/>
      <c r="N835" s="18"/>
      <c r="O835" s="18"/>
      <c r="P835" s="20"/>
      <c r="Q835" s="20"/>
      <c r="R835" s="20"/>
      <c r="S835" s="20"/>
      <c r="T835" s="19"/>
      <c r="U835" s="19"/>
      <c r="V835" s="19"/>
      <c r="W835" s="19"/>
      <c r="X835" s="19"/>
      <c r="Y835" s="19"/>
      <c r="Z835" s="19"/>
      <c r="AA835" s="19"/>
    </row>
    <row r="836" spans="1:27" s="1" customFormat="1" ht="14.1" customHeight="1" outlineLevel="2" x14ac:dyDescent="0.2">
      <c r="A836" s="17">
        <v>16135</v>
      </c>
      <c r="B836" s="17"/>
      <c r="C836" s="17"/>
      <c r="D836" s="18" t="s">
        <v>426</v>
      </c>
      <c r="E836" s="18"/>
      <c r="F836" s="18"/>
      <c r="G836" s="18"/>
      <c r="H836" s="18"/>
      <c r="I836" s="18"/>
      <c r="J836" s="18"/>
      <c r="K836" s="18"/>
      <c r="L836" s="18"/>
      <c r="M836" s="18"/>
      <c r="N836" s="18"/>
      <c r="O836" s="18"/>
      <c r="P836" s="19">
        <v>600</v>
      </c>
      <c r="Q836" s="19"/>
      <c r="R836" s="19"/>
      <c r="S836" s="19"/>
      <c r="T836" s="19">
        <v>500</v>
      </c>
      <c r="U836" s="19"/>
      <c r="V836" s="19"/>
      <c r="W836" s="19"/>
      <c r="X836" s="19">
        <v>3</v>
      </c>
      <c r="Y836" s="19"/>
      <c r="Z836" s="19"/>
      <c r="AA836" s="19"/>
    </row>
    <row r="837" spans="1:27" s="1" customFormat="1" ht="14.1" customHeight="1" outlineLevel="2" x14ac:dyDescent="0.2">
      <c r="A837" s="17"/>
      <c r="B837" s="17"/>
      <c r="C837" s="17"/>
      <c r="D837" s="18"/>
      <c r="E837" s="18"/>
      <c r="F837" s="18"/>
      <c r="G837" s="18"/>
      <c r="H837" s="18"/>
      <c r="I837" s="18"/>
      <c r="J837" s="18"/>
      <c r="K837" s="18"/>
      <c r="L837" s="18"/>
      <c r="M837" s="18"/>
      <c r="N837" s="18"/>
      <c r="O837" s="18"/>
      <c r="P837" s="19"/>
      <c r="Q837" s="19"/>
      <c r="R837" s="19"/>
      <c r="S837" s="19"/>
      <c r="T837" s="19"/>
      <c r="U837" s="19"/>
      <c r="V837" s="19"/>
      <c r="W837" s="19"/>
      <c r="X837" s="19"/>
      <c r="Y837" s="19"/>
      <c r="Z837" s="19"/>
      <c r="AA837" s="19"/>
    </row>
    <row r="838" spans="1:27" s="1" customFormat="1" ht="14.1" customHeight="1" outlineLevel="2" x14ac:dyDescent="0.2">
      <c r="A838" s="17">
        <v>16149</v>
      </c>
      <c r="B838" s="17"/>
      <c r="C838" s="17"/>
      <c r="D838" s="18" t="s">
        <v>427</v>
      </c>
      <c r="E838" s="18"/>
      <c r="F838" s="18"/>
      <c r="G838" s="18"/>
      <c r="H838" s="18"/>
      <c r="I838" s="18"/>
      <c r="J838" s="18"/>
      <c r="K838" s="18"/>
      <c r="L838" s="18"/>
      <c r="M838" s="18"/>
      <c r="N838" s="18"/>
      <c r="O838" s="18"/>
      <c r="P838" s="20">
        <v>14000</v>
      </c>
      <c r="Q838" s="20"/>
      <c r="R838" s="20"/>
      <c r="S838" s="20"/>
      <c r="T838" s="20">
        <v>12500</v>
      </c>
      <c r="U838" s="20"/>
      <c r="V838" s="20"/>
      <c r="W838" s="20"/>
      <c r="X838" s="19">
        <v>2</v>
      </c>
      <c r="Y838" s="19"/>
      <c r="Z838" s="19"/>
      <c r="AA838" s="19"/>
    </row>
    <row r="839" spans="1:27" s="1" customFormat="1" ht="14.1" customHeight="1" outlineLevel="2" x14ac:dyDescent="0.2">
      <c r="A839" s="17"/>
      <c r="B839" s="17"/>
      <c r="C839" s="17"/>
      <c r="D839" s="18"/>
      <c r="E839" s="18"/>
      <c r="F839" s="18"/>
      <c r="G839" s="18"/>
      <c r="H839" s="18"/>
      <c r="I839" s="18"/>
      <c r="J839" s="18"/>
      <c r="K839" s="18"/>
      <c r="L839" s="18"/>
      <c r="M839" s="18"/>
      <c r="N839" s="18"/>
      <c r="O839" s="18"/>
      <c r="P839" s="20"/>
      <c r="Q839" s="20"/>
      <c r="R839" s="20"/>
      <c r="S839" s="20"/>
      <c r="T839" s="20"/>
      <c r="U839" s="20"/>
      <c r="V839" s="20"/>
      <c r="W839" s="20"/>
      <c r="X839" s="19"/>
      <c r="Y839" s="19"/>
      <c r="Z839" s="19"/>
      <c r="AA839" s="19"/>
    </row>
    <row r="840" spans="1:27" s="1" customFormat="1" ht="11.1" customHeight="1" outlineLevel="2" x14ac:dyDescent="0.2">
      <c r="A840" s="17">
        <v>17721</v>
      </c>
      <c r="B840" s="17"/>
      <c r="C840" s="17"/>
      <c r="D840" s="18" t="s">
        <v>428</v>
      </c>
      <c r="E840" s="18"/>
      <c r="F840" s="18"/>
      <c r="G840" s="18"/>
      <c r="H840" s="18"/>
      <c r="I840" s="18"/>
      <c r="J840" s="18"/>
      <c r="K840" s="18"/>
      <c r="L840" s="18"/>
      <c r="M840" s="18"/>
      <c r="N840" s="18"/>
      <c r="O840" s="18"/>
      <c r="P840" s="20">
        <v>3900</v>
      </c>
      <c r="Q840" s="20"/>
      <c r="R840" s="20"/>
      <c r="S840" s="20"/>
      <c r="T840" s="20">
        <v>3700</v>
      </c>
      <c r="U840" s="20"/>
      <c r="V840" s="20"/>
      <c r="W840" s="20"/>
      <c r="X840" s="19">
        <v>9</v>
      </c>
      <c r="Y840" s="19"/>
      <c r="Z840" s="19"/>
      <c r="AA840" s="19"/>
    </row>
    <row r="841" spans="1:27" s="1" customFormat="1" ht="11.1" customHeight="1" outlineLevel="2" x14ac:dyDescent="0.2">
      <c r="A841" s="17"/>
      <c r="B841" s="17"/>
      <c r="C841" s="17"/>
      <c r="D841" s="18"/>
      <c r="E841" s="18"/>
      <c r="F841" s="18"/>
      <c r="G841" s="18"/>
      <c r="H841" s="18"/>
      <c r="I841" s="18"/>
      <c r="J841" s="18"/>
      <c r="K841" s="18"/>
      <c r="L841" s="18"/>
      <c r="M841" s="18"/>
      <c r="N841" s="18"/>
      <c r="O841" s="18"/>
      <c r="P841" s="20"/>
      <c r="Q841" s="20"/>
      <c r="R841" s="20"/>
      <c r="S841" s="20"/>
      <c r="T841" s="20"/>
      <c r="U841" s="20"/>
      <c r="V841" s="20"/>
      <c r="W841" s="20"/>
      <c r="X841" s="19"/>
      <c r="Y841" s="19"/>
      <c r="Z841" s="19"/>
      <c r="AA841" s="19"/>
    </row>
    <row r="842" spans="1:27" s="1" customFormat="1" ht="14.1" customHeight="1" outlineLevel="2" x14ac:dyDescent="0.2">
      <c r="A842" s="17">
        <v>17092</v>
      </c>
      <c r="B842" s="17"/>
      <c r="C842" s="17"/>
      <c r="D842" s="18" t="s">
        <v>429</v>
      </c>
      <c r="E842" s="18"/>
      <c r="F842" s="18"/>
      <c r="G842" s="18"/>
      <c r="H842" s="18"/>
      <c r="I842" s="18"/>
      <c r="J842" s="18"/>
      <c r="K842" s="18"/>
      <c r="L842" s="18"/>
      <c r="M842" s="18"/>
      <c r="N842" s="18"/>
      <c r="O842" s="18"/>
      <c r="P842" s="20">
        <v>4900</v>
      </c>
      <c r="Q842" s="20"/>
      <c r="R842" s="20"/>
      <c r="S842" s="20"/>
      <c r="T842" s="20">
        <v>4200</v>
      </c>
      <c r="U842" s="20"/>
      <c r="V842" s="20"/>
      <c r="W842" s="20"/>
      <c r="X842" s="19">
        <v>4</v>
      </c>
      <c r="Y842" s="19"/>
      <c r="Z842" s="19"/>
      <c r="AA842" s="19"/>
    </row>
    <row r="843" spans="1:27" s="1" customFormat="1" ht="14.1" customHeight="1" outlineLevel="2" x14ac:dyDescent="0.2">
      <c r="A843" s="17"/>
      <c r="B843" s="17"/>
      <c r="C843" s="17"/>
      <c r="D843" s="18"/>
      <c r="E843" s="18"/>
      <c r="F843" s="18"/>
      <c r="G843" s="18"/>
      <c r="H843" s="18"/>
      <c r="I843" s="18"/>
      <c r="J843" s="18"/>
      <c r="K843" s="18"/>
      <c r="L843" s="18"/>
      <c r="M843" s="18"/>
      <c r="N843" s="18"/>
      <c r="O843" s="18"/>
      <c r="P843" s="20"/>
      <c r="Q843" s="20"/>
      <c r="R843" s="20"/>
      <c r="S843" s="20"/>
      <c r="T843" s="20"/>
      <c r="U843" s="20"/>
      <c r="V843" s="20"/>
      <c r="W843" s="20"/>
      <c r="X843" s="19"/>
      <c r="Y843" s="19"/>
      <c r="Z843" s="19"/>
      <c r="AA843" s="19"/>
    </row>
    <row r="844" spans="1:27" s="1" customFormat="1" ht="11.1" customHeight="1" outlineLevel="2" x14ac:dyDescent="0.2">
      <c r="A844" s="17">
        <v>15140</v>
      </c>
      <c r="B844" s="17"/>
      <c r="C844" s="17"/>
      <c r="D844" s="18" t="s">
        <v>430</v>
      </c>
      <c r="E844" s="18"/>
      <c r="F844" s="18"/>
      <c r="G844" s="18"/>
      <c r="H844" s="18"/>
      <c r="I844" s="18"/>
      <c r="J844" s="18"/>
      <c r="K844" s="18"/>
      <c r="L844" s="18"/>
      <c r="M844" s="18"/>
      <c r="N844" s="18"/>
      <c r="O844" s="18"/>
      <c r="P844" s="20">
        <v>6400</v>
      </c>
      <c r="Q844" s="20"/>
      <c r="R844" s="20"/>
      <c r="S844" s="20"/>
      <c r="T844" s="20">
        <v>5900</v>
      </c>
      <c r="U844" s="20"/>
      <c r="V844" s="20"/>
      <c r="W844" s="20"/>
      <c r="X844" s="19">
        <v>4</v>
      </c>
      <c r="Y844" s="19"/>
      <c r="Z844" s="19"/>
      <c r="AA844" s="19"/>
    </row>
    <row r="845" spans="1:27" s="1" customFormat="1" ht="11.1" customHeight="1" outlineLevel="2" x14ac:dyDescent="0.2">
      <c r="A845" s="17"/>
      <c r="B845" s="17"/>
      <c r="C845" s="17"/>
      <c r="D845" s="18"/>
      <c r="E845" s="18"/>
      <c r="F845" s="18"/>
      <c r="G845" s="18"/>
      <c r="H845" s="18"/>
      <c r="I845" s="18"/>
      <c r="J845" s="18"/>
      <c r="K845" s="18"/>
      <c r="L845" s="18"/>
      <c r="M845" s="18"/>
      <c r="N845" s="18"/>
      <c r="O845" s="18"/>
      <c r="P845" s="20"/>
      <c r="Q845" s="20"/>
      <c r="R845" s="20"/>
      <c r="S845" s="20"/>
      <c r="T845" s="20"/>
      <c r="U845" s="20"/>
      <c r="V845" s="20"/>
      <c r="W845" s="20"/>
      <c r="X845" s="19"/>
      <c r="Y845" s="19"/>
      <c r="Z845" s="19"/>
      <c r="AA845" s="19"/>
    </row>
    <row r="846" spans="1:27" s="1" customFormat="1" ht="11.1" customHeight="1" outlineLevel="2" x14ac:dyDescent="0.2">
      <c r="A846" s="17">
        <v>15120</v>
      </c>
      <c r="B846" s="17"/>
      <c r="C846" s="17"/>
      <c r="D846" s="18" t="s">
        <v>431</v>
      </c>
      <c r="E846" s="18"/>
      <c r="F846" s="18"/>
      <c r="G846" s="18"/>
      <c r="H846" s="18"/>
      <c r="I846" s="18"/>
      <c r="J846" s="18"/>
      <c r="K846" s="18"/>
      <c r="L846" s="18"/>
      <c r="M846" s="18"/>
      <c r="N846" s="18"/>
      <c r="O846" s="18"/>
      <c r="P846" s="20">
        <v>6000</v>
      </c>
      <c r="Q846" s="20"/>
      <c r="R846" s="20"/>
      <c r="S846" s="20"/>
      <c r="T846" s="20">
        <v>5500</v>
      </c>
      <c r="U846" s="20"/>
      <c r="V846" s="20"/>
      <c r="W846" s="20"/>
      <c r="X846" s="19">
        <v>3</v>
      </c>
      <c r="Y846" s="19"/>
      <c r="Z846" s="19"/>
      <c r="AA846" s="19"/>
    </row>
    <row r="847" spans="1:27" s="1" customFormat="1" ht="11.1" customHeight="1" outlineLevel="2" x14ac:dyDescent="0.2">
      <c r="A847" s="17"/>
      <c r="B847" s="17"/>
      <c r="C847" s="17"/>
      <c r="D847" s="18"/>
      <c r="E847" s="18"/>
      <c r="F847" s="18"/>
      <c r="G847" s="18"/>
      <c r="H847" s="18"/>
      <c r="I847" s="18"/>
      <c r="J847" s="18"/>
      <c r="K847" s="18"/>
      <c r="L847" s="18"/>
      <c r="M847" s="18"/>
      <c r="N847" s="18"/>
      <c r="O847" s="18"/>
      <c r="P847" s="20"/>
      <c r="Q847" s="20"/>
      <c r="R847" s="20"/>
      <c r="S847" s="20"/>
      <c r="T847" s="20"/>
      <c r="U847" s="20"/>
      <c r="V847" s="20"/>
      <c r="W847" s="20"/>
      <c r="X847" s="19"/>
      <c r="Y847" s="19"/>
      <c r="Z847" s="19"/>
      <c r="AA847" s="19"/>
    </row>
    <row r="848" spans="1:27" s="1" customFormat="1" ht="14.1" customHeight="1" outlineLevel="2" x14ac:dyDescent="0.2">
      <c r="A848" s="17">
        <v>17338</v>
      </c>
      <c r="B848" s="17"/>
      <c r="C848" s="17"/>
      <c r="D848" s="18" t="s">
        <v>432</v>
      </c>
      <c r="E848" s="18"/>
      <c r="F848" s="18"/>
      <c r="G848" s="18"/>
      <c r="H848" s="18"/>
      <c r="I848" s="18"/>
      <c r="J848" s="18"/>
      <c r="K848" s="18"/>
      <c r="L848" s="18"/>
      <c r="M848" s="18"/>
      <c r="N848" s="18"/>
      <c r="O848" s="18"/>
      <c r="P848" s="20">
        <v>23500</v>
      </c>
      <c r="Q848" s="20"/>
      <c r="R848" s="20"/>
      <c r="S848" s="20"/>
      <c r="T848" s="20">
        <v>22500</v>
      </c>
      <c r="U848" s="20"/>
      <c r="V848" s="20"/>
      <c r="W848" s="20"/>
      <c r="X848" s="19">
        <v>1</v>
      </c>
      <c r="Y848" s="19"/>
      <c r="Z848" s="19"/>
      <c r="AA848" s="19"/>
    </row>
    <row r="849" spans="1:27" s="1" customFormat="1" ht="14.1" customHeight="1" outlineLevel="2" x14ac:dyDescent="0.2">
      <c r="A849" s="17"/>
      <c r="B849" s="17"/>
      <c r="C849" s="17"/>
      <c r="D849" s="18"/>
      <c r="E849" s="18"/>
      <c r="F849" s="18"/>
      <c r="G849" s="18"/>
      <c r="H849" s="18"/>
      <c r="I849" s="18"/>
      <c r="J849" s="18"/>
      <c r="K849" s="18"/>
      <c r="L849" s="18"/>
      <c r="M849" s="18"/>
      <c r="N849" s="18"/>
      <c r="O849" s="18"/>
      <c r="P849" s="20"/>
      <c r="Q849" s="20"/>
      <c r="R849" s="20"/>
      <c r="S849" s="20"/>
      <c r="T849" s="20"/>
      <c r="U849" s="20"/>
      <c r="V849" s="20"/>
      <c r="W849" s="20"/>
      <c r="X849" s="19"/>
      <c r="Y849" s="19"/>
      <c r="Z849" s="19"/>
      <c r="AA849" s="19"/>
    </row>
    <row r="850" spans="1:27" s="1" customFormat="1" ht="14.1" customHeight="1" outlineLevel="2" x14ac:dyDescent="0.2">
      <c r="A850" s="17">
        <v>16136</v>
      </c>
      <c r="B850" s="17"/>
      <c r="C850" s="17"/>
      <c r="D850" s="18" t="s">
        <v>433</v>
      </c>
      <c r="E850" s="18"/>
      <c r="F850" s="18"/>
      <c r="G850" s="18"/>
      <c r="H850" s="18"/>
      <c r="I850" s="18"/>
      <c r="J850" s="18"/>
      <c r="K850" s="18"/>
      <c r="L850" s="18"/>
      <c r="M850" s="18"/>
      <c r="N850" s="18"/>
      <c r="O850" s="18"/>
      <c r="P850" s="20">
        <v>4500</v>
      </c>
      <c r="Q850" s="20"/>
      <c r="R850" s="20"/>
      <c r="S850" s="20"/>
      <c r="T850" s="20">
        <v>4000</v>
      </c>
      <c r="U850" s="20"/>
      <c r="V850" s="20"/>
      <c r="W850" s="20"/>
      <c r="X850" s="19">
        <v>8</v>
      </c>
      <c r="Y850" s="19"/>
      <c r="Z850" s="19"/>
      <c r="AA850" s="19"/>
    </row>
    <row r="851" spans="1:27" s="1" customFormat="1" ht="14.1" customHeight="1" outlineLevel="2" x14ac:dyDescent="0.2">
      <c r="A851" s="17"/>
      <c r="B851" s="17"/>
      <c r="C851" s="17"/>
      <c r="D851" s="18"/>
      <c r="E851" s="18"/>
      <c r="F851" s="18"/>
      <c r="G851" s="18"/>
      <c r="H851" s="18"/>
      <c r="I851" s="18"/>
      <c r="J851" s="18"/>
      <c r="K851" s="18"/>
      <c r="L851" s="18"/>
      <c r="M851" s="18"/>
      <c r="N851" s="18"/>
      <c r="O851" s="18"/>
      <c r="P851" s="20"/>
      <c r="Q851" s="20"/>
      <c r="R851" s="20"/>
      <c r="S851" s="20"/>
      <c r="T851" s="20"/>
      <c r="U851" s="20"/>
      <c r="V851" s="20"/>
      <c r="W851" s="20"/>
      <c r="X851" s="19"/>
      <c r="Y851" s="19"/>
      <c r="Z851" s="19"/>
      <c r="AA851" s="19"/>
    </row>
    <row r="852" spans="1:27" s="1" customFormat="1" ht="14.1" customHeight="1" outlineLevel="2" x14ac:dyDescent="0.2">
      <c r="A852" s="17">
        <v>14579</v>
      </c>
      <c r="B852" s="17"/>
      <c r="C852" s="17"/>
      <c r="D852" s="18" t="s">
        <v>434</v>
      </c>
      <c r="E852" s="18"/>
      <c r="F852" s="18"/>
      <c r="G852" s="18"/>
      <c r="H852" s="18"/>
      <c r="I852" s="18"/>
      <c r="J852" s="18"/>
      <c r="K852" s="18"/>
      <c r="L852" s="18"/>
      <c r="M852" s="18"/>
      <c r="N852" s="18"/>
      <c r="O852" s="18"/>
      <c r="P852" s="20">
        <v>5850</v>
      </c>
      <c r="Q852" s="20"/>
      <c r="R852" s="20"/>
      <c r="S852" s="20"/>
      <c r="T852" s="20">
        <v>5400</v>
      </c>
      <c r="U852" s="20"/>
      <c r="V852" s="20"/>
      <c r="W852" s="20"/>
      <c r="X852" s="19">
        <v>1</v>
      </c>
      <c r="Y852" s="19"/>
      <c r="Z852" s="19"/>
      <c r="AA852" s="19"/>
    </row>
    <row r="853" spans="1:27" s="1" customFormat="1" ht="14.1" customHeight="1" outlineLevel="2" x14ac:dyDescent="0.2">
      <c r="A853" s="17"/>
      <c r="B853" s="17"/>
      <c r="C853" s="17"/>
      <c r="D853" s="18"/>
      <c r="E853" s="18"/>
      <c r="F853" s="18"/>
      <c r="G853" s="18"/>
      <c r="H853" s="18"/>
      <c r="I853" s="18"/>
      <c r="J853" s="18"/>
      <c r="K853" s="18"/>
      <c r="L853" s="18"/>
      <c r="M853" s="18"/>
      <c r="N853" s="18"/>
      <c r="O853" s="18"/>
      <c r="P853" s="20"/>
      <c r="Q853" s="20"/>
      <c r="R853" s="20"/>
      <c r="S853" s="20"/>
      <c r="T853" s="20"/>
      <c r="U853" s="20"/>
      <c r="V853" s="20"/>
      <c r="W853" s="20"/>
      <c r="X853" s="19"/>
      <c r="Y853" s="19"/>
      <c r="Z853" s="19"/>
      <c r="AA853" s="19"/>
    </row>
    <row r="854" spans="1:27" s="1" customFormat="1" ht="14.1" customHeight="1" outlineLevel="2" x14ac:dyDescent="0.2">
      <c r="A854" s="17">
        <v>14074</v>
      </c>
      <c r="B854" s="17"/>
      <c r="C854" s="17"/>
      <c r="D854" s="18" t="s">
        <v>435</v>
      </c>
      <c r="E854" s="18"/>
      <c r="F854" s="18"/>
      <c r="G854" s="18"/>
      <c r="H854" s="18"/>
      <c r="I854" s="18"/>
      <c r="J854" s="18"/>
      <c r="K854" s="18"/>
      <c r="L854" s="18"/>
      <c r="M854" s="18"/>
      <c r="N854" s="18"/>
      <c r="O854" s="18"/>
      <c r="P854" s="19">
        <v>450</v>
      </c>
      <c r="Q854" s="19"/>
      <c r="R854" s="19"/>
      <c r="S854" s="19"/>
      <c r="T854" s="19">
        <v>380</v>
      </c>
      <c r="U854" s="19"/>
      <c r="V854" s="19"/>
      <c r="W854" s="19"/>
      <c r="X854" s="19">
        <v>14</v>
      </c>
      <c r="Y854" s="19"/>
      <c r="Z854" s="19"/>
      <c r="AA854" s="19"/>
    </row>
    <row r="855" spans="1:27" s="1" customFormat="1" ht="14.1" customHeight="1" outlineLevel="2" x14ac:dyDescent="0.2">
      <c r="A855" s="17"/>
      <c r="B855" s="17"/>
      <c r="C855" s="17"/>
      <c r="D855" s="18"/>
      <c r="E855" s="18"/>
      <c r="F855" s="18"/>
      <c r="G855" s="18"/>
      <c r="H855" s="18"/>
      <c r="I855" s="18"/>
      <c r="J855" s="18"/>
      <c r="K855" s="18"/>
      <c r="L855" s="18"/>
      <c r="M855" s="18"/>
      <c r="N855" s="18"/>
      <c r="O855" s="18"/>
      <c r="P855" s="19"/>
      <c r="Q855" s="19"/>
      <c r="R855" s="19"/>
      <c r="S855" s="19"/>
      <c r="T855" s="19"/>
      <c r="U855" s="19"/>
      <c r="V855" s="19"/>
      <c r="W855" s="19"/>
      <c r="X855" s="19"/>
      <c r="Y855" s="19"/>
      <c r="Z855" s="19"/>
      <c r="AA855" s="19"/>
    </row>
    <row r="856" spans="1:27" s="1" customFormat="1" ht="14.1" customHeight="1" outlineLevel="2" x14ac:dyDescent="0.2">
      <c r="A856" s="17">
        <v>14071</v>
      </c>
      <c r="B856" s="17"/>
      <c r="C856" s="17"/>
      <c r="D856" s="18" t="s">
        <v>436</v>
      </c>
      <c r="E856" s="18"/>
      <c r="F856" s="18"/>
      <c r="G856" s="18"/>
      <c r="H856" s="18"/>
      <c r="I856" s="18"/>
      <c r="J856" s="18"/>
      <c r="K856" s="18"/>
      <c r="L856" s="18"/>
      <c r="M856" s="18"/>
      <c r="N856" s="18"/>
      <c r="O856" s="18"/>
      <c r="P856" s="19">
        <v>450</v>
      </c>
      <c r="Q856" s="19"/>
      <c r="R856" s="19"/>
      <c r="S856" s="19"/>
      <c r="T856" s="19">
        <v>380</v>
      </c>
      <c r="U856" s="19"/>
      <c r="V856" s="19"/>
      <c r="W856" s="19"/>
      <c r="X856" s="19">
        <v>15</v>
      </c>
      <c r="Y856" s="19"/>
      <c r="Z856" s="19"/>
      <c r="AA856" s="19"/>
    </row>
    <row r="857" spans="1:27" s="1" customFormat="1" ht="14.1" customHeight="1" outlineLevel="2" x14ac:dyDescent="0.2">
      <c r="A857" s="17"/>
      <c r="B857" s="17"/>
      <c r="C857" s="17"/>
      <c r="D857" s="18"/>
      <c r="E857" s="18"/>
      <c r="F857" s="18"/>
      <c r="G857" s="18"/>
      <c r="H857" s="18"/>
      <c r="I857" s="18"/>
      <c r="J857" s="18"/>
      <c r="K857" s="18"/>
      <c r="L857" s="18"/>
      <c r="M857" s="18"/>
      <c r="N857" s="18"/>
      <c r="O857" s="18"/>
      <c r="P857" s="19"/>
      <c r="Q857" s="19"/>
      <c r="R857" s="19"/>
      <c r="S857" s="19"/>
      <c r="T857" s="19"/>
      <c r="U857" s="19"/>
      <c r="V857" s="19"/>
      <c r="W857" s="19"/>
      <c r="X857" s="19"/>
      <c r="Y857" s="19"/>
      <c r="Z857" s="19"/>
      <c r="AA857" s="19"/>
    </row>
    <row r="858" spans="1:27" s="1" customFormat="1" ht="14.1" customHeight="1" outlineLevel="2" x14ac:dyDescent="0.2">
      <c r="A858" s="17">
        <v>14073</v>
      </c>
      <c r="B858" s="17"/>
      <c r="C858" s="17"/>
      <c r="D858" s="18" t="s">
        <v>437</v>
      </c>
      <c r="E858" s="18"/>
      <c r="F858" s="18"/>
      <c r="G858" s="18"/>
      <c r="H858" s="18"/>
      <c r="I858" s="18"/>
      <c r="J858" s="18"/>
      <c r="K858" s="18"/>
      <c r="L858" s="18"/>
      <c r="M858" s="18"/>
      <c r="N858" s="18"/>
      <c r="O858" s="18"/>
      <c r="P858" s="19">
        <v>450</v>
      </c>
      <c r="Q858" s="19"/>
      <c r="R858" s="19"/>
      <c r="S858" s="19"/>
      <c r="T858" s="19">
        <v>380</v>
      </c>
      <c r="U858" s="19"/>
      <c r="V858" s="19"/>
      <c r="W858" s="19"/>
      <c r="X858" s="19">
        <v>15</v>
      </c>
      <c r="Y858" s="19"/>
      <c r="Z858" s="19"/>
      <c r="AA858" s="19"/>
    </row>
    <row r="859" spans="1:27" s="1" customFormat="1" ht="14.1" customHeight="1" outlineLevel="2" x14ac:dyDescent="0.2">
      <c r="A859" s="17"/>
      <c r="B859" s="17"/>
      <c r="C859" s="17"/>
      <c r="D859" s="18"/>
      <c r="E859" s="18"/>
      <c r="F859" s="18"/>
      <c r="G859" s="18"/>
      <c r="H859" s="18"/>
      <c r="I859" s="18"/>
      <c r="J859" s="18"/>
      <c r="K859" s="18"/>
      <c r="L859" s="18"/>
      <c r="M859" s="18"/>
      <c r="N859" s="18"/>
      <c r="O859" s="18"/>
      <c r="P859" s="19"/>
      <c r="Q859" s="19"/>
      <c r="R859" s="19"/>
      <c r="S859" s="19"/>
      <c r="T859" s="19"/>
      <c r="U859" s="19"/>
      <c r="V859" s="19"/>
      <c r="W859" s="19"/>
      <c r="X859" s="19"/>
      <c r="Y859" s="19"/>
      <c r="Z859" s="19"/>
      <c r="AA859" s="19"/>
    </row>
    <row r="860" spans="1:27" s="1" customFormat="1" ht="14.1" customHeight="1" outlineLevel="2" x14ac:dyDescent="0.2">
      <c r="A860" s="17">
        <v>14072</v>
      </c>
      <c r="B860" s="17"/>
      <c r="C860" s="17"/>
      <c r="D860" s="18" t="s">
        <v>438</v>
      </c>
      <c r="E860" s="18"/>
      <c r="F860" s="18"/>
      <c r="G860" s="18"/>
      <c r="H860" s="18"/>
      <c r="I860" s="18"/>
      <c r="J860" s="18"/>
      <c r="K860" s="18"/>
      <c r="L860" s="18"/>
      <c r="M860" s="18"/>
      <c r="N860" s="18"/>
      <c r="O860" s="18"/>
      <c r="P860" s="19">
        <v>450</v>
      </c>
      <c r="Q860" s="19"/>
      <c r="R860" s="19"/>
      <c r="S860" s="19"/>
      <c r="T860" s="19">
        <v>380</v>
      </c>
      <c r="U860" s="19"/>
      <c r="V860" s="19"/>
      <c r="W860" s="19"/>
      <c r="X860" s="19">
        <v>13</v>
      </c>
      <c r="Y860" s="19"/>
      <c r="Z860" s="19"/>
      <c r="AA860" s="19"/>
    </row>
    <row r="861" spans="1:27" s="1" customFormat="1" ht="14.1" customHeight="1" outlineLevel="2" x14ac:dyDescent="0.2">
      <c r="A861" s="17"/>
      <c r="B861" s="17"/>
      <c r="C861" s="17"/>
      <c r="D861" s="18"/>
      <c r="E861" s="18"/>
      <c r="F861" s="18"/>
      <c r="G861" s="18"/>
      <c r="H861" s="18"/>
      <c r="I861" s="18"/>
      <c r="J861" s="18"/>
      <c r="K861" s="18"/>
      <c r="L861" s="18"/>
      <c r="M861" s="18"/>
      <c r="N861" s="18"/>
      <c r="O861" s="18"/>
      <c r="P861" s="19"/>
      <c r="Q861" s="19"/>
      <c r="R861" s="19"/>
      <c r="S861" s="19"/>
      <c r="T861" s="19"/>
      <c r="U861" s="19"/>
      <c r="V861" s="19"/>
      <c r="W861" s="19"/>
      <c r="X861" s="19"/>
      <c r="Y861" s="19"/>
      <c r="Z861" s="19"/>
      <c r="AA861" s="19"/>
    </row>
    <row r="862" spans="1:27" s="1" customFormat="1" ht="14.1" customHeight="1" outlineLevel="2" x14ac:dyDescent="0.2">
      <c r="A862" s="17">
        <v>14070</v>
      </c>
      <c r="B862" s="17"/>
      <c r="C862" s="17"/>
      <c r="D862" s="18" t="s">
        <v>439</v>
      </c>
      <c r="E862" s="18"/>
      <c r="F862" s="18"/>
      <c r="G862" s="18"/>
      <c r="H862" s="18"/>
      <c r="I862" s="18"/>
      <c r="J862" s="18"/>
      <c r="K862" s="18"/>
      <c r="L862" s="18"/>
      <c r="M862" s="18"/>
      <c r="N862" s="18"/>
      <c r="O862" s="18"/>
      <c r="P862" s="19">
        <v>450</v>
      </c>
      <c r="Q862" s="19"/>
      <c r="R862" s="19"/>
      <c r="S862" s="19"/>
      <c r="T862" s="19">
        <v>380</v>
      </c>
      <c r="U862" s="19"/>
      <c r="V862" s="19"/>
      <c r="W862" s="19"/>
      <c r="X862" s="19">
        <v>12</v>
      </c>
      <c r="Y862" s="19"/>
      <c r="Z862" s="19"/>
      <c r="AA862" s="19"/>
    </row>
    <row r="863" spans="1:27" s="1" customFormat="1" ht="14.1" customHeight="1" outlineLevel="2" x14ac:dyDescent="0.2">
      <c r="A863" s="17"/>
      <c r="B863" s="17"/>
      <c r="C863" s="17"/>
      <c r="D863" s="18"/>
      <c r="E863" s="18"/>
      <c r="F863" s="18"/>
      <c r="G863" s="18"/>
      <c r="H863" s="18"/>
      <c r="I863" s="18"/>
      <c r="J863" s="18"/>
      <c r="K863" s="18"/>
      <c r="L863" s="18"/>
      <c r="M863" s="18"/>
      <c r="N863" s="18"/>
      <c r="O863" s="18"/>
      <c r="P863" s="19"/>
      <c r="Q863" s="19"/>
      <c r="R863" s="19"/>
      <c r="S863" s="19"/>
      <c r="T863" s="19"/>
      <c r="U863" s="19"/>
      <c r="V863" s="19"/>
      <c r="W863" s="19"/>
      <c r="X863" s="19"/>
      <c r="Y863" s="19"/>
      <c r="Z863" s="19"/>
      <c r="AA863" s="19"/>
    </row>
    <row r="864" spans="1:27" s="1" customFormat="1" ht="14.1" customHeight="1" outlineLevel="2" x14ac:dyDescent="0.2">
      <c r="A864" s="17">
        <v>14069</v>
      </c>
      <c r="B864" s="17"/>
      <c r="C864" s="17"/>
      <c r="D864" s="18" t="s">
        <v>440</v>
      </c>
      <c r="E864" s="18"/>
      <c r="F864" s="18"/>
      <c r="G864" s="18"/>
      <c r="H864" s="18"/>
      <c r="I864" s="18"/>
      <c r="J864" s="18"/>
      <c r="K864" s="18"/>
      <c r="L864" s="18"/>
      <c r="M864" s="18"/>
      <c r="N864" s="18"/>
      <c r="O864" s="18"/>
      <c r="P864" s="19">
        <v>450</v>
      </c>
      <c r="Q864" s="19"/>
      <c r="R864" s="19"/>
      <c r="S864" s="19"/>
      <c r="T864" s="19">
        <v>380</v>
      </c>
      <c r="U864" s="19"/>
      <c r="V864" s="19"/>
      <c r="W864" s="19"/>
      <c r="X864" s="19">
        <v>11</v>
      </c>
      <c r="Y864" s="19"/>
      <c r="Z864" s="19"/>
      <c r="AA864" s="19"/>
    </row>
    <row r="865" spans="1:27" s="1" customFormat="1" ht="14.1" customHeight="1" outlineLevel="2" x14ac:dyDescent="0.2">
      <c r="A865" s="17"/>
      <c r="B865" s="17"/>
      <c r="C865" s="17"/>
      <c r="D865" s="18"/>
      <c r="E865" s="18"/>
      <c r="F865" s="18"/>
      <c r="G865" s="18"/>
      <c r="H865" s="18"/>
      <c r="I865" s="18"/>
      <c r="J865" s="18"/>
      <c r="K865" s="18"/>
      <c r="L865" s="18"/>
      <c r="M865" s="18"/>
      <c r="N865" s="18"/>
      <c r="O865" s="18"/>
      <c r="P865" s="19"/>
      <c r="Q865" s="19"/>
      <c r="R865" s="19"/>
      <c r="S865" s="19"/>
      <c r="T865" s="19"/>
      <c r="U865" s="19"/>
      <c r="V865" s="19"/>
      <c r="W865" s="19"/>
      <c r="X865" s="19"/>
      <c r="Y865" s="19"/>
      <c r="Z865" s="19"/>
      <c r="AA865" s="19"/>
    </row>
    <row r="866" spans="1:27" s="1" customFormat="1" ht="14.1" customHeight="1" outlineLevel="2" x14ac:dyDescent="0.2">
      <c r="A866" s="17">
        <v>14085</v>
      </c>
      <c r="B866" s="17"/>
      <c r="C866" s="17"/>
      <c r="D866" s="18" t="s">
        <v>441</v>
      </c>
      <c r="E866" s="18"/>
      <c r="F866" s="18"/>
      <c r="G866" s="18"/>
      <c r="H866" s="18"/>
      <c r="I866" s="18"/>
      <c r="J866" s="18"/>
      <c r="K866" s="18"/>
      <c r="L866" s="18"/>
      <c r="M866" s="18"/>
      <c r="N866" s="18"/>
      <c r="O866" s="18"/>
      <c r="P866" s="19">
        <v>640</v>
      </c>
      <c r="Q866" s="19"/>
      <c r="R866" s="19"/>
      <c r="S866" s="19"/>
      <c r="T866" s="19">
        <v>550</v>
      </c>
      <c r="U866" s="19"/>
      <c r="V866" s="19"/>
      <c r="W866" s="19"/>
      <c r="X866" s="19">
        <v>15</v>
      </c>
      <c r="Y866" s="19"/>
      <c r="Z866" s="19"/>
      <c r="AA866" s="19"/>
    </row>
    <row r="867" spans="1:27" s="1" customFormat="1" ht="14.1" customHeight="1" outlineLevel="2" x14ac:dyDescent="0.2">
      <c r="A867" s="17"/>
      <c r="B867" s="17"/>
      <c r="C867" s="17"/>
      <c r="D867" s="18"/>
      <c r="E867" s="18"/>
      <c r="F867" s="18"/>
      <c r="G867" s="18"/>
      <c r="H867" s="18"/>
      <c r="I867" s="18"/>
      <c r="J867" s="18"/>
      <c r="K867" s="18"/>
      <c r="L867" s="18"/>
      <c r="M867" s="18"/>
      <c r="N867" s="18"/>
      <c r="O867" s="18"/>
      <c r="P867" s="19"/>
      <c r="Q867" s="19"/>
      <c r="R867" s="19"/>
      <c r="S867" s="19"/>
      <c r="T867" s="19"/>
      <c r="U867" s="19"/>
      <c r="V867" s="19"/>
      <c r="W867" s="19"/>
      <c r="X867" s="19"/>
      <c r="Y867" s="19"/>
      <c r="Z867" s="19"/>
      <c r="AA867" s="19"/>
    </row>
    <row r="868" spans="1:27" s="1" customFormat="1" ht="14.1" customHeight="1" outlineLevel="2" x14ac:dyDescent="0.2">
      <c r="A868" s="17">
        <v>14084</v>
      </c>
      <c r="B868" s="17"/>
      <c r="C868" s="17"/>
      <c r="D868" s="18" t="s">
        <v>442</v>
      </c>
      <c r="E868" s="18"/>
      <c r="F868" s="18"/>
      <c r="G868" s="18"/>
      <c r="H868" s="18"/>
      <c r="I868" s="18"/>
      <c r="J868" s="18"/>
      <c r="K868" s="18"/>
      <c r="L868" s="18"/>
      <c r="M868" s="18"/>
      <c r="N868" s="18"/>
      <c r="O868" s="18"/>
      <c r="P868" s="19">
        <v>640</v>
      </c>
      <c r="Q868" s="19"/>
      <c r="R868" s="19"/>
      <c r="S868" s="19"/>
      <c r="T868" s="19">
        <v>550</v>
      </c>
      <c r="U868" s="19"/>
      <c r="V868" s="19"/>
      <c r="W868" s="19"/>
      <c r="X868" s="19">
        <v>13</v>
      </c>
      <c r="Y868" s="19"/>
      <c r="Z868" s="19"/>
      <c r="AA868" s="19"/>
    </row>
    <row r="869" spans="1:27" s="1" customFormat="1" ht="14.1" customHeight="1" outlineLevel="2" x14ac:dyDescent="0.2">
      <c r="A869" s="17"/>
      <c r="B869" s="17"/>
      <c r="C869" s="17"/>
      <c r="D869" s="18"/>
      <c r="E869" s="18"/>
      <c r="F869" s="18"/>
      <c r="G869" s="18"/>
      <c r="H869" s="18"/>
      <c r="I869" s="18"/>
      <c r="J869" s="18"/>
      <c r="K869" s="18"/>
      <c r="L869" s="18"/>
      <c r="M869" s="18"/>
      <c r="N869" s="18"/>
      <c r="O869" s="18"/>
      <c r="P869" s="19"/>
      <c r="Q869" s="19"/>
      <c r="R869" s="19"/>
      <c r="S869" s="19"/>
      <c r="T869" s="19"/>
      <c r="U869" s="19"/>
      <c r="V869" s="19"/>
      <c r="W869" s="19"/>
      <c r="X869" s="19"/>
      <c r="Y869" s="19"/>
      <c r="Z869" s="19"/>
      <c r="AA869" s="19"/>
    </row>
    <row r="870" spans="1:27" s="1" customFormat="1" ht="14.1" customHeight="1" outlineLevel="2" x14ac:dyDescent="0.2">
      <c r="A870" s="17">
        <v>14083</v>
      </c>
      <c r="B870" s="17"/>
      <c r="C870" s="17"/>
      <c r="D870" s="18" t="s">
        <v>443</v>
      </c>
      <c r="E870" s="18"/>
      <c r="F870" s="18"/>
      <c r="G870" s="18"/>
      <c r="H870" s="18"/>
      <c r="I870" s="18"/>
      <c r="J870" s="18"/>
      <c r="K870" s="18"/>
      <c r="L870" s="18"/>
      <c r="M870" s="18"/>
      <c r="N870" s="18"/>
      <c r="O870" s="18"/>
      <c r="P870" s="19">
        <v>640</v>
      </c>
      <c r="Q870" s="19"/>
      <c r="R870" s="19"/>
      <c r="S870" s="19"/>
      <c r="T870" s="19">
        <v>550</v>
      </c>
      <c r="U870" s="19"/>
      <c r="V870" s="19"/>
      <c r="W870" s="19"/>
      <c r="X870" s="19">
        <v>8</v>
      </c>
      <c r="Y870" s="19"/>
      <c r="Z870" s="19"/>
      <c r="AA870" s="19"/>
    </row>
    <row r="871" spans="1:27" s="1" customFormat="1" ht="14.1" customHeight="1" outlineLevel="2" x14ac:dyDescent="0.2">
      <c r="A871" s="17"/>
      <c r="B871" s="17"/>
      <c r="C871" s="17"/>
      <c r="D871" s="18"/>
      <c r="E871" s="18"/>
      <c r="F871" s="18"/>
      <c r="G871" s="18"/>
      <c r="H871" s="18"/>
      <c r="I871" s="18"/>
      <c r="J871" s="18"/>
      <c r="K871" s="18"/>
      <c r="L871" s="18"/>
      <c r="M871" s="18"/>
      <c r="N871" s="18"/>
      <c r="O871" s="18"/>
      <c r="P871" s="19"/>
      <c r="Q871" s="19"/>
      <c r="R871" s="19"/>
      <c r="S871" s="19"/>
      <c r="T871" s="19"/>
      <c r="U871" s="19"/>
      <c r="V871" s="19"/>
      <c r="W871" s="19"/>
      <c r="X871" s="19"/>
      <c r="Y871" s="19"/>
      <c r="Z871" s="19"/>
      <c r="AA871" s="19"/>
    </row>
    <row r="872" spans="1:27" s="1" customFormat="1" ht="14.1" customHeight="1" outlineLevel="2" x14ac:dyDescent="0.2">
      <c r="A872" s="17">
        <v>14082</v>
      </c>
      <c r="B872" s="17"/>
      <c r="C872" s="17"/>
      <c r="D872" s="18" t="s">
        <v>444</v>
      </c>
      <c r="E872" s="18"/>
      <c r="F872" s="18"/>
      <c r="G872" s="18"/>
      <c r="H872" s="18"/>
      <c r="I872" s="18"/>
      <c r="J872" s="18"/>
      <c r="K872" s="18"/>
      <c r="L872" s="18"/>
      <c r="M872" s="18"/>
      <c r="N872" s="18"/>
      <c r="O872" s="18"/>
      <c r="P872" s="19">
        <v>640</v>
      </c>
      <c r="Q872" s="19"/>
      <c r="R872" s="19"/>
      <c r="S872" s="19"/>
      <c r="T872" s="19">
        <v>550</v>
      </c>
      <c r="U872" s="19"/>
      <c r="V872" s="19"/>
      <c r="W872" s="19"/>
      <c r="X872" s="19">
        <v>11</v>
      </c>
      <c r="Y872" s="19"/>
      <c r="Z872" s="19"/>
      <c r="AA872" s="19"/>
    </row>
    <row r="873" spans="1:27" s="1" customFormat="1" ht="14.1" customHeight="1" outlineLevel="2" x14ac:dyDescent="0.2">
      <c r="A873" s="17"/>
      <c r="B873" s="17"/>
      <c r="C873" s="17"/>
      <c r="D873" s="18"/>
      <c r="E873" s="18"/>
      <c r="F873" s="18"/>
      <c r="G873" s="18"/>
      <c r="H873" s="18"/>
      <c r="I873" s="18"/>
      <c r="J873" s="18"/>
      <c r="K873" s="18"/>
      <c r="L873" s="18"/>
      <c r="M873" s="18"/>
      <c r="N873" s="18"/>
      <c r="O873" s="18"/>
      <c r="P873" s="19"/>
      <c r="Q873" s="19"/>
      <c r="R873" s="19"/>
      <c r="S873" s="19"/>
      <c r="T873" s="19"/>
      <c r="U873" s="19"/>
      <c r="V873" s="19"/>
      <c r="W873" s="19"/>
      <c r="X873" s="19"/>
      <c r="Y873" s="19"/>
      <c r="Z873" s="19"/>
      <c r="AA873" s="19"/>
    </row>
    <row r="874" spans="1:27" s="1" customFormat="1" ht="14.1" customHeight="1" outlineLevel="2" x14ac:dyDescent="0.2">
      <c r="A874" s="17">
        <v>14081</v>
      </c>
      <c r="B874" s="17"/>
      <c r="C874" s="17"/>
      <c r="D874" s="18" t="s">
        <v>445</v>
      </c>
      <c r="E874" s="18"/>
      <c r="F874" s="18"/>
      <c r="G874" s="18"/>
      <c r="H874" s="18"/>
      <c r="I874" s="18"/>
      <c r="J874" s="18"/>
      <c r="K874" s="18"/>
      <c r="L874" s="18"/>
      <c r="M874" s="18"/>
      <c r="N874" s="18"/>
      <c r="O874" s="18"/>
      <c r="P874" s="19">
        <v>640</v>
      </c>
      <c r="Q874" s="19"/>
      <c r="R874" s="19"/>
      <c r="S874" s="19"/>
      <c r="T874" s="19">
        <v>550</v>
      </c>
      <c r="U874" s="19"/>
      <c r="V874" s="19"/>
      <c r="W874" s="19"/>
      <c r="X874" s="19">
        <v>13</v>
      </c>
      <c r="Y874" s="19"/>
      <c r="Z874" s="19"/>
      <c r="AA874" s="19"/>
    </row>
    <row r="875" spans="1:27" s="1" customFormat="1" ht="14.1" customHeight="1" outlineLevel="2" x14ac:dyDescent="0.2">
      <c r="A875" s="17"/>
      <c r="B875" s="17"/>
      <c r="C875" s="17"/>
      <c r="D875" s="18"/>
      <c r="E875" s="18"/>
      <c r="F875" s="18"/>
      <c r="G875" s="18"/>
      <c r="H875" s="18"/>
      <c r="I875" s="18"/>
      <c r="J875" s="18"/>
      <c r="K875" s="18"/>
      <c r="L875" s="18"/>
      <c r="M875" s="18"/>
      <c r="N875" s="18"/>
      <c r="O875" s="18"/>
      <c r="P875" s="19"/>
      <c r="Q875" s="19"/>
      <c r="R875" s="19"/>
      <c r="S875" s="19"/>
      <c r="T875" s="19"/>
      <c r="U875" s="19"/>
      <c r="V875" s="19"/>
      <c r="W875" s="19"/>
      <c r="X875" s="19"/>
      <c r="Y875" s="19"/>
      <c r="Z875" s="19"/>
      <c r="AA875" s="19"/>
    </row>
    <row r="876" spans="1:27" s="1" customFormat="1" ht="14.1" customHeight="1" outlineLevel="2" x14ac:dyDescent="0.2">
      <c r="A876" s="17">
        <v>16614</v>
      </c>
      <c r="B876" s="17"/>
      <c r="C876" s="17"/>
      <c r="D876" s="18" t="s">
        <v>446</v>
      </c>
      <c r="E876" s="18"/>
      <c r="F876" s="18"/>
      <c r="G876" s="18"/>
      <c r="H876" s="18"/>
      <c r="I876" s="18"/>
      <c r="J876" s="18"/>
      <c r="K876" s="18"/>
      <c r="L876" s="18"/>
      <c r="M876" s="18"/>
      <c r="N876" s="18"/>
      <c r="O876" s="18"/>
      <c r="P876" s="20">
        <v>9000</v>
      </c>
      <c r="Q876" s="20"/>
      <c r="R876" s="20"/>
      <c r="S876" s="20"/>
      <c r="T876" s="20">
        <v>8000</v>
      </c>
      <c r="U876" s="20"/>
      <c r="V876" s="20"/>
      <c r="W876" s="20"/>
      <c r="X876" s="19">
        <v>1</v>
      </c>
      <c r="Y876" s="19"/>
      <c r="Z876" s="19"/>
      <c r="AA876" s="19"/>
    </row>
    <row r="877" spans="1:27" s="1" customFormat="1" ht="14.1" customHeight="1" outlineLevel="2" x14ac:dyDescent="0.2">
      <c r="A877" s="17"/>
      <c r="B877" s="17"/>
      <c r="C877" s="17"/>
      <c r="D877" s="18"/>
      <c r="E877" s="18"/>
      <c r="F877" s="18"/>
      <c r="G877" s="18"/>
      <c r="H877" s="18"/>
      <c r="I877" s="18"/>
      <c r="J877" s="18"/>
      <c r="K877" s="18"/>
      <c r="L877" s="18"/>
      <c r="M877" s="18"/>
      <c r="N877" s="18"/>
      <c r="O877" s="18"/>
      <c r="P877" s="20"/>
      <c r="Q877" s="20"/>
      <c r="R877" s="20"/>
      <c r="S877" s="20"/>
      <c r="T877" s="20"/>
      <c r="U877" s="20"/>
      <c r="V877" s="20"/>
      <c r="W877" s="20"/>
      <c r="X877" s="19"/>
      <c r="Y877" s="19"/>
      <c r="Z877" s="19"/>
      <c r="AA877" s="19"/>
    </row>
    <row r="878" spans="1:27" s="1" customFormat="1" ht="14.1" customHeight="1" outlineLevel="2" x14ac:dyDescent="0.2">
      <c r="A878" s="17">
        <v>17673</v>
      </c>
      <c r="B878" s="17"/>
      <c r="C878" s="17"/>
      <c r="D878" s="18" t="s">
        <v>447</v>
      </c>
      <c r="E878" s="18"/>
      <c r="F878" s="18"/>
      <c r="G878" s="18"/>
      <c r="H878" s="18"/>
      <c r="I878" s="18"/>
      <c r="J878" s="18"/>
      <c r="K878" s="18"/>
      <c r="L878" s="18"/>
      <c r="M878" s="18"/>
      <c r="N878" s="18"/>
      <c r="O878" s="18"/>
      <c r="P878" s="20">
        <v>9500</v>
      </c>
      <c r="Q878" s="20"/>
      <c r="R878" s="20"/>
      <c r="S878" s="20"/>
      <c r="T878" s="20">
        <v>9000</v>
      </c>
      <c r="U878" s="20"/>
      <c r="V878" s="20"/>
      <c r="W878" s="20"/>
      <c r="X878" s="19">
        <v>1</v>
      </c>
      <c r="Y878" s="19"/>
      <c r="Z878" s="19"/>
      <c r="AA878" s="19"/>
    </row>
    <row r="879" spans="1:27" s="1" customFormat="1" ht="14.1" customHeight="1" outlineLevel="2" x14ac:dyDescent="0.2">
      <c r="A879" s="17"/>
      <c r="B879" s="17"/>
      <c r="C879" s="17"/>
      <c r="D879" s="18"/>
      <c r="E879" s="18"/>
      <c r="F879" s="18"/>
      <c r="G879" s="18"/>
      <c r="H879" s="18"/>
      <c r="I879" s="18"/>
      <c r="J879" s="18"/>
      <c r="K879" s="18"/>
      <c r="L879" s="18"/>
      <c r="M879" s="18"/>
      <c r="N879" s="18"/>
      <c r="O879" s="18"/>
      <c r="P879" s="20"/>
      <c r="Q879" s="20"/>
      <c r="R879" s="20"/>
      <c r="S879" s="20"/>
      <c r="T879" s="20"/>
      <c r="U879" s="20"/>
      <c r="V879" s="20"/>
      <c r="W879" s="20"/>
      <c r="X879" s="19"/>
      <c r="Y879" s="19"/>
      <c r="Z879" s="19"/>
      <c r="AA879" s="19"/>
    </row>
    <row r="880" spans="1:27" s="1" customFormat="1" ht="14.1" customHeight="1" outlineLevel="2" x14ac:dyDescent="0.2">
      <c r="A880" s="17">
        <v>18042</v>
      </c>
      <c r="B880" s="17"/>
      <c r="C880" s="17"/>
      <c r="D880" s="18" t="s">
        <v>448</v>
      </c>
      <c r="E880" s="18"/>
      <c r="F880" s="18"/>
      <c r="G880" s="18"/>
      <c r="H880" s="18"/>
      <c r="I880" s="18"/>
      <c r="J880" s="18"/>
      <c r="K880" s="18"/>
      <c r="L880" s="18"/>
      <c r="M880" s="18"/>
      <c r="N880" s="18"/>
      <c r="O880" s="18"/>
      <c r="P880" s="20">
        <v>3900</v>
      </c>
      <c r="Q880" s="20"/>
      <c r="R880" s="20"/>
      <c r="S880" s="20"/>
      <c r="T880" s="20">
        <v>3500</v>
      </c>
      <c r="U880" s="20"/>
      <c r="V880" s="20"/>
      <c r="W880" s="20"/>
      <c r="X880" s="19">
        <v>1</v>
      </c>
      <c r="Y880" s="19"/>
      <c r="Z880" s="19"/>
      <c r="AA880" s="19"/>
    </row>
    <row r="881" spans="1:27" s="1" customFormat="1" ht="14.1" customHeight="1" outlineLevel="2" x14ac:dyDescent="0.2">
      <c r="A881" s="17"/>
      <c r="B881" s="17"/>
      <c r="C881" s="17"/>
      <c r="D881" s="18"/>
      <c r="E881" s="18"/>
      <c r="F881" s="18"/>
      <c r="G881" s="18"/>
      <c r="H881" s="18"/>
      <c r="I881" s="18"/>
      <c r="J881" s="18"/>
      <c r="K881" s="18"/>
      <c r="L881" s="18"/>
      <c r="M881" s="18"/>
      <c r="N881" s="18"/>
      <c r="O881" s="18"/>
      <c r="P881" s="20"/>
      <c r="Q881" s="20"/>
      <c r="R881" s="20"/>
      <c r="S881" s="20"/>
      <c r="T881" s="20"/>
      <c r="U881" s="20"/>
      <c r="V881" s="20"/>
      <c r="W881" s="20"/>
      <c r="X881" s="19"/>
      <c r="Y881" s="19"/>
      <c r="Z881" s="19"/>
      <c r="AA881" s="19"/>
    </row>
    <row r="882" spans="1:27" s="1" customFormat="1" ht="11.1" customHeight="1" outlineLevel="2" x14ac:dyDescent="0.2">
      <c r="A882" s="17">
        <v>16133</v>
      </c>
      <c r="B882" s="17"/>
      <c r="C882" s="17"/>
      <c r="D882" s="18" t="s">
        <v>449</v>
      </c>
      <c r="E882" s="18"/>
      <c r="F882" s="18"/>
      <c r="G882" s="18"/>
      <c r="H882" s="18"/>
      <c r="I882" s="18"/>
      <c r="J882" s="18"/>
      <c r="K882" s="18"/>
      <c r="L882" s="18"/>
      <c r="M882" s="18"/>
      <c r="N882" s="18"/>
      <c r="O882" s="18"/>
      <c r="P882" s="19">
        <v>800</v>
      </c>
      <c r="Q882" s="19"/>
      <c r="R882" s="19"/>
      <c r="S882" s="19"/>
      <c r="T882" s="19">
        <v>690</v>
      </c>
      <c r="U882" s="19"/>
      <c r="V882" s="19"/>
      <c r="W882" s="19"/>
      <c r="X882" s="19">
        <v>4</v>
      </c>
      <c r="Y882" s="19"/>
      <c r="Z882" s="19"/>
      <c r="AA882" s="19"/>
    </row>
    <row r="883" spans="1:27" s="1" customFormat="1" ht="11.1" customHeight="1" outlineLevel="2" x14ac:dyDescent="0.2">
      <c r="A883" s="17"/>
      <c r="B883" s="17"/>
      <c r="C883" s="17"/>
      <c r="D883" s="18"/>
      <c r="E883" s="18"/>
      <c r="F883" s="18"/>
      <c r="G883" s="18"/>
      <c r="H883" s="18"/>
      <c r="I883" s="18"/>
      <c r="J883" s="18"/>
      <c r="K883" s="18"/>
      <c r="L883" s="18"/>
      <c r="M883" s="18"/>
      <c r="N883" s="18"/>
      <c r="O883" s="18"/>
      <c r="P883" s="19"/>
      <c r="Q883" s="19"/>
      <c r="R883" s="19"/>
      <c r="S883" s="19"/>
      <c r="T883" s="19"/>
      <c r="U883" s="19"/>
      <c r="V883" s="19"/>
      <c r="W883" s="19"/>
      <c r="X883" s="19"/>
      <c r="Y883" s="19"/>
      <c r="Z883" s="19"/>
      <c r="AA883" s="19"/>
    </row>
    <row r="884" spans="1:27" s="1" customFormat="1" ht="14.1" customHeight="1" outlineLevel="2" x14ac:dyDescent="0.2">
      <c r="A884" s="17">
        <v>17818</v>
      </c>
      <c r="B884" s="17"/>
      <c r="C884" s="17"/>
      <c r="D884" s="18" t="s">
        <v>450</v>
      </c>
      <c r="E884" s="18"/>
      <c r="F884" s="18"/>
      <c r="G884" s="18"/>
      <c r="H884" s="18"/>
      <c r="I884" s="18"/>
      <c r="J884" s="18"/>
      <c r="K884" s="18"/>
      <c r="L884" s="18"/>
      <c r="M884" s="18"/>
      <c r="N884" s="18"/>
      <c r="O884" s="18"/>
      <c r="P884" s="20">
        <v>2600</v>
      </c>
      <c r="Q884" s="20"/>
      <c r="R884" s="20"/>
      <c r="S884" s="20"/>
      <c r="T884" s="20">
        <v>2500</v>
      </c>
      <c r="U884" s="20"/>
      <c r="V884" s="20"/>
      <c r="W884" s="20"/>
      <c r="X884" s="19">
        <v>1</v>
      </c>
      <c r="Y884" s="19"/>
      <c r="Z884" s="19"/>
      <c r="AA884" s="19"/>
    </row>
    <row r="885" spans="1:27" s="1" customFormat="1" ht="14.1" customHeight="1" outlineLevel="2" x14ac:dyDescent="0.2">
      <c r="A885" s="17"/>
      <c r="B885" s="17"/>
      <c r="C885" s="17"/>
      <c r="D885" s="18"/>
      <c r="E885" s="18"/>
      <c r="F885" s="18"/>
      <c r="G885" s="18"/>
      <c r="H885" s="18"/>
      <c r="I885" s="18"/>
      <c r="J885" s="18"/>
      <c r="K885" s="18"/>
      <c r="L885" s="18"/>
      <c r="M885" s="18"/>
      <c r="N885" s="18"/>
      <c r="O885" s="18"/>
      <c r="P885" s="20"/>
      <c r="Q885" s="20"/>
      <c r="R885" s="20"/>
      <c r="S885" s="20"/>
      <c r="T885" s="20"/>
      <c r="U885" s="20"/>
      <c r="V885" s="20"/>
      <c r="W885" s="20"/>
      <c r="X885" s="19"/>
      <c r="Y885" s="19"/>
      <c r="Z885" s="19"/>
      <c r="AA885" s="19"/>
    </row>
    <row r="886" spans="1:27" s="1" customFormat="1" ht="11.1" customHeight="1" outlineLevel="2" x14ac:dyDescent="0.2">
      <c r="A886" s="17">
        <v>17624</v>
      </c>
      <c r="B886" s="17"/>
      <c r="C886" s="17"/>
      <c r="D886" s="18" t="s">
        <v>451</v>
      </c>
      <c r="E886" s="18"/>
      <c r="F886" s="18"/>
      <c r="G886" s="18"/>
      <c r="H886" s="18"/>
      <c r="I886" s="18"/>
      <c r="J886" s="18"/>
      <c r="K886" s="18"/>
      <c r="L886" s="18"/>
      <c r="M886" s="18"/>
      <c r="N886" s="18"/>
      <c r="O886" s="18"/>
      <c r="P886" s="20">
        <v>2600</v>
      </c>
      <c r="Q886" s="20"/>
      <c r="R886" s="20"/>
      <c r="S886" s="20"/>
      <c r="T886" s="20">
        <v>2500</v>
      </c>
      <c r="U886" s="20"/>
      <c r="V886" s="20"/>
      <c r="W886" s="20"/>
      <c r="X886" s="19">
        <v>1</v>
      </c>
      <c r="Y886" s="19"/>
      <c r="Z886" s="19"/>
      <c r="AA886" s="19"/>
    </row>
    <row r="887" spans="1:27" s="1" customFormat="1" ht="11.1" customHeight="1" outlineLevel="2" x14ac:dyDescent="0.2">
      <c r="A887" s="17"/>
      <c r="B887" s="17"/>
      <c r="C887" s="17"/>
      <c r="D887" s="18"/>
      <c r="E887" s="18"/>
      <c r="F887" s="18"/>
      <c r="G887" s="18"/>
      <c r="H887" s="18"/>
      <c r="I887" s="18"/>
      <c r="J887" s="18"/>
      <c r="K887" s="18"/>
      <c r="L887" s="18"/>
      <c r="M887" s="18"/>
      <c r="N887" s="18"/>
      <c r="O887" s="18"/>
      <c r="P887" s="20"/>
      <c r="Q887" s="20"/>
      <c r="R887" s="20"/>
      <c r="S887" s="20"/>
      <c r="T887" s="20"/>
      <c r="U887" s="20"/>
      <c r="V887" s="20"/>
      <c r="W887" s="20"/>
      <c r="X887" s="19"/>
      <c r="Y887" s="19"/>
      <c r="Z887" s="19"/>
      <c r="AA887" s="19"/>
    </row>
    <row r="888" spans="1:27" s="1" customFormat="1" ht="14.1" customHeight="1" outlineLevel="2" x14ac:dyDescent="0.2">
      <c r="A888" s="17">
        <v>18075</v>
      </c>
      <c r="B888" s="17"/>
      <c r="C888" s="17"/>
      <c r="D888" s="18" t="s">
        <v>452</v>
      </c>
      <c r="E888" s="18"/>
      <c r="F888" s="18"/>
      <c r="G888" s="18"/>
      <c r="H888" s="18"/>
      <c r="I888" s="18"/>
      <c r="J888" s="18"/>
      <c r="K888" s="18"/>
      <c r="L888" s="18"/>
      <c r="M888" s="18"/>
      <c r="N888" s="18"/>
      <c r="O888" s="18"/>
      <c r="P888" s="20">
        <v>2600</v>
      </c>
      <c r="Q888" s="20"/>
      <c r="R888" s="20"/>
      <c r="S888" s="20"/>
      <c r="T888" s="20">
        <v>2500</v>
      </c>
      <c r="U888" s="20"/>
      <c r="V888" s="20"/>
      <c r="W888" s="20"/>
      <c r="X888" s="19">
        <v>1</v>
      </c>
      <c r="Y888" s="19"/>
      <c r="Z888" s="19"/>
      <c r="AA888" s="19"/>
    </row>
    <row r="889" spans="1:27" s="1" customFormat="1" ht="14.1" customHeight="1" outlineLevel="2" x14ac:dyDescent="0.2">
      <c r="A889" s="17"/>
      <c r="B889" s="17"/>
      <c r="C889" s="17"/>
      <c r="D889" s="18"/>
      <c r="E889" s="18"/>
      <c r="F889" s="18"/>
      <c r="G889" s="18"/>
      <c r="H889" s="18"/>
      <c r="I889" s="18"/>
      <c r="J889" s="18"/>
      <c r="K889" s="18"/>
      <c r="L889" s="18"/>
      <c r="M889" s="18"/>
      <c r="N889" s="18"/>
      <c r="O889" s="18"/>
      <c r="P889" s="20"/>
      <c r="Q889" s="20"/>
      <c r="R889" s="20"/>
      <c r="S889" s="20"/>
      <c r="T889" s="20"/>
      <c r="U889" s="20"/>
      <c r="V889" s="20"/>
      <c r="W889" s="20"/>
      <c r="X889" s="19"/>
      <c r="Y889" s="19"/>
      <c r="Z889" s="19"/>
      <c r="AA889" s="19"/>
    </row>
    <row r="890" spans="1:27" s="1" customFormat="1" ht="11.1" customHeight="1" outlineLevel="2" x14ac:dyDescent="0.2">
      <c r="A890" s="17">
        <v>15263</v>
      </c>
      <c r="B890" s="17"/>
      <c r="C890" s="17"/>
      <c r="D890" s="18" t="s">
        <v>453</v>
      </c>
      <c r="E890" s="18"/>
      <c r="F890" s="18"/>
      <c r="G890" s="18"/>
      <c r="H890" s="18"/>
      <c r="I890" s="18"/>
      <c r="J890" s="18"/>
      <c r="K890" s="18"/>
      <c r="L890" s="18"/>
      <c r="M890" s="18"/>
      <c r="N890" s="18"/>
      <c r="O890" s="18"/>
      <c r="P890" s="20">
        <v>1630</v>
      </c>
      <c r="Q890" s="20"/>
      <c r="R890" s="20"/>
      <c r="S890" s="20"/>
      <c r="T890" s="20">
        <v>1500</v>
      </c>
      <c r="U890" s="20"/>
      <c r="V890" s="20"/>
      <c r="W890" s="20"/>
      <c r="X890" s="19">
        <v>4</v>
      </c>
      <c r="Y890" s="19"/>
      <c r="Z890" s="19"/>
      <c r="AA890" s="19"/>
    </row>
    <row r="891" spans="1:27" s="1" customFormat="1" ht="11.1" customHeight="1" outlineLevel="2" x14ac:dyDescent="0.2">
      <c r="A891" s="17"/>
      <c r="B891" s="17"/>
      <c r="C891" s="17"/>
      <c r="D891" s="18"/>
      <c r="E891" s="18"/>
      <c r="F891" s="18"/>
      <c r="G891" s="18"/>
      <c r="H891" s="18"/>
      <c r="I891" s="18"/>
      <c r="J891" s="18"/>
      <c r="K891" s="18"/>
      <c r="L891" s="18"/>
      <c r="M891" s="18"/>
      <c r="N891" s="18"/>
      <c r="O891" s="18"/>
      <c r="P891" s="20"/>
      <c r="Q891" s="20"/>
      <c r="R891" s="20"/>
      <c r="S891" s="20"/>
      <c r="T891" s="20"/>
      <c r="U891" s="20"/>
      <c r="V891" s="20"/>
      <c r="W891" s="20"/>
      <c r="X891" s="19"/>
      <c r="Y891" s="19"/>
      <c r="Z891" s="19"/>
      <c r="AA891" s="19"/>
    </row>
    <row r="892" spans="1:27" s="1" customFormat="1" ht="14.1" customHeight="1" outlineLevel="2" x14ac:dyDescent="0.2">
      <c r="A892" s="17">
        <v>17487</v>
      </c>
      <c r="B892" s="17"/>
      <c r="C892" s="17"/>
      <c r="D892" s="18" t="s">
        <v>454</v>
      </c>
      <c r="E892" s="18"/>
      <c r="F892" s="18"/>
      <c r="G892" s="18"/>
      <c r="H892" s="18"/>
      <c r="I892" s="18"/>
      <c r="J892" s="18"/>
      <c r="K892" s="18"/>
      <c r="L892" s="18"/>
      <c r="M892" s="18"/>
      <c r="N892" s="18"/>
      <c r="O892" s="18"/>
      <c r="P892" s="20">
        <v>2600</v>
      </c>
      <c r="Q892" s="20"/>
      <c r="R892" s="20"/>
      <c r="S892" s="20"/>
      <c r="T892" s="20">
        <v>2500</v>
      </c>
      <c r="U892" s="20"/>
      <c r="V892" s="20"/>
      <c r="W892" s="20"/>
      <c r="X892" s="19">
        <v>1</v>
      </c>
      <c r="Y892" s="19"/>
      <c r="Z892" s="19"/>
      <c r="AA892" s="19"/>
    </row>
    <row r="893" spans="1:27" s="1" customFormat="1" ht="14.1" customHeight="1" outlineLevel="2" x14ac:dyDescent="0.2">
      <c r="A893" s="17"/>
      <c r="B893" s="17"/>
      <c r="C893" s="17"/>
      <c r="D893" s="18"/>
      <c r="E893" s="18"/>
      <c r="F893" s="18"/>
      <c r="G893" s="18"/>
      <c r="H893" s="18"/>
      <c r="I893" s="18"/>
      <c r="J893" s="18"/>
      <c r="K893" s="18"/>
      <c r="L893" s="18"/>
      <c r="M893" s="18"/>
      <c r="N893" s="18"/>
      <c r="O893" s="18"/>
      <c r="P893" s="20"/>
      <c r="Q893" s="20"/>
      <c r="R893" s="20"/>
      <c r="S893" s="20"/>
      <c r="T893" s="20"/>
      <c r="U893" s="20"/>
      <c r="V893" s="20"/>
      <c r="W893" s="20"/>
      <c r="X893" s="19"/>
      <c r="Y893" s="19"/>
      <c r="Z893" s="19"/>
      <c r="AA893" s="19"/>
    </row>
    <row r="894" spans="1:27" s="1" customFormat="1" ht="11.1" customHeight="1" outlineLevel="2" x14ac:dyDescent="0.2">
      <c r="A894" s="17">
        <v>15264</v>
      </c>
      <c r="B894" s="17"/>
      <c r="C894" s="17"/>
      <c r="D894" s="18" t="s">
        <v>455</v>
      </c>
      <c r="E894" s="18"/>
      <c r="F894" s="18"/>
      <c r="G894" s="18"/>
      <c r="H894" s="18"/>
      <c r="I894" s="18"/>
      <c r="J894" s="18"/>
      <c r="K894" s="18"/>
      <c r="L894" s="18"/>
      <c r="M894" s="18"/>
      <c r="N894" s="18"/>
      <c r="O894" s="18"/>
      <c r="P894" s="20">
        <v>1630</v>
      </c>
      <c r="Q894" s="20"/>
      <c r="R894" s="20"/>
      <c r="S894" s="20"/>
      <c r="T894" s="20">
        <v>1500</v>
      </c>
      <c r="U894" s="20"/>
      <c r="V894" s="20"/>
      <c r="W894" s="20"/>
      <c r="X894" s="19">
        <v>4</v>
      </c>
      <c r="Y894" s="19"/>
      <c r="Z894" s="19"/>
      <c r="AA894" s="19"/>
    </row>
    <row r="895" spans="1:27" s="1" customFormat="1" ht="11.1" customHeight="1" outlineLevel="2" x14ac:dyDescent="0.2">
      <c r="A895" s="17"/>
      <c r="B895" s="17"/>
      <c r="C895" s="17"/>
      <c r="D895" s="18"/>
      <c r="E895" s="18"/>
      <c r="F895" s="18"/>
      <c r="G895" s="18"/>
      <c r="H895" s="18"/>
      <c r="I895" s="18"/>
      <c r="J895" s="18"/>
      <c r="K895" s="18"/>
      <c r="L895" s="18"/>
      <c r="M895" s="18"/>
      <c r="N895" s="18"/>
      <c r="O895" s="18"/>
      <c r="P895" s="20"/>
      <c r="Q895" s="20"/>
      <c r="R895" s="20"/>
      <c r="S895" s="20"/>
      <c r="T895" s="20"/>
      <c r="U895" s="20"/>
      <c r="V895" s="20"/>
      <c r="W895" s="20"/>
      <c r="X895" s="19"/>
      <c r="Y895" s="19"/>
      <c r="Z895" s="19"/>
      <c r="AA895" s="19"/>
    </row>
    <row r="896" spans="1:27" s="1" customFormat="1" ht="14.1" customHeight="1" outlineLevel="2" x14ac:dyDescent="0.2">
      <c r="A896" s="17">
        <v>16864</v>
      </c>
      <c r="B896" s="17"/>
      <c r="C896" s="17"/>
      <c r="D896" s="18" t="s">
        <v>456</v>
      </c>
      <c r="E896" s="18"/>
      <c r="F896" s="18"/>
      <c r="G896" s="18"/>
      <c r="H896" s="18"/>
      <c r="I896" s="18"/>
      <c r="J896" s="18"/>
      <c r="K896" s="18"/>
      <c r="L896" s="18"/>
      <c r="M896" s="18"/>
      <c r="N896" s="18"/>
      <c r="O896" s="18"/>
      <c r="P896" s="20">
        <v>3500</v>
      </c>
      <c r="Q896" s="20"/>
      <c r="R896" s="20"/>
      <c r="S896" s="20"/>
      <c r="T896" s="20">
        <v>3000</v>
      </c>
      <c r="U896" s="20"/>
      <c r="V896" s="20"/>
      <c r="W896" s="20"/>
      <c r="X896" s="19">
        <v>1</v>
      </c>
      <c r="Y896" s="19"/>
      <c r="Z896" s="19"/>
      <c r="AA896" s="19"/>
    </row>
    <row r="897" spans="1:27" s="1" customFormat="1" ht="14.1" customHeight="1" outlineLevel="2" x14ac:dyDescent="0.2">
      <c r="A897" s="17"/>
      <c r="B897" s="17"/>
      <c r="C897" s="17"/>
      <c r="D897" s="18"/>
      <c r="E897" s="18"/>
      <c r="F897" s="18"/>
      <c r="G897" s="18"/>
      <c r="H897" s="18"/>
      <c r="I897" s="18"/>
      <c r="J897" s="18"/>
      <c r="K897" s="18"/>
      <c r="L897" s="18"/>
      <c r="M897" s="18"/>
      <c r="N897" s="18"/>
      <c r="O897" s="18"/>
      <c r="P897" s="20"/>
      <c r="Q897" s="20"/>
      <c r="R897" s="20"/>
      <c r="S897" s="20"/>
      <c r="T897" s="20"/>
      <c r="U897" s="20"/>
      <c r="V897" s="20"/>
      <c r="W897" s="20"/>
      <c r="X897" s="19"/>
      <c r="Y897" s="19"/>
      <c r="Z897" s="19"/>
      <c r="AA897" s="19"/>
    </row>
    <row r="898" spans="1:27" s="1" customFormat="1" ht="11.1" customHeight="1" outlineLevel="2" x14ac:dyDescent="0.2">
      <c r="A898" s="17">
        <v>17674</v>
      </c>
      <c r="B898" s="17"/>
      <c r="C898" s="17"/>
      <c r="D898" s="18" t="s">
        <v>457</v>
      </c>
      <c r="E898" s="18"/>
      <c r="F898" s="18"/>
      <c r="G898" s="18"/>
      <c r="H898" s="18"/>
      <c r="I898" s="18"/>
      <c r="J898" s="18"/>
      <c r="K898" s="18"/>
      <c r="L898" s="18"/>
      <c r="M898" s="18"/>
      <c r="N898" s="18"/>
      <c r="O898" s="18"/>
      <c r="P898" s="19">
        <v>150</v>
      </c>
      <c r="Q898" s="19"/>
      <c r="R898" s="19"/>
      <c r="S898" s="19"/>
      <c r="T898" s="19">
        <v>110</v>
      </c>
      <c r="U898" s="19"/>
      <c r="V898" s="19"/>
      <c r="W898" s="19"/>
      <c r="X898" s="19">
        <v>1</v>
      </c>
      <c r="Y898" s="19"/>
      <c r="Z898" s="19"/>
      <c r="AA898" s="19"/>
    </row>
    <row r="899" spans="1:27" s="1" customFormat="1" ht="11.1" customHeight="1" outlineLevel="2" x14ac:dyDescent="0.2">
      <c r="A899" s="17"/>
      <c r="B899" s="17"/>
      <c r="C899" s="17"/>
      <c r="D899" s="18"/>
      <c r="E899" s="18"/>
      <c r="F899" s="18"/>
      <c r="G899" s="18"/>
      <c r="H899" s="18"/>
      <c r="I899" s="18"/>
      <c r="J899" s="18"/>
      <c r="K899" s="18"/>
      <c r="L899" s="18"/>
      <c r="M899" s="18"/>
      <c r="N899" s="18"/>
      <c r="O899" s="18"/>
      <c r="P899" s="19"/>
      <c r="Q899" s="19"/>
      <c r="R899" s="19"/>
      <c r="S899" s="19"/>
      <c r="T899" s="19"/>
      <c r="U899" s="19"/>
      <c r="V899" s="19"/>
      <c r="W899" s="19"/>
      <c r="X899" s="19"/>
      <c r="Y899" s="19"/>
      <c r="Z899" s="19"/>
      <c r="AA899" s="19"/>
    </row>
    <row r="900" spans="1:27" s="1" customFormat="1" ht="11.1" customHeight="1" outlineLevel="2" x14ac:dyDescent="0.2">
      <c r="A900" s="17">
        <v>17340</v>
      </c>
      <c r="B900" s="17"/>
      <c r="C900" s="17"/>
      <c r="D900" s="18" t="s">
        <v>458</v>
      </c>
      <c r="E900" s="18"/>
      <c r="F900" s="18"/>
      <c r="G900" s="18"/>
      <c r="H900" s="18"/>
      <c r="I900" s="18"/>
      <c r="J900" s="18"/>
      <c r="K900" s="18"/>
      <c r="L900" s="18"/>
      <c r="M900" s="18"/>
      <c r="N900" s="18"/>
      <c r="O900" s="18"/>
      <c r="P900" s="19">
        <v>40</v>
      </c>
      <c r="Q900" s="19"/>
      <c r="R900" s="19"/>
      <c r="S900" s="19"/>
      <c r="T900" s="19">
        <v>30</v>
      </c>
      <c r="U900" s="19"/>
      <c r="V900" s="19"/>
      <c r="W900" s="19"/>
      <c r="X900" s="19">
        <v>10</v>
      </c>
      <c r="Y900" s="19"/>
      <c r="Z900" s="19"/>
      <c r="AA900" s="19"/>
    </row>
    <row r="901" spans="1:27" s="1" customFormat="1" ht="11.1" customHeight="1" outlineLevel="2" x14ac:dyDescent="0.2">
      <c r="A901" s="17"/>
      <c r="B901" s="17"/>
      <c r="C901" s="17"/>
      <c r="D901" s="18"/>
      <c r="E901" s="18"/>
      <c r="F901" s="18"/>
      <c r="G901" s="18"/>
      <c r="H901" s="18"/>
      <c r="I901" s="18"/>
      <c r="J901" s="18"/>
      <c r="K901" s="18"/>
      <c r="L901" s="18"/>
      <c r="M901" s="18"/>
      <c r="N901" s="18"/>
      <c r="O901" s="18"/>
      <c r="P901" s="19"/>
      <c r="Q901" s="19"/>
      <c r="R901" s="19"/>
      <c r="S901" s="19"/>
      <c r="T901" s="19"/>
      <c r="U901" s="19"/>
      <c r="V901" s="19"/>
      <c r="W901" s="19"/>
      <c r="X901" s="19"/>
      <c r="Y901" s="19"/>
      <c r="Z901" s="19"/>
      <c r="AA901" s="19"/>
    </row>
    <row r="902" spans="1:27" s="1" customFormat="1" ht="11.1" customHeight="1" outlineLevel="2" x14ac:dyDescent="0.2">
      <c r="A902" s="17">
        <v>17341</v>
      </c>
      <c r="B902" s="17"/>
      <c r="C902" s="17"/>
      <c r="D902" s="18" t="s">
        <v>459</v>
      </c>
      <c r="E902" s="18"/>
      <c r="F902" s="18"/>
      <c r="G902" s="18"/>
      <c r="H902" s="18"/>
      <c r="I902" s="18"/>
      <c r="J902" s="18"/>
      <c r="K902" s="18"/>
      <c r="L902" s="18"/>
      <c r="M902" s="18"/>
      <c r="N902" s="18"/>
      <c r="O902" s="18"/>
      <c r="P902" s="19">
        <v>40</v>
      </c>
      <c r="Q902" s="19"/>
      <c r="R902" s="19"/>
      <c r="S902" s="19"/>
      <c r="T902" s="19">
        <v>30</v>
      </c>
      <c r="U902" s="19"/>
      <c r="V902" s="19"/>
      <c r="W902" s="19"/>
      <c r="X902" s="19">
        <v>8</v>
      </c>
      <c r="Y902" s="19"/>
      <c r="Z902" s="19"/>
      <c r="AA902" s="19"/>
    </row>
    <row r="903" spans="1:27" s="1" customFormat="1" ht="11.1" customHeight="1" outlineLevel="2" x14ac:dyDescent="0.2">
      <c r="A903" s="17"/>
      <c r="B903" s="17"/>
      <c r="C903" s="17"/>
      <c r="D903" s="18"/>
      <c r="E903" s="18"/>
      <c r="F903" s="18"/>
      <c r="G903" s="18"/>
      <c r="H903" s="18"/>
      <c r="I903" s="18"/>
      <c r="J903" s="18"/>
      <c r="K903" s="18"/>
      <c r="L903" s="18"/>
      <c r="M903" s="18"/>
      <c r="N903" s="18"/>
      <c r="O903" s="18"/>
      <c r="P903" s="19"/>
      <c r="Q903" s="19"/>
      <c r="R903" s="19"/>
      <c r="S903" s="19"/>
      <c r="T903" s="19"/>
      <c r="U903" s="19"/>
      <c r="V903" s="19"/>
      <c r="W903" s="19"/>
      <c r="X903" s="19"/>
      <c r="Y903" s="19"/>
      <c r="Z903" s="19"/>
      <c r="AA903" s="19"/>
    </row>
    <row r="904" spans="1:27" s="1" customFormat="1" ht="11.1" customHeight="1" outlineLevel="2" x14ac:dyDescent="0.2">
      <c r="A904" s="17">
        <v>17748</v>
      </c>
      <c r="B904" s="17"/>
      <c r="C904" s="17"/>
      <c r="D904" s="18" t="s">
        <v>460</v>
      </c>
      <c r="E904" s="18"/>
      <c r="F904" s="18"/>
      <c r="G904" s="18"/>
      <c r="H904" s="18"/>
      <c r="I904" s="18"/>
      <c r="J904" s="18"/>
      <c r="K904" s="18"/>
      <c r="L904" s="18"/>
      <c r="M904" s="18"/>
      <c r="N904" s="18"/>
      <c r="O904" s="18"/>
      <c r="P904" s="19">
        <v>320</v>
      </c>
      <c r="Q904" s="19"/>
      <c r="R904" s="19"/>
      <c r="S904" s="19"/>
      <c r="T904" s="19">
        <v>200</v>
      </c>
      <c r="U904" s="19"/>
      <c r="V904" s="19"/>
      <c r="W904" s="19"/>
      <c r="X904" s="19">
        <v>20</v>
      </c>
      <c r="Y904" s="19"/>
      <c r="Z904" s="19"/>
      <c r="AA904" s="19"/>
    </row>
    <row r="905" spans="1:27" s="1" customFormat="1" ht="11.1" customHeight="1" outlineLevel="2" x14ac:dyDescent="0.2">
      <c r="A905" s="17"/>
      <c r="B905" s="17"/>
      <c r="C905" s="17"/>
      <c r="D905" s="18"/>
      <c r="E905" s="18"/>
      <c r="F905" s="18"/>
      <c r="G905" s="18"/>
      <c r="H905" s="18"/>
      <c r="I905" s="18"/>
      <c r="J905" s="18"/>
      <c r="K905" s="18"/>
      <c r="L905" s="18"/>
      <c r="M905" s="18"/>
      <c r="N905" s="18"/>
      <c r="O905" s="18"/>
      <c r="P905" s="19"/>
      <c r="Q905" s="19"/>
      <c r="R905" s="19"/>
      <c r="S905" s="19"/>
      <c r="T905" s="19"/>
      <c r="U905" s="19"/>
      <c r="V905" s="19"/>
      <c r="W905" s="19"/>
      <c r="X905" s="19"/>
      <c r="Y905" s="19"/>
      <c r="Z905" s="19"/>
      <c r="AA905" s="19"/>
    </row>
    <row r="906" spans="1:27" s="1" customFormat="1" ht="14.1" customHeight="1" outlineLevel="2" x14ac:dyDescent="0.2">
      <c r="A906" s="17">
        <v>13719</v>
      </c>
      <c r="B906" s="17"/>
      <c r="C906" s="17"/>
      <c r="D906" s="18" t="s">
        <v>461</v>
      </c>
      <c r="E906" s="18"/>
      <c r="F906" s="18"/>
      <c r="G906" s="18"/>
      <c r="H906" s="18"/>
      <c r="I906" s="18"/>
      <c r="J906" s="18"/>
      <c r="K906" s="18"/>
      <c r="L906" s="18"/>
      <c r="M906" s="18"/>
      <c r="N906" s="18"/>
      <c r="O906" s="18"/>
      <c r="P906" s="19">
        <v>390</v>
      </c>
      <c r="Q906" s="19"/>
      <c r="R906" s="19"/>
      <c r="S906" s="19"/>
      <c r="T906" s="19">
        <v>310</v>
      </c>
      <c r="U906" s="19"/>
      <c r="V906" s="19"/>
      <c r="W906" s="19"/>
      <c r="X906" s="19">
        <v>5</v>
      </c>
      <c r="Y906" s="19"/>
      <c r="Z906" s="19"/>
      <c r="AA906" s="19"/>
    </row>
    <row r="907" spans="1:27" s="1" customFormat="1" ht="14.1" customHeight="1" outlineLevel="2" x14ac:dyDescent="0.2">
      <c r="A907" s="17"/>
      <c r="B907" s="17"/>
      <c r="C907" s="17"/>
      <c r="D907" s="18"/>
      <c r="E907" s="18"/>
      <c r="F907" s="18"/>
      <c r="G907" s="18"/>
      <c r="H907" s="18"/>
      <c r="I907" s="18"/>
      <c r="J907" s="18"/>
      <c r="K907" s="18"/>
      <c r="L907" s="18"/>
      <c r="M907" s="18"/>
      <c r="N907" s="18"/>
      <c r="O907" s="18"/>
      <c r="P907" s="19"/>
      <c r="Q907" s="19"/>
      <c r="R907" s="19"/>
      <c r="S907" s="19"/>
      <c r="T907" s="19"/>
      <c r="U907" s="19"/>
      <c r="V907" s="19"/>
      <c r="W907" s="19"/>
      <c r="X907" s="19"/>
      <c r="Y907" s="19"/>
      <c r="Z907" s="19"/>
      <c r="AA907" s="19"/>
    </row>
    <row r="908" spans="1:27" s="1" customFormat="1" ht="11.1" customHeight="1" outlineLevel="2" x14ac:dyDescent="0.2">
      <c r="A908" s="17">
        <v>16090</v>
      </c>
      <c r="B908" s="17"/>
      <c r="C908" s="17"/>
      <c r="D908" s="18" t="s">
        <v>462</v>
      </c>
      <c r="E908" s="18"/>
      <c r="F908" s="18"/>
      <c r="G908" s="18"/>
      <c r="H908" s="18"/>
      <c r="I908" s="18"/>
      <c r="J908" s="18"/>
      <c r="K908" s="18"/>
      <c r="L908" s="18"/>
      <c r="M908" s="18"/>
      <c r="N908" s="18"/>
      <c r="O908" s="18"/>
      <c r="P908" s="19">
        <v>170</v>
      </c>
      <c r="Q908" s="19"/>
      <c r="R908" s="19"/>
      <c r="S908" s="19"/>
      <c r="T908" s="19">
        <v>120</v>
      </c>
      <c r="U908" s="19"/>
      <c r="V908" s="19"/>
      <c r="W908" s="19"/>
      <c r="X908" s="19">
        <v>13</v>
      </c>
      <c r="Y908" s="19"/>
      <c r="Z908" s="19"/>
      <c r="AA908" s="19"/>
    </row>
    <row r="909" spans="1:27" s="1" customFormat="1" ht="11.1" customHeight="1" outlineLevel="2" x14ac:dyDescent="0.2">
      <c r="A909" s="17"/>
      <c r="B909" s="17"/>
      <c r="C909" s="17"/>
      <c r="D909" s="18"/>
      <c r="E909" s="18"/>
      <c r="F909" s="18"/>
      <c r="G909" s="18"/>
      <c r="H909" s="18"/>
      <c r="I909" s="18"/>
      <c r="J909" s="18"/>
      <c r="K909" s="18"/>
      <c r="L909" s="18"/>
      <c r="M909" s="18"/>
      <c r="N909" s="18"/>
      <c r="O909" s="18"/>
      <c r="P909" s="19"/>
      <c r="Q909" s="19"/>
      <c r="R909" s="19"/>
      <c r="S909" s="19"/>
      <c r="T909" s="19"/>
      <c r="U909" s="19"/>
      <c r="V909" s="19"/>
      <c r="W909" s="19"/>
      <c r="X909" s="19"/>
      <c r="Y909" s="19"/>
      <c r="Z909" s="19"/>
      <c r="AA909" s="19"/>
    </row>
    <row r="910" spans="1:27" s="1" customFormat="1" ht="14.1" customHeight="1" outlineLevel="2" x14ac:dyDescent="0.2">
      <c r="A910" s="17">
        <v>16137</v>
      </c>
      <c r="B910" s="17"/>
      <c r="C910" s="17"/>
      <c r="D910" s="18" t="s">
        <v>463</v>
      </c>
      <c r="E910" s="18"/>
      <c r="F910" s="18"/>
      <c r="G910" s="18"/>
      <c r="H910" s="18"/>
      <c r="I910" s="18"/>
      <c r="J910" s="18"/>
      <c r="K910" s="18"/>
      <c r="L910" s="18"/>
      <c r="M910" s="18"/>
      <c r="N910" s="18"/>
      <c r="O910" s="18"/>
      <c r="P910" s="20">
        <v>1300</v>
      </c>
      <c r="Q910" s="20"/>
      <c r="R910" s="20"/>
      <c r="S910" s="20"/>
      <c r="T910" s="20">
        <v>1000</v>
      </c>
      <c r="U910" s="20"/>
      <c r="V910" s="20"/>
      <c r="W910" s="20"/>
      <c r="X910" s="19">
        <v>7</v>
      </c>
      <c r="Y910" s="19"/>
      <c r="Z910" s="19"/>
      <c r="AA910" s="19"/>
    </row>
    <row r="911" spans="1:27" s="1" customFormat="1" ht="14.1" customHeight="1" outlineLevel="2" x14ac:dyDescent="0.2">
      <c r="A911" s="17"/>
      <c r="B911" s="17"/>
      <c r="C911" s="17"/>
      <c r="D911" s="18"/>
      <c r="E911" s="18"/>
      <c r="F911" s="18"/>
      <c r="G911" s="18"/>
      <c r="H911" s="18"/>
      <c r="I911" s="18"/>
      <c r="J911" s="18"/>
      <c r="K911" s="18"/>
      <c r="L911" s="18"/>
      <c r="M911" s="18"/>
      <c r="N911" s="18"/>
      <c r="O911" s="18"/>
      <c r="P911" s="20"/>
      <c r="Q911" s="20"/>
      <c r="R911" s="20"/>
      <c r="S911" s="20"/>
      <c r="T911" s="20"/>
      <c r="U911" s="20"/>
      <c r="V911" s="20"/>
      <c r="W911" s="20"/>
      <c r="X911" s="19"/>
      <c r="Y911" s="19"/>
      <c r="Z911" s="19"/>
      <c r="AA911" s="19"/>
    </row>
    <row r="912" spans="1:27" s="1" customFormat="1" ht="14.1" customHeight="1" outlineLevel="2" x14ac:dyDescent="0.2">
      <c r="A912" s="17">
        <v>14578</v>
      </c>
      <c r="B912" s="17"/>
      <c r="C912" s="17"/>
      <c r="D912" s="18" t="s">
        <v>464</v>
      </c>
      <c r="E912" s="18"/>
      <c r="F912" s="18"/>
      <c r="G912" s="18"/>
      <c r="H912" s="18"/>
      <c r="I912" s="18"/>
      <c r="J912" s="18"/>
      <c r="K912" s="18"/>
      <c r="L912" s="18"/>
      <c r="M912" s="18"/>
      <c r="N912" s="18"/>
      <c r="O912" s="18"/>
      <c r="P912" s="20">
        <v>1900</v>
      </c>
      <c r="Q912" s="20"/>
      <c r="R912" s="20"/>
      <c r="S912" s="20"/>
      <c r="T912" s="20">
        <v>1500</v>
      </c>
      <c r="U912" s="20"/>
      <c r="V912" s="20"/>
      <c r="W912" s="20"/>
      <c r="X912" s="19">
        <v>2</v>
      </c>
      <c r="Y912" s="19"/>
      <c r="Z912" s="19"/>
      <c r="AA912" s="19"/>
    </row>
    <row r="913" spans="1:27" s="1" customFormat="1" ht="14.1" customHeight="1" outlineLevel="2" x14ac:dyDescent="0.2">
      <c r="A913" s="17"/>
      <c r="B913" s="17"/>
      <c r="C913" s="17"/>
      <c r="D913" s="18"/>
      <c r="E913" s="18"/>
      <c r="F913" s="18"/>
      <c r="G913" s="18"/>
      <c r="H913" s="18"/>
      <c r="I913" s="18"/>
      <c r="J913" s="18"/>
      <c r="K913" s="18"/>
      <c r="L913" s="18"/>
      <c r="M913" s="18"/>
      <c r="N913" s="18"/>
      <c r="O913" s="18"/>
      <c r="P913" s="20"/>
      <c r="Q913" s="20"/>
      <c r="R913" s="20"/>
      <c r="S913" s="20"/>
      <c r="T913" s="20"/>
      <c r="U913" s="20"/>
      <c r="V913" s="20"/>
      <c r="W913" s="20"/>
      <c r="X913" s="19"/>
      <c r="Y913" s="19"/>
      <c r="Z913" s="19"/>
      <c r="AA913" s="19"/>
    </row>
    <row r="914" spans="1:27" s="1" customFormat="1" ht="14.1" customHeight="1" outlineLevel="2" x14ac:dyDescent="0.2">
      <c r="A914" s="17">
        <v>16867</v>
      </c>
      <c r="B914" s="17"/>
      <c r="C914" s="17"/>
      <c r="D914" s="18" t="s">
        <v>465</v>
      </c>
      <c r="E914" s="18"/>
      <c r="F914" s="18"/>
      <c r="G914" s="18"/>
      <c r="H914" s="18"/>
      <c r="I914" s="18"/>
      <c r="J914" s="18"/>
      <c r="K914" s="18"/>
      <c r="L914" s="18"/>
      <c r="M914" s="18"/>
      <c r="N914" s="18"/>
      <c r="O914" s="18"/>
      <c r="P914" s="20">
        <v>1000</v>
      </c>
      <c r="Q914" s="20"/>
      <c r="R914" s="20"/>
      <c r="S914" s="20"/>
      <c r="T914" s="19">
        <v>800</v>
      </c>
      <c r="U914" s="19"/>
      <c r="V914" s="19"/>
      <c r="W914" s="19"/>
      <c r="X914" s="19">
        <v>1</v>
      </c>
      <c r="Y914" s="19"/>
      <c r="Z914" s="19"/>
      <c r="AA914" s="19"/>
    </row>
    <row r="915" spans="1:27" s="1" customFormat="1" ht="14.1" customHeight="1" outlineLevel="2" x14ac:dyDescent="0.2">
      <c r="A915" s="17"/>
      <c r="B915" s="17"/>
      <c r="C915" s="17"/>
      <c r="D915" s="18"/>
      <c r="E915" s="18"/>
      <c r="F915" s="18"/>
      <c r="G915" s="18"/>
      <c r="H915" s="18"/>
      <c r="I915" s="18"/>
      <c r="J915" s="18"/>
      <c r="K915" s="18"/>
      <c r="L915" s="18"/>
      <c r="M915" s="18"/>
      <c r="N915" s="18"/>
      <c r="O915" s="18"/>
      <c r="P915" s="20"/>
      <c r="Q915" s="20"/>
      <c r="R915" s="20"/>
      <c r="S915" s="20"/>
      <c r="T915" s="19"/>
      <c r="U915" s="19"/>
      <c r="V915" s="19"/>
      <c r="W915" s="19"/>
      <c r="X915" s="19"/>
      <c r="Y915" s="19"/>
      <c r="Z915" s="19"/>
      <c r="AA915" s="19"/>
    </row>
    <row r="916" spans="1:27" s="1" customFormat="1" ht="14.1" customHeight="1" outlineLevel="2" x14ac:dyDescent="0.2">
      <c r="A916" s="17">
        <v>17490</v>
      </c>
      <c r="B916" s="17"/>
      <c r="C916" s="17"/>
      <c r="D916" s="18" t="s">
        <v>466</v>
      </c>
      <c r="E916" s="18"/>
      <c r="F916" s="18"/>
      <c r="G916" s="18"/>
      <c r="H916" s="18"/>
      <c r="I916" s="18"/>
      <c r="J916" s="18"/>
      <c r="K916" s="18"/>
      <c r="L916" s="18"/>
      <c r="M916" s="18"/>
      <c r="N916" s="18"/>
      <c r="O916" s="18"/>
      <c r="P916" s="19">
        <v>690</v>
      </c>
      <c r="Q916" s="19"/>
      <c r="R916" s="19"/>
      <c r="S916" s="19"/>
      <c r="T916" s="19">
        <v>600</v>
      </c>
      <c r="U916" s="19"/>
      <c r="V916" s="19"/>
      <c r="W916" s="19"/>
      <c r="X916" s="19">
        <v>2</v>
      </c>
      <c r="Y916" s="19"/>
      <c r="Z916" s="19"/>
      <c r="AA916" s="19"/>
    </row>
    <row r="917" spans="1:27" s="1" customFormat="1" ht="14.1" customHeight="1" outlineLevel="2" x14ac:dyDescent="0.2">
      <c r="A917" s="17"/>
      <c r="B917" s="17"/>
      <c r="C917" s="17"/>
      <c r="D917" s="18"/>
      <c r="E917" s="18"/>
      <c r="F917" s="18"/>
      <c r="G917" s="18"/>
      <c r="H917" s="18"/>
      <c r="I917" s="18"/>
      <c r="J917" s="18"/>
      <c r="K917" s="18"/>
      <c r="L917" s="18"/>
      <c r="M917" s="18"/>
      <c r="N917" s="18"/>
      <c r="O917" s="18"/>
      <c r="P917" s="19"/>
      <c r="Q917" s="19"/>
      <c r="R917" s="19"/>
      <c r="S917" s="19"/>
      <c r="T917" s="19"/>
      <c r="U917" s="19"/>
      <c r="V917" s="19"/>
      <c r="W917" s="19"/>
      <c r="X917" s="19"/>
      <c r="Y917" s="19"/>
      <c r="Z917" s="19"/>
      <c r="AA917" s="19"/>
    </row>
    <row r="918" spans="1:27" s="1" customFormat="1" ht="14.1" customHeight="1" outlineLevel="2" x14ac:dyDescent="0.2">
      <c r="A918" s="17">
        <v>17491</v>
      </c>
      <c r="B918" s="17"/>
      <c r="C918" s="17"/>
      <c r="D918" s="18" t="s">
        <v>467</v>
      </c>
      <c r="E918" s="18"/>
      <c r="F918" s="18"/>
      <c r="G918" s="18"/>
      <c r="H918" s="18"/>
      <c r="I918" s="18"/>
      <c r="J918" s="18"/>
      <c r="K918" s="18"/>
      <c r="L918" s="18"/>
      <c r="M918" s="18"/>
      <c r="N918" s="18"/>
      <c r="O918" s="18"/>
      <c r="P918" s="19">
        <v>500</v>
      </c>
      <c r="Q918" s="19"/>
      <c r="R918" s="19"/>
      <c r="S918" s="19"/>
      <c r="T918" s="19">
        <v>400</v>
      </c>
      <c r="U918" s="19"/>
      <c r="V918" s="19"/>
      <c r="W918" s="19"/>
      <c r="X918" s="19">
        <v>2</v>
      </c>
      <c r="Y918" s="19"/>
      <c r="Z918" s="19"/>
      <c r="AA918" s="19"/>
    </row>
    <row r="919" spans="1:27" s="1" customFormat="1" ht="14.1" customHeight="1" outlineLevel="2" x14ac:dyDescent="0.2">
      <c r="A919" s="17"/>
      <c r="B919" s="17"/>
      <c r="C919" s="17"/>
      <c r="D919" s="18"/>
      <c r="E919" s="18"/>
      <c r="F919" s="18"/>
      <c r="G919" s="18"/>
      <c r="H919" s="18"/>
      <c r="I919" s="18"/>
      <c r="J919" s="18"/>
      <c r="K919" s="18"/>
      <c r="L919" s="18"/>
      <c r="M919" s="18"/>
      <c r="N919" s="18"/>
      <c r="O919" s="18"/>
      <c r="P919" s="19"/>
      <c r="Q919" s="19"/>
      <c r="R919" s="19"/>
      <c r="S919" s="19"/>
      <c r="T919" s="19"/>
      <c r="U919" s="19"/>
      <c r="V919" s="19"/>
      <c r="W919" s="19"/>
      <c r="X919" s="19"/>
      <c r="Y919" s="19"/>
      <c r="Z919" s="19"/>
      <c r="AA919" s="19"/>
    </row>
    <row r="920" spans="1:27" s="1" customFormat="1" ht="14.1" customHeight="1" outlineLevel="2" x14ac:dyDescent="0.2">
      <c r="A920" s="17">
        <v>16869</v>
      </c>
      <c r="B920" s="17"/>
      <c r="C920" s="17"/>
      <c r="D920" s="18" t="s">
        <v>468</v>
      </c>
      <c r="E920" s="18"/>
      <c r="F920" s="18"/>
      <c r="G920" s="18"/>
      <c r="H920" s="18"/>
      <c r="I920" s="18"/>
      <c r="J920" s="18"/>
      <c r="K920" s="18"/>
      <c r="L920" s="18"/>
      <c r="M920" s="18"/>
      <c r="N920" s="18"/>
      <c r="O920" s="18"/>
      <c r="P920" s="19">
        <v>650</v>
      </c>
      <c r="Q920" s="19"/>
      <c r="R920" s="19"/>
      <c r="S920" s="19"/>
      <c r="T920" s="19">
        <v>500</v>
      </c>
      <c r="U920" s="19"/>
      <c r="V920" s="19"/>
      <c r="W920" s="19"/>
      <c r="X920" s="19">
        <v>1</v>
      </c>
      <c r="Y920" s="19"/>
      <c r="Z920" s="19"/>
      <c r="AA920" s="19"/>
    </row>
    <row r="921" spans="1:27" s="1" customFormat="1" ht="14.1" customHeight="1" outlineLevel="2" x14ac:dyDescent="0.2">
      <c r="A921" s="17"/>
      <c r="B921" s="17"/>
      <c r="C921" s="17"/>
      <c r="D921" s="18"/>
      <c r="E921" s="18"/>
      <c r="F921" s="18"/>
      <c r="G921" s="18"/>
      <c r="H921" s="18"/>
      <c r="I921" s="18"/>
      <c r="J921" s="18"/>
      <c r="K921" s="18"/>
      <c r="L921" s="18"/>
      <c r="M921" s="18"/>
      <c r="N921" s="18"/>
      <c r="O921" s="18"/>
      <c r="P921" s="19"/>
      <c r="Q921" s="19"/>
      <c r="R921" s="19"/>
      <c r="S921" s="19"/>
      <c r="T921" s="19"/>
      <c r="U921" s="19"/>
      <c r="V921" s="19"/>
      <c r="W921" s="19"/>
      <c r="X921" s="19"/>
      <c r="Y921" s="19"/>
      <c r="Z921" s="19"/>
      <c r="AA921" s="19"/>
    </row>
    <row r="922" spans="1:27" s="1" customFormat="1" ht="14.1" customHeight="1" outlineLevel="2" x14ac:dyDescent="0.2">
      <c r="A922" s="17">
        <v>16138</v>
      </c>
      <c r="B922" s="17"/>
      <c r="C922" s="17"/>
      <c r="D922" s="18" t="s">
        <v>469</v>
      </c>
      <c r="E922" s="18"/>
      <c r="F922" s="18"/>
      <c r="G922" s="18"/>
      <c r="H922" s="18"/>
      <c r="I922" s="18"/>
      <c r="J922" s="18"/>
      <c r="K922" s="18"/>
      <c r="L922" s="18"/>
      <c r="M922" s="18"/>
      <c r="N922" s="18"/>
      <c r="O922" s="18"/>
      <c r="P922" s="19">
        <v>600</v>
      </c>
      <c r="Q922" s="19"/>
      <c r="R922" s="19"/>
      <c r="S922" s="19"/>
      <c r="T922" s="19">
        <v>500</v>
      </c>
      <c r="U922" s="19"/>
      <c r="V922" s="19"/>
      <c r="W922" s="19"/>
      <c r="X922" s="19">
        <v>3</v>
      </c>
      <c r="Y922" s="19"/>
      <c r="Z922" s="19"/>
      <c r="AA922" s="19"/>
    </row>
    <row r="923" spans="1:27" s="1" customFormat="1" ht="14.1" customHeight="1" outlineLevel="2" x14ac:dyDescent="0.2">
      <c r="A923" s="17"/>
      <c r="B923" s="17"/>
      <c r="C923" s="17"/>
      <c r="D923" s="18"/>
      <c r="E923" s="18"/>
      <c r="F923" s="18"/>
      <c r="G923" s="18"/>
      <c r="H923" s="18"/>
      <c r="I923" s="18"/>
      <c r="J923" s="18"/>
      <c r="K923" s="18"/>
      <c r="L923" s="18"/>
      <c r="M923" s="18"/>
      <c r="N923" s="18"/>
      <c r="O923" s="18"/>
      <c r="P923" s="19"/>
      <c r="Q923" s="19"/>
      <c r="R923" s="19"/>
      <c r="S923" s="19"/>
      <c r="T923" s="19"/>
      <c r="U923" s="19"/>
      <c r="V923" s="19"/>
      <c r="W923" s="19"/>
      <c r="X923" s="19"/>
      <c r="Y923" s="19"/>
      <c r="Z923" s="19"/>
      <c r="AA923" s="19"/>
    </row>
    <row r="924" spans="1:27" s="1" customFormat="1" ht="11.1" customHeight="1" outlineLevel="2" x14ac:dyDescent="0.2">
      <c r="A924" s="17">
        <v>17489</v>
      </c>
      <c r="B924" s="17"/>
      <c r="C924" s="17"/>
      <c r="D924" s="18" t="s">
        <v>470</v>
      </c>
      <c r="E924" s="18"/>
      <c r="F924" s="18"/>
      <c r="G924" s="18"/>
      <c r="H924" s="18"/>
      <c r="I924" s="18"/>
      <c r="J924" s="18"/>
      <c r="K924" s="18"/>
      <c r="L924" s="18"/>
      <c r="M924" s="18"/>
      <c r="N924" s="18"/>
      <c r="O924" s="18"/>
      <c r="P924" s="19">
        <v>400</v>
      </c>
      <c r="Q924" s="19"/>
      <c r="R924" s="19"/>
      <c r="S924" s="19"/>
      <c r="T924" s="19">
        <v>300</v>
      </c>
      <c r="U924" s="19"/>
      <c r="V924" s="19"/>
      <c r="W924" s="19"/>
      <c r="X924" s="19">
        <v>2</v>
      </c>
      <c r="Y924" s="19"/>
      <c r="Z924" s="19"/>
      <c r="AA924" s="19"/>
    </row>
    <row r="925" spans="1:27" s="1" customFormat="1" ht="11.1" customHeight="1" outlineLevel="2" x14ac:dyDescent="0.2">
      <c r="A925" s="17"/>
      <c r="B925" s="17"/>
      <c r="C925" s="17"/>
      <c r="D925" s="18"/>
      <c r="E925" s="18"/>
      <c r="F925" s="18"/>
      <c r="G925" s="18"/>
      <c r="H925" s="18"/>
      <c r="I925" s="18"/>
      <c r="J925" s="18"/>
      <c r="K925" s="18"/>
      <c r="L925" s="18"/>
      <c r="M925" s="18"/>
      <c r="N925" s="18"/>
      <c r="O925" s="18"/>
      <c r="P925" s="19"/>
      <c r="Q925" s="19"/>
      <c r="R925" s="19"/>
      <c r="S925" s="19"/>
      <c r="T925" s="19"/>
      <c r="U925" s="19"/>
      <c r="V925" s="19"/>
      <c r="W925" s="19"/>
      <c r="X925" s="19"/>
      <c r="Y925" s="19"/>
      <c r="Z925" s="19"/>
      <c r="AA925" s="19"/>
    </row>
    <row r="926" spans="1:27" s="1" customFormat="1" ht="14.1" customHeight="1" outlineLevel="2" x14ac:dyDescent="0.2">
      <c r="A926" s="17">
        <v>16868</v>
      </c>
      <c r="B926" s="17"/>
      <c r="C926" s="17"/>
      <c r="D926" s="18" t="s">
        <v>471</v>
      </c>
      <c r="E926" s="18"/>
      <c r="F926" s="18"/>
      <c r="G926" s="18"/>
      <c r="H926" s="18"/>
      <c r="I926" s="18"/>
      <c r="J926" s="18"/>
      <c r="K926" s="18"/>
      <c r="L926" s="18"/>
      <c r="M926" s="18"/>
      <c r="N926" s="18"/>
      <c r="O926" s="18"/>
      <c r="P926" s="19">
        <v>650</v>
      </c>
      <c r="Q926" s="19"/>
      <c r="R926" s="19"/>
      <c r="S926" s="19"/>
      <c r="T926" s="19">
        <v>500</v>
      </c>
      <c r="U926" s="19"/>
      <c r="V926" s="19"/>
      <c r="W926" s="19"/>
      <c r="X926" s="19">
        <v>1</v>
      </c>
      <c r="Y926" s="19"/>
      <c r="Z926" s="19"/>
      <c r="AA926" s="19"/>
    </row>
    <row r="927" spans="1:27" s="1" customFormat="1" ht="14.1" customHeight="1" outlineLevel="2" x14ac:dyDescent="0.2">
      <c r="A927" s="17"/>
      <c r="B927" s="17"/>
      <c r="C927" s="17"/>
      <c r="D927" s="18"/>
      <c r="E927" s="18"/>
      <c r="F927" s="18"/>
      <c r="G927" s="18"/>
      <c r="H927" s="18"/>
      <c r="I927" s="18"/>
      <c r="J927" s="18"/>
      <c r="K927" s="18"/>
      <c r="L927" s="18"/>
      <c r="M927" s="18"/>
      <c r="N927" s="18"/>
      <c r="O927" s="18"/>
      <c r="P927" s="19"/>
      <c r="Q927" s="19"/>
      <c r="R927" s="19"/>
      <c r="S927" s="19"/>
      <c r="T927" s="19"/>
      <c r="U927" s="19"/>
      <c r="V927" s="19"/>
      <c r="W927" s="19"/>
      <c r="X927" s="19"/>
      <c r="Y927" s="19"/>
      <c r="Z927" s="19"/>
      <c r="AA927" s="19"/>
    </row>
    <row r="928" spans="1:27" s="1" customFormat="1" ht="11.1" customHeight="1" outlineLevel="1" x14ac:dyDescent="0.2">
      <c r="A928" s="16" t="s">
        <v>472</v>
      </c>
      <c r="B928" s="16"/>
      <c r="C928" s="16"/>
      <c r="D928" s="16"/>
      <c r="E928" s="16"/>
      <c r="F928" s="16"/>
      <c r="G928" s="16"/>
      <c r="H928" s="16"/>
      <c r="I928" s="16"/>
      <c r="J928" s="16"/>
      <c r="K928" s="16"/>
      <c r="L928" s="16"/>
      <c r="M928" s="16"/>
      <c r="N928" s="16"/>
      <c r="O928" s="16"/>
      <c r="P928" s="16"/>
      <c r="Q928" s="16"/>
      <c r="R928" s="16"/>
      <c r="S928" s="16"/>
      <c r="T928" s="16"/>
      <c r="U928" s="16"/>
      <c r="V928" s="16"/>
      <c r="W928" s="16"/>
      <c r="X928" s="16"/>
      <c r="Y928" s="16"/>
      <c r="Z928" s="16"/>
      <c r="AA928" s="16"/>
    </row>
    <row r="929" spans="1:27" s="1" customFormat="1" ht="11.1" customHeight="1" outlineLevel="1" x14ac:dyDescent="0.2">
      <c r="A929" s="16"/>
      <c r="B929" s="16"/>
      <c r="C929" s="16"/>
      <c r="D929" s="16"/>
      <c r="E929" s="16"/>
      <c r="F929" s="16"/>
      <c r="G929" s="16"/>
      <c r="H929" s="16"/>
      <c r="I929" s="16"/>
      <c r="J929" s="16"/>
      <c r="K929" s="16"/>
      <c r="L929" s="16"/>
      <c r="M929" s="16"/>
      <c r="N929" s="16"/>
      <c r="O929" s="16"/>
      <c r="P929" s="16"/>
      <c r="Q929" s="16"/>
      <c r="R929" s="16"/>
      <c r="S929" s="16"/>
      <c r="T929" s="16"/>
      <c r="U929" s="16"/>
      <c r="V929" s="16"/>
      <c r="W929" s="16"/>
      <c r="X929" s="16"/>
      <c r="Y929" s="16"/>
      <c r="Z929" s="16"/>
      <c r="AA929" s="16"/>
    </row>
    <row r="930" spans="1:27" s="1" customFormat="1" ht="11.1" customHeight="1" outlineLevel="2" x14ac:dyDescent="0.2">
      <c r="A930" s="17">
        <v>16380</v>
      </c>
      <c r="B930" s="17"/>
      <c r="C930" s="17"/>
      <c r="D930" s="18" t="s">
        <v>473</v>
      </c>
      <c r="E930" s="18"/>
      <c r="F930" s="18"/>
      <c r="G930" s="18"/>
      <c r="H930" s="18"/>
      <c r="I930" s="18"/>
      <c r="J930" s="18"/>
      <c r="K930" s="18"/>
      <c r="L930" s="18"/>
      <c r="M930" s="18"/>
      <c r="N930" s="18"/>
      <c r="O930" s="18"/>
      <c r="P930" s="19">
        <v>800</v>
      </c>
      <c r="Q930" s="19"/>
      <c r="R930" s="19"/>
      <c r="S930" s="19"/>
      <c r="T930" s="19">
        <v>600</v>
      </c>
      <c r="U930" s="19"/>
      <c r="V930" s="19"/>
      <c r="W930" s="19"/>
      <c r="X930" s="19">
        <v>10</v>
      </c>
      <c r="Y930" s="19"/>
      <c r="Z930" s="19"/>
      <c r="AA930" s="19"/>
    </row>
    <row r="931" spans="1:27" s="1" customFormat="1" ht="11.1" customHeight="1" outlineLevel="2" x14ac:dyDescent="0.2">
      <c r="A931" s="17"/>
      <c r="B931" s="17"/>
      <c r="C931" s="17"/>
      <c r="D931" s="18"/>
      <c r="E931" s="18"/>
      <c r="F931" s="18"/>
      <c r="G931" s="18"/>
      <c r="H931" s="18"/>
      <c r="I931" s="18"/>
      <c r="J931" s="18"/>
      <c r="K931" s="18"/>
      <c r="L931" s="18"/>
      <c r="M931" s="18"/>
      <c r="N931" s="18"/>
      <c r="O931" s="18"/>
      <c r="P931" s="19"/>
      <c r="Q931" s="19"/>
      <c r="R931" s="19"/>
      <c r="S931" s="19"/>
      <c r="T931" s="19"/>
      <c r="U931" s="19"/>
      <c r="V931" s="19"/>
      <c r="W931" s="19"/>
      <c r="X931" s="19"/>
      <c r="Y931" s="19"/>
      <c r="Z931" s="19"/>
      <c r="AA931" s="19"/>
    </row>
    <row r="932" spans="1:27" s="1" customFormat="1" ht="11.1" customHeight="1" outlineLevel="2" x14ac:dyDescent="0.2">
      <c r="A932" s="17">
        <v>15174</v>
      </c>
      <c r="B932" s="17"/>
      <c r="C932" s="17"/>
      <c r="D932" s="18" t="s">
        <v>474</v>
      </c>
      <c r="E932" s="18"/>
      <c r="F932" s="18"/>
      <c r="G932" s="18"/>
      <c r="H932" s="18"/>
      <c r="I932" s="18"/>
      <c r="J932" s="18"/>
      <c r="K932" s="18"/>
      <c r="L932" s="18"/>
      <c r="M932" s="18"/>
      <c r="N932" s="18"/>
      <c r="O932" s="18"/>
      <c r="P932" s="20">
        <v>1160</v>
      </c>
      <c r="Q932" s="20"/>
      <c r="R932" s="20"/>
      <c r="S932" s="20"/>
      <c r="T932" s="20">
        <v>1050</v>
      </c>
      <c r="U932" s="20"/>
      <c r="V932" s="20"/>
      <c r="W932" s="20"/>
      <c r="X932" s="19">
        <v>4</v>
      </c>
      <c r="Y932" s="19"/>
      <c r="Z932" s="19"/>
      <c r="AA932" s="19"/>
    </row>
    <row r="933" spans="1:27" s="1" customFormat="1" ht="11.1" customHeight="1" outlineLevel="2" x14ac:dyDescent="0.2">
      <c r="A933" s="17"/>
      <c r="B933" s="17"/>
      <c r="C933" s="17"/>
      <c r="D933" s="18"/>
      <c r="E933" s="18"/>
      <c r="F933" s="18"/>
      <c r="G933" s="18"/>
      <c r="H933" s="18"/>
      <c r="I933" s="18"/>
      <c r="J933" s="18"/>
      <c r="K933" s="18"/>
      <c r="L933" s="18"/>
      <c r="M933" s="18"/>
      <c r="N933" s="18"/>
      <c r="O933" s="18"/>
      <c r="P933" s="20"/>
      <c r="Q933" s="20"/>
      <c r="R933" s="20"/>
      <c r="S933" s="20"/>
      <c r="T933" s="20"/>
      <c r="U933" s="20"/>
      <c r="V933" s="20"/>
      <c r="W933" s="20"/>
      <c r="X933" s="19"/>
      <c r="Y933" s="19"/>
      <c r="Z933" s="19"/>
      <c r="AA933" s="19"/>
    </row>
    <row r="934" spans="1:27" s="1" customFormat="1" ht="11.1" customHeight="1" outlineLevel="2" x14ac:dyDescent="0.2">
      <c r="A934" s="17">
        <v>15121</v>
      </c>
      <c r="B934" s="17"/>
      <c r="C934" s="17"/>
      <c r="D934" s="18" t="s">
        <v>475</v>
      </c>
      <c r="E934" s="18"/>
      <c r="F934" s="18"/>
      <c r="G934" s="18"/>
      <c r="H934" s="18"/>
      <c r="I934" s="18"/>
      <c r="J934" s="18"/>
      <c r="K934" s="18"/>
      <c r="L934" s="18"/>
      <c r="M934" s="18"/>
      <c r="N934" s="18"/>
      <c r="O934" s="18"/>
      <c r="P934" s="20">
        <v>5900</v>
      </c>
      <c r="Q934" s="20"/>
      <c r="R934" s="20"/>
      <c r="S934" s="20"/>
      <c r="T934" s="20">
        <v>5400</v>
      </c>
      <c r="U934" s="20"/>
      <c r="V934" s="20"/>
      <c r="W934" s="20"/>
      <c r="X934" s="19">
        <v>1</v>
      </c>
      <c r="Y934" s="19"/>
      <c r="Z934" s="19"/>
      <c r="AA934" s="19"/>
    </row>
    <row r="935" spans="1:27" s="1" customFormat="1" ht="11.1" customHeight="1" outlineLevel="2" x14ac:dyDescent="0.2">
      <c r="A935" s="17"/>
      <c r="B935" s="17"/>
      <c r="C935" s="17"/>
      <c r="D935" s="18"/>
      <c r="E935" s="18"/>
      <c r="F935" s="18"/>
      <c r="G935" s="18"/>
      <c r="H935" s="18"/>
      <c r="I935" s="18"/>
      <c r="J935" s="18"/>
      <c r="K935" s="18"/>
      <c r="L935" s="18"/>
      <c r="M935" s="18"/>
      <c r="N935" s="18"/>
      <c r="O935" s="18"/>
      <c r="P935" s="20"/>
      <c r="Q935" s="20"/>
      <c r="R935" s="20"/>
      <c r="S935" s="20"/>
      <c r="T935" s="20"/>
      <c r="U935" s="20"/>
      <c r="V935" s="20"/>
      <c r="W935" s="20"/>
      <c r="X935" s="19"/>
      <c r="Y935" s="19"/>
      <c r="Z935" s="19"/>
      <c r="AA935" s="19"/>
    </row>
    <row r="936" spans="1:27" s="1" customFormat="1" ht="14.1" customHeight="1" outlineLevel="2" x14ac:dyDescent="0.2">
      <c r="A936" s="17">
        <v>14080</v>
      </c>
      <c r="B936" s="17"/>
      <c r="C936" s="17"/>
      <c r="D936" s="18" t="s">
        <v>476</v>
      </c>
      <c r="E936" s="18"/>
      <c r="F936" s="18"/>
      <c r="G936" s="18"/>
      <c r="H936" s="18"/>
      <c r="I936" s="18"/>
      <c r="J936" s="18"/>
      <c r="K936" s="18"/>
      <c r="L936" s="18"/>
      <c r="M936" s="18"/>
      <c r="N936" s="18"/>
      <c r="O936" s="18"/>
      <c r="P936" s="19">
        <v>450</v>
      </c>
      <c r="Q936" s="19"/>
      <c r="R936" s="19"/>
      <c r="S936" s="19"/>
      <c r="T936" s="19">
        <v>380</v>
      </c>
      <c r="U936" s="19"/>
      <c r="V936" s="19"/>
      <c r="W936" s="19"/>
      <c r="X936" s="19">
        <v>13</v>
      </c>
      <c r="Y936" s="19"/>
      <c r="Z936" s="19"/>
      <c r="AA936" s="19"/>
    </row>
    <row r="937" spans="1:27" s="1" customFormat="1" ht="14.1" customHeight="1" outlineLevel="2" x14ac:dyDescent="0.2">
      <c r="A937" s="17"/>
      <c r="B937" s="17"/>
      <c r="C937" s="17"/>
      <c r="D937" s="18"/>
      <c r="E937" s="18"/>
      <c r="F937" s="18"/>
      <c r="G937" s="18"/>
      <c r="H937" s="18"/>
      <c r="I937" s="18"/>
      <c r="J937" s="18"/>
      <c r="K937" s="18"/>
      <c r="L937" s="18"/>
      <c r="M937" s="18"/>
      <c r="N937" s="18"/>
      <c r="O937" s="18"/>
      <c r="P937" s="19"/>
      <c r="Q937" s="19"/>
      <c r="R937" s="19"/>
      <c r="S937" s="19"/>
      <c r="T937" s="19"/>
      <c r="U937" s="19"/>
      <c r="V937" s="19"/>
      <c r="W937" s="19"/>
      <c r="X937" s="19"/>
      <c r="Y937" s="19"/>
      <c r="Z937" s="19"/>
      <c r="AA937" s="19"/>
    </row>
    <row r="938" spans="1:27" s="1" customFormat="1" ht="14.1" customHeight="1" outlineLevel="2" x14ac:dyDescent="0.2">
      <c r="A938" s="17">
        <v>14077</v>
      </c>
      <c r="B938" s="17"/>
      <c r="C938" s="17"/>
      <c r="D938" s="18" t="s">
        <v>477</v>
      </c>
      <c r="E938" s="18"/>
      <c r="F938" s="18"/>
      <c r="G938" s="18"/>
      <c r="H938" s="18"/>
      <c r="I938" s="18"/>
      <c r="J938" s="18"/>
      <c r="K938" s="18"/>
      <c r="L938" s="18"/>
      <c r="M938" s="18"/>
      <c r="N938" s="18"/>
      <c r="O938" s="18"/>
      <c r="P938" s="19">
        <v>450</v>
      </c>
      <c r="Q938" s="19"/>
      <c r="R938" s="19"/>
      <c r="S938" s="19"/>
      <c r="T938" s="19">
        <v>380</v>
      </c>
      <c r="U938" s="19"/>
      <c r="V938" s="19"/>
      <c r="W938" s="19"/>
      <c r="X938" s="19">
        <v>13</v>
      </c>
      <c r="Y938" s="19"/>
      <c r="Z938" s="19"/>
      <c r="AA938" s="19"/>
    </row>
    <row r="939" spans="1:27" s="1" customFormat="1" ht="14.1" customHeight="1" outlineLevel="2" x14ac:dyDescent="0.2">
      <c r="A939" s="17"/>
      <c r="B939" s="17"/>
      <c r="C939" s="17"/>
      <c r="D939" s="18"/>
      <c r="E939" s="18"/>
      <c r="F939" s="18"/>
      <c r="G939" s="18"/>
      <c r="H939" s="18"/>
      <c r="I939" s="18"/>
      <c r="J939" s="18"/>
      <c r="K939" s="18"/>
      <c r="L939" s="18"/>
      <c r="M939" s="18"/>
      <c r="N939" s="18"/>
      <c r="O939" s="18"/>
      <c r="P939" s="19"/>
      <c r="Q939" s="19"/>
      <c r="R939" s="19"/>
      <c r="S939" s="19"/>
      <c r="T939" s="19"/>
      <c r="U939" s="19"/>
      <c r="V939" s="19"/>
      <c r="W939" s="19"/>
      <c r="X939" s="19"/>
      <c r="Y939" s="19"/>
      <c r="Z939" s="19"/>
      <c r="AA939" s="19"/>
    </row>
    <row r="940" spans="1:27" s="1" customFormat="1" ht="14.1" customHeight="1" outlineLevel="2" x14ac:dyDescent="0.2">
      <c r="A940" s="17">
        <v>14079</v>
      </c>
      <c r="B940" s="17"/>
      <c r="C940" s="17"/>
      <c r="D940" s="18" t="s">
        <v>478</v>
      </c>
      <c r="E940" s="18"/>
      <c r="F940" s="18"/>
      <c r="G940" s="18"/>
      <c r="H940" s="18"/>
      <c r="I940" s="18"/>
      <c r="J940" s="18"/>
      <c r="K940" s="18"/>
      <c r="L940" s="18"/>
      <c r="M940" s="18"/>
      <c r="N940" s="18"/>
      <c r="O940" s="18"/>
      <c r="P940" s="19">
        <v>450</v>
      </c>
      <c r="Q940" s="19"/>
      <c r="R940" s="19"/>
      <c r="S940" s="19"/>
      <c r="T940" s="19">
        <v>380</v>
      </c>
      <c r="U940" s="19"/>
      <c r="V940" s="19"/>
      <c r="W940" s="19"/>
      <c r="X940" s="19">
        <v>13</v>
      </c>
      <c r="Y940" s="19"/>
      <c r="Z940" s="19"/>
      <c r="AA940" s="19"/>
    </row>
    <row r="941" spans="1:27" s="1" customFormat="1" ht="14.1" customHeight="1" outlineLevel="2" x14ac:dyDescent="0.2">
      <c r="A941" s="17"/>
      <c r="B941" s="17"/>
      <c r="C941" s="17"/>
      <c r="D941" s="18"/>
      <c r="E941" s="18"/>
      <c r="F941" s="18"/>
      <c r="G941" s="18"/>
      <c r="H941" s="18"/>
      <c r="I941" s="18"/>
      <c r="J941" s="18"/>
      <c r="K941" s="18"/>
      <c r="L941" s="18"/>
      <c r="M941" s="18"/>
      <c r="N941" s="18"/>
      <c r="O941" s="18"/>
      <c r="P941" s="19"/>
      <c r="Q941" s="19"/>
      <c r="R941" s="19"/>
      <c r="S941" s="19"/>
      <c r="T941" s="19"/>
      <c r="U941" s="19"/>
      <c r="V941" s="19"/>
      <c r="W941" s="19"/>
      <c r="X941" s="19"/>
      <c r="Y941" s="19"/>
      <c r="Z941" s="19"/>
      <c r="AA941" s="19"/>
    </row>
    <row r="942" spans="1:27" s="1" customFormat="1" ht="14.1" customHeight="1" outlineLevel="2" x14ac:dyDescent="0.2">
      <c r="A942" s="17">
        <v>14078</v>
      </c>
      <c r="B942" s="17"/>
      <c r="C942" s="17"/>
      <c r="D942" s="18" t="s">
        <v>479</v>
      </c>
      <c r="E942" s="18"/>
      <c r="F942" s="18"/>
      <c r="G942" s="18"/>
      <c r="H942" s="18"/>
      <c r="I942" s="18"/>
      <c r="J942" s="18"/>
      <c r="K942" s="18"/>
      <c r="L942" s="18"/>
      <c r="M942" s="18"/>
      <c r="N942" s="18"/>
      <c r="O942" s="18"/>
      <c r="P942" s="19">
        <v>450</v>
      </c>
      <c r="Q942" s="19"/>
      <c r="R942" s="19"/>
      <c r="S942" s="19"/>
      <c r="T942" s="19">
        <v>380</v>
      </c>
      <c r="U942" s="19"/>
      <c r="V942" s="19"/>
      <c r="W942" s="19"/>
      <c r="X942" s="19">
        <v>13</v>
      </c>
      <c r="Y942" s="19"/>
      <c r="Z942" s="19"/>
      <c r="AA942" s="19"/>
    </row>
    <row r="943" spans="1:27" s="1" customFormat="1" ht="14.1" customHeight="1" outlineLevel="2" x14ac:dyDescent="0.2">
      <c r="A943" s="17"/>
      <c r="B943" s="17"/>
      <c r="C943" s="17"/>
      <c r="D943" s="18"/>
      <c r="E943" s="18"/>
      <c r="F943" s="18"/>
      <c r="G943" s="18"/>
      <c r="H943" s="18"/>
      <c r="I943" s="18"/>
      <c r="J943" s="18"/>
      <c r="K943" s="18"/>
      <c r="L943" s="18"/>
      <c r="M943" s="18"/>
      <c r="N943" s="18"/>
      <c r="O943" s="18"/>
      <c r="P943" s="19"/>
      <c r="Q943" s="19"/>
      <c r="R943" s="19"/>
      <c r="S943" s="19"/>
      <c r="T943" s="19"/>
      <c r="U943" s="19"/>
      <c r="V943" s="19"/>
      <c r="W943" s="19"/>
      <c r="X943" s="19"/>
      <c r="Y943" s="19"/>
      <c r="Z943" s="19"/>
      <c r="AA943" s="19"/>
    </row>
    <row r="944" spans="1:27" s="1" customFormat="1" ht="14.1" customHeight="1" outlineLevel="2" x14ac:dyDescent="0.2">
      <c r="A944" s="17">
        <v>14076</v>
      </c>
      <c r="B944" s="17"/>
      <c r="C944" s="17"/>
      <c r="D944" s="18" t="s">
        <v>480</v>
      </c>
      <c r="E944" s="18"/>
      <c r="F944" s="18"/>
      <c r="G944" s="18"/>
      <c r="H944" s="18"/>
      <c r="I944" s="18"/>
      <c r="J944" s="18"/>
      <c r="K944" s="18"/>
      <c r="L944" s="18"/>
      <c r="M944" s="18"/>
      <c r="N944" s="18"/>
      <c r="O944" s="18"/>
      <c r="P944" s="19">
        <v>450</v>
      </c>
      <c r="Q944" s="19"/>
      <c r="R944" s="19"/>
      <c r="S944" s="19"/>
      <c r="T944" s="19">
        <v>380</v>
      </c>
      <c r="U944" s="19"/>
      <c r="V944" s="19"/>
      <c r="W944" s="19"/>
      <c r="X944" s="19">
        <v>13</v>
      </c>
      <c r="Y944" s="19"/>
      <c r="Z944" s="19"/>
      <c r="AA944" s="19"/>
    </row>
    <row r="945" spans="1:27" s="1" customFormat="1" ht="14.1" customHeight="1" outlineLevel="2" x14ac:dyDescent="0.2">
      <c r="A945" s="17"/>
      <c r="B945" s="17"/>
      <c r="C945" s="17"/>
      <c r="D945" s="18"/>
      <c r="E945" s="18"/>
      <c r="F945" s="18"/>
      <c r="G945" s="18"/>
      <c r="H945" s="18"/>
      <c r="I945" s="18"/>
      <c r="J945" s="18"/>
      <c r="K945" s="18"/>
      <c r="L945" s="18"/>
      <c r="M945" s="18"/>
      <c r="N945" s="18"/>
      <c r="O945" s="18"/>
      <c r="P945" s="19"/>
      <c r="Q945" s="19"/>
      <c r="R945" s="19"/>
      <c r="S945" s="19"/>
      <c r="T945" s="19"/>
      <c r="U945" s="19"/>
      <c r="V945" s="19"/>
      <c r="W945" s="19"/>
      <c r="X945" s="19"/>
      <c r="Y945" s="19"/>
      <c r="Z945" s="19"/>
      <c r="AA945" s="19"/>
    </row>
    <row r="946" spans="1:27" s="1" customFormat="1" ht="14.1" customHeight="1" outlineLevel="2" x14ac:dyDescent="0.2">
      <c r="A946" s="17">
        <v>14075</v>
      </c>
      <c r="B946" s="17"/>
      <c r="C946" s="17"/>
      <c r="D946" s="18" t="s">
        <v>481</v>
      </c>
      <c r="E946" s="18"/>
      <c r="F946" s="18"/>
      <c r="G946" s="18"/>
      <c r="H946" s="18"/>
      <c r="I946" s="18"/>
      <c r="J946" s="18"/>
      <c r="K946" s="18"/>
      <c r="L946" s="18"/>
      <c r="M946" s="18"/>
      <c r="N946" s="18"/>
      <c r="O946" s="18"/>
      <c r="P946" s="19">
        <v>450</v>
      </c>
      <c r="Q946" s="19"/>
      <c r="R946" s="19"/>
      <c r="S946" s="19"/>
      <c r="T946" s="19">
        <v>380</v>
      </c>
      <c r="U946" s="19"/>
      <c r="V946" s="19"/>
      <c r="W946" s="19"/>
      <c r="X946" s="19">
        <v>12</v>
      </c>
      <c r="Y946" s="19"/>
      <c r="Z946" s="19"/>
      <c r="AA946" s="19"/>
    </row>
    <row r="947" spans="1:27" s="1" customFormat="1" ht="14.1" customHeight="1" outlineLevel="2" x14ac:dyDescent="0.2">
      <c r="A947" s="17"/>
      <c r="B947" s="17"/>
      <c r="C947" s="17"/>
      <c r="D947" s="18"/>
      <c r="E947" s="18"/>
      <c r="F947" s="18"/>
      <c r="G947" s="18"/>
      <c r="H947" s="18"/>
      <c r="I947" s="18"/>
      <c r="J947" s="18"/>
      <c r="K947" s="18"/>
      <c r="L947" s="18"/>
      <c r="M947" s="18"/>
      <c r="N947" s="18"/>
      <c r="O947" s="18"/>
      <c r="P947" s="19"/>
      <c r="Q947" s="19"/>
      <c r="R947" s="19"/>
      <c r="S947" s="19"/>
      <c r="T947" s="19"/>
      <c r="U947" s="19"/>
      <c r="V947" s="19"/>
      <c r="W947" s="19"/>
      <c r="X947" s="19"/>
      <c r="Y947" s="19"/>
      <c r="Z947" s="19"/>
      <c r="AA947" s="19"/>
    </row>
    <row r="948" spans="1:27" s="1" customFormat="1" ht="11.1" customHeight="1" outlineLevel="2" x14ac:dyDescent="0.2">
      <c r="A948" s="17">
        <v>14127</v>
      </c>
      <c r="B948" s="17"/>
      <c r="C948" s="17"/>
      <c r="D948" s="18" t="s">
        <v>482</v>
      </c>
      <c r="E948" s="18"/>
      <c r="F948" s="18"/>
      <c r="G948" s="18"/>
      <c r="H948" s="18"/>
      <c r="I948" s="18"/>
      <c r="J948" s="18"/>
      <c r="K948" s="18"/>
      <c r="L948" s="18"/>
      <c r="M948" s="18"/>
      <c r="N948" s="18"/>
      <c r="O948" s="18"/>
      <c r="P948" s="19">
        <v>550</v>
      </c>
      <c r="Q948" s="19"/>
      <c r="R948" s="19"/>
      <c r="S948" s="19"/>
      <c r="T948" s="19">
        <v>450</v>
      </c>
      <c r="U948" s="19"/>
      <c r="V948" s="19"/>
      <c r="W948" s="19"/>
      <c r="X948" s="19">
        <v>5</v>
      </c>
      <c r="Y948" s="19"/>
      <c r="Z948" s="19"/>
      <c r="AA948" s="19"/>
    </row>
    <row r="949" spans="1:27" s="1" customFormat="1" ht="11.1" customHeight="1" outlineLevel="2" x14ac:dyDescent="0.2">
      <c r="A949" s="17"/>
      <c r="B949" s="17"/>
      <c r="C949" s="17"/>
      <c r="D949" s="18"/>
      <c r="E949" s="18"/>
      <c r="F949" s="18"/>
      <c r="G949" s="18"/>
      <c r="H949" s="18"/>
      <c r="I949" s="18"/>
      <c r="J949" s="18"/>
      <c r="K949" s="18"/>
      <c r="L949" s="18"/>
      <c r="M949" s="18"/>
      <c r="N949" s="18"/>
      <c r="O949" s="18"/>
      <c r="P949" s="19"/>
      <c r="Q949" s="19"/>
      <c r="R949" s="19"/>
      <c r="S949" s="19"/>
      <c r="T949" s="19"/>
      <c r="U949" s="19"/>
      <c r="V949" s="19"/>
      <c r="W949" s="19"/>
      <c r="X949" s="19"/>
      <c r="Y949" s="19"/>
      <c r="Z949" s="19"/>
      <c r="AA949" s="19"/>
    </row>
    <row r="950" spans="1:27" s="1" customFormat="1" ht="14.1" customHeight="1" outlineLevel="2" x14ac:dyDescent="0.2">
      <c r="A950" s="17">
        <v>18033</v>
      </c>
      <c r="B950" s="17"/>
      <c r="C950" s="17"/>
      <c r="D950" s="18" t="s">
        <v>483</v>
      </c>
      <c r="E950" s="18"/>
      <c r="F950" s="18"/>
      <c r="G950" s="18"/>
      <c r="H950" s="18"/>
      <c r="I950" s="18"/>
      <c r="J950" s="18"/>
      <c r="K950" s="18"/>
      <c r="L950" s="18"/>
      <c r="M950" s="18"/>
      <c r="N950" s="18"/>
      <c r="O950" s="18"/>
      <c r="P950" s="20">
        <v>2400</v>
      </c>
      <c r="Q950" s="20"/>
      <c r="R950" s="20"/>
      <c r="S950" s="20"/>
      <c r="T950" s="20">
        <v>2000</v>
      </c>
      <c r="U950" s="20"/>
      <c r="V950" s="20"/>
      <c r="W950" s="20"/>
      <c r="X950" s="19">
        <v>1</v>
      </c>
      <c r="Y950" s="19"/>
      <c r="Z950" s="19"/>
      <c r="AA950" s="19"/>
    </row>
    <row r="951" spans="1:27" s="1" customFormat="1" ht="14.1" customHeight="1" outlineLevel="2" x14ac:dyDescent="0.2">
      <c r="A951" s="17"/>
      <c r="B951" s="17"/>
      <c r="C951" s="17"/>
      <c r="D951" s="18"/>
      <c r="E951" s="18"/>
      <c r="F951" s="18"/>
      <c r="G951" s="18"/>
      <c r="H951" s="18"/>
      <c r="I951" s="18"/>
      <c r="J951" s="18"/>
      <c r="K951" s="18"/>
      <c r="L951" s="18"/>
      <c r="M951" s="18"/>
      <c r="N951" s="18"/>
      <c r="O951" s="18"/>
      <c r="P951" s="20"/>
      <c r="Q951" s="20"/>
      <c r="R951" s="20"/>
      <c r="S951" s="20"/>
      <c r="T951" s="20"/>
      <c r="U951" s="20"/>
      <c r="V951" s="20"/>
      <c r="W951" s="20"/>
      <c r="X951" s="19"/>
      <c r="Y951" s="19"/>
      <c r="Z951" s="19"/>
      <c r="AA951" s="19"/>
    </row>
    <row r="952" spans="1:27" s="1" customFormat="1" ht="14.1" customHeight="1" outlineLevel="2" x14ac:dyDescent="0.2">
      <c r="A952" s="17">
        <v>13721</v>
      </c>
      <c r="B952" s="17"/>
      <c r="C952" s="17"/>
      <c r="D952" s="18" t="s">
        <v>484</v>
      </c>
      <c r="E952" s="18"/>
      <c r="F952" s="18"/>
      <c r="G952" s="18"/>
      <c r="H952" s="18"/>
      <c r="I952" s="18"/>
      <c r="J952" s="18"/>
      <c r="K952" s="18"/>
      <c r="L952" s="18"/>
      <c r="M952" s="18"/>
      <c r="N952" s="18"/>
      <c r="O952" s="18"/>
      <c r="P952" s="19">
        <v>375</v>
      </c>
      <c r="Q952" s="19"/>
      <c r="R952" s="19"/>
      <c r="S952" s="19"/>
      <c r="T952" s="19">
        <v>300</v>
      </c>
      <c r="U952" s="19"/>
      <c r="V952" s="19"/>
      <c r="W952" s="19"/>
      <c r="X952" s="19">
        <v>20</v>
      </c>
      <c r="Y952" s="19"/>
      <c r="Z952" s="19"/>
      <c r="AA952" s="19"/>
    </row>
    <row r="953" spans="1:27" s="1" customFormat="1" ht="14.1" customHeight="1" outlineLevel="2" x14ac:dyDescent="0.2">
      <c r="A953" s="17"/>
      <c r="B953" s="17"/>
      <c r="C953" s="17"/>
      <c r="D953" s="18"/>
      <c r="E953" s="18"/>
      <c r="F953" s="18"/>
      <c r="G953" s="18"/>
      <c r="H953" s="18"/>
      <c r="I953" s="18"/>
      <c r="J953" s="18"/>
      <c r="K953" s="18"/>
      <c r="L953" s="18"/>
      <c r="M953" s="18"/>
      <c r="N953" s="18"/>
      <c r="O953" s="18"/>
      <c r="P953" s="19"/>
      <c r="Q953" s="19"/>
      <c r="R953" s="19"/>
      <c r="S953" s="19"/>
      <c r="T953" s="19"/>
      <c r="U953" s="19"/>
      <c r="V953" s="19"/>
      <c r="W953" s="19"/>
      <c r="X953" s="19"/>
      <c r="Y953" s="19"/>
      <c r="Z953" s="19"/>
      <c r="AA953" s="19"/>
    </row>
    <row r="954" spans="1:27" s="1" customFormat="1" ht="14.1" customHeight="1" outlineLevel="2" x14ac:dyDescent="0.2">
      <c r="A954" s="17">
        <v>17295</v>
      </c>
      <c r="B954" s="17"/>
      <c r="C954" s="17"/>
      <c r="D954" s="18" t="s">
        <v>485</v>
      </c>
      <c r="E954" s="18"/>
      <c r="F954" s="18"/>
      <c r="G954" s="18"/>
      <c r="H954" s="18"/>
      <c r="I954" s="18"/>
      <c r="J954" s="18"/>
      <c r="K954" s="18"/>
      <c r="L954" s="18"/>
      <c r="M954" s="18"/>
      <c r="N954" s="18"/>
      <c r="O954" s="18"/>
      <c r="P954" s="20">
        <v>1100</v>
      </c>
      <c r="Q954" s="20"/>
      <c r="R954" s="20"/>
      <c r="S954" s="20"/>
      <c r="T954" s="19">
        <v>890</v>
      </c>
      <c r="U954" s="19"/>
      <c r="V954" s="19"/>
      <c r="W954" s="19"/>
      <c r="X954" s="19">
        <v>14</v>
      </c>
      <c r="Y954" s="19"/>
      <c r="Z954" s="19"/>
      <c r="AA954" s="19"/>
    </row>
    <row r="955" spans="1:27" s="1" customFormat="1" ht="14.1" customHeight="1" outlineLevel="2" x14ac:dyDescent="0.2">
      <c r="A955" s="17"/>
      <c r="B955" s="17"/>
      <c r="C955" s="17"/>
      <c r="D955" s="18"/>
      <c r="E955" s="18"/>
      <c r="F955" s="18"/>
      <c r="G955" s="18"/>
      <c r="H955" s="18"/>
      <c r="I955" s="18"/>
      <c r="J955" s="18"/>
      <c r="K955" s="18"/>
      <c r="L955" s="18"/>
      <c r="M955" s="18"/>
      <c r="N955" s="18"/>
      <c r="O955" s="18"/>
      <c r="P955" s="20"/>
      <c r="Q955" s="20"/>
      <c r="R955" s="20"/>
      <c r="S955" s="20"/>
      <c r="T955" s="19"/>
      <c r="U955" s="19"/>
      <c r="V955" s="19"/>
      <c r="W955" s="19"/>
      <c r="X955" s="19"/>
      <c r="Y955" s="19"/>
      <c r="Z955" s="19"/>
      <c r="AA955" s="19"/>
    </row>
    <row r="956" spans="1:27" s="1" customFormat="1" ht="11.1" customHeight="1" outlineLevel="1" x14ac:dyDescent="0.2">
      <c r="A956" s="16" t="s">
        <v>486</v>
      </c>
      <c r="B956" s="16"/>
      <c r="C956" s="16"/>
      <c r="D956" s="16"/>
      <c r="E956" s="16"/>
      <c r="F956" s="16"/>
      <c r="G956" s="16"/>
      <c r="H956" s="16"/>
      <c r="I956" s="16"/>
      <c r="J956" s="16"/>
      <c r="K956" s="16"/>
      <c r="L956" s="16"/>
      <c r="M956" s="16"/>
      <c r="N956" s="16"/>
      <c r="O956" s="16"/>
      <c r="P956" s="16"/>
      <c r="Q956" s="16"/>
      <c r="R956" s="16"/>
      <c r="S956" s="16"/>
      <c r="T956" s="16"/>
      <c r="U956" s="16"/>
      <c r="V956" s="16"/>
      <c r="W956" s="16"/>
      <c r="X956" s="16"/>
      <c r="Y956" s="16"/>
      <c r="Z956" s="16"/>
      <c r="AA956" s="16"/>
    </row>
    <row r="957" spans="1:27" s="1" customFormat="1" ht="11.1" customHeight="1" outlineLevel="1" x14ac:dyDescent="0.2">
      <c r="A957" s="16"/>
      <c r="B957" s="16"/>
      <c r="C957" s="16"/>
      <c r="D957" s="16"/>
      <c r="E957" s="16"/>
      <c r="F957" s="16"/>
      <c r="G957" s="16"/>
      <c r="H957" s="16"/>
      <c r="I957" s="16"/>
      <c r="J957" s="16"/>
      <c r="K957" s="16"/>
      <c r="L957" s="16"/>
      <c r="M957" s="16"/>
      <c r="N957" s="16"/>
      <c r="O957" s="16"/>
      <c r="P957" s="16"/>
      <c r="Q957" s="16"/>
      <c r="R957" s="16"/>
      <c r="S957" s="16"/>
      <c r="T957" s="16"/>
      <c r="U957" s="16"/>
      <c r="V957" s="16"/>
      <c r="W957" s="16"/>
      <c r="X957" s="16"/>
      <c r="Y957" s="16"/>
      <c r="Z957" s="16"/>
      <c r="AA957" s="16"/>
    </row>
    <row r="958" spans="1:27" s="1" customFormat="1" ht="11.1" customHeight="1" outlineLevel="2" x14ac:dyDescent="0.2">
      <c r="A958" s="17">
        <v>17351</v>
      </c>
      <c r="B958" s="17"/>
      <c r="C958" s="17"/>
      <c r="D958" s="18" t="s">
        <v>487</v>
      </c>
      <c r="E958" s="18"/>
      <c r="F958" s="18"/>
      <c r="G958" s="18"/>
      <c r="H958" s="18"/>
      <c r="I958" s="18"/>
      <c r="J958" s="18"/>
      <c r="K958" s="18"/>
      <c r="L958" s="18"/>
      <c r="M958" s="18"/>
      <c r="N958" s="18"/>
      <c r="O958" s="18"/>
      <c r="P958" s="20">
        <v>1050</v>
      </c>
      <c r="Q958" s="20"/>
      <c r="R958" s="20"/>
      <c r="S958" s="20"/>
      <c r="T958" s="19">
        <v>890</v>
      </c>
      <c r="U958" s="19"/>
      <c r="V958" s="19"/>
      <c r="W958" s="19"/>
      <c r="X958" s="19">
        <v>15</v>
      </c>
      <c r="Y958" s="19"/>
      <c r="Z958" s="19"/>
      <c r="AA958" s="19"/>
    </row>
    <row r="959" spans="1:27" s="1" customFormat="1" ht="11.1" customHeight="1" outlineLevel="2" x14ac:dyDescent="0.2">
      <c r="A959" s="17"/>
      <c r="B959" s="17"/>
      <c r="C959" s="17"/>
      <c r="D959" s="18"/>
      <c r="E959" s="18"/>
      <c r="F959" s="18"/>
      <c r="G959" s="18"/>
      <c r="H959" s="18"/>
      <c r="I959" s="18"/>
      <c r="J959" s="18"/>
      <c r="K959" s="18"/>
      <c r="L959" s="18"/>
      <c r="M959" s="18"/>
      <c r="N959" s="18"/>
      <c r="O959" s="18"/>
      <c r="P959" s="20"/>
      <c r="Q959" s="20"/>
      <c r="R959" s="20"/>
      <c r="S959" s="20"/>
      <c r="T959" s="19"/>
      <c r="U959" s="19"/>
      <c r="V959" s="19"/>
      <c r="W959" s="19"/>
      <c r="X959" s="19"/>
      <c r="Y959" s="19"/>
      <c r="Z959" s="19"/>
      <c r="AA959" s="19"/>
    </row>
    <row r="960" spans="1:27" s="1" customFormat="1" ht="11.1" customHeight="1" outlineLevel="2" x14ac:dyDescent="0.2">
      <c r="A960" s="17">
        <v>15175</v>
      </c>
      <c r="B960" s="17"/>
      <c r="C960" s="17"/>
      <c r="D960" s="18" t="s">
        <v>488</v>
      </c>
      <c r="E960" s="18"/>
      <c r="F960" s="18"/>
      <c r="G960" s="18"/>
      <c r="H960" s="18"/>
      <c r="I960" s="18"/>
      <c r="J960" s="18"/>
      <c r="K960" s="18"/>
      <c r="L960" s="18"/>
      <c r="M960" s="18"/>
      <c r="N960" s="18"/>
      <c r="O960" s="18"/>
      <c r="P960" s="20">
        <v>1590</v>
      </c>
      <c r="Q960" s="20"/>
      <c r="R960" s="20"/>
      <c r="S960" s="20"/>
      <c r="T960" s="20">
        <v>1420</v>
      </c>
      <c r="U960" s="20"/>
      <c r="V960" s="20"/>
      <c r="W960" s="20"/>
      <c r="X960" s="19">
        <v>4</v>
      </c>
      <c r="Y960" s="19"/>
      <c r="Z960" s="19"/>
      <c r="AA960" s="19"/>
    </row>
    <row r="961" spans="1:27" s="1" customFormat="1" ht="11.1" customHeight="1" outlineLevel="2" x14ac:dyDescent="0.2">
      <c r="A961" s="17"/>
      <c r="B961" s="17"/>
      <c r="C961" s="17"/>
      <c r="D961" s="18"/>
      <c r="E961" s="18"/>
      <c r="F961" s="18"/>
      <c r="G961" s="18"/>
      <c r="H961" s="18"/>
      <c r="I961" s="18"/>
      <c r="J961" s="18"/>
      <c r="K961" s="18"/>
      <c r="L961" s="18"/>
      <c r="M961" s="18"/>
      <c r="N961" s="18"/>
      <c r="O961" s="18"/>
      <c r="P961" s="20"/>
      <c r="Q961" s="20"/>
      <c r="R961" s="20"/>
      <c r="S961" s="20"/>
      <c r="T961" s="20"/>
      <c r="U961" s="20"/>
      <c r="V961" s="20"/>
      <c r="W961" s="20"/>
      <c r="X961" s="19"/>
      <c r="Y961" s="19"/>
      <c r="Z961" s="19"/>
      <c r="AA961" s="19"/>
    </row>
    <row r="962" spans="1:27" s="1" customFormat="1" ht="14.1" customHeight="1" outlineLevel="2" x14ac:dyDescent="0.2">
      <c r="A962" s="17">
        <v>14090</v>
      </c>
      <c r="B962" s="17"/>
      <c r="C962" s="17"/>
      <c r="D962" s="18" t="s">
        <v>489</v>
      </c>
      <c r="E962" s="18"/>
      <c r="F962" s="18"/>
      <c r="G962" s="18"/>
      <c r="H962" s="18"/>
      <c r="I962" s="18"/>
      <c r="J962" s="18"/>
      <c r="K962" s="18"/>
      <c r="L962" s="18"/>
      <c r="M962" s="18"/>
      <c r="N962" s="18"/>
      <c r="O962" s="18"/>
      <c r="P962" s="19">
        <v>640</v>
      </c>
      <c r="Q962" s="19"/>
      <c r="R962" s="19"/>
      <c r="S962" s="19"/>
      <c r="T962" s="19">
        <v>550</v>
      </c>
      <c r="U962" s="19"/>
      <c r="V962" s="19"/>
      <c r="W962" s="19"/>
      <c r="X962" s="19">
        <v>11</v>
      </c>
      <c r="Y962" s="19"/>
      <c r="Z962" s="19"/>
      <c r="AA962" s="19"/>
    </row>
    <row r="963" spans="1:27" s="1" customFormat="1" ht="14.1" customHeight="1" outlineLevel="2" x14ac:dyDescent="0.2">
      <c r="A963" s="17"/>
      <c r="B963" s="17"/>
      <c r="C963" s="17"/>
      <c r="D963" s="18"/>
      <c r="E963" s="18"/>
      <c r="F963" s="18"/>
      <c r="G963" s="18"/>
      <c r="H963" s="18"/>
      <c r="I963" s="18"/>
      <c r="J963" s="18"/>
      <c r="K963" s="18"/>
      <c r="L963" s="18"/>
      <c r="M963" s="18"/>
      <c r="N963" s="18"/>
      <c r="O963" s="18"/>
      <c r="P963" s="19"/>
      <c r="Q963" s="19"/>
      <c r="R963" s="19"/>
      <c r="S963" s="19"/>
      <c r="T963" s="19"/>
      <c r="U963" s="19"/>
      <c r="V963" s="19"/>
      <c r="W963" s="19"/>
      <c r="X963" s="19"/>
      <c r="Y963" s="19"/>
      <c r="Z963" s="19"/>
      <c r="AA963" s="19"/>
    </row>
    <row r="964" spans="1:27" s="1" customFormat="1" ht="14.1" customHeight="1" outlineLevel="2" x14ac:dyDescent="0.2">
      <c r="A964" s="17">
        <v>14089</v>
      </c>
      <c r="B964" s="17"/>
      <c r="C964" s="17"/>
      <c r="D964" s="18" t="s">
        <v>490</v>
      </c>
      <c r="E964" s="18"/>
      <c r="F964" s="18"/>
      <c r="G964" s="18"/>
      <c r="H964" s="18"/>
      <c r="I964" s="18"/>
      <c r="J964" s="18"/>
      <c r="K964" s="18"/>
      <c r="L964" s="18"/>
      <c r="M964" s="18"/>
      <c r="N964" s="18"/>
      <c r="O964" s="18"/>
      <c r="P964" s="19">
        <v>640</v>
      </c>
      <c r="Q964" s="19"/>
      <c r="R964" s="19"/>
      <c r="S964" s="19"/>
      <c r="T964" s="19">
        <v>550</v>
      </c>
      <c r="U964" s="19"/>
      <c r="V964" s="19"/>
      <c r="W964" s="19"/>
      <c r="X964" s="19">
        <v>12</v>
      </c>
      <c r="Y964" s="19"/>
      <c r="Z964" s="19"/>
      <c r="AA964" s="19"/>
    </row>
    <row r="965" spans="1:27" s="1" customFormat="1" ht="14.1" customHeight="1" outlineLevel="2" x14ac:dyDescent="0.2">
      <c r="A965" s="17"/>
      <c r="B965" s="17"/>
      <c r="C965" s="17"/>
      <c r="D965" s="18"/>
      <c r="E965" s="18"/>
      <c r="F965" s="18"/>
      <c r="G965" s="18"/>
      <c r="H965" s="18"/>
      <c r="I965" s="18"/>
      <c r="J965" s="18"/>
      <c r="K965" s="18"/>
      <c r="L965" s="18"/>
      <c r="M965" s="18"/>
      <c r="N965" s="18"/>
      <c r="O965" s="18"/>
      <c r="P965" s="19"/>
      <c r="Q965" s="19"/>
      <c r="R965" s="19"/>
      <c r="S965" s="19"/>
      <c r="T965" s="19"/>
      <c r="U965" s="19"/>
      <c r="V965" s="19"/>
      <c r="W965" s="19"/>
      <c r="X965" s="19"/>
      <c r="Y965" s="19"/>
      <c r="Z965" s="19"/>
      <c r="AA965" s="19"/>
    </row>
    <row r="966" spans="1:27" s="1" customFormat="1" ht="14.1" customHeight="1" outlineLevel="2" x14ac:dyDescent="0.2">
      <c r="A966" s="17">
        <v>14088</v>
      </c>
      <c r="B966" s="17"/>
      <c r="C966" s="17"/>
      <c r="D966" s="18" t="s">
        <v>491</v>
      </c>
      <c r="E966" s="18"/>
      <c r="F966" s="18"/>
      <c r="G966" s="18"/>
      <c r="H966" s="18"/>
      <c r="I966" s="18"/>
      <c r="J966" s="18"/>
      <c r="K966" s="18"/>
      <c r="L966" s="18"/>
      <c r="M966" s="18"/>
      <c r="N966" s="18"/>
      <c r="O966" s="18"/>
      <c r="P966" s="19">
        <v>640</v>
      </c>
      <c r="Q966" s="19"/>
      <c r="R966" s="19"/>
      <c r="S966" s="19"/>
      <c r="T966" s="19">
        <v>550</v>
      </c>
      <c r="U966" s="19"/>
      <c r="V966" s="19"/>
      <c r="W966" s="19"/>
      <c r="X966" s="19">
        <v>11</v>
      </c>
      <c r="Y966" s="19"/>
      <c r="Z966" s="19"/>
      <c r="AA966" s="19"/>
    </row>
    <row r="967" spans="1:27" s="1" customFormat="1" ht="14.1" customHeight="1" outlineLevel="2" x14ac:dyDescent="0.2">
      <c r="A967" s="17"/>
      <c r="B967" s="17"/>
      <c r="C967" s="17"/>
      <c r="D967" s="18"/>
      <c r="E967" s="18"/>
      <c r="F967" s="18"/>
      <c r="G967" s="18"/>
      <c r="H967" s="18"/>
      <c r="I967" s="18"/>
      <c r="J967" s="18"/>
      <c r="K967" s="18"/>
      <c r="L967" s="18"/>
      <c r="M967" s="18"/>
      <c r="N967" s="18"/>
      <c r="O967" s="18"/>
      <c r="P967" s="19"/>
      <c r="Q967" s="19"/>
      <c r="R967" s="19"/>
      <c r="S967" s="19"/>
      <c r="T967" s="19"/>
      <c r="U967" s="19"/>
      <c r="V967" s="19"/>
      <c r="W967" s="19"/>
      <c r="X967" s="19"/>
      <c r="Y967" s="19"/>
      <c r="Z967" s="19"/>
      <c r="AA967" s="19"/>
    </row>
    <row r="968" spans="1:27" s="1" customFormat="1" ht="14.1" customHeight="1" outlineLevel="2" x14ac:dyDescent="0.2">
      <c r="A968" s="17">
        <v>14087</v>
      </c>
      <c r="B968" s="17"/>
      <c r="C968" s="17"/>
      <c r="D968" s="18" t="s">
        <v>492</v>
      </c>
      <c r="E968" s="18"/>
      <c r="F968" s="18"/>
      <c r="G968" s="18"/>
      <c r="H968" s="18"/>
      <c r="I968" s="18"/>
      <c r="J968" s="18"/>
      <c r="K968" s="18"/>
      <c r="L968" s="18"/>
      <c r="M968" s="18"/>
      <c r="N968" s="18"/>
      <c r="O968" s="18"/>
      <c r="P968" s="19">
        <v>640</v>
      </c>
      <c r="Q968" s="19"/>
      <c r="R968" s="19"/>
      <c r="S968" s="19"/>
      <c r="T968" s="19">
        <v>550</v>
      </c>
      <c r="U968" s="19"/>
      <c r="V968" s="19"/>
      <c r="W968" s="19"/>
      <c r="X968" s="19">
        <v>4</v>
      </c>
      <c r="Y968" s="19"/>
      <c r="Z968" s="19"/>
      <c r="AA968" s="19"/>
    </row>
    <row r="969" spans="1:27" s="1" customFormat="1" ht="14.1" customHeight="1" outlineLevel="2" x14ac:dyDescent="0.2">
      <c r="A969" s="17"/>
      <c r="B969" s="17"/>
      <c r="C969" s="17"/>
      <c r="D969" s="18"/>
      <c r="E969" s="18"/>
      <c r="F969" s="18"/>
      <c r="G969" s="18"/>
      <c r="H969" s="18"/>
      <c r="I969" s="18"/>
      <c r="J969" s="18"/>
      <c r="K969" s="18"/>
      <c r="L969" s="18"/>
      <c r="M969" s="18"/>
      <c r="N969" s="18"/>
      <c r="O969" s="18"/>
      <c r="P969" s="19"/>
      <c r="Q969" s="19"/>
      <c r="R969" s="19"/>
      <c r="S969" s="19"/>
      <c r="T969" s="19"/>
      <c r="U969" s="19"/>
      <c r="V969" s="19"/>
      <c r="W969" s="19"/>
      <c r="X969" s="19"/>
      <c r="Y969" s="19"/>
      <c r="Z969" s="19"/>
      <c r="AA969" s="19"/>
    </row>
    <row r="970" spans="1:27" s="1" customFormat="1" ht="14.1" customHeight="1" outlineLevel="2" x14ac:dyDescent="0.2">
      <c r="A970" s="17">
        <v>14086</v>
      </c>
      <c r="B970" s="17"/>
      <c r="C970" s="17"/>
      <c r="D970" s="18" t="s">
        <v>493</v>
      </c>
      <c r="E970" s="18"/>
      <c r="F970" s="18"/>
      <c r="G970" s="18"/>
      <c r="H970" s="18"/>
      <c r="I970" s="18"/>
      <c r="J970" s="18"/>
      <c r="K970" s="18"/>
      <c r="L970" s="18"/>
      <c r="M970" s="18"/>
      <c r="N970" s="18"/>
      <c r="O970" s="18"/>
      <c r="P970" s="19">
        <v>640</v>
      </c>
      <c r="Q970" s="19"/>
      <c r="R970" s="19"/>
      <c r="S970" s="19"/>
      <c r="T970" s="19">
        <v>550</v>
      </c>
      <c r="U970" s="19"/>
      <c r="V970" s="19"/>
      <c r="W970" s="19"/>
      <c r="X970" s="19">
        <v>9</v>
      </c>
      <c r="Y970" s="19"/>
      <c r="Z970" s="19"/>
      <c r="AA970" s="19"/>
    </row>
    <row r="971" spans="1:27" s="1" customFormat="1" ht="14.1" customHeight="1" outlineLevel="2" x14ac:dyDescent="0.2">
      <c r="A971" s="17"/>
      <c r="B971" s="17"/>
      <c r="C971" s="17"/>
      <c r="D971" s="18"/>
      <c r="E971" s="18"/>
      <c r="F971" s="18"/>
      <c r="G971" s="18"/>
      <c r="H971" s="18"/>
      <c r="I971" s="18"/>
      <c r="J971" s="18"/>
      <c r="K971" s="18"/>
      <c r="L971" s="18"/>
      <c r="M971" s="18"/>
      <c r="N971" s="18"/>
      <c r="O971" s="18"/>
      <c r="P971" s="19"/>
      <c r="Q971" s="19"/>
      <c r="R971" s="19"/>
      <c r="S971" s="19"/>
      <c r="T971" s="19"/>
      <c r="U971" s="19"/>
      <c r="V971" s="19"/>
      <c r="W971" s="19"/>
      <c r="X971" s="19"/>
      <c r="Y971" s="19"/>
      <c r="Z971" s="19"/>
      <c r="AA971" s="19"/>
    </row>
    <row r="972" spans="1:27" s="1" customFormat="1" ht="11.1" customHeight="1" outlineLevel="2" x14ac:dyDescent="0.2">
      <c r="A972" s="17">
        <v>15265</v>
      </c>
      <c r="B972" s="17"/>
      <c r="C972" s="17"/>
      <c r="D972" s="18" t="s">
        <v>494</v>
      </c>
      <c r="E972" s="18"/>
      <c r="F972" s="18"/>
      <c r="G972" s="18"/>
      <c r="H972" s="18"/>
      <c r="I972" s="18"/>
      <c r="J972" s="18"/>
      <c r="K972" s="18"/>
      <c r="L972" s="18"/>
      <c r="M972" s="18"/>
      <c r="N972" s="18"/>
      <c r="O972" s="18"/>
      <c r="P972" s="20">
        <v>1950</v>
      </c>
      <c r="Q972" s="20"/>
      <c r="R972" s="20"/>
      <c r="S972" s="20"/>
      <c r="T972" s="20">
        <v>1800</v>
      </c>
      <c r="U972" s="20"/>
      <c r="V972" s="20"/>
      <c r="W972" s="20"/>
      <c r="X972" s="19">
        <v>3</v>
      </c>
      <c r="Y972" s="19"/>
      <c r="Z972" s="19"/>
      <c r="AA972" s="19"/>
    </row>
    <row r="973" spans="1:27" s="1" customFormat="1" ht="11.1" customHeight="1" outlineLevel="2" x14ac:dyDescent="0.2">
      <c r="A973" s="17"/>
      <c r="B973" s="17"/>
      <c r="C973" s="17"/>
      <c r="D973" s="18"/>
      <c r="E973" s="18"/>
      <c r="F973" s="18"/>
      <c r="G973" s="18"/>
      <c r="H973" s="18"/>
      <c r="I973" s="18"/>
      <c r="J973" s="18"/>
      <c r="K973" s="18"/>
      <c r="L973" s="18"/>
      <c r="M973" s="18"/>
      <c r="N973" s="18"/>
      <c r="O973" s="18"/>
      <c r="P973" s="20"/>
      <c r="Q973" s="20"/>
      <c r="R973" s="20"/>
      <c r="S973" s="20"/>
      <c r="T973" s="20"/>
      <c r="U973" s="20"/>
      <c r="V973" s="20"/>
      <c r="W973" s="20"/>
      <c r="X973" s="19"/>
      <c r="Y973" s="19"/>
      <c r="Z973" s="19"/>
      <c r="AA973" s="19"/>
    </row>
    <row r="974" spans="1:27" s="1" customFormat="1" ht="14.1" customHeight="1" outlineLevel="2" x14ac:dyDescent="0.2">
      <c r="A974" s="17">
        <v>18031</v>
      </c>
      <c r="B974" s="17"/>
      <c r="C974" s="17"/>
      <c r="D974" s="18" t="s">
        <v>495</v>
      </c>
      <c r="E974" s="18"/>
      <c r="F974" s="18"/>
      <c r="G974" s="18"/>
      <c r="H974" s="18"/>
      <c r="I974" s="18"/>
      <c r="J974" s="18"/>
      <c r="K974" s="18"/>
      <c r="L974" s="18"/>
      <c r="M974" s="18"/>
      <c r="N974" s="18"/>
      <c r="O974" s="18"/>
      <c r="P974" s="20">
        <v>2500</v>
      </c>
      <c r="Q974" s="20"/>
      <c r="R974" s="20"/>
      <c r="S974" s="20"/>
      <c r="T974" s="20">
        <v>2000</v>
      </c>
      <c r="U974" s="20"/>
      <c r="V974" s="20"/>
      <c r="W974" s="20"/>
      <c r="X974" s="19">
        <v>1</v>
      </c>
      <c r="Y974" s="19"/>
      <c r="Z974" s="19"/>
      <c r="AA974" s="19"/>
    </row>
    <row r="975" spans="1:27" s="1" customFormat="1" ht="14.1" customHeight="1" outlineLevel="2" x14ac:dyDescent="0.2">
      <c r="A975" s="17"/>
      <c r="B975" s="17"/>
      <c r="C975" s="17"/>
      <c r="D975" s="18"/>
      <c r="E975" s="18"/>
      <c r="F975" s="18"/>
      <c r="G975" s="18"/>
      <c r="H975" s="18"/>
      <c r="I975" s="18"/>
      <c r="J975" s="18"/>
      <c r="K975" s="18"/>
      <c r="L975" s="18"/>
      <c r="M975" s="18"/>
      <c r="N975" s="18"/>
      <c r="O975" s="18"/>
      <c r="P975" s="20"/>
      <c r="Q975" s="20"/>
      <c r="R975" s="20"/>
      <c r="S975" s="20"/>
      <c r="T975" s="20"/>
      <c r="U975" s="20"/>
      <c r="V975" s="20"/>
      <c r="W975" s="20"/>
      <c r="X975" s="19"/>
      <c r="Y975" s="19"/>
      <c r="Z975" s="19"/>
      <c r="AA975" s="19"/>
    </row>
    <row r="976" spans="1:27" s="1" customFormat="1" ht="11.1" customHeight="1" outlineLevel="2" x14ac:dyDescent="0.2">
      <c r="A976" s="17">
        <v>17342</v>
      </c>
      <c r="B976" s="17"/>
      <c r="C976" s="17"/>
      <c r="D976" s="18" t="s">
        <v>496</v>
      </c>
      <c r="E976" s="18"/>
      <c r="F976" s="18"/>
      <c r="G976" s="18"/>
      <c r="H976" s="18"/>
      <c r="I976" s="18"/>
      <c r="J976" s="18"/>
      <c r="K976" s="18"/>
      <c r="L976" s="18"/>
      <c r="M976" s="18"/>
      <c r="N976" s="18"/>
      <c r="O976" s="18"/>
      <c r="P976" s="19">
        <v>40</v>
      </c>
      <c r="Q976" s="19"/>
      <c r="R976" s="19"/>
      <c r="S976" s="19"/>
      <c r="T976" s="19">
        <v>30</v>
      </c>
      <c r="U976" s="19"/>
      <c r="V976" s="19"/>
      <c r="W976" s="19"/>
      <c r="X976" s="19">
        <v>5</v>
      </c>
      <c r="Y976" s="19"/>
      <c r="Z976" s="19"/>
      <c r="AA976" s="19"/>
    </row>
    <row r="977" spans="1:27" s="1" customFormat="1" ht="11.1" customHeight="1" outlineLevel="2" x14ac:dyDescent="0.2">
      <c r="A977" s="17"/>
      <c r="B977" s="17"/>
      <c r="C977" s="17"/>
      <c r="D977" s="18"/>
      <c r="E977" s="18"/>
      <c r="F977" s="18"/>
      <c r="G977" s="18"/>
      <c r="H977" s="18"/>
      <c r="I977" s="18"/>
      <c r="J977" s="18"/>
      <c r="K977" s="18"/>
      <c r="L977" s="18"/>
      <c r="M977" s="18"/>
      <c r="N977" s="18"/>
      <c r="O977" s="18"/>
      <c r="P977" s="19"/>
      <c r="Q977" s="19"/>
      <c r="R977" s="19"/>
      <c r="S977" s="19"/>
      <c r="T977" s="19"/>
      <c r="U977" s="19"/>
      <c r="V977" s="19"/>
      <c r="W977" s="19"/>
      <c r="X977" s="19"/>
      <c r="Y977" s="19"/>
      <c r="Z977" s="19"/>
      <c r="AA977" s="19"/>
    </row>
    <row r="978" spans="1:27" s="1" customFormat="1" ht="11.1" customHeight="1" outlineLevel="2" x14ac:dyDescent="0.2">
      <c r="A978" s="17">
        <v>17749</v>
      </c>
      <c r="B978" s="17"/>
      <c r="C978" s="17"/>
      <c r="D978" s="18" t="s">
        <v>497</v>
      </c>
      <c r="E978" s="18"/>
      <c r="F978" s="18"/>
      <c r="G978" s="18"/>
      <c r="H978" s="18"/>
      <c r="I978" s="18"/>
      <c r="J978" s="18"/>
      <c r="K978" s="18"/>
      <c r="L978" s="18"/>
      <c r="M978" s="18"/>
      <c r="N978" s="18"/>
      <c r="O978" s="18"/>
      <c r="P978" s="19">
        <v>320</v>
      </c>
      <c r="Q978" s="19"/>
      <c r="R978" s="19"/>
      <c r="S978" s="19"/>
      <c r="T978" s="19">
        <v>200</v>
      </c>
      <c r="U978" s="19"/>
      <c r="V978" s="19"/>
      <c r="W978" s="19"/>
      <c r="X978" s="19">
        <v>20</v>
      </c>
      <c r="Y978" s="19"/>
      <c r="Z978" s="19"/>
      <c r="AA978" s="19"/>
    </row>
    <row r="979" spans="1:27" s="1" customFormat="1" ht="11.1" customHeight="1" outlineLevel="2" x14ac:dyDescent="0.2">
      <c r="A979" s="17"/>
      <c r="B979" s="17"/>
      <c r="C979" s="17"/>
      <c r="D979" s="18"/>
      <c r="E979" s="18"/>
      <c r="F979" s="18"/>
      <c r="G979" s="18"/>
      <c r="H979" s="18"/>
      <c r="I979" s="18"/>
      <c r="J979" s="18"/>
      <c r="K979" s="18"/>
      <c r="L979" s="18"/>
      <c r="M979" s="18"/>
      <c r="N979" s="18"/>
      <c r="O979" s="18"/>
      <c r="P979" s="19"/>
      <c r="Q979" s="19"/>
      <c r="R979" s="19"/>
      <c r="S979" s="19"/>
      <c r="T979" s="19"/>
      <c r="U979" s="19"/>
      <c r="V979" s="19"/>
      <c r="W979" s="19"/>
      <c r="X979" s="19"/>
      <c r="Y979" s="19"/>
      <c r="Z979" s="19"/>
      <c r="AA979" s="19"/>
    </row>
    <row r="980" spans="1:27" s="1" customFormat="1" ht="14.1" customHeight="1" outlineLevel="2" x14ac:dyDescent="0.2">
      <c r="A980" s="17">
        <v>13723</v>
      </c>
      <c r="B980" s="17"/>
      <c r="C980" s="17"/>
      <c r="D980" s="18" t="s">
        <v>498</v>
      </c>
      <c r="E980" s="18"/>
      <c r="F980" s="18"/>
      <c r="G980" s="18"/>
      <c r="H980" s="18"/>
      <c r="I980" s="18"/>
      <c r="J980" s="18"/>
      <c r="K980" s="18"/>
      <c r="L980" s="18"/>
      <c r="M980" s="18"/>
      <c r="N980" s="18"/>
      <c r="O980" s="18"/>
      <c r="P980" s="19">
        <v>390</v>
      </c>
      <c r="Q980" s="19"/>
      <c r="R980" s="19"/>
      <c r="S980" s="19"/>
      <c r="T980" s="19">
        <v>310</v>
      </c>
      <c r="U980" s="19"/>
      <c r="V980" s="19"/>
      <c r="W980" s="19"/>
      <c r="X980" s="19">
        <v>17</v>
      </c>
      <c r="Y980" s="19"/>
      <c r="Z980" s="19"/>
      <c r="AA980" s="19"/>
    </row>
    <row r="981" spans="1:27" s="1" customFormat="1" ht="14.1" customHeight="1" outlineLevel="2" x14ac:dyDescent="0.2">
      <c r="A981" s="17"/>
      <c r="B981" s="17"/>
      <c r="C981" s="17"/>
      <c r="D981" s="18"/>
      <c r="E981" s="18"/>
      <c r="F981" s="18"/>
      <c r="G981" s="18"/>
      <c r="H981" s="18"/>
      <c r="I981" s="18"/>
      <c r="J981" s="18"/>
      <c r="K981" s="18"/>
      <c r="L981" s="18"/>
      <c r="M981" s="18"/>
      <c r="N981" s="18"/>
      <c r="O981" s="18"/>
      <c r="P981" s="19"/>
      <c r="Q981" s="19"/>
      <c r="R981" s="19"/>
      <c r="S981" s="19"/>
      <c r="T981" s="19"/>
      <c r="U981" s="19"/>
      <c r="V981" s="19"/>
      <c r="W981" s="19"/>
      <c r="X981" s="19"/>
      <c r="Y981" s="19"/>
      <c r="Z981" s="19"/>
      <c r="AA981" s="19"/>
    </row>
    <row r="982" spans="1:27" s="1" customFormat="1" ht="14.1" customHeight="1" outlineLevel="2" x14ac:dyDescent="0.2">
      <c r="A982" s="17">
        <v>16091</v>
      </c>
      <c r="B982" s="17"/>
      <c r="C982" s="17"/>
      <c r="D982" s="18" t="s">
        <v>499</v>
      </c>
      <c r="E982" s="18"/>
      <c r="F982" s="18"/>
      <c r="G982" s="18"/>
      <c r="H982" s="18"/>
      <c r="I982" s="18"/>
      <c r="J982" s="18"/>
      <c r="K982" s="18"/>
      <c r="L982" s="18"/>
      <c r="M982" s="18"/>
      <c r="N982" s="18"/>
      <c r="O982" s="18"/>
      <c r="P982" s="19">
        <v>310</v>
      </c>
      <c r="Q982" s="19"/>
      <c r="R982" s="19"/>
      <c r="S982" s="19"/>
      <c r="T982" s="19">
        <v>230</v>
      </c>
      <c r="U982" s="19"/>
      <c r="V982" s="19"/>
      <c r="W982" s="19"/>
      <c r="X982" s="19">
        <v>9</v>
      </c>
      <c r="Y982" s="19"/>
      <c r="Z982" s="19"/>
      <c r="AA982" s="19"/>
    </row>
    <row r="983" spans="1:27" s="1" customFormat="1" ht="14.1" customHeight="1" outlineLevel="2" x14ac:dyDescent="0.2">
      <c r="A983" s="17"/>
      <c r="B983" s="17"/>
      <c r="C983" s="17"/>
      <c r="D983" s="18"/>
      <c r="E983" s="18"/>
      <c r="F983" s="18"/>
      <c r="G983" s="18"/>
      <c r="H983" s="18"/>
      <c r="I983" s="18"/>
      <c r="J983" s="18"/>
      <c r="K983" s="18"/>
      <c r="L983" s="18"/>
      <c r="M983" s="18"/>
      <c r="N983" s="18"/>
      <c r="O983" s="18"/>
      <c r="P983" s="19"/>
      <c r="Q983" s="19"/>
      <c r="R983" s="19"/>
      <c r="S983" s="19"/>
      <c r="T983" s="19"/>
      <c r="U983" s="19"/>
      <c r="V983" s="19"/>
      <c r="W983" s="19"/>
      <c r="X983" s="19"/>
      <c r="Y983" s="19"/>
      <c r="Z983" s="19"/>
      <c r="AA983" s="19"/>
    </row>
    <row r="984" spans="1:27" s="1" customFormat="1" ht="14.1" customHeight="1" outlineLevel="2" x14ac:dyDescent="0.2">
      <c r="A984" s="17">
        <v>17288</v>
      </c>
      <c r="B984" s="17"/>
      <c r="C984" s="17"/>
      <c r="D984" s="18" t="s">
        <v>500</v>
      </c>
      <c r="E984" s="18"/>
      <c r="F984" s="18"/>
      <c r="G984" s="18"/>
      <c r="H984" s="18"/>
      <c r="I984" s="18"/>
      <c r="J984" s="18"/>
      <c r="K984" s="18"/>
      <c r="L984" s="18"/>
      <c r="M984" s="18"/>
      <c r="N984" s="18"/>
      <c r="O984" s="18"/>
      <c r="P984" s="20">
        <v>1100</v>
      </c>
      <c r="Q984" s="20"/>
      <c r="R984" s="20"/>
      <c r="S984" s="20"/>
      <c r="T984" s="19">
        <v>890</v>
      </c>
      <c r="U984" s="19"/>
      <c r="V984" s="19"/>
      <c r="W984" s="19"/>
      <c r="X984" s="19">
        <v>14</v>
      </c>
      <c r="Y984" s="19"/>
      <c r="Z984" s="19"/>
      <c r="AA984" s="19"/>
    </row>
    <row r="985" spans="1:27" s="1" customFormat="1" ht="14.1" customHeight="1" outlineLevel="2" x14ac:dyDescent="0.2">
      <c r="A985" s="17"/>
      <c r="B985" s="17"/>
      <c r="C985" s="17"/>
      <c r="D985" s="18"/>
      <c r="E985" s="18"/>
      <c r="F985" s="18"/>
      <c r="G985" s="18"/>
      <c r="H985" s="18"/>
      <c r="I985" s="18"/>
      <c r="J985" s="18"/>
      <c r="K985" s="18"/>
      <c r="L985" s="18"/>
      <c r="M985" s="18"/>
      <c r="N985" s="18"/>
      <c r="O985" s="18"/>
      <c r="P985" s="20"/>
      <c r="Q985" s="20"/>
      <c r="R985" s="20"/>
      <c r="S985" s="20"/>
      <c r="T985" s="19"/>
      <c r="U985" s="19"/>
      <c r="V985" s="19"/>
      <c r="W985" s="19"/>
      <c r="X985" s="19"/>
      <c r="Y985" s="19"/>
      <c r="Z985" s="19"/>
      <c r="AA985" s="19"/>
    </row>
    <row r="986" spans="1:27" s="1" customFormat="1" ht="11.1" customHeight="1" outlineLevel="1" x14ac:dyDescent="0.2">
      <c r="A986" s="16" t="s">
        <v>501</v>
      </c>
      <c r="B986" s="16"/>
      <c r="C986" s="16"/>
      <c r="D986" s="16"/>
      <c r="E986" s="16"/>
      <c r="F986" s="16"/>
      <c r="G986" s="16"/>
      <c r="H986" s="16"/>
      <c r="I986" s="16"/>
      <c r="J986" s="16"/>
      <c r="K986" s="16"/>
      <c r="L986" s="16"/>
      <c r="M986" s="16"/>
      <c r="N986" s="16"/>
      <c r="O986" s="16"/>
      <c r="P986" s="16"/>
      <c r="Q986" s="16"/>
      <c r="R986" s="16"/>
      <c r="S986" s="16"/>
      <c r="T986" s="16"/>
      <c r="U986" s="16"/>
      <c r="V986" s="16"/>
      <c r="W986" s="16"/>
      <c r="X986" s="16"/>
      <c r="Y986" s="16"/>
      <c r="Z986" s="16"/>
      <c r="AA986" s="16"/>
    </row>
    <row r="987" spans="1:27" s="1" customFormat="1" ht="11.1" customHeight="1" outlineLevel="1" x14ac:dyDescent="0.2">
      <c r="A987" s="16"/>
      <c r="B987" s="16"/>
      <c r="C987" s="16"/>
      <c r="D987" s="16"/>
      <c r="E987" s="16"/>
      <c r="F987" s="16"/>
      <c r="G987" s="16"/>
      <c r="H987" s="16"/>
      <c r="I987" s="16"/>
      <c r="J987" s="16"/>
      <c r="K987" s="16"/>
      <c r="L987" s="16"/>
      <c r="M987" s="16"/>
      <c r="N987" s="16"/>
      <c r="O987" s="16"/>
      <c r="P987" s="16"/>
      <c r="Q987" s="16"/>
      <c r="R987" s="16"/>
      <c r="S987" s="16"/>
      <c r="T987" s="16"/>
      <c r="U987" s="16"/>
      <c r="V987" s="16"/>
      <c r="W987" s="16"/>
      <c r="X987" s="16"/>
      <c r="Y987" s="16"/>
      <c r="Z987" s="16"/>
      <c r="AA987" s="16"/>
    </row>
    <row r="988" spans="1:27" s="1" customFormat="1" ht="11.1" customHeight="1" outlineLevel="2" x14ac:dyDescent="0.2">
      <c r="A988" s="17">
        <v>15356</v>
      </c>
      <c r="B988" s="17"/>
      <c r="C988" s="17"/>
      <c r="D988" s="18" t="s">
        <v>502</v>
      </c>
      <c r="E988" s="18"/>
      <c r="F988" s="18"/>
      <c r="G988" s="18"/>
      <c r="H988" s="18"/>
      <c r="I988" s="18"/>
      <c r="J988" s="18"/>
      <c r="K988" s="18"/>
      <c r="L988" s="18"/>
      <c r="M988" s="18"/>
      <c r="N988" s="18"/>
      <c r="O988" s="18"/>
      <c r="P988" s="20">
        <v>2200</v>
      </c>
      <c r="Q988" s="20"/>
      <c r="R988" s="20"/>
      <c r="S988" s="20"/>
      <c r="T988" s="20">
        <v>2000</v>
      </c>
      <c r="U988" s="20"/>
      <c r="V988" s="20"/>
      <c r="W988" s="20"/>
      <c r="X988" s="19">
        <v>1</v>
      </c>
      <c r="Y988" s="19"/>
      <c r="Z988" s="19"/>
      <c r="AA988" s="19"/>
    </row>
    <row r="989" spans="1:27" s="1" customFormat="1" ht="11.1" customHeight="1" outlineLevel="2" x14ac:dyDescent="0.2">
      <c r="A989" s="17"/>
      <c r="B989" s="17"/>
      <c r="C989" s="17"/>
      <c r="D989" s="18"/>
      <c r="E989" s="18"/>
      <c r="F989" s="18"/>
      <c r="G989" s="18"/>
      <c r="H989" s="18"/>
      <c r="I989" s="18"/>
      <c r="J989" s="18"/>
      <c r="K989" s="18"/>
      <c r="L989" s="18"/>
      <c r="M989" s="18"/>
      <c r="N989" s="18"/>
      <c r="O989" s="18"/>
      <c r="P989" s="20"/>
      <c r="Q989" s="20"/>
      <c r="R989" s="20"/>
      <c r="S989" s="20"/>
      <c r="T989" s="20"/>
      <c r="U989" s="20"/>
      <c r="V989" s="20"/>
      <c r="W989" s="20"/>
      <c r="X989" s="19"/>
      <c r="Y989" s="19"/>
      <c r="Z989" s="19"/>
      <c r="AA989" s="19"/>
    </row>
    <row r="990" spans="1:27" s="1" customFormat="1" ht="11.1" customHeight="1" outlineLevel="2" x14ac:dyDescent="0.2">
      <c r="A990" s="17">
        <v>15355</v>
      </c>
      <c r="B990" s="17"/>
      <c r="C990" s="17"/>
      <c r="D990" s="18" t="s">
        <v>503</v>
      </c>
      <c r="E990" s="18"/>
      <c r="F990" s="18"/>
      <c r="G990" s="18"/>
      <c r="H990" s="18"/>
      <c r="I990" s="18"/>
      <c r="J990" s="18"/>
      <c r="K990" s="18"/>
      <c r="L990" s="18"/>
      <c r="M990" s="18"/>
      <c r="N990" s="18"/>
      <c r="O990" s="18"/>
      <c r="P990" s="19">
        <v>250</v>
      </c>
      <c r="Q990" s="19"/>
      <c r="R990" s="19"/>
      <c r="S990" s="19"/>
      <c r="T990" s="19">
        <v>200</v>
      </c>
      <c r="U990" s="19"/>
      <c r="V990" s="19"/>
      <c r="W990" s="19"/>
      <c r="X990" s="19">
        <v>1</v>
      </c>
      <c r="Y990" s="19"/>
      <c r="Z990" s="19"/>
      <c r="AA990" s="19"/>
    </row>
    <row r="991" spans="1:27" s="1" customFormat="1" ht="11.1" customHeight="1" outlineLevel="2" x14ac:dyDescent="0.2">
      <c r="A991" s="17"/>
      <c r="B991" s="17"/>
      <c r="C991" s="17"/>
      <c r="D991" s="18"/>
      <c r="E991" s="18"/>
      <c r="F991" s="18"/>
      <c r="G991" s="18"/>
      <c r="H991" s="18"/>
      <c r="I991" s="18"/>
      <c r="J991" s="18"/>
      <c r="K991" s="18"/>
      <c r="L991" s="18"/>
      <c r="M991" s="18"/>
      <c r="N991" s="18"/>
      <c r="O991" s="18"/>
      <c r="P991" s="19"/>
      <c r="Q991" s="19"/>
      <c r="R991" s="19"/>
      <c r="S991" s="19"/>
      <c r="T991" s="19"/>
      <c r="U991" s="19"/>
      <c r="V991" s="19"/>
      <c r="W991" s="19"/>
      <c r="X991" s="19"/>
      <c r="Y991" s="19"/>
      <c r="Z991" s="19"/>
      <c r="AA991" s="19"/>
    </row>
    <row r="992" spans="1:27" s="1" customFormat="1" ht="14.1" customHeight="1" outlineLevel="2" x14ac:dyDescent="0.2">
      <c r="A992" s="17">
        <v>15143</v>
      </c>
      <c r="B992" s="17"/>
      <c r="C992" s="17"/>
      <c r="D992" s="18" t="s">
        <v>504</v>
      </c>
      <c r="E992" s="18"/>
      <c r="F992" s="18"/>
      <c r="G992" s="18"/>
      <c r="H992" s="18"/>
      <c r="I992" s="18"/>
      <c r="J992" s="18"/>
      <c r="K992" s="18"/>
      <c r="L992" s="18"/>
      <c r="M992" s="18"/>
      <c r="N992" s="18"/>
      <c r="O992" s="18"/>
      <c r="P992" s="20">
        <v>8700</v>
      </c>
      <c r="Q992" s="20"/>
      <c r="R992" s="20"/>
      <c r="S992" s="20"/>
      <c r="T992" s="20">
        <v>8200</v>
      </c>
      <c r="U992" s="20"/>
      <c r="V992" s="20"/>
      <c r="W992" s="20"/>
      <c r="X992" s="19">
        <v>4</v>
      </c>
      <c r="Y992" s="19"/>
      <c r="Z992" s="19"/>
      <c r="AA992" s="19"/>
    </row>
    <row r="993" spans="1:27" s="1" customFormat="1" ht="14.1" customHeight="1" outlineLevel="2" x14ac:dyDescent="0.2">
      <c r="A993" s="17"/>
      <c r="B993" s="17"/>
      <c r="C993" s="17"/>
      <c r="D993" s="18"/>
      <c r="E993" s="18"/>
      <c r="F993" s="18"/>
      <c r="G993" s="18"/>
      <c r="H993" s="18"/>
      <c r="I993" s="18"/>
      <c r="J993" s="18"/>
      <c r="K993" s="18"/>
      <c r="L993" s="18"/>
      <c r="M993" s="18"/>
      <c r="N993" s="18"/>
      <c r="O993" s="18"/>
      <c r="P993" s="20"/>
      <c r="Q993" s="20"/>
      <c r="R993" s="20"/>
      <c r="S993" s="20"/>
      <c r="T993" s="20"/>
      <c r="U993" s="20"/>
      <c r="V993" s="20"/>
      <c r="W993" s="20"/>
      <c r="X993" s="19"/>
      <c r="Y993" s="19"/>
      <c r="Z993" s="19"/>
      <c r="AA993" s="19"/>
    </row>
    <row r="994" spans="1:27" s="1" customFormat="1" ht="14.1" customHeight="1" outlineLevel="2" x14ac:dyDescent="0.2">
      <c r="A994" s="17">
        <v>15194</v>
      </c>
      <c r="B994" s="17"/>
      <c r="C994" s="17"/>
      <c r="D994" s="18" t="s">
        <v>505</v>
      </c>
      <c r="E994" s="18"/>
      <c r="F994" s="18"/>
      <c r="G994" s="18"/>
      <c r="H994" s="18"/>
      <c r="I994" s="18"/>
      <c r="J994" s="18"/>
      <c r="K994" s="18"/>
      <c r="L994" s="18"/>
      <c r="M994" s="18"/>
      <c r="N994" s="18"/>
      <c r="O994" s="18"/>
      <c r="P994" s="20">
        <v>15000</v>
      </c>
      <c r="Q994" s="20"/>
      <c r="R994" s="20"/>
      <c r="S994" s="20"/>
      <c r="T994" s="20">
        <v>14000</v>
      </c>
      <c r="U994" s="20"/>
      <c r="V994" s="20"/>
      <c r="W994" s="20"/>
      <c r="X994" s="19">
        <v>1</v>
      </c>
      <c r="Y994" s="19"/>
      <c r="Z994" s="19"/>
      <c r="AA994" s="19"/>
    </row>
    <row r="995" spans="1:27" s="1" customFormat="1" ht="14.1" customHeight="1" outlineLevel="2" x14ac:dyDescent="0.2">
      <c r="A995" s="17"/>
      <c r="B995" s="17"/>
      <c r="C995" s="17"/>
      <c r="D995" s="18"/>
      <c r="E995" s="18"/>
      <c r="F995" s="18"/>
      <c r="G995" s="18"/>
      <c r="H995" s="18"/>
      <c r="I995" s="18"/>
      <c r="J995" s="18"/>
      <c r="K995" s="18"/>
      <c r="L995" s="18"/>
      <c r="M995" s="18"/>
      <c r="N995" s="18"/>
      <c r="O995" s="18"/>
      <c r="P995" s="20"/>
      <c r="Q995" s="20"/>
      <c r="R995" s="20"/>
      <c r="S995" s="20"/>
      <c r="T995" s="20"/>
      <c r="U995" s="20"/>
      <c r="V995" s="20"/>
      <c r="W995" s="20"/>
      <c r="X995" s="19"/>
      <c r="Y995" s="19"/>
      <c r="Z995" s="19"/>
      <c r="AA995" s="19"/>
    </row>
    <row r="996" spans="1:27" s="1" customFormat="1" ht="11.1" customHeight="1" outlineLevel="2" x14ac:dyDescent="0.2">
      <c r="A996" s="17">
        <v>17286</v>
      </c>
      <c r="B996" s="17"/>
      <c r="C996" s="17"/>
      <c r="D996" s="18" t="s">
        <v>506</v>
      </c>
      <c r="E996" s="18"/>
      <c r="F996" s="18"/>
      <c r="G996" s="18"/>
      <c r="H996" s="18"/>
      <c r="I996" s="18"/>
      <c r="J996" s="18"/>
      <c r="K996" s="18"/>
      <c r="L996" s="18"/>
      <c r="M996" s="18"/>
      <c r="N996" s="18"/>
      <c r="O996" s="18"/>
      <c r="P996" s="20">
        <v>3800</v>
      </c>
      <c r="Q996" s="20"/>
      <c r="R996" s="20"/>
      <c r="S996" s="20"/>
      <c r="T996" s="20">
        <v>3500</v>
      </c>
      <c r="U996" s="20"/>
      <c r="V996" s="20"/>
      <c r="W996" s="20"/>
      <c r="X996" s="19">
        <v>5</v>
      </c>
      <c r="Y996" s="19"/>
      <c r="Z996" s="19"/>
      <c r="AA996" s="19"/>
    </row>
    <row r="997" spans="1:27" s="1" customFormat="1" ht="11.1" customHeight="1" outlineLevel="2" x14ac:dyDescent="0.2">
      <c r="A997" s="17"/>
      <c r="B997" s="17"/>
      <c r="C997" s="17"/>
      <c r="D997" s="18"/>
      <c r="E997" s="18"/>
      <c r="F997" s="18"/>
      <c r="G997" s="18"/>
      <c r="H997" s="18"/>
      <c r="I997" s="18"/>
      <c r="J997" s="18"/>
      <c r="K997" s="18"/>
      <c r="L997" s="18"/>
      <c r="M997" s="18"/>
      <c r="N997" s="18"/>
      <c r="O997" s="18"/>
      <c r="P997" s="20"/>
      <c r="Q997" s="20"/>
      <c r="R997" s="20"/>
      <c r="S997" s="20"/>
      <c r="T997" s="20"/>
      <c r="U997" s="20"/>
      <c r="V997" s="20"/>
      <c r="W997" s="20"/>
      <c r="X997" s="19"/>
      <c r="Y997" s="19"/>
      <c r="Z997" s="19"/>
      <c r="AA997" s="19"/>
    </row>
    <row r="998" spans="1:27" s="1" customFormat="1" ht="14.1" customHeight="1" outlineLevel="2" x14ac:dyDescent="0.2">
      <c r="A998" s="17">
        <v>16023</v>
      </c>
      <c r="B998" s="17"/>
      <c r="C998" s="17"/>
      <c r="D998" s="18" t="s">
        <v>507</v>
      </c>
      <c r="E998" s="18"/>
      <c r="F998" s="18"/>
      <c r="G998" s="18"/>
      <c r="H998" s="18"/>
      <c r="I998" s="18"/>
      <c r="J998" s="18"/>
      <c r="K998" s="18"/>
      <c r="L998" s="18"/>
      <c r="M998" s="18"/>
      <c r="N998" s="18"/>
      <c r="O998" s="18"/>
      <c r="P998" s="19">
        <v>360</v>
      </c>
      <c r="Q998" s="19"/>
      <c r="R998" s="19"/>
      <c r="S998" s="19"/>
      <c r="T998" s="19">
        <v>290</v>
      </c>
      <c r="U998" s="19"/>
      <c r="V998" s="19"/>
      <c r="W998" s="19"/>
      <c r="X998" s="19">
        <v>10</v>
      </c>
      <c r="Y998" s="19"/>
      <c r="Z998" s="19"/>
      <c r="AA998" s="19"/>
    </row>
    <row r="999" spans="1:27" s="1" customFormat="1" ht="14.1" customHeight="1" outlineLevel="2" x14ac:dyDescent="0.2">
      <c r="A999" s="17"/>
      <c r="B999" s="17"/>
      <c r="C999" s="17"/>
      <c r="D999" s="18"/>
      <c r="E999" s="18"/>
      <c r="F999" s="18"/>
      <c r="G999" s="18"/>
      <c r="H999" s="18"/>
      <c r="I999" s="18"/>
      <c r="J999" s="18"/>
      <c r="K999" s="18"/>
      <c r="L999" s="18"/>
      <c r="M999" s="18"/>
      <c r="N999" s="18"/>
      <c r="O999" s="18"/>
      <c r="P999" s="19"/>
      <c r="Q999" s="19"/>
      <c r="R999" s="19"/>
      <c r="S999" s="19"/>
      <c r="T999" s="19"/>
      <c r="U999" s="19"/>
      <c r="V999" s="19"/>
      <c r="W999" s="19"/>
      <c r="X999" s="19"/>
      <c r="Y999" s="19"/>
      <c r="Z999" s="19"/>
      <c r="AA999" s="19"/>
    </row>
    <row r="1000" spans="1:27" s="1" customFormat="1" ht="14.1" customHeight="1" outlineLevel="2" x14ac:dyDescent="0.2">
      <c r="A1000" s="17">
        <v>16019</v>
      </c>
      <c r="B1000" s="17"/>
      <c r="C1000" s="17"/>
      <c r="D1000" s="18" t="s">
        <v>508</v>
      </c>
      <c r="E1000" s="18"/>
      <c r="F1000" s="18"/>
      <c r="G1000" s="18"/>
      <c r="H1000" s="18"/>
      <c r="I1000" s="18"/>
      <c r="J1000" s="18"/>
      <c r="K1000" s="18"/>
      <c r="L1000" s="18"/>
      <c r="M1000" s="18"/>
      <c r="N1000" s="18"/>
      <c r="O1000" s="18"/>
      <c r="P1000" s="19">
        <v>360</v>
      </c>
      <c r="Q1000" s="19"/>
      <c r="R1000" s="19"/>
      <c r="S1000" s="19"/>
      <c r="T1000" s="19">
        <v>290</v>
      </c>
      <c r="U1000" s="19"/>
      <c r="V1000" s="19"/>
      <c r="W1000" s="19"/>
      <c r="X1000" s="19">
        <v>10</v>
      </c>
      <c r="Y1000" s="19"/>
      <c r="Z1000" s="19"/>
      <c r="AA1000" s="19"/>
    </row>
    <row r="1001" spans="1:27" s="1" customFormat="1" ht="14.1" customHeight="1" outlineLevel="2" x14ac:dyDescent="0.2">
      <c r="A1001" s="17"/>
      <c r="B1001" s="17"/>
      <c r="C1001" s="17"/>
      <c r="D1001" s="18"/>
      <c r="E1001" s="18"/>
      <c r="F1001" s="18"/>
      <c r="G1001" s="18"/>
      <c r="H1001" s="18"/>
      <c r="I1001" s="18"/>
      <c r="J1001" s="18"/>
      <c r="K1001" s="18"/>
      <c r="L1001" s="18"/>
      <c r="M1001" s="18"/>
      <c r="N1001" s="18"/>
      <c r="O1001" s="18"/>
      <c r="P1001" s="19"/>
      <c r="Q1001" s="19"/>
      <c r="R1001" s="19"/>
      <c r="S1001" s="19"/>
      <c r="T1001" s="19"/>
      <c r="U1001" s="19"/>
      <c r="V1001" s="19"/>
      <c r="W1001" s="19"/>
      <c r="X1001" s="19"/>
      <c r="Y1001" s="19"/>
      <c r="Z1001" s="19"/>
      <c r="AA1001" s="19"/>
    </row>
    <row r="1002" spans="1:27" s="1" customFormat="1" ht="14.1" customHeight="1" outlineLevel="2" x14ac:dyDescent="0.2">
      <c r="A1002" s="17">
        <v>16021</v>
      </c>
      <c r="B1002" s="17"/>
      <c r="C1002" s="17"/>
      <c r="D1002" s="18" t="s">
        <v>509</v>
      </c>
      <c r="E1002" s="18"/>
      <c r="F1002" s="18"/>
      <c r="G1002" s="18"/>
      <c r="H1002" s="18"/>
      <c r="I1002" s="18"/>
      <c r="J1002" s="18"/>
      <c r="K1002" s="18"/>
      <c r="L1002" s="18"/>
      <c r="M1002" s="18"/>
      <c r="N1002" s="18"/>
      <c r="O1002" s="18"/>
      <c r="P1002" s="19">
        <v>360</v>
      </c>
      <c r="Q1002" s="19"/>
      <c r="R1002" s="19"/>
      <c r="S1002" s="19"/>
      <c r="T1002" s="19">
        <v>290</v>
      </c>
      <c r="U1002" s="19"/>
      <c r="V1002" s="19"/>
      <c r="W1002" s="19"/>
      <c r="X1002" s="19">
        <v>10</v>
      </c>
      <c r="Y1002" s="19"/>
      <c r="Z1002" s="19"/>
      <c r="AA1002" s="19"/>
    </row>
    <row r="1003" spans="1:27" s="1" customFormat="1" ht="14.1" customHeight="1" outlineLevel="2" x14ac:dyDescent="0.2">
      <c r="A1003" s="17"/>
      <c r="B1003" s="17"/>
      <c r="C1003" s="17"/>
      <c r="D1003" s="18"/>
      <c r="E1003" s="18"/>
      <c r="F1003" s="18"/>
      <c r="G1003" s="18"/>
      <c r="H1003" s="18"/>
      <c r="I1003" s="18"/>
      <c r="J1003" s="18"/>
      <c r="K1003" s="18"/>
      <c r="L1003" s="18"/>
      <c r="M1003" s="18"/>
      <c r="N1003" s="18"/>
      <c r="O1003" s="18"/>
      <c r="P1003" s="19"/>
      <c r="Q1003" s="19"/>
      <c r="R1003" s="19"/>
      <c r="S1003" s="19"/>
      <c r="T1003" s="19"/>
      <c r="U1003" s="19"/>
      <c r="V1003" s="19"/>
      <c r="W1003" s="19"/>
      <c r="X1003" s="19"/>
      <c r="Y1003" s="19"/>
      <c r="Z1003" s="19"/>
      <c r="AA1003" s="19"/>
    </row>
    <row r="1004" spans="1:27" s="1" customFormat="1" ht="14.1" customHeight="1" outlineLevel="2" x14ac:dyDescent="0.2">
      <c r="A1004" s="17">
        <v>16022</v>
      </c>
      <c r="B1004" s="17"/>
      <c r="C1004" s="17"/>
      <c r="D1004" s="18" t="s">
        <v>510</v>
      </c>
      <c r="E1004" s="18"/>
      <c r="F1004" s="18"/>
      <c r="G1004" s="18"/>
      <c r="H1004" s="18"/>
      <c r="I1004" s="18"/>
      <c r="J1004" s="18"/>
      <c r="K1004" s="18"/>
      <c r="L1004" s="18"/>
      <c r="M1004" s="18"/>
      <c r="N1004" s="18"/>
      <c r="O1004" s="18"/>
      <c r="P1004" s="19">
        <v>360</v>
      </c>
      <c r="Q1004" s="19"/>
      <c r="R1004" s="19"/>
      <c r="S1004" s="19"/>
      <c r="T1004" s="19">
        <v>290</v>
      </c>
      <c r="U1004" s="19"/>
      <c r="V1004" s="19"/>
      <c r="W1004" s="19"/>
      <c r="X1004" s="19">
        <v>10</v>
      </c>
      <c r="Y1004" s="19"/>
      <c r="Z1004" s="19"/>
      <c r="AA1004" s="19"/>
    </row>
    <row r="1005" spans="1:27" s="1" customFormat="1" ht="14.1" customHeight="1" outlineLevel="2" x14ac:dyDescent="0.2">
      <c r="A1005" s="17"/>
      <c r="B1005" s="17"/>
      <c r="C1005" s="17"/>
      <c r="D1005" s="18"/>
      <c r="E1005" s="18"/>
      <c r="F1005" s="18"/>
      <c r="G1005" s="18"/>
      <c r="H1005" s="18"/>
      <c r="I1005" s="18"/>
      <c r="J1005" s="18"/>
      <c r="K1005" s="18"/>
      <c r="L1005" s="18"/>
      <c r="M1005" s="18"/>
      <c r="N1005" s="18"/>
      <c r="O1005" s="18"/>
      <c r="P1005" s="19"/>
      <c r="Q1005" s="19"/>
      <c r="R1005" s="19"/>
      <c r="S1005" s="19"/>
      <c r="T1005" s="19"/>
      <c r="U1005" s="19"/>
      <c r="V1005" s="19"/>
      <c r="W1005" s="19"/>
      <c r="X1005" s="19"/>
      <c r="Y1005" s="19"/>
      <c r="Z1005" s="19"/>
      <c r="AA1005" s="19"/>
    </row>
    <row r="1006" spans="1:27" s="1" customFormat="1" ht="14.1" customHeight="1" outlineLevel="2" x14ac:dyDescent="0.2">
      <c r="A1006" s="17">
        <v>16020</v>
      </c>
      <c r="B1006" s="17"/>
      <c r="C1006" s="17"/>
      <c r="D1006" s="18" t="s">
        <v>511</v>
      </c>
      <c r="E1006" s="18"/>
      <c r="F1006" s="18"/>
      <c r="G1006" s="18"/>
      <c r="H1006" s="18"/>
      <c r="I1006" s="18"/>
      <c r="J1006" s="18"/>
      <c r="K1006" s="18"/>
      <c r="L1006" s="18"/>
      <c r="M1006" s="18"/>
      <c r="N1006" s="18"/>
      <c r="O1006" s="18"/>
      <c r="P1006" s="19">
        <v>360</v>
      </c>
      <c r="Q1006" s="19"/>
      <c r="R1006" s="19"/>
      <c r="S1006" s="19"/>
      <c r="T1006" s="19">
        <v>290</v>
      </c>
      <c r="U1006" s="19"/>
      <c r="V1006" s="19"/>
      <c r="W1006" s="19"/>
      <c r="X1006" s="19">
        <v>10</v>
      </c>
      <c r="Y1006" s="19"/>
      <c r="Z1006" s="19"/>
      <c r="AA1006" s="19"/>
    </row>
    <row r="1007" spans="1:27" s="1" customFormat="1" ht="14.1" customHeight="1" outlineLevel="2" x14ac:dyDescent="0.2">
      <c r="A1007" s="17"/>
      <c r="B1007" s="17"/>
      <c r="C1007" s="17"/>
      <c r="D1007" s="18"/>
      <c r="E1007" s="18"/>
      <c r="F1007" s="18"/>
      <c r="G1007" s="18"/>
      <c r="H1007" s="18"/>
      <c r="I1007" s="18"/>
      <c r="J1007" s="18"/>
      <c r="K1007" s="18"/>
      <c r="L1007" s="18"/>
      <c r="M1007" s="18"/>
      <c r="N1007" s="18"/>
      <c r="O1007" s="18"/>
      <c r="P1007" s="19"/>
      <c r="Q1007" s="19"/>
      <c r="R1007" s="19"/>
      <c r="S1007" s="19"/>
      <c r="T1007" s="19"/>
      <c r="U1007" s="19"/>
      <c r="V1007" s="19"/>
      <c r="W1007" s="19"/>
      <c r="X1007" s="19"/>
      <c r="Y1007" s="19"/>
      <c r="Z1007" s="19"/>
      <c r="AA1007" s="19"/>
    </row>
    <row r="1008" spans="1:27" s="1" customFormat="1" ht="14.1" customHeight="1" outlineLevel="2" x14ac:dyDescent="0.2">
      <c r="A1008" s="17">
        <v>15353</v>
      </c>
      <c r="B1008" s="17"/>
      <c r="C1008" s="17"/>
      <c r="D1008" s="18" t="s">
        <v>512</v>
      </c>
      <c r="E1008" s="18"/>
      <c r="F1008" s="18"/>
      <c r="G1008" s="18"/>
      <c r="H1008" s="18"/>
      <c r="I1008" s="18"/>
      <c r="J1008" s="18"/>
      <c r="K1008" s="18"/>
      <c r="L1008" s="18"/>
      <c r="M1008" s="18"/>
      <c r="N1008" s="18"/>
      <c r="O1008" s="18"/>
      <c r="P1008" s="20">
        <v>10900</v>
      </c>
      <c r="Q1008" s="20"/>
      <c r="R1008" s="20"/>
      <c r="S1008" s="20"/>
      <c r="T1008" s="20">
        <v>10000</v>
      </c>
      <c r="U1008" s="20"/>
      <c r="V1008" s="20"/>
      <c r="W1008" s="20"/>
      <c r="X1008" s="19">
        <v>1</v>
      </c>
      <c r="Y1008" s="19"/>
      <c r="Z1008" s="19"/>
      <c r="AA1008" s="19"/>
    </row>
    <row r="1009" spans="1:27" s="1" customFormat="1" ht="14.1" customHeight="1" outlineLevel="2" x14ac:dyDescent="0.2">
      <c r="A1009" s="17"/>
      <c r="B1009" s="17"/>
      <c r="C1009" s="17"/>
      <c r="D1009" s="18"/>
      <c r="E1009" s="18"/>
      <c r="F1009" s="18"/>
      <c r="G1009" s="18"/>
      <c r="H1009" s="18"/>
      <c r="I1009" s="18"/>
      <c r="J1009" s="18"/>
      <c r="K1009" s="18"/>
      <c r="L1009" s="18"/>
      <c r="M1009" s="18"/>
      <c r="N1009" s="18"/>
      <c r="O1009" s="18"/>
      <c r="P1009" s="20"/>
      <c r="Q1009" s="20"/>
      <c r="R1009" s="20"/>
      <c r="S1009" s="20"/>
      <c r="T1009" s="20"/>
      <c r="U1009" s="20"/>
      <c r="V1009" s="20"/>
      <c r="W1009" s="20"/>
      <c r="X1009" s="19"/>
      <c r="Y1009" s="19"/>
      <c r="Z1009" s="19"/>
      <c r="AA1009" s="19"/>
    </row>
    <row r="1010" spans="1:27" s="1" customFormat="1" ht="11.1" customHeight="1" outlineLevel="2" x14ac:dyDescent="0.2">
      <c r="A1010" s="17">
        <v>17747</v>
      </c>
      <c r="B1010" s="17"/>
      <c r="C1010" s="17"/>
      <c r="D1010" s="18" t="s">
        <v>513</v>
      </c>
      <c r="E1010" s="18"/>
      <c r="F1010" s="18"/>
      <c r="G1010" s="18"/>
      <c r="H1010" s="18"/>
      <c r="I1010" s="18"/>
      <c r="J1010" s="18"/>
      <c r="K1010" s="18"/>
      <c r="L1010" s="18"/>
      <c r="M1010" s="18"/>
      <c r="N1010" s="18"/>
      <c r="O1010" s="18"/>
      <c r="P1010" s="19">
        <v>250</v>
      </c>
      <c r="Q1010" s="19"/>
      <c r="R1010" s="19"/>
      <c r="S1010" s="19"/>
      <c r="T1010" s="19">
        <v>170</v>
      </c>
      <c r="U1010" s="19"/>
      <c r="V1010" s="19"/>
      <c r="W1010" s="19"/>
      <c r="X1010" s="19">
        <v>50</v>
      </c>
      <c r="Y1010" s="19"/>
      <c r="Z1010" s="19"/>
      <c r="AA1010" s="19"/>
    </row>
    <row r="1011" spans="1:27" s="1" customFormat="1" ht="11.1" customHeight="1" outlineLevel="2" x14ac:dyDescent="0.2">
      <c r="A1011" s="17"/>
      <c r="B1011" s="17"/>
      <c r="C1011" s="17"/>
      <c r="D1011" s="18"/>
      <c r="E1011" s="18"/>
      <c r="F1011" s="18"/>
      <c r="G1011" s="18"/>
      <c r="H1011" s="18"/>
      <c r="I1011" s="18"/>
      <c r="J1011" s="18"/>
      <c r="K1011" s="18"/>
      <c r="L1011" s="18"/>
      <c r="M1011" s="18"/>
      <c r="N1011" s="18"/>
      <c r="O1011" s="18"/>
      <c r="P1011" s="19"/>
      <c r="Q1011" s="19"/>
      <c r="R1011" s="19"/>
      <c r="S1011" s="19"/>
      <c r="T1011" s="19"/>
      <c r="U1011" s="19"/>
      <c r="V1011" s="19"/>
      <c r="W1011" s="19"/>
      <c r="X1011" s="19"/>
      <c r="Y1011" s="19"/>
      <c r="Z1011" s="19"/>
      <c r="AA1011" s="19"/>
    </row>
    <row r="1012" spans="1:27" s="1" customFormat="1" ht="11.1" customHeight="1" outlineLevel="2" x14ac:dyDescent="0.2">
      <c r="A1012" s="17">
        <v>16092</v>
      </c>
      <c r="B1012" s="17"/>
      <c r="C1012" s="17"/>
      <c r="D1012" s="18" t="s">
        <v>514</v>
      </c>
      <c r="E1012" s="18"/>
      <c r="F1012" s="18"/>
      <c r="G1012" s="18"/>
      <c r="H1012" s="18"/>
      <c r="I1012" s="18"/>
      <c r="J1012" s="18"/>
      <c r="K1012" s="18"/>
      <c r="L1012" s="18"/>
      <c r="M1012" s="18"/>
      <c r="N1012" s="18"/>
      <c r="O1012" s="18"/>
      <c r="P1012" s="19">
        <v>180</v>
      </c>
      <c r="Q1012" s="19"/>
      <c r="R1012" s="19"/>
      <c r="S1012" s="19"/>
      <c r="T1012" s="19">
        <v>130</v>
      </c>
      <c r="U1012" s="19"/>
      <c r="V1012" s="19"/>
      <c r="W1012" s="19"/>
      <c r="X1012" s="19">
        <v>16</v>
      </c>
      <c r="Y1012" s="19"/>
      <c r="Z1012" s="19"/>
      <c r="AA1012" s="19"/>
    </row>
    <row r="1013" spans="1:27" s="1" customFormat="1" ht="11.1" customHeight="1" outlineLevel="2" x14ac:dyDescent="0.2">
      <c r="A1013" s="17"/>
      <c r="B1013" s="17"/>
      <c r="C1013" s="17"/>
      <c r="D1013" s="18"/>
      <c r="E1013" s="18"/>
      <c r="F1013" s="18"/>
      <c r="G1013" s="18"/>
      <c r="H1013" s="18"/>
      <c r="I1013" s="18"/>
      <c r="J1013" s="18"/>
      <c r="K1013" s="18"/>
      <c r="L1013" s="18"/>
      <c r="M1013" s="18"/>
      <c r="N1013" s="18"/>
      <c r="O1013" s="18"/>
      <c r="P1013" s="19"/>
      <c r="Q1013" s="19"/>
      <c r="R1013" s="19"/>
      <c r="S1013" s="19"/>
      <c r="T1013" s="19"/>
      <c r="U1013" s="19"/>
      <c r="V1013" s="19"/>
      <c r="W1013" s="19"/>
      <c r="X1013" s="19"/>
      <c r="Y1013" s="19"/>
      <c r="Z1013" s="19"/>
      <c r="AA1013" s="19"/>
    </row>
    <row r="1014" spans="1:27" s="1" customFormat="1" ht="11.1" customHeight="1" outlineLevel="2" x14ac:dyDescent="0.2">
      <c r="A1014" s="17">
        <v>15524</v>
      </c>
      <c r="B1014" s="17"/>
      <c r="C1014" s="17"/>
      <c r="D1014" s="18" t="s">
        <v>515</v>
      </c>
      <c r="E1014" s="18"/>
      <c r="F1014" s="18"/>
      <c r="G1014" s="18"/>
      <c r="H1014" s="18"/>
      <c r="I1014" s="18"/>
      <c r="J1014" s="18"/>
      <c r="K1014" s="18"/>
      <c r="L1014" s="18"/>
      <c r="M1014" s="18"/>
      <c r="N1014" s="18"/>
      <c r="O1014" s="18"/>
      <c r="P1014" s="20">
        <v>2200</v>
      </c>
      <c r="Q1014" s="20"/>
      <c r="R1014" s="20"/>
      <c r="S1014" s="20"/>
      <c r="T1014" s="20">
        <v>2000</v>
      </c>
      <c r="U1014" s="20"/>
      <c r="V1014" s="20"/>
      <c r="W1014" s="20"/>
      <c r="X1014" s="19">
        <v>1</v>
      </c>
      <c r="Y1014" s="19"/>
      <c r="Z1014" s="19"/>
      <c r="AA1014" s="19"/>
    </row>
    <row r="1015" spans="1:27" s="1" customFormat="1" ht="11.1" customHeight="1" outlineLevel="2" x14ac:dyDescent="0.2">
      <c r="A1015" s="17"/>
      <c r="B1015" s="17"/>
      <c r="C1015" s="17"/>
      <c r="D1015" s="18"/>
      <c r="E1015" s="18"/>
      <c r="F1015" s="18"/>
      <c r="G1015" s="18"/>
      <c r="H1015" s="18"/>
      <c r="I1015" s="18"/>
      <c r="J1015" s="18"/>
      <c r="K1015" s="18"/>
      <c r="L1015" s="18"/>
      <c r="M1015" s="18"/>
      <c r="N1015" s="18"/>
      <c r="O1015" s="18"/>
      <c r="P1015" s="20"/>
      <c r="Q1015" s="20"/>
      <c r="R1015" s="20"/>
      <c r="S1015" s="20"/>
      <c r="T1015" s="20"/>
      <c r="U1015" s="20"/>
      <c r="V1015" s="20"/>
      <c r="W1015" s="20"/>
      <c r="X1015" s="19"/>
      <c r="Y1015" s="19"/>
      <c r="Z1015" s="19"/>
      <c r="AA1015" s="19"/>
    </row>
    <row r="1016" spans="1:27" s="1" customFormat="1" ht="14.1" customHeight="1" outlineLevel="2" x14ac:dyDescent="0.2">
      <c r="A1016" s="17">
        <v>17294</v>
      </c>
      <c r="B1016" s="17"/>
      <c r="C1016" s="17"/>
      <c r="D1016" s="18" t="s">
        <v>516</v>
      </c>
      <c r="E1016" s="18"/>
      <c r="F1016" s="18"/>
      <c r="G1016" s="18"/>
      <c r="H1016" s="18"/>
      <c r="I1016" s="18"/>
      <c r="J1016" s="18"/>
      <c r="K1016" s="18"/>
      <c r="L1016" s="18"/>
      <c r="M1016" s="18"/>
      <c r="N1016" s="18"/>
      <c r="O1016" s="18"/>
      <c r="P1016" s="20">
        <v>1150</v>
      </c>
      <c r="Q1016" s="20"/>
      <c r="R1016" s="20"/>
      <c r="S1016" s="20"/>
      <c r="T1016" s="19">
        <v>950</v>
      </c>
      <c r="U1016" s="19"/>
      <c r="V1016" s="19"/>
      <c r="W1016" s="19"/>
      <c r="X1016" s="19">
        <v>15</v>
      </c>
      <c r="Y1016" s="19"/>
      <c r="Z1016" s="19"/>
      <c r="AA1016" s="19"/>
    </row>
    <row r="1017" spans="1:27" s="1" customFormat="1" ht="14.1" customHeight="1" outlineLevel="2" x14ac:dyDescent="0.2">
      <c r="A1017" s="17"/>
      <c r="B1017" s="17"/>
      <c r="C1017" s="17"/>
      <c r="D1017" s="18"/>
      <c r="E1017" s="18"/>
      <c r="F1017" s="18"/>
      <c r="G1017" s="18"/>
      <c r="H1017" s="18"/>
      <c r="I1017" s="18"/>
      <c r="J1017" s="18"/>
      <c r="K1017" s="18"/>
      <c r="L1017" s="18"/>
      <c r="M1017" s="18"/>
      <c r="N1017" s="18"/>
      <c r="O1017" s="18"/>
      <c r="P1017" s="20"/>
      <c r="Q1017" s="20"/>
      <c r="R1017" s="20"/>
      <c r="S1017" s="20"/>
      <c r="T1017" s="19"/>
      <c r="U1017" s="19"/>
      <c r="V1017" s="19"/>
      <c r="W1017" s="19"/>
      <c r="X1017" s="19"/>
      <c r="Y1017" s="19"/>
      <c r="Z1017" s="19"/>
      <c r="AA1017" s="19"/>
    </row>
    <row r="1018" spans="1:27" s="1" customFormat="1" ht="11.1" customHeight="1" outlineLevel="1" x14ac:dyDescent="0.2">
      <c r="A1018" s="16" t="s">
        <v>517</v>
      </c>
      <c r="B1018" s="16"/>
      <c r="C1018" s="16"/>
      <c r="D1018" s="16"/>
      <c r="E1018" s="16"/>
      <c r="F1018" s="16"/>
      <c r="G1018" s="16"/>
      <c r="H1018" s="16"/>
      <c r="I1018" s="16"/>
      <c r="J1018" s="16"/>
      <c r="K1018" s="16"/>
      <c r="L1018" s="16"/>
      <c r="M1018" s="16"/>
      <c r="N1018" s="16"/>
      <c r="O1018" s="16"/>
      <c r="P1018" s="16"/>
      <c r="Q1018" s="16"/>
      <c r="R1018" s="16"/>
      <c r="S1018" s="16"/>
      <c r="T1018" s="16"/>
      <c r="U1018" s="16"/>
      <c r="V1018" s="16"/>
      <c r="W1018" s="16"/>
      <c r="X1018" s="16"/>
      <c r="Y1018" s="16"/>
      <c r="Z1018" s="16"/>
      <c r="AA1018" s="16"/>
    </row>
    <row r="1019" spans="1:27" s="1" customFormat="1" ht="11.1" customHeight="1" outlineLevel="1" x14ac:dyDescent="0.2">
      <c r="A1019" s="16"/>
      <c r="B1019" s="16"/>
      <c r="C1019" s="16"/>
      <c r="D1019" s="16"/>
      <c r="E1019" s="16"/>
      <c r="F1019" s="16"/>
      <c r="G1019" s="16"/>
      <c r="H1019" s="16"/>
      <c r="I1019" s="16"/>
      <c r="J1019" s="16"/>
      <c r="K1019" s="16"/>
      <c r="L1019" s="16"/>
      <c r="M1019" s="16"/>
      <c r="N1019" s="16"/>
      <c r="O1019" s="16"/>
      <c r="P1019" s="16"/>
      <c r="Q1019" s="16"/>
      <c r="R1019" s="16"/>
      <c r="S1019" s="16"/>
      <c r="T1019" s="16"/>
      <c r="U1019" s="16"/>
      <c r="V1019" s="16"/>
      <c r="W1019" s="16"/>
      <c r="X1019" s="16"/>
      <c r="Y1019" s="16"/>
      <c r="Z1019" s="16"/>
      <c r="AA1019" s="16"/>
    </row>
    <row r="1020" spans="1:27" s="1" customFormat="1" ht="14.1" customHeight="1" outlineLevel="2" x14ac:dyDescent="0.2">
      <c r="A1020" s="17">
        <v>15144</v>
      </c>
      <c r="B1020" s="17"/>
      <c r="C1020" s="17"/>
      <c r="D1020" s="18" t="s">
        <v>518</v>
      </c>
      <c r="E1020" s="18"/>
      <c r="F1020" s="18"/>
      <c r="G1020" s="18"/>
      <c r="H1020" s="18"/>
      <c r="I1020" s="18"/>
      <c r="J1020" s="18"/>
      <c r="K1020" s="18"/>
      <c r="L1020" s="18"/>
      <c r="M1020" s="18"/>
      <c r="N1020" s="18"/>
      <c r="O1020" s="18"/>
      <c r="P1020" s="20">
        <v>13700</v>
      </c>
      <c r="Q1020" s="20"/>
      <c r="R1020" s="20"/>
      <c r="S1020" s="20"/>
      <c r="T1020" s="20">
        <v>12500</v>
      </c>
      <c r="U1020" s="20"/>
      <c r="V1020" s="20"/>
      <c r="W1020" s="20"/>
      <c r="X1020" s="19">
        <v>1</v>
      </c>
      <c r="Y1020" s="19"/>
      <c r="Z1020" s="19"/>
      <c r="AA1020" s="19"/>
    </row>
    <row r="1021" spans="1:27" s="1" customFormat="1" ht="14.1" customHeight="1" outlineLevel="2" x14ac:dyDescent="0.2">
      <c r="A1021" s="17"/>
      <c r="B1021" s="17"/>
      <c r="C1021" s="17"/>
      <c r="D1021" s="18"/>
      <c r="E1021" s="18"/>
      <c r="F1021" s="18"/>
      <c r="G1021" s="18"/>
      <c r="H1021" s="18"/>
      <c r="I1021" s="18"/>
      <c r="J1021" s="18"/>
      <c r="K1021" s="18"/>
      <c r="L1021" s="18"/>
      <c r="M1021" s="18"/>
      <c r="N1021" s="18"/>
      <c r="O1021" s="18"/>
      <c r="P1021" s="20"/>
      <c r="Q1021" s="20"/>
      <c r="R1021" s="20"/>
      <c r="S1021" s="20"/>
      <c r="T1021" s="20"/>
      <c r="U1021" s="20"/>
      <c r="V1021" s="20"/>
      <c r="W1021" s="20"/>
      <c r="X1021" s="19"/>
      <c r="Y1021" s="19"/>
      <c r="Z1021" s="19"/>
      <c r="AA1021" s="19"/>
    </row>
    <row r="1022" spans="1:27" s="1" customFormat="1" ht="14.1" customHeight="1" outlineLevel="2" x14ac:dyDescent="0.2">
      <c r="A1022" s="17">
        <v>16010</v>
      </c>
      <c r="B1022" s="17"/>
      <c r="C1022" s="17"/>
      <c r="D1022" s="18" t="s">
        <v>519</v>
      </c>
      <c r="E1022" s="18"/>
      <c r="F1022" s="18"/>
      <c r="G1022" s="18"/>
      <c r="H1022" s="18"/>
      <c r="I1022" s="18"/>
      <c r="J1022" s="18"/>
      <c r="K1022" s="18"/>
      <c r="L1022" s="18"/>
      <c r="M1022" s="18"/>
      <c r="N1022" s="18"/>
      <c r="O1022" s="18"/>
      <c r="P1022" s="19">
        <v>360</v>
      </c>
      <c r="Q1022" s="19"/>
      <c r="R1022" s="19"/>
      <c r="S1022" s="19"/>
      <c r="T1022" s="19">
        <v>290</v>
      </c>
      <c r="U1022" s="19"/>
      <c r="V1022" s="19"/>
      <c r="W1022" s="19"/>
      <c r="X1022" s="19">
        <v>10</v>
      </c>
      <c r="Y1022" s="19"/>
      <c r="Z1022" s="19"/>
      <c r="AA1022" s="19"/>
    </row>
    <row r="1023" spans="1:27" s="1" customFormat="1" ht="14.1" customHeight="1" outlineLevel="2" x14ac:dyDescent="0.2">
      <c r="A1023" s="17"/>
      <c r="B1023" s="17"/>
      <c r="C1023" s="17"/>
      <c r="D1023" s="18"/>
      <c r="E1023" s="18"/>
      <c r="F1023" s="18"/>
      <c r="G1023" s="18"/>
      <c r="H1023" s="18"/>
      <c r="I1023" s="18"/>
      <c r="J1023" s="18"/>
      <c r="K1023" s="18"/>
      <c r="L1023" s="18"/>
      <c r="M1023" s="18"/>
      <c r="N1023" s="18"/>
      <c r="O1023" s="18"/>
      <c r="P1023" s="19"/>
      <c r="Q1023" s="19"/>
      <c r="R1023" s="19"/>
      <c r="S1023" s="19"/>
      <c r="T1023" s="19"/>
      <c r="U1023" s="19"/>
      <c r="V1023" s="19"/>
      <c r="W1023" s="19"/>
      <c r="X1023" s="19"/>
      <c r="Y1023" s="19"/>
      <c r="Z1023" s="19"/>
      <c r="AA1023" s="19"/>
    </row>
    <row r="1024" spans="1:27" s="1" customFormat="1" ht="14.1" customHeight="1" outlineLevel="2" x14ac:dyDescent="0.2">
      <c r="A1024" s="17">
        <v>16006</v>
      </c>
      <c r="B1024" s="17"/>
      <c r="C1024" s="17"/>
      <c r="D1024" s="18" t="s">
        <v>520</v>
      </c>
      <c r="E1024" s="18"/>
      <c r="F1024" s="18"/>
      <c r="G1024" s="18"/>
      <c r="H1024" s="18"/>
      <c r="I1024" s="18"/>
      <c r="J1024" s="18"/>
      <c r="K1024" s="18"/>
      <c r="L1024" s="18"/>
      <c r="M1024" s="18"/>
      <c r="N1024" s="18"/>
      <c r="O1024" s="18"/>
      <c r="P1024" s="19">
        <v>360</v>
      </c>
      <c r="Q1024" s="19"/>
      <c r="R1024" s="19"/>
      <c r="S1024" s="19"/>
      <c r="T1024" s="19">
        <v>290</v>
      </c>
      <c r="U1024" s="19"/>
      <c r="V1024" s="19"/>
      <c r="W1024" s="19"/>
      <c r="X1024" s="19">
        <v>10</v>
      </c>
      <c r="Y1024" s="19"/>
      <c r="Z1024" s="19"/>
      <c r="AA1024" s="19"/>
    </row>
    <row r="1025" spans="1:27" s="1" customFormat="1" ht="14.1" customHeight="1" outlineLevel="2" x14ac:dyDescent="0.2">
      <c r="A1025" s="17"/>
      <c r="B1025" s="17"/>
      <c r="C1025" s="17"/>
      <c r="D1025" s="18"/>
      <c r="E1025" s="18"/>
      <c r="F1025" s="18"/>
      <c r="G1025" s="18"/>
      <c r="H1025" s="18"/>
      <c r="I1025" s="18"/>
      <c r="J1025" s="18"/>
      <c r="K1025" s="18"/>
      <c r="L1025" s="18"/>
      <c r="M1025" s="18"/>
      <c r="N1025" s="18"/>
      <c r="O1025" s="18"/>
      <c r="P1025" s="19"/>
      <c r="Q1025" s="19"/>
      <c r="R1025" s="19"/>
      <c r="S1025" s="19"/>
      <c r="T1025" s="19"/>
      <c r="U1025" s="19"/>
      <c r="V1025" s="19"/>
      <c r="W1025" s="19"/>
      <c r="X1025" s="19"/>
      <c r="Y1025" s="19"/>
      <c r="Z1025" s="19"/>
      <c r="AA1025" s="19"/>
    </row>
    <row r="1026" spans="1:27" s="1" customFormat="1" ht="14.1" customHeight="1" outlineLevel="2" x14ac:dyDescent="0.2">
      <c r="A1026" s="17">
        <v>16008</v>
      </c>
      <c r="B1026" s="17"/>
      <c r="C1026" s="17"/>
      <c r="D1026" s="18" t="s">
        <v>521</v>
      </c>
      <c r="E1026" s="18"/>
      <c r="F1026" s="18"/>
      <c r="G1026" s="18"/>
      <c r="H1026" s="18"/>
      <c r="I1026" s="18"/>
      <c r="J1026" s="18"/>
      <c r="K1026" s="18"/>
      <c r="L1026" s="18"/>
      <c r="M1026" s="18"/>
      <c r="N1026" s="18"/>
      <c r="O1026" s="18"/>
      <c r="P1026" s="19">
        <v>360</v>
      </c>
      <c r="Q1026" s="19"/>
      <c r="R1026" s="19"/>
      <c r="S1026" s="19"/>
      <c r="T1026" s="19">
        <v>290</v>
      </c>
      <c r="U1026" s="19"/>
      <c r="V1026" s="19"/>
      <c r="W1026" s="19"/>
      <c r="X1026" s="19">
        <v>10</v>
      </c>
      <c r="Y1026" s="19"/>
      <c r="Z1026" s="19"/>
      <c r="AA1026" s="19"/>
    </row>
    <row r="1027" spans="1:27" s="1" customFormat="1" ht="14.1" customHeight="1" outlineLevel="2" x14ac:dyDescent="0.2">
      <c r="A1027" s="17"/>
      <c r="B1027" s="17"/>
      <c r="C1027" s="17"/>
      <c r="D1027" s="18"/>
      <c r="E1027" s="18"/>
      <c r="F1027" s="18"/>
      <c r="G1027" s="18"/>
      <c r="H1027" s="18"/>
      <c r="I1027" s="18"/>
      <c r="J1027" s="18"/>
      <c r="K1027" s="18"/>
      <c r="L1027" s="18"/>
      <c r="M1027" s="18"/>
      <c r="N1027" s="18"/>
      <c r="O1027" s="18"/>
      <c r="P1027" s="19"/>
      <c r="Q1027" s="19"/>
      <c r="R1027" s="19"/>
      <c r="S1027" s="19"/>
      <c r="T1027" s="19"/>
      <c r="U1027" s="19"/>
      <c r="V1027" s="19"/>
      <c r="W1027" s="19"/>
      <c r="X1027" s="19"/>
      <c r="Y1027" s="19"/>
      <c r="Z1027" s="19"/>
      <c r="AA1027" s="19"/>
    </row>
    <row r="1028" spans="1:27" s="1" customFormat="1" ht="14.1" customHeight="1" outlineLevel="2" x14ac:dyDescent="0.2">
      <c r="A1028" s="17">
        <v>16009</v>
      </c>
      <c r="B1028" s="17"/>
      <c r="C1028" s="17"/>
      <c r="D1028" s="18" t="s">
        <v>522</v>
      </c>
      <c r="E1028" s="18"/>
      <c r="F1028" s="18"/>
      <c r="G1028" s="18"/>
      <c r="H1028" s="18"/>
      <c r="I1028" s="18"/>
      <c r="J1028" s="18"/>
      <c r="K1028" s="18"/>
      <c r="L1028" s="18"/>
      <c r="M1028" s="18"/>
      <c r="N1028" s="18"/>
      <c r="O1028" s="18"/>
      <c r="P1028" s="19">
        <v>360</v>
      </c>
      <c r="Q1028" s="19"/>
      <c r="R1028" s="19"/>
      <c r="S1028" s="19"/>
      <c r="T1028" s="19">
        <v>290</v>
      </c>
      <c r="U1028" s="19"/>
      <c r="V1028" s="19"/>
      <c r="W1028" s="19"/>
      <c r="X1028" s="19">
        <v>9</v>
      </c>
      <c r="Y1028" s="19"/>
      <c r="Z1028" s="19"/>
      <c r="AA1028" s="19"/>
    </row>
    <row r="1029" spans="1:27" s="1" customFormat="1" ht="14.1" customHeight="1" outlineLevel="2" x14ac:dyDescent="0.2">
      <c r="A1029" s="17"/>
      <c r="B1029" s="17"/>
      <c r="C1029" s="17"/>
      <c r="D1029" s="18"/>
      <c r="E1029" s="18"/>
      <c r="F1029" s="18"/>
      <c r="G1029" s="18"/>
      <c r="H1029" s="18"/>
      <c r="I1029" s="18"/>
      <c r="J1029" s="18"/>
      <c r="K1029" s="18"/>
      <c r="L1029" s="18"/>
      <c r="M1029" s="18"/>
      <c r="N1029" s="18"/>
      <c r="O1029" s="18"/>
      <c r="P1029" s="19"/>
      <c r="Q1029" s="19"/>
      <c r="R1029" s="19"/>
      <c r="S1029" s="19"/>
      <c r="T1029" s="19"/>
      <c r="U1029" s="19"/>
      <c r="V1029" s="19"/>
      <c r="W1029" s="19"/>
      <c r="X1029" s="19"/>
      <c r="Y1029" s="19"/>
      <c r="Z1029" s="19"/>
      <c r="AA1029" s="19"/>
    </row>
    <row r="1030" spans="1:27" s="1" customFormat="1" ht="14.1" customHeight="1" outlineLevel="2" x14ac:dyDescent="0.2">
      <c r="A1030" s="17">
        <v>16007</v>
      </c>
      <c r="B1030" s="17"/>
      <c r="C1030" s="17"/>
      <c r="D1030" s="18" t="s">
        <v>523</v>
      </c>
      <c r="E1030" s="18"/>
      <c r="F1030" s="18"/>
      <c r="G1030" s="18"/>
      <c r="H1030" s="18"/>
      <c r="I1030" s="18"/>
      <c r="J1030" s="18"/>
      <c r="K1030" s="18"/>
      <c r="L1030" s="18"/>
      <c r="M1030" s="18"/>
      <c r="N1030" s="18"/>
      <c r="O1030" s="18"/>
      <c r="P1030" s="19">
        <v>360</v>
      </c>
      <c r="Q1030" s="19"/>
      <c r="R1030" s="19"/>
      <c r="S1030" s="19"/>
      <c r="T1030" s="19">
        <v>290</v>
      </c>
      <c r="U1030" s="19"/>
      <c r="V1030" s="19"/>
      <c r="W1030" s="19"/>
      <c r="X1030" s="19">
        <v>10</v>
      </c>
      <c r="Y1030" s="19"/>
      <c r="Z1030" s="19"/>
      <c r="AA1030" s="19"/>
    </row>
    <row r="1031" spans="1:27" s="1" customFormat="1" ht="14.1" customHeight="1" outlineLevel="2" x14ac:dyDescent="0.2">
      <c r="A1031" s="17"/>
      <c r="B1031" s="17"/>
      <c r="C1031" s="17"/>
      <c r="D1031" s="18"/>
      <c r="E1031" s="18"/>
      <c r="F1031" s="18"/>
      <c r="G1031" s="18"/>
      <c r="H1031" s="18"/>
      <c r="I1031" s="18"/>
      <c r="J1031" s="18"/>
      <c r="K1031" s="18"/>
      <c r="L1031" s="18"/>
      <c r="M1031" s="18"/>
      <c r="N1031" s="18"/>
      <c r="O1031" s="18"/>
      <c r="P1031" s="19"/>
      <c r="Q1031" s="19"/>
      <c r="R1031" s="19"/>
      <c r="S1031" s="19"/>
      <c r="T1031" s="19"/>
      <c r="U1031" s="19"/>
      <c r="V1031" s="19"/>
      <c r="W1031" s="19"/>
      <c r="X1031" s="19"/>
      <c r="Y1031" s="19"/>
      <c r="Z1031" s="19"/>
      <c r="AA1031" s="19"/>
    </row>
    <row r="1032" spans="1:27" s="1" customFormat="1" ht="11.1" customHeight="1" outlineLevel="1" x14ac:dyDescent="0.2">
      <c r="A1032" s="16" t="s">
        <v>524</v>
      </c>
      <c r="B1032" s="16"/>
      <c r="C1032" s="16"/>
      <c r="D1032" s="16"/>
      <c r="E1032" s="16"/>
      <c r="F1032" s="16"/>
      <c r="G1032" s="16"/>
      <c r="H1032" s="16"/>
      <c r="I1032" s="16"/>
      <c r="J1032" s="16"/>
      <c r="K1032" s="16"/>
      <c r="L1032" s="16"/>
      <c r="M1032" s="16"/>
      <c r="N1032" s="16"/>
      <c r="O1032" s="16"/>
      <c r="P1032" s="16"/>
      <c r="Q1032" s="16"/>
      <c r="R1032" s="16"/>
      <c r="S1032" s="16"/>
      <c r="T1032" s="16"/>
      <c r="U1032" s="16"/>
      <c r="V1032" s="16"/>
      <c r="W1032" s="16"/>
      <c r="X1032" s="16"/>
      <c r="Y1032" s="16"/>
      <c r="Z1032" s="16"/>
      <c r="AA1032" s="16"/>
    </row>
    <row r="1033" spans="1:27" s="1" customFormat="1" ht="11.1" customHeight="1" outlineLevel="1" x14ac:dyDescent="0.2">
      <c r="A1033" s="16"/>
      <c r="B1033" s="16"/>
      <c r="C1033" s="16"/>
      <c r="D1033" s="16"/>
      <c r="E1033" s="16"/>
      <c r="F1033" s="16"/>
      <c r="G1033" s="16"/>
      <c r="H1033" s="16"/>
      <c r="I1033" s="16"/>
      <c r="J1033" s="16"/>
      <c r="K1033" s="16"/>
      <c r="L1033" s="16"/>
      <c r="M1033" s="16"/>
      <c r="N1033" s="16"/>
      <c r="O1033" s="16"/>
      <c r="P1033" s="16"/>
      <c r="Q1033" s="16"/>
      <c r="R1033" s="16"/>
      <c r="S1033" s="16"/>
      <c r="T1033" s="16"/>
      <c r="U1033" s="16"/>
      <c r="V1033" s="16"/>
      <c r="W1033" s="16"/>
      <c r="X1033" s="16"/>
      <c r="Y1033" s="16"/>
      <c r="Z1033" s="16"/>
      <c r="AA1033" s="16"/>
    </row>
    <row r="1034" spans="1:27" s="1" customFormat="1" ht="11.1" customHeight="1" outlineLevel="2" x14ac:dyDescent="0.2">
      <c r="A1034" s="17">
        <v>17336</v>
      </c>
      <c r="B1034" s="17"/>
      <c r="C1034" s="17"/>
      <c r="D1034" s="18" t="s">
        <v>525</v>
      </c>
      <c r="E1034" s="18"/>
      <c r="F1034" s="18"/>
      <c r="G1034" s="18"/>
      <c r="H1034" s="18"/>
      <c r="I1034" s="18"/>
      <c r="J1034" s="18"/>
      <c r="K1034" s="18"/>
      <c r="L1034" s="18"/>
      <c r="M1034" s="18"/>
      <c r="N1034" s="18"/>
      <c r="O1034" s="18"/>
      <c r="P1034" s="20">
        <v>1450</v>
      </c>
      <c r="Q1034" s="20"/>
      <c r="R1034" s="20"/>
      <c r="S1034" s="20"/>
      <c r="T1034" s="20">
        <v>1290</v>
      </c>
      <c r="U1034" s="20"/>
      <c r="V1034" s="20"/>
      <c r="W1034" s="20"/>
      <c r="X1034" s="19">
        <v>1</v>
      </c>
      <c r="Y1034" s="19"/>
      <c r="Z1034" s="19"/>
      <c r="AA1034" s="19"/>
    </row>
    <row r="1035" spans="1:27" s="1" customFormat="1" ht="11.1" customHeight="1" outlineLevel="2" x14ac:dyDescent="0.2">
      <c r="A1035" s="17"/>
      <c r="B1035" s="17"/>
      <c r="C1035" s="17"/>
      <c r="D1035" s="18"/>
      <c r="E1035" s="18"/>
      <c r="F1035" s="18"/>
      <c r="G1035" s="18"/>
      <c r="H1035" s="18"/>
      <c r="I1035" s="18"/>
      <c r="J1035" s="18"/>
      <c r="K1035" s="18"/>
      <c r="L1035" s="18"/>
      <c r="M1035" s="18"/>
      <c r="N1035" s="18"/>
      <c r="O1035" s="18"/>
      <c r="P1035" s="20"/>
      <c r="Q1035" s="20"/>
      <c r="R1035" s="20"/>
      <c r="S1035" s="20"/>
      <c r="T1035" s="20"/>
      <c r="U1035" s="20"/>
      <c r="V1035" s="20"/>
      <c r="W1035" s="20"/>
      <c r="X1035" s="19"/>
      <c r="Y1035" s="19"/>
      <c r="Z1035" s="19"/>
      <c r="AA1035" s="19"/>
    </row>
    <row r="1036" spans="1:27" s="1" customFormat="1" ht="11.1" customHeight="1" outlineLevel="2" x14ac:dyDescent="0.2">
      <c r="A1036" s="17">
        <v>17565</v>
      </c>
      <c r="B1036" s="17"/>
      <c r="C1036" s="17"/>
      <c r="D1036" s="18" t="s">
        <v>526</v>
      </c>
      <c r="E1036" s="18"/>
      <c r="F1036" s="18"/>
      <c r="G1036" s="18"/>
      <c r="H1036" s="18"/>
      <c r="I1036" s="18"/>
      <c r="J1036" s="18"/>
      <c r="K1036" s="18"/>
      <c r="L1036" s="18"/>
      <c r="M1036" s="18"/>
      <c r="N1036" s="18"/>
      <c r="O1036" s="18"/>
      <c r="P1036" s="19">
        <v>900</v>
      </c>
      <c r="Q1036" s="19"/>
      <c r="R1036" s="19"/>
      <c r="S1036" s="19"/>
      <c r="T1036" s="19">
        <v>800</v>
      </c>
      <c r="U1036" s="19"/>
      <c r="V1036" s="19"/>
      <c r="W1036" s="19"/>
      <c r="X1036" s="19">
        <v>1</v>
      </c>
      <c r="Y1036" s="19"/>
      <c r="Z1036" s="19"/>
      <c r="AA1036" s="19"/>
    </row>
    <row r="1037" spans="1:27" s="1" customFormat="1" ht="11.1" customHeight="1" outlineLevel="2" x14ac:dyDescent="0.2">
      <c r="A1037" s="17"/>
      <c r="B1037" s="17"/>
      <c r="C1037" s="17"/>
      <c r="D1037" s="18"/>
      <c r="E1037" s="18"/>
      <c r="F1037" s="18"/>
      <c r="G1037" s="18"/>
      <c r="H1037" s="18"/>
      <c r="I1037" s="18"/>
      <c r="J1037" s="18"/>
      <c r="K1037" s="18"/>
      <c r="L1037" s="18"/>
      <c r="M1037" s="18"/>
      <c r="N1037" s="18"/>
      <c r="O1037" s="18"/>
      <c r="P1037" s="19"/>
      <c r="Q1037" s="19"/>
      <c r="R1037" s="19"/>
      <c r="S1037" s="19"/>
      <c r="T1037" s="19"/>
      <c r="U1037" s="19"/>
      <c r="V1037" s="19"/>
      <c r="W1037" s="19"/>
      <c r="X1037" s="19"/>
      <c r="Y1037" s="19"/>
      <c r="Z1037" s="19"/>
      <c r="AA1037" s="19"/>
    </row>
    <row r="1038" spans="1:27" s="1" customFormat="1" ht="11.1" customHeight="1" outlineLevel="2" x14ac:dyDescent="0.2">
      <c r="A1038" s="17">
        <v>18064</v>
      </c>
      <c r="B1038" s="17"/>
      <c r="C1038" s="17"/>
      <c r="D1038" s="18" t="s">
        <v>527</v>
      </c>
      <c r="E1038" s="18"/>
      <c r="F1038" s="18"/>
      <c r="G1038" s="18"/>
      <c r="H1038" s="18"/>
      <c r="I1038" s="18"/>
      <c r="J1038" s="18"/>
      <c r="K1038" s="18"/>
      <c r="L1038" s="18"/>
      <c r="M1038" s="18"/>
      <c r="N1038" s="18"/>
      <c r="O1038" s="18"/>
      <c r="P1038" s="20">
        <v>1100</v>
      </c>
      <c r="Q1038" s="20"/>
      <c r="R1038" s="20"/>
      <c r="S1038" s="20"/>
      <c r="T1038" s="20">
        <v>1000</v>
      </c>
      <c r="U1038" s="20"/>
      <c r="V1038" s="20"/>
      <c r="W1038" s="20"/>
      <c r="X1038" s="19">
        <v>1</v>
      </c>
      <c r="Y1038" s="19"/>
      <c r="Z1038" s="19"/>
      <c r="AA1038" s="19"/>
    </row>
    <row r="1039" spans="1:27" s="1" customFormat="1" ht="11.1" customHeight="1" outlineLevel="2" x14ac:dyDescent="0.2">
      <c r="A1039" s="17"/>
      <c r="B1039" s="17"/>
      <c r="C1039" s="17"/>
      <c r="D1039" s="18"/>
      <c r="E1039" s="18"/>
      <c r="F1039" s="18"/>
      <c r="G1039" s="18"/>
      <c r="H1039" s="18"/>
      <c r="I1039" s="18"/>
      <c r="J1039" s="18"/>
      <c r="K1039" s="18"/>
      <c r="L1039" s="18"/>
      <c r="M1039" s="18"/>
      <c r="N1039" s="18"/>
      <c r="O1039" s="18"/>
      <c r="P1039" s="20"/>
      <c r="Q1039" s="20"/>
      <c r="R1039" s="20"/>
      <c r="S1039" s="20"/>
      <c r="T1039" s="20"/>
      <c r="U1039" s="20"/>
      <c r="V1039" s="20"/>
      <c r="W1039" s="20"/>
      <c r="X1039" s="19"/>
      <c r="Y1039" s="19"/>
      <c r="Z1039" s="19"/>
      <c r="AA1039" s="19"/>
    </row>
    <row r="1040" spans="1:27" s="1" customFormat="1" ht="11.1" customHeight="1" outlineLevel="2" x14ac:dyDescent="0.2">
      <c r="A1040" s="17">
        <v>17564</v>
      </c>
      <c r="B1040" s="17"/>
      <c r="C1040" s="17"/>
      <c r="D1040" s="18" t="s">
        <v>528</v>
      </c>
      <c r="E1040" s="18"/>
      <c r="F1040" s="18"/>
      <c r="G1040" s="18"/>
      <c r="H1040" s="18"/>
      <c r="I1040" s="18"/>
      <c r="J1040" s="18"/>
      <c r="K1040" s="18"/>
      <c r="L1040" s="18"/>
      <c r="M1040" s="18"/>
      <c r="N1040" s="18"/>
      <c r="O1040" s="18"/>
      <c r="P1040" s="19">
        <v>250</v>
      </c>
      <c r="Q1040" s="19"/>
      <c r="R1040" s="19"/>
      <c r="S1040" s="19"/>
      <c r="T1040" s="19">
        <v>150</v>
      </c>
      <c r="U1040" s="19"/>
      <c r="V1040" s="19"/>
      <c r="W1040" s="19"/>
      <c r="X1040" s="19">
        <v>1</v>
      </c>
      <c r="Y1040" s="19"/>
      <c r="Z1040" s="19"/>
      <c r="AA1040" s="19"/>
    </row>
    <row r="1041" spans="1:27" s="1" customFormat="1" ht="11.1" customHeight="1" outlineLevel="2" x14ac:dyDescent="0.2">
      <c r="A1041" s="17"/>
      <c r="B1041" s="17"/>
      <c r="C1041" s="17"/>
      <c r="D1041" s="18"/>
      <c r="E1041" s="18"/>
      <c r="F1041" s="18"/>
      <c r="G1041" s="18"/>
      <c r="H1041" s="18"/>
      <c r="I1041" s="18"/>
      <c r="J1041" s="18"/>
      <c r="K1041" s="18"/>
      <c r="L1041" s="18"/>
      <c r="M1041" s="18"/>
      <c r="N1041" s="18"/>
      <c r="O1041" s="18"/>
      <c r="P1041" s="19"/>
      <c r="Q1041" s="19"/>
      <c r="R1041" s="19"/>
      <c r="S1041" s="19"/>
      <c r="T1041" s="19"/>
      <c r="U1041" s="19"/>
      <c r="V1041" s="19"/>
      <c r="W1041" s="19"/>
      <c r="X1041" s="19"/>
      <c r="Y1041" s="19"/>
      <c r="Z1041" s="19"/>
      <c r="AA1041" s="19"/>
    </row>
    <row r="1042" spans="1:27" s="1" customFormat="1" ht="14.1" customHeight="1" outlineLevel="2" x14ac:dyDescent="0.2">
      <c r="A1042" s="17">
        <v>17339</v>
      </c>
      <c r="B1042" s="17"/>
      <c r="C1042" s="17"/>
      <c r="D1042" s="18" t="s">
        <v>529</v>
      </c>
      <c r="E1042" s="18"/>
      <c r="F1042" s="18"/>
      <c r="G1042" s="18"/>
      <c r="H1042" s="18"/>
      <c r="I1042" s="18"/>
      <c r="J1042" s="18"/>
      <c r="K1042" s="18"/>
      <c r="L1042" s="18"/>
      <c r="M1042" s="18"/>
      <c r="N1042" s="18"/>
      <c r="O1042" s="18"/>
      <c r="P1042" s="20">
        <v>23000</v>
      </c>
      <c r="Q1042" s="20"/>
      <c r="R1042" s="20"/>
      <c r="S1042" s="20"/>
      <c r="T1042" s="20">
        <v>22000</v>
      </c>
      <c r="U1042" s="20"/>
      <c r="V1042" s="20"/>
      <c r="W1042" s="20"/>
      <c r="X1042" s="19">
        <v>1</v>
      </c>
      <c r="Y1042" s="19"/>
      <c r="Z1042" s="19"/>
      <c r="AA1042" s="19"/>
    </row>
    <row r="1043" spans="1:27" s="1" customFormat="1" ht="14.1" customHeight="1" outlineLevel="2" x14ac:dyDescent="0.2">
      <c r="A1043" s="17"/>
      <c r="B1043" s="17"/>
      <c r="C1043" s="17"/>
      <c r="D1043" s="18"/>
      <c r="E1043" s="18"/>
      <c r="F1043" s="18"/>
      <c r="G1043" s="18"/>
      <c r="H1043" s="18"/>
      <c r="I1043" s="18"/>
      <c r="J1043" s="18"/>
      <c r="K1043" s="18"/>
      <c r="L1043" s="18"/>
      <c r="M1043" s="18"/>
      <c r="N1043" s="18"/>
      <c r="O1043" s="18"/>
      <c r="P1043" s="20"/>
      <c r="Q1043" s="20"/>
      <c r="R1043" s="20"/>
      <c r="S1043" s="20"/>
      <c r="T1043" s="20"/>
      <c r="U1043" s="20"/>
      <c r="V1043" s="20"/>
      <c r="W1043" s="20"/>
      <c r="X1043" s="19"/>
      <c r="Y1043" s="19"/>
      <c r="Z1043" s="19"/>
      <c r="AA1043" s="19"/>
    </row>
    <row r="1044" spans="1:27" s="1" customFormat="1" ht="11.1" customHeight="1" outlineLevel="2" x14ac:dyDescent="0.2">
      <c r="A1044" s="17">
        <v>17563</v>
      </c>
      <c r="B1044" s="17"/>
      <c r="C1044" s="17"/>
      <c r="D1044" s="18" t="s">
        <v>530</v>
      </c>
      <c r="E1044" s="18"/>
      <c r="F1044" s="18"/>
      <c r="G1044" s="18"/>
      <c r="H1044" s="18"/>
      <c r="I1044" s="18"/>
      <c r="J1044" s="18"/>
      <c r="K1044" s="18"/>
      <c r="L1044" s="18"/>
      <c r="M1044" s="18"/>
      <c r="N1044" s="18"/>
      <c r="O1044" s="18"/>
      <c r="P1044" s="20">
        <v>6100</v>
      </c>
      <c r="Q1044" s="20"/>
      <c r="R1044" s="20"/>
      <c r="S1044" s="20"/>
      <c r="T1044" s="20">
        <v>5900</v>
      </c>
      <c r="U1044" s="20"/>
      <c r="V1044" s="20"/>
      <c r="W1044" s="20"/>
      <c r="X1044" s="19">
        <v>1</v>
      </c>
      <c r="Y1044" s="19"/>
      <c r="Z1044" s="19"/>
      <c r="AA1044" s="19"/>
    </row>
    <row r="1045" spans="1:27" s="1" customFormat="1" ht="11.1" customHeight="1" outlineLevel="2" x14ac:dyDescent="0.2">
      <c r="A1045" s="17"/>
      <c r="B1045" s="17"/>
      <c r="C1045" s="17"/>
      <c r="D1045" s="18"/>
      <c r="E1045" s="18"/>
      <c r="F1045" s="18"/>
      <c r="G1045" s="18"/>
      <c r="H1045" s="18"/>
      <c r="I1045" s="18"/>
      <c r="J1045" s="18"/>
      <c r="K1045" s="18"/>
      <c r="L1045" s="18"/>
      <c r="M1045" s="18"/>
      <c r="N1045" s="18"/>
      <c r="O1045" s="18"/>
      <c r="P1045" s="20"/>
      <c r="Q1045" s="20"/>
      <c r="R1045" s="20"/>
      <c r="S1045" s="20"/>
      <c r="T1045" s="20"/>
      <c r="U1045" s="20"/>
      <c r="V1045" s="20"/>
      <c r="W1045" s="20"/>
      <c r="X1045" s="19"/>
      <c r="Y1045" s="19"/>
      <c r="Z1045" s="19"/>
      <c r="AA1045" s="19"/>
    </row>
    <row r="1046" spans="1:27" s="1" customFormat="1" ht="14.1" customHeight="1" outlineLevel="2" x14ac:dyDescent="0.2">
      <c r="A1046" s="17">
        <v>16018</v>
      </c>
      <c r="B1046" s="17"/>
      <c r="C1046" s="17"/>
      <c r="D1046" s="18" t="s">
        <v>531</v>
      </c>
      <c r="E1046" s="18"/>
      <c r="F1046" s="18"/>
      <c r="G1046" s="18"/>
      <c r="H1046" s="18"/>
      <c r="I1046" s="18"/>
      <c r="J1046" s="18"/>
      <c r="K1046" s="18"/>
      <c r="L1046" s="18"/>
      <c r="M1046" s="18"/>
      <c r="N1046" s="18"/>
      <c r="O1046" s="18"/>
      <c r="P1046" s="19">
        <v>440</v>
      </c>
      <c r="Q1046" s="19"/>
      <c r="R1046" s="19"/>
      <c r="S1046" s="19"/>
      <c r="T1046" s="19">
        <v>350</v>
      </c>
      <c r="U1046" s="19"/>
      <c r="V1046" s="19"/>
      <c r="W1046" s="19"/>
      <c r="X1046" s="19">
        <v>13</v>
      </c>
      <c r="Y1046" s="19"/>
      <c r="Z1046" s="19"/>
      <c r="AA1046" s="19"/>
    </row>
    <row r="1047" spans="1:27" s="1" customFormat="1" ht="14.1" customHeight="1" outlineLevel="2" x14ac:dyDescent="0.2">
      <c r="A1047" s="17"/>
      <c r="B1047" s="17"/>
      <c r="C1047" s="17"/>
      <c r="D1047" s="18"/>
      <c r="E1047" s="18"/>
      <c r="F1047" s="18"/>
      <c r="G1047" s="18"/>
      <c r="H1047" s="18"/>
      <c r="I1047" s="18"/>
      <c r="J1047" s="18"/>
      <c r="K1047" s="18"/>
      <c r="L1047" s="18"/>
      <c r="M1047" s="18"/>
      <c r="N1047" s="18"/>
      <c r="O1047" s="18"/>
      <c r="P1047" s="19"/>
      <c r="Q1047" s="19"/>
      <c r="R1047" s="19"/>
      <c r="S1047" s="19"/>
      <c r="T1047" s="19"/>
      <c r="U1047" s="19"/>
      <c r="V1047" s="19"/>
      <c r="W1047" s="19"/>
      <c r="X1047" s="19"/>
      <c r="Y1047" s="19"/>
      <c r="Z1047" s="19"/>
      <c r="AA1047" s="19"/>
    </row>
    <row r="1048" spans="1:27" s="1" customFormat="1" ht="14.1" customHeight="1" outlineLevel="2" x14ac:dyDescent="0.2">
      <c r="A1048" s="17">
        <v>16016</v>
      </c>
      <c r="B1048" s="17"/>
      <c r="C1048" s="17"/>
      <c r="D1048" s="18" t="s">
        <v>532</v>
      </c>
      <c r="E1048" s="18"/>
      <c r="F1048" s="18"/>
      <c r="G1048" s="18"/>
      <c r="H1048" s="18"/>
      <c r="I1048" s="18"/>
      <c r="J1048" s="18"/>
      <c r="K1048" s="18"/>
      <c r="L1048" s="18"/>
      <c r="M1048" s="18"/>
      <c r="N1048" s="18"/>
      <c r="O1048" s="18"/>
      <c r="P1048" s="19">
        <v>440</v>
      </c>
      <c r="Q1048" s="19"/>
      <c r="R1048" s="19"/>
      <c r="S1048" s="19"/>
      <c r="T1048" s="19">
        <v>350</v>
      </c>
      <c r="U1048" s="19"/>
      <c r="V1048" s="19"/>
      <c r="W1048" s="19"/>
      <c r="X1048" s="19">
        <v>15</v>
      </c>
      <c r="Y1048" s="19"/>
      <c r="Z1048" s="19"/>
      <c r="AA1048" s="19"/>
    </row>
    <row r="1049" spans="1:27" s="1" customFormat="1" ht="14.1" customHeight="1" outlineLevel="2" x14ac:dyDescent="0.2">
      <c r="A1049" s="17"/>
      <c r="B1049" s="17"/>
      <c r="C1049" s="17"/>
      <c r="D1049" s="18"/>
      <c r="E1049" s="18"/>
      <c r="F1049" s="18"/>
      <c r="G1049" s="18"/>
      <c r="H1049" s="18"/>
      <c r="I1049" s="18"/>
      <c r="J1049" s="18"/>
      <c r="K1049" s="18"/>
      <c r="L1049" s="18"/>
      <c r="M1049" s="18"/>
      <c r="N1049" s="18"/>
      <c r="O1049" s="18"/>
      <c r="P1049" s="19"/>
      <c r="Q1049" s="19"/>
      <c r="R1049" s="19"/>
      <c r="S1049" s="19"/>
      <c r="T1049" s="19"/>
      <c r="U1049" s="19"/>
      <c r="V1049" s="19"/>
      <c r="W1049" s="19"/>
      <c r="X1049" s="19"/>
      <c r="Y1049" s="19"/>
      <c r="Z1049" s="19"/>
      <c r="AA1049" s="19"/>
    </row>
    <row r="1050" spans="1:27" s="1" customFormat="1" ht="14.1" customHeight="1" outlineLevel="2" x14ac:dyDescent="0.2">
      <c r="A1050" s="17">
        <v>16017</v>
      </c>
      <c r="B1050" s="17"/>
      <c r="C1050" s="17"/>
      <c r="D1050" s="18" t="s">
        <v>533</v>
      </c>
      <c r="E1050" s="18"/>
      <c r="F1050" s="18"/>
      <c r="G1050" s="18"/>
      <c r="H1050" s="18"/>
      <c r="I1050" s="18"/>
      <c r="J1050" s="18"/>
      <c r="K1050" s="18"/>
      <c r="L1050" s="18"/>
      <c r="M1050" s="18"/>
      <c r="N1050" s="18"/>
      <c r="O1050" s="18"/>
      <c r="P1050" s="19">
        <v>440</v>
      </c>
      <c r="Q1050" s="19"/>
      <c r="R1050" s="19"/>
      <c r="S1050" s="19"/>
      <c r="T1050" s="19">
        <v>350</v>
      </c>
      <c r="U1050" s="19"/>
      <c r="V1050" s="19"/>
      <c r="W1050" s="19"/>
      <c r="X1050" s="19">
        <v>13</v>
      </c>
      <c r="Y1050" s="19"/>
      <c r="Z1050" s="19"/>
      <c r="AA1050" s="19"/>
    </row>
    <row r="1051" spans="1:27" s="1" customFormat="1" ht="14.1" customHeight="1" outlineLevel="2" x14ac:dyDescent="0.2">
      <c r="A1051" s="17"/>
      <c r="B1051" s="17"/>
      <c r="C1051" s="17"/>
      <c r="D1051" s="18"/>
      <c r="E1051" s="18"/>
      <c r="F1051" s="18"/>
      <c r="G1051" s="18"/>
      <c r="H1051" s="18"/>
      <c r="I1051" s="18"/>
      <c r="J1051" s="18"/>
      <c r="K1051" s="18"/>
      <c r="L1051" s="18"/>
      <c r="M1051" s="18"/>
      <c r="N1051" s="18"/>
      <c r="O1051" s="18"/>
      <c r="P1051" s="19"/>
      <c r="Q1051" s="19"/>
      <c r="R1051" s="19"/>
      <c r="S1051" s="19"/>
      <c r="T1051" s="19"/>
      <c r="U1051" s="19"/>
      <c r="V1051" s="19"/>
      <c r="W1051" s="19"/>
      <c r="X1051" s="19"/>
      <c r="Y1051" s="19"/>
      <c r="Z1051" s="19"/>
      <c r="AA1051" s="19"/>
    </row>
    <row r="1052" spans="1:27" s="1" customFormat="1" ht="14.1" customHeight="1" outlineLevel="2" x14ac:dyDescent="0.2">
      <c r="A1052" s="17">
        <v>16015</v>
      </c>
      <c r="B1052" s="17"/>
      <c r="C1052" s="17"/>
      <c r="D1052" s="18" t="s">
        <v>534</v>
      </c>
      <c r="E1052" s="18"/>
      <c r="F1052" s="18"/>
      <c r="G1052" s="18"/>
      <c r="H1052" s="18"/>
      <c r="I1052" s="18"/>
      <c r="J1052" s="18"/>
      <c r="K1052" s="18"/>
      <c r="L1052" s="18"/>
      <c r="M1052" s="18"/>
      <c r="N1052" s="18"/>
      <c r="O1052" s="18"/>
      <c r="P1052" s="19">
        <v>440</v>
      </c>
      <c r="Q1052" s="19"/>
      <c r="R1052" s="19"/>
      <c r="S1052" s="19"/>
      <c r="T1052" s="19">
        <v>350</v>
      </c>
      <c r="U1052" s="19"/>
      <c r="V1052" s="19"/>
      <c r="W1052" s="19"/>
      <c r="X1052" s="19">
        <v>8</v>
      </c>
      <c r="Y1052" s="19"/>
      <c r="Z1052" s="19"/>
      <c r="AA1052" s="19"/>
    </row>
    <row r="1053" spans="1:27" s="1" customFormat="1" ht="14.1" customHeight="1" outlineLevel="2" x14ac:dyDescent="0.2">
      <c r="A1053" s="17"/>
      <c r="B1053" s="17"/>
      <c r="C1053" s="17"/>
      <c r="D1053" s="18"/>
      <c r="E1053" s="18"/>
      <c r="F1053" s="18"/>
      <c r="G1053" s="18"/>
      <c r="H1053" s="18"/>
      <c r="I1053" s="18"/>
      <c r="J1053" s="18"/>
      <c r="K1053" s="18"/>
      <c r="L1053" s="18"/>
      <c r="M1053" s="18"/>
      <c r="N1053" s="18"/>
      <c r="O1053" s="18"/>
      <c r="P1053" s="19"/>
      <c r="Q1053" s="19"/>
      <c r="R1053" s="19"/>
      <c r="S1053" s="19"/>
      <c r="T1053" s="19"/>
      <c r="U1053" s="19"/>
      <c r="V1053" s="19"/>
      <c r="W1053" s="19"/>
      <c r="X1053" s="19"/>
      <c r="Y1053" s="19"/>
      <c r="Z1053" s="19"/>
      <c r="AA1053" s="19"/>
    </row>
    <row r="1054" spans="1:27" s="1" customFormat="1" ht="11.1" customHeight="1" outlineLevel="2" x14ac:dyDescent="0.2">
      <c r="A1054" s="17">
        <v>15160</v>
      </c>
      <c r="B1054" s="17"/>
      <c r="C1054" s="17"/>
      <c r="D1054" s="18" t="s">
        <v>535</v>
      </c>
      <c r="E1054" s="18"/>
      <c r="F1054" s="18"/>
      <c r="G1054" s="18"/>
      <c r="H1054" s="18"/>
      <c r="I1054" s="18"/>
      <c r="J1054" s="18"/>
      <c r="K1054" s="18"/>
      <c r="L1054" s="18"/>
      <c r="M1054" s="18"/>
      <c r="N1054" s="18"/>
      <c r="O1054" s="18"/>
      <c r="P1054" s="19">
        <v>540</v>
      </c>
      <c r="Q1054" s="19"/>
      <c r="R1054" s="19"/>
      <c r="S1054" s="19"/>
      <c r="T1054" s="19">
        <v>450</v>
      </c>
      <c r="U1054" s="19"/>
      <c r="V1054" s="19"/>
      <c r="W1054" s="19"/>
      <c r="X1054" s="19">
        <v>9</v>
      </c>
      <c r="Y1054" s="19"/>
      <c r="Z1054" s="19"/>
      <c r="AA1054" s="19"/>
    </row>
    <row r="1055" spans="1:27" s="1" customFormat="1" ht="11.1" customHeight="1" outlineLevel="2" x14ac:dyDescent="0.2">
      <c r="A1055" s="17"/>
      <c r="B1055" s="17"/>
      <c r="C1055" s="17"/>
      <c r="D1055" s="18"/>
      <c r="E1055" s="18"/>
      <c r="F1055" s="18"/>
      <c r="G1055" s="18"/>
      <c r="H1055" s="18"/>
      <c r="I1055" s="18"/>
      <c r="J1055" s="18"/>
      <c r="K1055" s="18"/>
      <c r="L1055" s="18"/>
      <c r="M1055" s="18"/>
      <c r="N1055" s="18"/>
      <c r="O1055" s="18"/>
      <c r="P1055" s="19"/>
      <c r="Q1055" s="19"/>
      <c r="R1055" s="19"/>
      <c r="S1055" s="19"/>
      <c r="T1055" s="19"/>
      <c r="U1055" s="19"/>
      <c r="V1055" s="19"/>
      <c r="W1055" s="19"/>
      <c r="X1055" s="19"/>
      <c r="Y1055" s="19"/>
      <c r="Z1055" s="19"/>
      <c r="AA1055" s="19"/>
    </row>
    <row r="1056" spans="1:27" s="1" customFormat="1" ht="14.1" customHeight="1" outlineLevel="2" x14ac:dyDescent="0.2">
      <c r="A1056" s="17">
        <v>17566</v>
      </c>
      <c r="B1056" s="17"/>
      <c r="C1056" s="17"/>
      <c r="D1056" s="18" t="s">
        <v>536</v>
      </c>
      <c r="E1056" s="18"/>
      <c r="F1056" s="18"/>
      <c r="G1056" s="18"/>
      <c r="H1056" s="18"/>
      <c r="I1056" s="18"/>
      <c r="J1056" s="18"/>
      <c r="K1056" s="18"/>
      <c r="L1056" s="18"/>
      <c r="M1056" s="18"/>
      <c r="N1056" s="18"/>
      <c r="O1056" s="18"/>
      <c r="P1056" s="20">
        <v>1100</v>
      </c>
      <c r="Q1056" s="20"/>
      <c r="R1056" s="20"/>
      <c r="S1056" s="20"/>
      <c r="T1056" s="20">
        <v>1000</v>
      </c>
      <c r="U1056" s="20"/>
      <c r="V1056" s="20"/>
      <c r="W1056" s="20"/>
      <c r="X1056" s="19">
        <v>1</v>
      </c>
      <c r="Y1056" s="19"/>
      <c r="Z1056" s="19"/>
      <c r="AA1056" s="19"/>
    </row>
    <row r="1057" spans="1:27" s="1" customFormat="1" ht="14.1" customHeight="1" outlineLevel="2" x14ac:dyDescent="0.2">
      <c r="A1057" s="17"/>
      <c r="B1057" s="17"/>
      <c r="C1057" s="17"/>
      <c r="D1057" s="18"/>
      <c r="E1057" s="18"/>
      <c r="F1057" s="18"/>
      <c r="G1057" s="18"/>
      <c r="H1057" s="18"/>
      <c r="I1057" s="18"/>
      <c r="J1057" s="18"/>
      <c r="K1057" s="18"/>
      <c r="L1057" s="18"/>
      <c r="M1057" s="18"/>
      <c r="N1057" s="18"/>
      <c r="O1057" s="18"/>
      <c r="P1057" s="20"/>
      <c r="Q1057" s="20"/>
      <c r="R1057" s="20"/>
      <c r="S1057" s="20"/>
      <c r="T1057" s="20"/>
      <c r="U1057" s="20"/>
      <c r="V1057" s="20"/>
      <c r="W1057" s="20"/>
      <c r="X1057" s="19"/>
      <c r="Y1057" s="19"/>
      <c r="Z1057" s="19"/>
      <c r="AA1057" s="19"/>
    </row>
    <row r="1058" spans="1:27" s="1" customFormat="1" ht="14.1" customHeight="1" outlineLevel="2" x14ac:dyDescent="0.2">
      <c r="A1058" s="17">
        <v>17289</v>
      </c>
      <c r="B1058" s="17"/>
      <c r="C1058" s="17"/>
      <c r="D1058" s="18" t="s">
        <v>537</v>
      </c>
      <c r="E1058" s="18"/>
      <c r="F1058" s="18"/>
      <c r="G1058" s="18"/>
      <c r="H1058" s="18"/>
      <c r="I1058" s="18"/>
      <c r="J1058" s="18"/>
      <c r="K1058" s="18"/>
      <c r="L1058" s="18"/>
      <c r="M1058" s="18"/>
      <c r="N1058" s="18"/>
      <c r="O1058" s="18"/>
      <c r="P1058" s="20">
        <v>1150</v>
      </c>
      <c r="Q1058" s="20"/>
      <c r="R1058" s="20"/>
      <c r="S1058" s="20"/>
      <c r="T1058" s="19">
        <v>950</v>
      </c>
      <c r="U1058" s="19"/>
      <c r="V1058" s="19"/>
      <c r="W1058" s="19"/>
      <c r="X1058" s="19">
        <v>15</v>
      </c>
      <c r="Y1058" s="19"/>
      <c r="Z1058" s="19"/>
      <c r="AA1058" s="19"/>
    </row>
    <row r="1059" spans="1:27" s="1" customFormat="1" ht="14.1" customHeight="1" outlineLevel="2" x14ac:dyDescent="0.2">
      <c r="A1059" s="17"/>
      <c r="B1059" s="17"/>
      <c r="C1059" s="17"/>
      <c r="D1059" s="18"/>
      <c r="E1059" s="18"/>
      <c r="F1059" s="18"/>
      <c r="G1059" s="18"/>
      <c r="H1059" s="18"/>
      <c r="I1059" s="18"/>
      <c r="J1059" s="18"/>
      <c r="K1059" s="18"/>
      <c r="L1059" s="18"/>
      <c r="M1059" s="18"/>
      <c r="N1059" s="18"/>
      <c r="O1059" s="18"/>
      <c r="P1059" s="20"/>
      <c r="Q1059" s="20"/>
      <c r="R1059" s="20"/>
      <c r="S1059" s="20"/>
      <c r="T1059" s="19"/>
      <c r="U1059" s="19"/>
      <c r="V1059" s="19"/>
      <c r="W1059" s="19"/>
      <c r="X1059" s="19"/>
      <c r="Y1059" s="19"/>
      <c r="Z1059" s="19"/>
      <c r="AA1059" s="19"/>
    </row>
    <row r="1060" spans="1:27" s="1" customFormat="1" ht="11.1" customHeight="1" outlineLevel="1" x14ac:dyDescent="0.2">
      <c r="A1060" s="16" t="s">
        <v>538</v>
      </c>
      <c r="B1060" s="16"/>
      <c r="C1060" s="16"/>
      <c r="D1060" s="16"/>
      <c r="E1060" s="16"/>
      <c r="F1060" s="16"/>
      <c r="G1060" s="16"/>
      <c r="H1060" s="16"/>
      <c r="I1060" s="16"/>
      <c r="J1060" s="16"/>
      <c r="K1060" s="16"/>
      <c r="L1060" s="16"/>
      <c r="M1060" s="16"/>
      <c r="N1060" s="16"/>
      <c r="O1060" s="16"/>
      <c r="P1060" s="16"/>
      <c r="Q1060" s="16"/>
      <c r="R1060" s="16"/>
      <c r="S1060" s="16"/>
      <c r="T1060" s="16"/>
      <c r="U1060" s="16"/>
      <c r="V1060" s="16"/>
      <c r="W1060" s="16"/>
      <c r="X1060" s="16"/>
      <c r="Y1060" s="16"/>
      <c r="Z1060" s="16"/>
      <c r="AA1060" s="16"/>
    </row>
    <row r="1061" spans="1:27" s="1" customFormat="1" ht="11.1" customHeight="1" outlineLevel="1" x14ac:dyDescent="0.2">
      <c r="A1061" s="16"/>
      <c r="B1061" s="16"/>
      <c r="C1061" s="16"/>
      <c r="D1061" s="16"/>
      <c r="E1061" s="16"/>
      <c r="F1061" s="16"/>
      <c r="G1061" s="16"/>
      <c r="H1061" s="16"/>
      <c r="I1061" s="16"/>
      <c r="J1061" s="16"/>
      <c r="K1061" s="16"/>
      <c r="L1061" s="16"/>
      <c r="M1061" s="16"/>
      <c r="N1061" s="16"/>
      <c r="O1061" s="16"/>
      <c r="P1061" s="16"/>
      <c r="Q1061" s="16"/>
      <c r="R1061" s="16"/>
      <c r="S1061" s="16"/>
      <c r="T1061" s="16"/>
      <c r="U1061" s="16"/>
      <c r="V1061" s="16"/>
      <c r="W1061" s="16"/>
      <c r="X1061" s="16"/>
      <c r="Y1061" s="16"/>
      <c r="Z1061" s="16"/>
      <c r="AA1061" s="16"/>
    </row>
    <row r="1062" spans="1:27" s="1" customFormat="1" ht="11.1" customHeight="1" outlineLevel="2" x14ac:dyDescent="0.2">
      <c r="A1062" s="17">
        <v>17335</v>
      </c>
      <c r="B1062" s="17"/>
      <c r="C1062" s="17"/>
      <c r="D1062" s="18" t="s">
        <v>539</v>
      </c>
      <c r="E1062" s="18"/>
      <c r="F1062" s="18"/>
      <c r="G1062" s="18"/>
      <c r="H1062" s="18"/>
      <c r="I1062" s="18"/>
      <c r="J1062" s="18"/>
      <c r="K1062" s="18"/>
      <c r="L1062" s="18"/>
      <c r="M1062" s="18"/>
      <c r="N1062" s="18"/>
      <c r="O1062" s="18"/>
      <c r="P1062" s="20">
        <v>1450</v>
      </c>
      <c r="Q1062" s="20"/>
      <c r="R1062" s="20"/>
      <c r="S1062" s="20"/>
      <c r="T1062" s="20">
        <v>1290</v>
      </c>
      <c r="U1062" s="20"/>
      <c r="V1062" s="20"/>
      <c r="W1062" s="20"/>
      <c r="X1062" s="19">
        <v>1</v>
      </c>
      <c r="Y1062" s="19"/>
      <c r="Z1062" s="19"/>
      <c r="AA1062" s="19"/>
    </row>
    <row r="1063" spans="1:27" s="1" customFormat="1" ht="11.1" customHeight="1" outlineLevel="2" x14ac:dyDescent="0.2">
      <c r="A1063" s="17"/>
      <c r="B1063" s="17"/>
      <c r="C1063" s="17"/>
      <c r="D1063" s="18"/>
      <c r="E1063" s="18"/>
      <c r="F1063" s="18"/>
      <c r="G1063" s="18"/>
      <c r="H1063" s="18"/>
      <c r="I1063" s="18"/>
      <c r="J1063" s="18"/>
      <c r="K1063" s="18"/>
      <c r="L1063" s="18"/>
      <c r="M1063" s="18"/>
      <c r="N1063" s="18"/>
      <c r="O1063" s="18"/>
      <c r="P1063" s="20"/>
      <c r="Q1063" s="20"/>
      <c r="R1063" s="20"/>
      <c r="S1063" s="20"/>
      <c r="T1063" s="20"/>
      <c r="U1063" s="20"/>
      <c r="V1063" s="20"/>
      <c r="W1063" s="20"/>
      <c r="X1063" s="19"/>
      <c r="Y1063" s="19"/>
      <c r="Z1063" s="19"/>
      <c r="AA1063" s="19"/>
    </row>
    <row r="1064" spans="1:27" s="1" customFormat="1" ht="11.1" customHeight="1" outlineLevel="2" x14ac:dyDescent="0.2">
      <c r="A1064" s="17">
        <v>18057</v>
      </c>
      <c r="B1064" s="17"/>
      <c r="C1064" s="17"/>
      <c r="D1064" s="18" t="s">
        <v>540</v>
      </c>
      <c r="E1064" s="18"/>
      <c r="F1064" s="18"/>
      <c r="G1064" s="18"/>
      <c r="H1064" s="18"/>
      <c r="I1064" s="18"/>
      <c r="J1064" s="18"/>
      <c r="K1064" s="18"/>
      <c r="L1064" s="18"/>
      <c r="M1064" s="18"/>
      <c r="N1064" s="18"/>
      <c r="O1064" s="18"/>
      <c r="P1064" s="20">
        <v>2900</v>
      </c>
      <c r="Q1064" s="20"/>
      <c r="R1064" s="20"/>
      <c r="S1064" s="20"/>
      <c r="T1064" s="20">
        <v>2500</v>
      </c>
      <c r="U1064" s="20"/>
      <c r="V1064" s="20"/>
      <c r="W1064" s="20"/>
      <c r="X1064" s="19">
        <v>1</v>
      </c>
      <c r="Y1064" s="19"/>
      <c r="Z1064" s="19"/>
      <c r="AA1064" s="19"/>
    </row>
    <row r="1065" spans="1:27" s="1" customFormat="1" ht="11.1" customHeight="1" outlineLevel="2" x14ac:dyDescent="0.2">
      <c r="A1065" s="17"/>
      <c r="B1065" s="17"/>
      <c r="C1065" s="17"/>
      <c r="D1065" s="18"/>
      <c r="E1065" s="18"/>
      <c r="F1065" s="18"/>
      <c r="G1065" s="18"/>
      <c r="H1065" s="18"/>
      <c r="I1065" s="18"/>
      <c r="J1065" s="18"/>
      <c r="K1065" s="18"/>
      <c r="L1065" s="18"/>
      <c r="M1065" s="18"/>
      <c r="N1065" s="18"/>
      <c r="O1065" s="18"/>
      <c r="P1065" s="20"/>
      <c r="Q1065" s="20"/>
      <c r="R1065" s="20"/>
      <c r="S1065" s="20"/>
      <c r="T1065" s="20"/>
      <c r="U1065" s="20"/>
      <c r="V1065" s="20"/>
      <c r="W1065" s="20"/>
      <c r="X1065" s="19"/>
      <c r="Y1065" s="19"/>
      <c r="Z1065" s="19"/>
      <c r="AA1065" s="19"/>
    </row>
    <row r="1066" spans="1:27" s="1" customFormat="1" ht="11.1" customHeight="1" outlineLevel="2" x14ac:dyDescent="0.2">
      <c r="A1066" s="17">
        <v>18062</v>
      </c>
      <c r="B1066" s="17"/>
      <c r="C1066" s="17"/>
      <c r="D1066" s="18" t="s">
        <v>541</v>
      </c>
      <c r="E1066" s="18"/>
      <c r="F1066" s="18"/>
      <c r="G1066" s="18"/>
      <c r="H1066" s="18"/>
      <c r="I1066" s="18"/>
      <c r="J1066" s="18"/>
      <c r="K1066" s="18"/>
      <c r="L1066" s="18"/>
      <c r="M1066" s="18"/>
      <c r="N1066" s="18"/>
      <c r="O1066" s="18"/>
      <c r="P1066" s="20">
        <v>1200</v>
      </c>
      <c r="Q1066" s="20"/>
      <c r="R1066" s="20"/>
      <c r="S1066" s="20"/>
      <c r="T1066" s="20">
        <v>1000</v>
      </c>
      <c r="U1066" s="20"/>
      <c r="V1066" s="20"/>
      <c r="W1066" s="20"/>
      <c r="X1066" s="19">
        <v>1</v>
      </c>
      <c r="Y1066" s="19"/>
      <c r="Z1066" s="19"/>
      <c r="AA1066" s="19"/>
    </row>
    <row r="1067" spans="1:27" s="1" customFormat="1" ht="11.1" customHeight="1" outlineLevel="2" x14ac:dyDescent="0.2">
      <c r="A1067" s="17"/>
      <c r="B1067" s="17"/>
      <c r="C1067" s="17"/>
      <c r="D1067" s="18"/>
      <c r="E1067" s="18"/>
      <c r="F1067" s="18"/>
      <c r="G1067" s="18"/>
      <c r="H1067" s="18"/>
      <c r="I1067" s="18"/>
      <c r="J1067" s="18"/>
      <c r="K1067" s="18"/>
      <c r="L1067" s="18"/>
      <c r="M1067" s="18"/>
      <c r="N1067" s="18"/>
      <c r="O1067" s="18"/>
      <c r="P1067" s="20"/>
      <c r="Q1067" s="20"/>
      <c r="R1067" s="20"/>
      <c r="S1067" s="20"/>
      <c r="T1067" s="20"/>
      <c r="U1067" s="20"/>
      <c r="V1067" s="20"/>
      <c r="W1067" s="20"/>
      <c r="X1067" s="19"/>
      <c r="Y1067" s="19"/>
      <c r="Z1067" s="19"/>
      <c r="AA1067" s="19"/>
    </row>
    <row r="1068" spans="1:27" s="1" customFormat="1" ht="14.1" customHeight="1" outlineLevel="2" x14ac:dyDescent="0.2">
      <c r="A1068" s="17">
        <v>18060</v>
      </c>
      <c r="B1068" s="17"/>
      <c r="C1068" s="17"/>
      <c r="D1068" s="18" t="s">
        <v>542</v>
      </c>
      <c r="E1068" s="18"/>
      <c r="F1068" s="18"/>
      <c r="G1068" s="18"/>
      <c r="H1068" s="18"/>
      <c r="I1068" s="18"/>
      <c r="J1068" s="18"/>
      <c r="K1068" s="18"/>
      <c r="L1068" s="18"/>
      <c r="M1068" s="18"/>
      <c r="N1068" s="18"/>
      <c r="O1068" s="18"/>
      <c r="P1068" s="20">
        <v>1200</v>
      </c>
      <c r="Q1068" s="20"/>
      <c r="R1068" s="20"/>
      <c r="S1068" s="20"/>
      <c r="T1068" s="20">
        <v>1000</v>
      </c>
      <c r="U1068" s="20"/>
      <c r="V1068" s="20"/>
      <c r="W1068" s="20"/>
      <c r="X1068" s="19">
        <v>1</v>
      </c>
      <c r="Y1068" s="19"/>
      <c r="Z1068" s="19"/>
      <c r="AA1068" s="19"/>
    </row>
    <row r="1069" spans="1:27" s="1" customFormat="1" ht="14.1" customHeight="1" outlineLevel="2" x14ac:dyDescent="0.2">
      <c r="A1069" s="17"/>
      <c r="B1069" s="17"/>
      <c r="C1069" s="17"/>
      <c r="D1069" s="18"/>
      <c r="E1069" s="18"/>
      <c r="F1069" s="18"/>
      <c r="G1069" s="18"/>
      <c r="H1069" s="18"/>
      <c r="I1069" s="18"/>
      <c r="J1069" s="18"/>
      <c r="K1069" s="18"/>
      <c r="L1069" s="18"/>
      <c r="M1069" s="18"/>
      <c r="N1069" s="18"/>
      <c r="O1069" s="18"/>
      <c r="P1069" s="20"/>
      <c r="Q1069" s="20"/>
      <c r="R1069" s="20"/>
      <c r="S1069" s="20"/>
      <c r="T1069" s="20"/>
      <c r="U1069" s="20"/>
      <c r="V1069" s="20"/>
      <c r="W1069" s="20"/>
      <c r="X1069" s="19"/>
      <c r="Y1069" s="19"/>
      <c r="Z1069" s="19"/>
      <c r="AA1069" s="19"/>
    </row>
    <row r="1070" spans="1:27" s="1" customFormat="1" ht="14.1" customHeight="1" outlineLevel="2" x14ac:dyDescent="0.2">
      <c r="A1070" s="17">
        <v>18061</v>
      </c>
      <c r="B1070" s="17"/>
      <c r="C1070" s="17"/>
      <c r="D1070" s="18" t="s">
        <v>543</v>
      </c>
      <c r="E1070" s="18"/>
      <c r="F1070" s="18"/>
      <c r="G1070" s="18"/>
      <c r="H1070" s="18"/>
      <c r="I1070" s="18"/>
      <c r="J1070" s="18"/>
      <c r="K1070" s="18"/>
      <c r="L1070" s="18"/>
      <c r="M1070" s="18"/>
      <c r="N1070" s="18"/>
      <c r="O1070" s="18"/>
      <c r="P1070" s="20">
        <v>1000</v>
      </c>
      <c r="Q1070" s="20"/>
      <c r="R1070" s="20"/>
      <c r="S1070" s="20"/>
      <c r="T1070" s="19">
        <v>800</v>
      </c>
      <c r="U1070" s="19"/>
      <c r="V1070" s="19"/>
      <c r="W1070" s="19"/>
      <c r="X1070" s="19">
        <v>1</v>
      </c>
      <c r="Y1070" s="19"/>
      <c r="Z1070" s="19"/>
      <c r="AA1070" s="19"/>
    </row>
    <row r="1071" spans="1:27" s="1" customFormat="1" ht="14.1" customHeight="1" outlineLevel="2" x14ac:dyDescent="0.2">
      <c r="A1071" s="17"/>
      <c r="B1071" s="17"/>
      <c r="C1071" s="17"/>
      <c r="D1071" s="18"/>
      <c r="E1071" s="18"/>
      <c r="F1071" s="18"/>
      <c r="G1071" s="18"/>
      <c r="H1071" s="18"/>
      <c r="I1071" s="18"/>
      <c r="J1071" s="18"/>
      <c r="K1071" s="18"/>
      <c r="L1071" s="18"/>
      <c r="M1071" s="18"/>
      <c r="N1071" s="18"/>
      <c r="O1071" s="18"/>
      <c r="P1071" s="20"/>
      <c r="Q1071" s="20"/>
      <c r="R1071" s="20"/>
      <c r="S1071" s="20"/>
      <c r="T1071" s="19"/>
      <c r="U1071" s="19"/>
      <c r="V1071" s="19"/>
      <c r="W1071" s="19"/>
      <c r="X1071" s="19"/>
      <c r="Y1071" s="19"/>
      <c r="Z1071" s="19"/>
      <c r="AA1071" s="19"/>
    </row>
    <row r="1072" spans="1:27" s="1" customFormat="1" ht="14.1" customHeight="1" outlineLevel="2" x14ac:dyDescent="0.2">
      <c r="A1072" s="17">
        <v>18058</v>
      </c>
      <c r="B1072" s="17"/>
      <c r="C1072" s="17"/>
      <c r="D1072" s="18" t="s">
        <v>544</v>
      </c>
      <c r="E1072" s="18"/>
      <c r="F1072" s="18"/>
      <c r="G1072" s="18"/>
      <c r="H1072" s="18"/>
      <c r="I1072" s="18"/>
      <c r="J1072" s="18"/>
      <c r="K1072" s="18"/>
      <c r="L1072" s="18"/>
      <c r="M1072" s="18"/>
      <c r="N1072" s="18"/>
      <c r="O1072" s="18"/>
      <c r="P1072" s="20">
        <v>6400</v>
      </c>
      <c r="Q1072" s="20"/>
      <c r="R1072" s="20"/>
      <c r="S1072" s="20"/>
      <c r="T1072" s="20">
        <v>5900</v>
      </c>
      <c r="U1072" s="20"/>
      <c r="V1072" s="20"/>
      <c r="W1072" s="20"/>
      <c r="X1072" s="19">
        <v>1</v>
      </c>
      <c r="Y1072" s="19"/>
      <c r="Z1072" s="19"/>
      <c r="AA1072" s="19"/>
    </row>
    <row r="1073" spans="1:27" s="1" customFormat="1" ht="14.1" customHeight="1" outlineLevel="2" x14ac:dyDescent="0.2">
      <c r="A1073" s="17"/>
      <c r="B1073" s="17"/>
      <c r="C1073" s="17"/>
      <c r="D1073" s="18"/>
      <c r="E1073" s="18"/>
      <c r="F1073" s="18"/>
      <c r="G1073" s="18"/>
      <c r="H1073" s="18"/>
      <c r="I1073" s="18"/>
      <c r="J1073" s="18"/>
      <c r="K1073" s="18"/>
      <c r="L1073" s="18"/>
      <c r="M1073" s="18"/>
      <c r="N1073" s="18"/>
      <c r="O1073" s="18"/>
      <c r="P1073" s="20"/>
      <c r="Q1073" s="20"/>
      <c r="R1073" s="20"/>
      <c r="S1073" s="20"/>
      <c r="T1073" s="20"/>
      <c r="U1073" s="20"/>
      <c r="V1073" s="20"/>
      <c r="W1073" s="20"/>
      <c r="X1073" s="19"/>
      <c r="Y1073" s="19"/>
      <c r="Z1073" s="19"/>
      <c r="AA1073" s="19"/>
    </row>
    <row r="1074" spans="1:27" s="1" customFormat="1" ht="14.1" customHeight="1" outlineLevel="2" x14ac:dyDescent="0.2">
      <c r="A1074" s="17">
        <v>16014</v>
      </c>
      <c r="B1074" s="17"/>
      <c r="C1074" s="17"/>
      <c r="D1074" s="18" t="s">
        <v>545</v>
      </c>
      <c r="E1074" s="18"/>
      <c r="F1074" s="18"/>
      <c r="G1074" s="18"/>
      <c r="H1074" s="18"/>
      <c r="I1074" s="18"/>
      <c r="J1074" s="18"/>
      <c r="K1074" s="18"/>
      <c r="L1074" s="18"/>
      <c r="M1074" s="18"/>
      <c r="N1074" s="18"/>
      <c r="O1074" s="18"/>
      <c r="P1074" s="19">
        <v>440</v>
      </c>
      <c r="Q1074" s="19"/>
      <c r="R1074" s="19"/>
      <c r="S1074" s="19"/>
      <c r="T1074" s="19">
        <v>350</v>
      </c>
      <c r="U1074" s="19"/>
      <c r="V1074" s="19"/>
      <c r="W1074" s="19"/>
      <c r="X1074" s="19">
        <v>7</v>
      </c>
      <c r="Y1074" s="19"/>
      <c r="Z1074" s="19"/>
      <c r="AA1074" s="19"/>
    </row>
    <row r="1075" spans="1:27" s="1" customFormat="1" ht="14.1" customHeight="1" outlineLevel="2" x14ac:dyDescent="0.2">
      <c r="A1075" s="17"/>
      <c r="B1075" s="17"/>
      <c r="C1075" s="17"/>
      <c r="D1075" s="18"/>
      <c r="E1075" s="18"/>
      <c r="F1075" s="18"/>
      <c r="G1075" s="18"/>
      <c r="H1075" s="18"/>
      <c r="I1075" s="18"/>
      <c r="J1075" s="18"/>
      <c r="K1075" s="18"/>
      <c r="L1075" s="18"/>
      <c r="M1075" s="18"/>
      <c r="N1075" s="18"/>
      <c r="O1075" s="18"/>
      <c r="P1075" s="19"/>
      <c r="Q1075" s="19"/>
      <c r="R1075" s="19"/>
      <c r="S1075" s="19"/>
      <c r="T1075" s="19"/>
      <c r="U1075" s="19"/>
      <c r="V1075" s="19"/>
      <c r="W1075" s="19"/>
      <c r="X1075" s="19"/>
      <c r="Y1075" s="19"/>
      <c r="Z1075" s="19"/>
      <c r="AA1075" s="19"/>
    </row>
    <row r="1076" spans="1:27" s="1" customFormat="1" ht="14.1" customHeight="1" outlineLevel="2" x14ac:dyDescent="0.2">
      <c r="A1076" s="17">
        <v>16012</v>
      </c>
      <c r="B1076" s="17"/>
      <c r="C1076" s="17"/>
      <c r="D1076" s="18" t="s">
        <v>546</v>
      </c>
      <c r="E1076" s="18"/>
      <c r="F1076" s="18"/>
      <c r="G1076" s="18"/>
      <c r="H1076" s="18"/>
      <c r="I1076" s="18"/>
      <c r="J1076" s="18"/>
      <c r="K1076" s="18"/>
      <c r="L1076" s="18"/>
      <c r="M1076" s="18"/>
      <c r="N1076" s="18"/>
      <c r="O1076" s="18"/>
      <c r="P1076" s="19">
        <v>440</v>
      </c>
      <c r="Q1076" s="19"/>
      <c r="R1076" s="19"/>
      <c r="S1076" s="19"/>
      <c r="T1076" s="19">
        <v>350</v>
      </c>
      <c r="U1076" s="19"/>
      <c r="V1076" s="19"/>
      <c r="W1076" s="19"/>
      <c r="X1076" s="19">
        <v>7</v>
      </c>
      <c r="Y1076" s="19"/>
      <c r="Z1076" s="19"/>
      <c r="AA1076" s="19"/>
    </row>
    <row r="1077" spans="1:27" s="1" customFormat="1" ht="14.1" customHeight="1" outlineLevel="2" x14ac:dyDescent="0.2">
      <c r="A1077" s="17"/>
      <c r="B1077" s="17"/>
      <c r="C1077" s="17"/>
      <c r="D1077" s="18"/>
      <c r="E1077" s="18"/>
      <c r="F1077" s="18"/>
      <c r="G1077" s="18"/>
      <c r="H1077" s="18"/>
      <c r="I1077" s="18"/>
      <c r="J1077" s="18"/>
      <c r="K1077" s="18"/>
      <c r="L1077" s="18"/>
      <c r="M1077" s="18"/>
      <c r="N1077" s="18"/>
      <c r="O1077" s="18"/>
      <c r="P1077" s="19"/>
      <c r="Q1077" s="19"/>
      <c r="R1077" s="19"/>
      <c r="S1077" s="19"/>
      <c r="T1077" s="19"/>
      <c r="U1077" s="19"/>
      <c r="V1077" s="19"/>
      <c r="W1077" s="19"/>
      <c r="X1077" s="19"/>
      <c r="Y1077" s="19"/>
      <c r="Z1077" s="19"/>
      <c r="AA1077" s="19"/>
    </row>
    <row r="1078" spans="1:27" s="1" customFormat="1" ht="14.1" customHeight="1" outlineLevel="2" x14ac:dyDescent="0.2">
      <c r="A1078" s="17">
        <v>16013</v>
      </c>
      <c r="B1078" s="17"/>
      <c r="C1078" s="17"/>
      <c r="D1078" s="18" t="s">
        <v>547</v>
      </c>
      <c r="E1078" s="18"/>
      <c r="F1078" s="18"/>
      <c r="G1078" s="18"/>
      <c r="H1078" s="18"/>
      <c r="I1078" s="18"/>
      <c r="J1078" s="18"/>
      <c r="K1078" s="18"/>
      <c r="L1078" s="18"/>
      <c r="M1078" s="18"/>
      <c r="N1078" s="18"/>
      <c r="O1078" s="18"/>
      <c r="P1078" s="19">
        <v>440</v>
      </c>
      <c r="Q1078" s="19"/>
      <c r="R1078" s="19"/>
      <c r="S1078" s="19"/>
      <c r="T1078" s="19">
        <v>350</v>
      </c>
      <c r="U1078" s="19"/>
      <c r="V1078" s="19"/>
      <c r="W1078" s="19"/>
      <c r="X1078" s="19">
        <v>9</v>
      </c>
      <c r="Y1078" s="19"/>
      <c r="Z1078" s="19"/>
      <c r="AA1078" s="19"/>
    </row>
    <row r="1079" spans="1:27" s="1" customFormat="1" ht="14.1" customHeight="1" outlineLevel="2" x14ac:dyDescent="0.2">
      <c r="A1079" s="17"/>
      <c r="B1079" s="17"/>
      <c r="C1079" s="17"/>
      <c r="D1079" s="18"/>
      <c r="E1079" s="18"/>
      <c r="F1079" s="18"/>
      <c r="G1079" s="18"/>
      <c r="H1079" s="18"/>
      <c r="I1079" s="18"/>
      <c r="J1079" s="18"/>
      <c r="K1079" s="18"/>
      <c r="L1079" s="18"/>
      <c r="M1079" s="18"/>
      <c r="N1079" s="18"/>
      <c r="O1079" s="18"/>
      <c r="P1079" s="19"/>
      <c r="Q1079" s="19"/>
      <c r="R1079" s="19"/>
      <c r="S1079" s="19"/>
      <c r="T1079" s="19"/>
      <c r="U1079" s="19"/>
      <c r="V1079" s="19"/>
      <c r="W1079" s="19"/>
      <c r="X1079" s="19"/>
      <c r="Y1079" s="19"/>
      <c r="Z1079" s="19"/>
      <c r="AA1079" s="19"/>
    </row>
    <row r="1080" spans="1:27" s="1" customFormat="1" ht="14.1" customHeight="1" outlineLevel="2" x14ac:dyDescent="0.2">
      <c r="A1080" s="17">
        <v>16011</v>
      </c>
      <c r="B1080" s="17"/>
      <c r="C1080" s="17"/>
      <c r="D1080" s="18" t="s">
        <v>548</v>
      </c>
      <c r="E1080" s="18"/>
      <c r="F1080" s="18"/>
      <c r="G1080" s="18"/>
      <c r="H1080" s="18"/>
      <c r="I1080" s="18"/>
      <c r="J1080" s="18"/>
      <c r="K1080" s="18"/>
      <c r="L1080" s="18"/>
      <c r="M1080" s="18"/>
      <c r="N1080" s="18"/>
      <c r="O1080" s="18"/>
      <c r="P1080" s="19">
        <v>440</v>
      </c>
      <c r="Q1080" s="19"/>
      <c r="R1080" s="19"/>
      <c r="S1080" s="19"/>
      <c r="T1080" s="19">
        <v>350</v>
      </c>
      <c r="U1080" s="19"/>
      <c r="V1080" s="19"/>
      <c r="W1080" s="19"/>
      <c r="X1080" s="19">
        <v>6</v>
      </c>
      <c r="Y1080" s="19"/>
      <c r="Z1080" s="19"/>
      <c r="AA1080" s="19"/>
    </row>
    <row r="1081" spans="1:27" s="1" customFormat="1" ht="14.1" customHeight="1" outlineLevel="2" x14ac:dyDescent="0.2">
      <c r="A1081" s="17"/>
      <c r="B1081" s="17"/>
      <c r="C1081" s="17"/>
      <c r="D1081" s="18"/>
      <c r="E1081" s="18"/>
      <c r="F1081" s="18"/>
      <c r="G1081" s="18"/>
      <c r="H1081" s="18"/>
      <c r="I1081" s="18"/>
      <c r="J1081" s="18"/>
      <c r="K1081" s="18"/>
      <c r="L1081" s="18"/>
      <c r="M1081" s="18"/>
      <c r="N1081" s="18"/>
      <c r="O1081" s="18"/>
      <c r="P1081" s="19"/>
      <c r="Q1081" s="19"/>
      <c r="R1081" s="19"/>
      <c r="S1081" s="19"/>
      <c r="T1081" s="19"/>
      <c r="U1081" s="19"/>
      <c r="V1081" s="19"/>
      <c r="W1081" s="19"/>
      <c r="X1081" s="19"/>
      <c r="Y1081" s="19"/>
      <c r="Z1081" s="19"/>
      <c r="AA1081" s="19"/>
    </row>
    <row r="1082" spans="1:27" s="1" customFormat="1" ht="14.1" customHeight="1" outlineLevel="2" x14ac:dyDescent="0.2">
      <c r="A1082" s="17">
        <v>18056</v>
      </c>
      <c r="B1082" s="17"/>
      <c r="C1082" s="17"/>
      <c r="D1082" s="18" t="s">
        <v>549</v>
      </c>
      <c r="E1082" s="18"/>
      <c r="F1082" s="18"/>
      <c r="G1082" s="18"/>
      <c r="H1082" s="18"/>
      <c r="I1082" s="18"/>
      <c r="J1082" s="18"/>
      <c r="K1082" s="18"/>
      <c r="L1082" s="18"/>
      <c r="M1082" s="18"/>
      <c r="N1082" s="18"/>
      <c r="O1082" s="18"/>
      <c r="P1082" s="20">
        <v>15000</v>
      </c>
      <c r="Q1082" s="20"/>
      <c r="R1082" s="20"/>
      <c r="S1082" s="20"/>
      <c r="T1082" s="20">
        <v>14000</v>
      </c>
      <c r="U1082" s="20"/>
      <c r="V1082" s="20"/>
      <c r="W1082" s="20"/>
      <c r="X1082" s="19">
        <v>1</v>
      </c>
      <c r="Y1082" s="19"/>
      <c r="Z1082" s="19"/>
      <c r="AA1082" s="19"/>
    </row>
    <row r="1083" spans="1:27" s="1" customFormat="1" ht="14.1" customHeight="1" outlineLevel="2" x14ac:dyDescent="0.2">
      <c r="A1083" s="17"/>
      <c r="B1083" s="17"/>
      <c r="C1083" s="17"/>
      <c r="D1083" s="18"/>
      <c r="E1083" s="18"/>
      <c r="F1083" s="18"/>
      <c r="G1083" s="18"/>
      <c r="H1083" s="18"/>
      <c r="I1083" s="18"/>
      <c r="J1083" s="18"/>
      <c r="K1083" s="18"/>
      <c r="L1083" s="18"/>
      <c r="M1083" s="18"/>
      <c r="N1083" s="18"/>
      <c r="O1083" s="18"/>
      <c r="P1083" s="20"/>
      <c r="Q1083" s="20"/>
      <c r="R1083" s="20"/>
      <c r="S1083" s="20"/>
      <c r="T1083" s="20"/>
      <c r="U1083" s="20"/>
      <c r="V1083" s="20"/>
      <c r="W1083" s="20"/>
      <c r="X1083" s="19"/>
      <c r="Y1083" s="19"/>
      <c r="Z1083" s="19"/>
      <c r="AA1083" s="19"/>
    </row>
    <row r="1084" spans="1:27" s="1" customFormat="1" ht="11.1" customHeight="1" outlineLevel="2" x14ac:dyDescent="0.2">
      <c r="A1084" s="17">
        <v>18063</v>
      </c>
      <c r="B1084" s="17"/>
      <c r="C1084" s="17"/>
      <c r="D1084" s="18" t="s">
        <v>550</v>
      </c>
      <c r="E1084" s="18"/>
      <c r="F1084" s="18"/>
      <c r="G1084" s="18"/>
      <c r="H1084" s="18"/>
      <c r="I1084" s="18"/>
      <c r="J1084" s="18"/>
      <c r="K1084" s="18"/>
      <c r="L1084" s="18"/>
      <c r="M1084" s="18"/>
      <c r="N1084" s="18"/>
      <c r="O1084" s="18"/>
      <c r="P1084" s="20">
        <v>1600</v>
      </c>
      <c r="Q1084" s="20"/>
      <c r="R1084" s="20"/>
      <c r="S1084" s="20"/>
      <c r="T1084" s="20">
        <v>1500</v>
      </c>
      <c r="U1084" s="20"/>
      <c r="V1084" s="20"/>
      <c r="W1084" s="20"/>
      <c r="X1084" s="19">
        <v>1</v>
      </c>
      <c r="Y1084" s="19"/>
      <c r="Z1084" s="19"/>
      <c r="AA1084" s="19"/>
    </row>
    <row r="1085" spans="1:27" s="1" customFormat="1" ht="11.1" customHeight="1" outlineLevel="2" x14ac:dyDescent="0.2">
      <c r="A1085" s="17"/>
      <c r="B1085" s="17"/>
      <c r="C1085" s="17"/>
      <c r="D1085" s="18"/>
      <c r="E1085" s="18"/>
      <c r="F1085" s="18"/>
      <c r="G1085" s="18"/>
      <c r="H1085" s="18"/>
      <c r="I1085" s="18"/>
      <c r="J1085" s="18"/>
      <c r="K1085" s="18"/>
      <c r="L1085" s="18"/>
      <c r="M1085" s="18"/>
      <c r="N1085" s="18"/>
      <c r="O1085" s="18"/>
      <c r="P1085" s="20"/>
      <c r="Q1085" s="20"/>
      <c r="R1085" s="20"/>
      <c r="S1085" s="20"/>
      <c r="T1085" s="20"/>
      <c r="U1085" s="20"/>
      <c r="V1085" s="20"/>
      <c r="W1085" s="20"/>
      <c r="X1085" s="19"/>
      <c r="Y1085" s="19"/>
      <c r="Z1085" s="19"/>
      <c r="AA1085" s="19"/>
    </row>
    <row r="1086" spans="1:27" s="1" customFormat="1" ht="14.1" customHeight="1" outlineLevel="2" x14ac:dyDescent="0.2">
      <c r="A1086" s="17">
        <v>18032</v>
      </c>
      <c r="B1086" s="17"/>
      <c r="C1086" s="17"/>
      <c r="D1086" s="18" t="s">
        <v>551</v>
      </c>
      <c r="E1086" s="18"/>
      <c r="F1086" s="18"/>
      <c r="G1086" s="18"/>
      <c r="H1086" s="18"/>
      <c r="I1086" s="18"/>
      <c r="J1086" s="18"/>
      <c r="K1086" s="18"/>
      <c r="L1086" s="18"/>
      <c r="M1086" s="18"/>
      <c r="N1086" s="18"/>
      <c r="O1086" s="18"/>
      <c r="P1086" s="20">
        <v>2900</v>
      </c>
      <c r="Q1086" s="20"/>
      <c r="R1086" s="20"/>
      <c r="S1086" s="20"/>
      <c r="T1086" s="20">
        <v>2400</v>
      </c>
      <c r="U1086" s="20"/>
      <c r="V1086" s="20"/>
      <c r="W1086" s="20"/>
      <c r="X1086" s="19">
        <v>1</v>
      </c>
      <c r="Y1086" s="19"/>
      <c r="Z1086" s="19"/>
      <c r="AA1086" s="19"/>
    </row>
    <row r="1087" spans="1:27" s="1" customFormat="1" ht="14.1" customHeight="1" outlineLevel="2" x14ac:dyDescent="0.2">
      <c r="A1087" s="17"/>
      <c r="B1087" s="17"/>
      <c r="C1087" s="17"/>
      <c r="D1087" s="18"/>
      <c r="E1087" s="18"/>
      <c r="F1087" s="18"/>
      <c r="G1087" s="18"/>
      <c r="H1087" s="18"/>
      <c r="I1087" s="18"/>
      <c r="J1087" s="18"/>
      <c r="K1087" s="18"/>
      <c r="L1087" s="18"/>
      <c r="M1087" s="18"/>
      <c r="N1087" s="18"/>
      <c r="O1087" s="18"/>
      <c r="P1087" s="20"/>
      <c r="Q1087" s="20"/>
      <c r="R1087" s="20"/>
      <c r="S1087" s="20"/>
      <c r="T1087" s="20"/>
      <c r="U1087" s="20"/>
      <c r="V1087" s="20"/>
      <c r="W1087" s="20"/>
      <c r="X1087" s="19"/>
      <c r="Y1087" s="19"/>
      <c r="Z1087" s="19"/>
      <c r="AA1087" s="19"/>
    </row>
    <row r="1088" spans="1:27" s="1" customFormat="1" ht="11.1" customHeight="1" outlineLevel="2" x14ac:dyDescent="0.2">
      <c r="A1088" s="17">
        <v>15161</v>
      </c>
      <c r="B1088" s="17"/>
      <c r="C1088" s="17"/>
      <c r="D1088" s="18" t="s">
        <v>552</v>
      </c>
      <c r="E1088" s="18"/>
      <c r="F1088" s="18"/>
      <c r="G1088" s="18"/>
      <c r="H1088" s="18"/>
      <c r="I1088" s="18"/>
      <c r="J1088" s="18"/>
      <c r="K1088" s="18"/>
      <c r="L1088" s="18"/>
      <c r="M1088" s="18"/>
      <c r="N1088" s="18"/>
      <c r="O1088" s="18"/>
      <c r="P1088" s="19">
        <v>540</v>
      </c>
      <c r="Q1088" s="19"/>
      <c r="R1088" s="19"/>
      <c r="S1088" s="19"/>
      <c r="T1088" s="19">
        <v>450</v>
      </c>
      <c r="U1088" s="19"/>
      <c r="V1088" s="19"/>
      <c r="W1088" s="19"/>
      <c r="X1088" s="19">
        <v>8</v>
      </c>
      <c r="Y1088" s="19"/>
      <c r="Z1088" s="19"/>
      <c r="AA1088" s="19"/>
    </row>
    <row r="1089" spans="1:27" s="1" customFormat="1" ht="11.1" customHeight="1" outlineLevel="2" x14ac:dyDescent="0.2">
      <c r="A1089" s="17"/>
      <c r="B1089" s="17"/>
      <c r="C1089" s="17"/>
      <c r="D1089" s="18"/>
      <c r="E1089" s="18"/>
      <c r="F1089" s="18"/>
      <c r="G1089" s="18"/>
      <c r="H1089" s="18"/>
      <c r="I1089" s="18"/>
      <c r="J1089" s="18"/>
      <c r="K1089" s="18"/>
      <c r="L1089" s="18"/>
      <c r="M1089" s="18"/>
      <c r="N1089" s="18"/>
      <c r="O1089" s="18"/>
      <c r="P1089" s="19"/>
      <c r="Q1089" s="19"/>
      <c r="R1089" s="19"/>
      <c r="S1089" s="19"/>
      <c r="T1089" s="19"/>
      <c r="U1089" s="19"/>
      <c r="V1089" s="19"/>
      <c r="W1089" s="19"/>
      <c r="X1089" s="19"/>
      <c r="Y1089" s="19"/>
      <c r="Z1089" s="19"/>
      <c r="AA1089" s="19"/>
    </row>
    <row r="1090" spans="1:27" s="1" customFormat="1" ht="14.1" customHeight="1" outlineLevel="2" x14ac:dyDescent="0.2">
      <c r="A1090" s="17">
        <v>16093</v>
      </c>
      <c r="B1090" s="17"/>
      <c r="C1090" s="17"/>
      <c r="D1090" s="18" t="s">
        <v>553</v>
      </c>
      <c r="E1090" s="18"/>
      <c r="F1090" s="18"/>
      <c r="G1090" s="18"/>
      <c r="H1090" s="18"/>
      <c r="I1090" s="18"/>
      <c r="J1090" s="18"/>
      <c r="K1090" s="18"/>
      <c r="L1090" s="18"/>
      <c r="M1090" s="18"/>
      <c r="N1090" s="18"/>
      <c r="O1090" s="18"/>
      <c r="P1090" s="19">
        <v>370</v>
      </c>
      <c r="Q1090" s="19"/>
      <c r="R1090" s="19"/>
      <c r="S1090" s="19"/>
      <c r="T1090" s="19">
        <v>270</v>
      </c>
      <c r="U1090" s="19"/>
      <c r="V1090" s="19"/>
      <c r="W1090" s="19"/>
      <c r="X1090" s="19">
        <v>16</v>
      </c>
      <c r="Y1090" s="19"/>
      <c r="Z1090" s="19"/>
      <c r="AA1090" s="19"/>
    </row>
    <row r="1091" spans="1:27" s="1" customFormat="1" ht="14.1" customHeight="1" outlineLevel="2" x14ac:dyDescent="0.2">
      <c r="A1091" s="17"/>
      <c r="B1091" s="17"/>
      <c r="C1091" s="17"/>
      <c r="D1091" s="18"/>
      <c r="E1091" s="18"/>
      <c r="F1091" s="18"/>
      <c r="G1091" s="18"/>
      <c r="H1091" s="18"/>
      <c r="I1091" s="18"/>
      <c r="J1091" s="18"/>
      <c r="K1091" s="18"/>
      <c r="L1091" s="18"/>
      <c r="M1091" s="18"/>
      <c r="N1091" s="18"/>
      <c r="O1091" s="18"/>
      <c r="P1091" s="19"/>
      <c r="Q1091" s="19"/>
      <c r="R1091" s="19"/>
      <c r="S1091" s="19"/>
      <c r="T1091" s="19"/>
      <c r="U1091" s="19"/>
      <c r="V1091" s="19"/>
      <c r="W1091" s="19"/>
      <c r="X1091" s="19"/>
      <c r="Y1091" s="19"/>
      <c r="Z1091" s="19"/>
      <c r="AA1091" s="19"/>
    </row>
    <row r="1092" spans="1:27" s="1" customFormat="1" ht="14.1" customHeight="1" outlineLevel="2" x14ac:dyDescent="0.2">
      <c r="A1092" s="17">
        <v>18059</v>
      </c>
      <c r="B1092" s="17"/>
      <c r="C1092" s="17"/>
      <c r="D1092" s="18" t="s">
        <v>554</v>
      </c>
      <c r="E1092" s="18"/>
      <c r="F1092" s="18"/>
      <c r="G1092" s="18"/>
      <c r="H1092" s="18"/>
      <c r="I1092" s="18"/>
      <c r="J1092" s="18"/>
      <c r="K1092" s="18"/>
      <c r="L1092" s="18"/>
      <c r="M1092" s="18"/>
      <c r="N1092" s="18"/>
      <c r="O1092" s="18"/>
      <c r="P1092" s="20">
        <v>3200</v>
      </c>
      <c r="Q1092" s="20"/>
      <c r="R1092" s="20"/>
      <c r="S1092" s="20"/>
      <c r="T1092" s="20">
        <v>2800</v>
      </c>
      <c r="U1092" s="20"/>
      <c r="V1092" s="20"/>
      <c r="W1092" s="20"/>
      <c r="X1092" s="19">
        <v>1</v>
      </c>
      <c r="Y1092" s="19"/>
      <c r="Z1092" s="19"/>
      <c r="AA1092" s="19"/>
    </row>
    <row r="1093" spans="1:27" s="1" customFormat="1" ht="14.1" customHeight="1" outlineLevel="2" x14ac:dyDescent="0.2">
      <c r="A1093" s="17"/>
      <c r="B1093" s="17"/>
      <c r="C1093" s="17"/>
      <c r="D1093" s="18"/>
      <c r="E1093" s="18"/>
      <c r="F1093" s="18"/>
      <c r="G1093" s="18"/>
      <c r="H1093" s="18"/>
      <c r="I1093" s="18"/>
      <c r="J1093" s="18"/>
      <c r="K1093" s="18"/>
      <c r="L1093" s="18"/>
      <c r="M1093" s="18"/>
      <c r="N1093" s="18"/>
      <c r="O1093" s="18"/>
      <c r="P1093" s="20"/>
      <c r="Q1093" s="20"/>
      <c r="R1093" s="20"/>
      <c r="S1093" s="20"/>
      <c r="T1093" s="20"/>
      <c r="U1093" s="20"/>
      <c r="V1093" s="20"/>
      <c r="W1093" s="20"/>
      <c r="X1093" s="19"/>
      <c r="Y1093" s="19"/>
      <c r="Z1093" s="19"/>
      <c r="AA1093" s="19"/>
    </row>
    <row r="1094" spans="1:27" s="1" customFormat="1" ht="11.1" customHeight="1" outlineLevel="1" x14ac:dyDescent="0.2">
      <c r="A1094" s="16" t="s">
        <v>555</v>
      </c>
      <c r="B1094" s="16"/>
      <c r="C1094" s="16"/>
      <c r="D1094" s="16"/>
      <c r="E1094" s="16"/>
      <c r="F1094" s="16"/>
      <c r="G1094" s="16"/>
      <c r="H1094" s="16"/>
      <c r="I1094" s="16"/>
      <c r="J1094" s="16"/>
      <c r="K1094" s="16"/>
      <c r="L1094" s="16"/>
      <c r="M1094" s="16"/>
      <c r="N1094" s="16"/>
      <c r="O1094" s="16"/>
      <c r="P1094" s="16"/>
      <c r="Q1094" s="16"/>
      <c r="R1094" s="16"/>
      <c r="S1094" s="16"/>
      <c r="T1094" s="16"/>
      <c r="U1094" s="16"/>
      <c r="V1094" s="16"/>
      <c r="W1094" s="16"/>
      <c r="X1094" s="16"/>
      <c r="Y1094" s="16"/>
      <c r="Z1094" s="16"/>
      <c r="AA1094" s="16"/>
    </row>
    <row r="1095" spans="1:27" s="1" customFormat="1" ht="11.1" customHeight="1" outlineLevel="1" x14ac:dyDescent="0.2">
      <c r="A1095" s="16"/>
      <c r="B1095" s="16"/>
      <c r="C1095" s="16"/>
      <c r="D1095" s="16"/>
      <c r="E1095" s="16"/>
      <c r="F1095" s="16"/>
      <c r="G1095" s="16"/>
      <c r="H1095" s="16"/>
      <c r="I1095" s="16"/>
      <c r="J1095" s="16"/>
      <c r="K1095" s="16"/>
      <c r="L1095" s="16"/>
      <c r="M1095" s="16"/>
      <c r="N1095" s="16"/>
      <c r="O1095" s="16"/>
      <c r="P1095" s="16"/>
      <c r="Q1095" s="16"/>
      <c r="R1095" s="16"/>
      <c r="S1095" s="16"/>
      <c r="T1095" s="16"/>
      <c r="U1095" s="16"/>
      <c r="V1095" s="16"/>
      <c r="W1095" s="16"/>
      <c r="X1095" s="16"/>
      <c r="Y1095" s="16"/>
      <c r="Z1095" s="16"/>
      <c r="AA1095" s="16"/>
    </row>
    <row r="1096" spans="1:27" s="1" customFormat="1" ht="11.1" customHeight="1" outlineLevel="2" x14ac:dyDescent="0.2">
      <c r="A1096" s="17">
        <v>18164</v>
      </c>
      <c r="B1096" s="17"/>
      <c r="C1096" s="17"/>
      <c r="D1096" s="18" t="s">
        <v>556</v>
      </c>
      <c r="E1096" s="18"/>
      <c r="F1096" s="18"/>
      <c r="G1096" s="18"/>
      <c r="H1096" s="18"/>
      <c r="I1096" s="18"/>
      <c r="J1096" s="18"/>
      <c r="K1096" s="18"/>
      <c r="L1096" s="18"/>
      <c r="M1096" s="18"/>
      <c r="N1096" s="18"/>
      <c r="O1096" s="18"/>
      <c r="P1096" s="20">
        <v>1500</v>
      </c>
      <c r="Q1096" s="20"/>
      <c r="R1096" s="20"/>
      <c r="S1096" s="20"/>
      <c r="T1096" s="20">
        <v>1200</v>
      </c>
      <c r="U1096" s="20"/>
      <c r="V1096" s="20"/>
      <c r="W1096" s="20"/>
      <c r="X1096" s="19">
        <v>5</v>
      </c>
      <c r="Y1096" s="19"/>
      <c r="Z1096" s="19"/>
      <c r="AA1096" s="19"/>
    </row>
    <row r="1097" spans="1:27" s="1" customFormat="1" ht="11.1" customHeight="1" outlineLevel="2" x14ac:dyDescent="0.2">
      <c r="A1097" s="17"/>
      <c r="B1097" s="17"/>
      <c r="C1097" s="17"/>
      <c r="D1097" s="18"/>
      <c r="E1097" s="18"/>
      <c r="F1097" s="18"/>
      <c r="G1097" s="18"/>
      <c r="H1097" s="18"/>
      <c r="I1097" s="18"/>
      <c r="J1097" s="18"/>
      <c r="K1097" s="18"/>
      <c r="L1097" s="18"/>
      <c r="M1097" s="18"/>
      <c r="N1097" s="18"/>
      <c r="O1097" s="18"/>
      <c r="P1097" s="20"/>
      <c r="Q1097" s="20"/>
      <c r="R1097" s="20"/>
      <c r="S1097" s="20"/>
      <c r="T1097" s="20"/>
      <c r="U1097" s="20"/>
      <c r="V1097" s="20"/>
      <c r="W1097" s="20"/>
      <c r="X1097" s="19"/>
      <c r="Y1097" s="19"/>
      <c r="Z1097" s="19"/>
      <c r="AA1097" s="19"/>
    </row>
    <row r="1098" spans="1:27" s="1" customFormat="1" ht="11.1" customHeight="1" outlineLevel="2" x14ac:dyDescent="0.2">
      <c r="A1098" s="17">
        <v>18152</v>
      </c>
      <c r="B1098" s="17"/>
      <c r="C1098" s="17"/>
      <c r="D1098" s="18" t="s">
        <v>557</v>
      </c>
      <c r="E1098" s="18"/>
      <c r="F1098" s="18"/>
      <c r="G1098" s="18"/>
      <c r="H1098" s="18"/>
      <c r="I1098" s="18"/>
      <c r="J1098" s="18"/>
      <c r="K1098" s="18"/>
      <c r="L1098" s="18"/>
      <c r="M1098" s="18"/>
      <c r="N1098" s="18"/>
      <c r="O1098" s="18"/>
      <c r="P1098" s="20">
        <v>2100</v>
      </c>
      <c r="Q1098" s="20"/>
      <c r="R1098" s="20"/>
      <c r="S1098" s="20"/>
      <c r="T1098" s="20">
        <v>1700</v>
      </c>
      <c r="U1098" s="20"/>
      <c r="V1098" s="20"/>
      <c r="W1098" s="20"/>
      <c r="X1098" s="19">
        <v>3</v>
      </c>
      <c r="Y1098" s="19"/>
      <c r="Z1098" s="19"/>
      <c r="AA1098" s="19"/>
    </row>
    <row r="1099" spans="1:27" s="1" customFormat="1" ht="11.1" customHeight="1" outlineLevel="2" x14ac:dyDescent="0.2">
      <c r="A1099" s="17"/>
      <c r="B1099" s="17"/>
      <c r="C1099" s="17"/>
      <c r="D1099" s="18"/>
      <c r="E1099" s="18"/>
      <c r="F1099" s="18"/>
      <c r="G1099" s="18"/>
      <c r="H1099" s="18"/>
      <c r="I1099" s="18"/>
      <c r="J1099" s="18"/>
      <c r="K1099" s="18"/>
      <c r="L1099" s="18"/>
      <c r="M1099" s="18"/>
      <c r="N1099" s="18"/>
      <c r="O1099" s="18"/>
      <c r="P1099" s="20"/>
      <c r="Q1099" s="20"/>
      <c r="R1099" s="20"/>
      <c r="S1099" s="20"/>
      <c r="T1099" s="20"/>
      <c r="U1099" s="20"/>
      <c r="V1099" s="20"/>
      <c r="W1099" s="20"/>
      <c r="X1099" s="19"/>
      <c r="Y1099" s="19"/>
      <c r="Z1099" s="19"/>
      <c r="AA1099" s="19"/>
    </row>
    <row r="1100" spans="1:27" s="1" customFormat="1" ht="11.1" customHeight="1" outlineLevel="2" x14ac:dyDescent="0.2">
      <c r="A1100" s="17">
        <v>17273</v>
      </c>
      <c r="B1100" s="17"/>
      <c r="C1100" s="17"/>
      <c r="D1100" s="18" t="s">
        <v>558</v>
      </c>
      <c r="E1100" s="18"/>
      <c r="F1100" s="18"/>
      <c r="G1100" s="18"/>
      <c r="H1100" s="18"/>
      <c r="I1100" s="18"/>
      <c r="J1100" s="18"/>
      <c r="K1100" s="18"/>
      <c r="L1100" s="18"/>
      <c r="M1100" s="18"/>
      <c r="N1100" s="18"/>
      <c r="O1100" s="18"/>
      <c r="P1100" s="19">
        <v>350</v>
      </c>
      <c r="Q1100" s="19"/>
      <c r="R1100" s="19"/>
      <c r="S1100" s="19"/>
      <c r="T1100" s="19">
        <v>290</v>
      </c>
      <c r="U1100" s="19"/>
      <c r="V1100" s="19"/>
      <c r="W1100" s="19"/>
      <c r="X1100" s="19">
        <v>20</v>
      </c>
      <c r="Y1100" s="19"/>
      <c r="Z1100" s="19"/>
      <c r="AA1100" s="19"/>
    </row>
    <row r="1101" spans="1:27" s="1" customFormat="1" ht="11.1" customHeight="1" outlineLevel="2" x14ac:dyDescent="0.2">
      <c r="A1101" s="17"/>
      <c r="B1101" s="17"/>
      <c r="C1101" s="17"/>
      <c r="D1101" s="18"/>
      <c r="E1101" s="18"/>
      <c r="F1101" s="18"/>
      <c r="G1101" s="18"/>
      <c r="H1101" s="18"/>
      <c r="I1101" s="18"/>
      <c r="J1101" s="18"/>
      <c r="K1101" s="18"/>
      <c r="L1101" s="18"/>
      <c r="M1101" s="18"/>
      <c r="N1101" s="18"/>
      <c r="O1101" s="18"/>
      <c r="P1101" s="19"/>
      <c r="Q1101" s="19"/>
      <c r="R1101" s="19"/>
      <c r="S1101" s="19"/>
      <c r="T1101" s="19"/>
      <c r="U1101" s="19"/>
      <c r="V1101" s="19"/>
      <c r="W1101" s="19"/>
      <c r="X1101" s="19"/>
      <c r="Y1101" s="19"/>
      <c r="Z1101" s="19"/>
      <c r="AA1101" s="19"/>
    </row>
    <row r="1102" spans="1:27" s="1" customFormat="1" ht="11.1" customHeight="1" outlineLevel="1" x14ac:dyDescent="0.2">
      <c r="A1102" s="16" t="s">
        <v>559</v>
      </c>
      <c r="B1102" s="16"/>
      <c r="C1102" s="16"/>
      <c r="D1102" s="16"/>
      <c r="E1102" s="16"/>
      <c r="F1102" s="16"/>
      <c r="G1102" s="16"/>
      <c r="H1102" s="16"/>
      <c r="I1102" s="16"/>
      <c r="J1102" s="16"/>
      <c r="K1102" s="16"/>
      <c r="L1102" s="16"/>
      <c r="M1102" s="16"/>
      <c r="N1102" s="16"/>
      <c r="O1102" s="16"/>
      <c r="P1102" s="16"/>
      <c r="Q1102" s="16"/>
      <c r="R1102" s="16"/>
      <c r="S1102" s="16"/>
      <c r="T1102" s="16"/>
      <c r="U1102" s="16"/>
      <c r="V1102" s="16"/>
      <c r="W1102" s="16"/>
      <c r="X1102" s="16"/>
      <c r="Y1102" s="16"/>
      <c r="Z1102" s="16"/>
      <c r="AA1102" s="16"/>
    </row>
    <row r="1103" spans="1:27" s="1" customFormat="1" ht="11.1" customHeight="1" outlineLevel="1" x14ac:dyDescent="0.2">
      <c r="A1103" s="16"/>
      <c r="B1103" s="16"/>
      <c r="C1103" s="16"/>
      <c r="D1103" s="16"/>
      <c r="E1103" s="16"/>
      <c r="F1103" s="16"/>
      <c r="G1103" s="16"/>
      <c r="H1103" s="16"/>
      <c r="I1103" s="16"/>
      <c r="J1103" s="16"/>
      <c r="K1103" s="16"/>
      <c r="L1103" s="16"/>
      <c r="M1103" s="16"/>
      <c r="N1103" s="16"/>
      <c r="O1103" s="16"/>
      <c r="P1103" s="16"/>
      <c r="Q1103" s="16"/>
      <c r="R1103" s="16"/>
      <c r="S1103" s="16"/>
      <c r="T1103" s="16"/>
      <c r="U1103" s="16"/>
      <c r="V1103" s="16"/>
      <c r="W1103" s="16"/>
      <c r="X1103" s="16"/>
      <c r="Y1103" s="16"/>
      <c r="Z1103" s="16"/>
      <c r="AA1103" s="16"/>
    </row>
    <row r="1104" spans="1:27" s="1" customFormat="1" ht="11.1" customHeight="1" outlineLevel="2" x14ac:dyDescent="0.2">
      <c r="A1104" s="17">
        <v>18165</v>
      </c>
      <c r="B1104" s="17"/>
      <c r="C1104" s="17"/>
      <c r="D1104" s="18" t="s">
        <v>560</v>
      </c>
      <c r="E1104" s="18"/>
      <c r="F1104" s="18"/>
      <c r="G1104" s="18"/>
      <c r="H1104" s="18"/>
      <c r="I1104" s="18"/>
      <c r="J1104" s="18"/>
      <c r="K1104" s="18"/>
      <c r="L1104" s="18"/>
      <c r="M1104" s="18"/>
      <c r="N1104" s="18"/>
      <c r="O1104" s="18"/>
      <c r="P1104" s="20">
        <v>1500</v>
      </c>
      <c r="Q1104" s="20"/>
      <c r="R1104" s="20"/>
      <c r="S1104" s="20"/>
      <c r="T1104" s="20">
        <v>1200</v>
      </c>
      <c r="U1104" s="20"/>
      <c r="V1104" s="20"/>
      <c r="W1104" s="20"/>
      <c r="X1104" s="19">
        <v>5</v>
      </c>
      <c r="Y1104" s="19"/>
      <c r="Z1104" s="19"/>
      <c r="AA1104" s="19"/>
    </row>
    <row r="1105" spans="1:27" s="1" customFormat="1" ht="11.1" customHeight="1" outlineLevel="2" x14ac:dyDescent="0.2">
      <c r="A1105" s="17"/>
      <c r="B1105" s="17"/>
      <c r="C1105" s="17"/>
      <c r="D1105" s="18"/>
      <c r="E1105" s="18"/>
      <c r="F1105" s="18"/>
      <c r="G1105" s="18"/>
      <c r="H1105" s="18"/>
      <c r="I1105" s="18"/>
      <c r="J1105" s="18"/>
      <c r="K1105" s="18"/>
      <c r="L1105" s="18"/>
      <c r="M1105" s="18"/>
      <c r="N1105" s="18"/>
      <c r="O1105" s="18"/>
      <c r="P1105" s="20"/>
      <c r="Q1105" s="20"/>
      <c r="R1105" s="20"/>
      <c r="S1105" s="20"/>
      <c r="T1105" s="20"/>
      <c r="U1105" s="20"/>
      <c r="V1105" s="20"/>
      <c r="W1105" s="20"/>
      <c r="X1105" s="19"/>
      <c r="Y1105" s="19"/>
      <c r="Z1105" s="19"/>
      <c r="AA1105" s="19"/>
    </row>
    <row r="1106" spans="1:27" s="1" customFormat="1" ht="11.1" customHeight="1" outlineLevel="2" x14ac:dyDescent="0.2">
      <c r="A1106" s="17">
        <v>18154</v>
      </c>
      <c r="B1106" s="17"/>
      <c r="C1106" s="17"/>
      <c r="D1106" s="18" t="s">
        <v>561</v>
      </c>
      <c r="E1106" s="18"/>
      <c r="F1106" s="18"/>
      <c r="G1106" s="18"/>
      <c r="H1106" s="18"/>
      <c r="I1106" s="18"/>
      <c r="J1106" s="18"/>
      <c r="K1106" s="18"/>
      <c r="L1106" s="18"/>
      <c r="M1106" s="18"/>
      <c r="N1106" s="18"/>
      <c r="O1106" s="18"/>
      <c r="P1106" s="20">
        <v>2100</v>
      </c>
      <c r="Q1106" s="20"/>
      <c r="R1106" s="20"/>
      <c r="S1106" s="20"/>
      <c r="T1106" s="20">
        <v>1900</v>
      </c>
      <c r="U1106" s="20"/>
      <c r="V1106" s="20"/>
      <c r="W1106" s="20"/>
      <c r="X1106" s="19">
        <v>3</v>
      </c>
      <c r="Y1106" s="19"/>
      <c r="Z1106" s="19"/>
      <c r="AA1106" s="19"/>
    </row>
    <row r="1107" spans="1:27" s="1" customFormat="1" ht="11.1" customHeight="1" outlineLevel="2" x14ac:dyDescent="0.2">
      <c r="A1107" s="17"/>
      <c r="B1107" s="17"/>
      <c r="C1107" s="17"/>
      <c r="D1107" s="18"/>
      <c r="E1107" s="18"/>
      <c r="F1107" s="18"/>
      <c r="G1107" s="18"/>
      <c r="H1107" s="18"/>
      <c r="I1107" s="18"/>
      <c r="J1107" s="18"/>
      <c r="K1107" s="18"/>
      <c r="L1107" s="18"/>
      <c r="M1107" s="18"/>
      <c r="N1107" s="18"/>
      <c r="O1107" s="18"/>
      <c r="P1107" s="20"/>
      <c r="Q1107" s="20"/>
      <c r="R1107" s="20"/>
      <c r="S1107" s="20"/>
      <c r="T1107" s="20"/>
      <c r="U1107" s="20"/>
      <c r="V1107" s="20"/>
      <c r="W1107" s="20"/>
      <c r="X1107" s="19"/>
      <c r="Y1107" s="19"/>
      <c r="Z1107" s="19"/>
      <c r="AA1107" s="19"/>
    </row>
    <row r="1108" spans="1:27" s="1" customFormat="1" ht="11.1" customHeight="1" outlineLevel="1" x14ac:dyDescent="0.2">
      <c r="A1108" s="16" t="s">
        <v>562</v>
      </c>
      <c r="B1108" s="16"/>
      <c r="C1108" s="16"/>
      <c r="D1108" s="16"/>
      <c r="E1108" s="16"/>
      <c r="F1108" s="16"/>
      <c r="G1108" s="16"/>
      <c r="H1108" s="16"/>
      <c r="I1108" s="16"/>
      <c r="J1108" s="16"/>
      <c r="K1108" s="16"/>
      <c r="L1108" s="16"/>
      <c r="M1108" s="16"/>
      <c r="N1108" s="16"/>
      <c r="O1108" s="16"/>
      <c r="P1108" s="16"/>
      <c r="Q1108" s="16"/>
      <c r="R1108" s="16"/>
      <c r="S1108" s="16"/>
      <c r="T1108" s="16"/>
      <c r="U1108" s="16"/>
      <c r="V1108" s="16"/>
      <c r="W1108" s="16"/>
      <c r="X1108" s="16"/>
      <c r="Y1108" s="16"/>
      <c r="Z1108" s="16"/>
      <c r="AA1108" s="16"/>
    </row>
    <row r="1109" spans="1:27" s="1" customFormat="1" ht="11.1" customHeight="1" outlineLevel="1" x14ac:dyDescent="0.2">
      <c r="A1109" s="16"/>
      <c r="B1109" s="16"/>
      <c r="C1109" s="16"/>
      <c r="D1109" s="16"/>
      <c r="E1109" s="16"/>
      <c r="F1109" s="16"/>
      <c r="G1109" s="16"/>
      <c r="H1109" s="16"/>
      <c r="I1109" s="16"/>
      <c r="J1109" s="16"/>
      <c r="K1109" s="16"/>
      <c r="L1109" s="16"/>
      <c r="M1109" s="16"/>
      <c r="N1109" s="16"/>
      <c r="O1109" s="16"/>
      <c r="P1109" s="16"/>
      <c r="Q1109" s="16"/>
      <c r="R1109" s="16"/>
      <c r="S1109" s="16"/>
      <c r="T1109" s="16"/>
      <c r="U1109" s="16"/>
      <c r="V1109" s="16"/>
      <c r="W1109" s="16"/>
      <c r="X1109" s="16"/>
      <c r="Y1109" s="16"/>
      <c r="Z1109" s="16"/>
      <c r="AA1109" s="16"/>
    </row>
    <row r="1110" spans="1:27" s="1" customFormat="1" ht="11.1" customHeight="1" outlineLevel="2" x14ac:dyDescent="0.2">
      <c r="A1110" s="17">
        <v>18166</v>
      </c>
      <c r="B1110" s="17"/>
      <c r="C1110" s="17"/>
      <c r="D1110" s="18" t="s">
        <v>563</v>
      </c>
      <c r="E1110" s="18"/>
      <c r="F1110" s="18"/>
      <c r="G1110" s="18"/>
      <c r="H1110" s="18"/>
      <c r="I1110" s="18"/>
      <c r="J1110" s="18"/>
      <c r="K1110" s="18"/>
      <c r="L1110" s="18"/>
      <c r="M1110" s="18"/>
      <c r="N1110" s="18"/>
      <c r="O1110" s="18"/>
      <c r="P1110" s="20">
        <v>1550</v>
      </c>
      <c r="Q1110" s="20"/>
      <c r="R1110" s="20"/>
      <c r="S1110" s="20"/>
      <c r="T1110" s="20">
        <v>1250</v>
      </c>
      <c r="U1110" s="20"/>
      <c r="V1110" s="20"/>
      <c r="W1110" s="20"/>
      <c r="X1110" s="19">
        <v>5</v>
      </c>
      <c r="Y1110" s="19"/>
      <c r="Z1110" s="19"/>
      <c r="AA1110" s="19"/>
    </row>
    <row r="1111" spans="1:27" s="1" customFormat="1" ht="11.1" customHeight="1" outlineLevel="2" x14ac:dyDescent="0.2">
      <c r="A1111" s="17"/>
      <c r="B1111" s="17"/>
      <c r="C1111" s="17"/>
      <c r="D1111" s="18"/>
      <c r="E1111" s="18"/>
      <c r="F1111" s="18"/>
      <c r="G1111" s="18"/>
      <c r="H1111" s="18"/>
      <c r="I1111" s="18"/>
      <c r="J1111" s="18"/>
      <c r="K1111" s="18"/>
      <c r="L1111" s="18"/>
      <c r="M1111" s="18"/>
      <c r="N1111" s="18"/>
      <c r="O1111" s="18"/>
      <c r="P1111" s="20"/>
      <c r="Q1111" s="20"/>
      <c r="R1111" s="20"/>
      <c r="S1111" s="20"/>
      <c r="T1111" s="20"/>
      <c r="U1111" s="20"/>
      <c r="V1111" s="20"/>
      <c r="W1111" s="20"/>
      <c r="X1111" s="19"/>
      <c r="Y1111" s="19"/>
      <c r="Z1111" s="19"/>
      <c r="AA1111" s="19"/>
    </row>
    <row r="1112" spans="1:27" s="1" customFormat="1" ht="11.1" customHeight="1" outlineLevel="2" x14ac:dyDescent="0.2">
      <c r="A1112" s="17">
        <v>18155</v>
      </c>
      <c r="B1112" s="17"/>
      <c r="C1112" s="17"/>
      <c r="D1112" s="18" t="s">
        <v>564</v>
      </c>
      <c r="E1112" s="18"/>
      <c r="F1112" s="18"/>
      <c r="G1112" s="18"/>
      <c r="H1112" s="18"/>
      <c r="I1112" s="18"/>
      <c r="J1112" s="18"/>
      <c r="K1112" s="18"/>
      <c r="L1112" s="18"/>
      <c r="M1112" s="18"/>
      <c r="N1112" s="18"/>
      <c r="O1112" s="18"/>
      <c r="P1112" s="20">
        <v>2400</v>
      </c>
      <c r="Q1112" s="20"/>
      <c r="R1112" s="20"/>
      <c r="S1112" s="20"/>
      <c r="T1112" s="20">
        <v>2000</v>
      </c>
      <c r="U1112" s="20"/>
      <c r="V1112" s="20"/>
      <c r="W1112" s="20"/>
      <c r="X1112" s="19">
        <v>3</v>
      </c>
      <c r="Y1112" s="19"/>
      <c r="Z1112" s="19"/>
      <c r="AA1112" s="19"/>
    </row>
    <row r="1113" spans="1:27" s="1" customFormat="1" ht="11.1" customHeight="1" outlineLevel="2" x14ac:dyDescent="0.2">
      <c r="A1113" s="17"/>
      <c r="B1113" s="17"/>
      <c r="C1113" s="17"/>
      <c r="D1113" s="18"/>
      <c r="E1113" s="18"/>
      <c r="F1113" s="18"/>
      <c r="G1113" s="18"/>
      <c r="H1113" s="18"/>
      <c r="I1113" s="18"/>
      <c r="J1113" s="18"/>
      <c r="K1113" s="18"/>
      <c r="L1113" s="18"/>
      <c r="M1113" s="18"/>
      <c r="N1113" s="18"/>
      <c r="O1113" s="18"/>
      <c r="P1113" s="20"/>
      <c r="Q1113" s="20"/>
      <c r="R1113" s="20"/>
      <c r="S1113" s="20"/>
      <c r="T1113" s="20"/>
      <c r="U1113" s="20"/>
      <c r="V1113" s="20"/>
      <c r="W1113" s="20"/>
      <c r="X1113" s="19"/>
      <c r="Y1113" s="19"/>
      <c r="Z1113" s="19"/>
      <c r="AA1113" s="19"/>
    </row>
    <row r="1114" spans="1:27" s="1" customFormat="1" ht="11.1" customHeight="1" outlineLevel="2" x14ac:dyDescent="0.2">
      <c r="A1114" s="17">
        <v>17275</v>
      </c>
      <c r="B1114" s="17"/>
      <c r="C1114" s="17"/>
      <c r="D1114" s="18" t="s">
        <v>565</v>
      </c>
      <c r="E1114" s="18"/>
      <c r="F1114" s="18"/>
      <c r="G1114" s="18"/>
      <c r="H1114" s="18"/>
      <c r="I1114" s="18"/>
      <c r="J1114" s="18"/>
      <c r="K1114" s="18"/>
      <c r="L1114" s="18"/>
      <c r="M1114" s="18"/>
      <c r="N1114" s="18"/>
      <c r="O1114" s="18"/>
      <c r="P1114" s="19">
        <v>370</v>
      </c>
      <c r="Q1114" s="19"/>
      <c r="R1114" s="19"/>
      <c r="S1114" s="19"/>
      <c r="T1114" s="19">
        <v>300</v>
      </c>
      <c r="U1114" s="19"/>
      <c r="V1114" s="19"/>
      <c r="W1114" s="19"/>
      <c r="X1114" s="19">
        <v>20</v>
      </c>
      <c r="Y1114" s="19"/>
      <c r="Z1114" s="19"/>
      <c r="AA1114" s="19"/>
    </row>
    <row r="1115" spans="1:27" s="1" customFormat="1" ht="11.1" customHeight="1" outlineLevel="2" x14ac:dyDescent="0.2">
      <c r="A1115" s="17"/>
      <c r="B1115" s="17"/>
      <c r="C1115" s="17"/>
      <c r="D1115" s="18"/>
      <c r="E1115" s="18"/>
      <c r="F1115" s="18"/>
      <c r="G1115" s="18"/>
      <c r="H1115" s="18"/>
      <c r="I1115" s="18"/>
      <c r="J1115" s="18"/>
      <c r="K1115" s="18"/>
      <c r="L1115" s="18"/>
      <c r="M1115" s="18"/>
      <c r="N1115" s="18"/>
      <c r="O1115" s="18"/>
      <c r="P1115" s="19"/>
      <c r="Q1115" s="19"/>
      <c r="R1115" s="19"/>
      <c r="S1115" s="19"/>
      <c r="T1115" s="19"/>
      <c r="U1115" s="19"/>
      <c r="V1115" s="19"/>
      <c r="W1115" s="19"/>
      <c r="X1115" s="19"/>
      <c r="Y1115" s="19"/>
      <c r="Z1115" s="19"/>
      <c r="AA1115" s="19"/>
    </row>
    <row r="1116" spans="1:27" s="1" customFormat="1" ht="11.1" customHeight="1" outlineLevel="1" x14ac:dyDescent="0.2">
      <c r="A1116" s="16" t="s">
        <v>566</v>
      </c>
      <c r="B1116" s="16"/>
      <c r="C1116" s="16"/>
      <c r="D1116" s="16"/>
      <c r="E1116" s="16"/>
      <c r="F1116" s="16"/>
      <c r="G1116" s="16"/>
      <c r="H1116" s="16"/>
      <c r="I1116" s="16"/>
      <c r="J1116" s="16"/>
      <c r="K1116" s="16"/>
      <c r="L1116" s="16"/>
      <c r="M1116" s="16"/>
      <c r="N1116" s="16"/>
      <c r="O1116" s="16"/>
      <c r="P1116" s="16"/>
      <c r="Q1116" s="16"/>
      <c r="R1116" s="16"/>
      <c r="S1116" s="16"/>
      <c r="T1116" s="16"/>
      <c r="U1116" s="16"/>
      <c r="V1116" s="16"/>
      <c r="W1116" s="16"/>
      <c r="X1116" s="16"/>
      <c r="Y1116" s="16"/>
      <c r="Z1116" s="16"/>
      <c r="AA1116" s="16"/>
    </row>
    <row r="1117" spans="1:27" s="1" customFormat="1" ht="11.1" customHeight="1" outlineLevel="1" x14ac:dyDescent="0.2">
      <c r="A1117" s="16"/>
      <c r="B1117" s="16"/>
      <c r="C1117" s="16"/>
      <c r="D1117" s="16"/>
      <c r="E1117" s="16"/>
      <c r="F1117" s="16"/>
      <c r="G1117" s="16"/>
      <c r="H1117" s="16"/>
      <c r="I1117" s="16"/>
      <c r="J1117" s="16"/>
      <c r="K1117" s="16"/>
      <c r="L1117" s="16"/>
      <c r="M1117" s="16"/>
      <c r="N1117" s="16"/>
      <c r="O1117" s="16"/>
      <c r="P1117" s="16"/>
      <c r="Q1117" s="16"/>
      <c r="R1117" s="16"/>
      <c r="S1117" s="16"/>
      <c r="T1117" s="16"/>
      <c r="U1117" s="16"/>
      <c r="V1117" s="16"/>
      <c r="W1117" s="16"/>
      <c r="X1117" s="16"/>
      <c r="Y1117" s="16"/>
      <c r="Z1117" s="16"/>
      <c r="AA1117" s="16"/>
    </row>
    <row r="1118" spans="1:27" s="1" customFormat="1" ht="11.1" customHeight="1" outlineLevel="2" x14ac:dyDescent="0.2">
      <c r="A1118" s="17">
        <v>18167</v>
      </c>
      <c r="B1118" s="17"/>
      <c r="C1118" s="17"/>
      <c r="D1118" s="18" t="s">
        <v>567</v>
      </c>
      <c r="E1118" s="18"/>
      <c r="F1118" s="18"/>
      <c r="G1118" s="18"/>
      <c r="H1118" s="18"/>
      <c r="I1118" s="18"/>
      <c r="J1118" s="18"/>
      <c r="K1118" s="18"/>
      <c r="L1118" s="18"/>
      <c r="M1118" s="18"/>
      <c r="N1118" s="18"/>
      <c r="O1118" s="18"/>
      <c r="P1118" s="20">
        <v>1600</v>
      </c>
      <c r="Q1118" s="20"/>
      <c r="R1118" s="20"/>
      <c r="S1118" s="20"/>
      <c r="T1118" s="20">
        <v>1300</v>
      </c>
      <c r="U1118" s="20"/>
      <c r="V1118" s="20"/>
      <c r="W1118" s="20"/>
      <c r="X1118" s="19">
        <v>5</v>
      </c>
      <c r="Y1118" s="19"/>
      <c r="Z1118" s="19"/>
      <c r="AA1118" s="19"/>
    </row>
    <row r="1119" spans="1:27" s="1" customFormat="1" ht="11.1" customHeight="1" outlineLevel="2" x14ac:dyDescent="0.2">
      <c r="A1119" s="17"/>
      <c r="B1119" s="17"/>
      <c r="C1119" s="17"/>
      <c r="D1119" s="18"/>
      <c r="E1119" s="18"/>
      <c r="F1119" s="18"/>
      <c r="G1119" s="18"/>
      <c r="H1119" s="18"/>
      <c r="I1119" s="18"/>
      <c r="J1119" s="18"/>
      <c r="K1119" s="18"/>
      <c r="L1119" s="18"/>
      <c r="M1119" s="18"/>
      <c r="N1119" s="18"/>
      <c r="O1119" s="18"/>
      <c r="P1119" s="20"/>
      <c r="Q1119" s="20"/>
      <c r="R1119" s="20"/>
      <c r="S1119" s="20"/>
      <c r="T1119" s="20"/>
      <c r="U1119" s="20"/>
      <c r="V1119" s="20"/>
      <c r="W1119" s="20"/>
      <c r="X1119" s="19"/>
      <c r="Y1119" s="19"/>
      <c r="Z1119" s="19"/>
      <c r="AA1119" s="19"/>
    </row>
    <row r="1120" spans="1:27" s="1" customFormat="1" ht="11.1" customHeight="1" outlineLevel="2" x14ac:dyDescent="0.2">
      <c r="A1120" s="17">
        <v>18156</v>
      </c>
      <c r="B1120" s="17"/>
      <c r="C1120" s="17"/>
      <c r="D1120" s="18" t="s">
        <v>568</v>
      </c>
      <c r="E1120" s="18"/>
      <c r="F1120" s="18"/>
      <c r="G1120" s="18"/>
      <c r="H1120" s="18"/>
      <c r="I1120" s="18"/>
      <c r="J1120" s="18"/>
      <c r="K1120" s="18"/>
      <c r="L1120" s="18"/>
      <c r="M1120" s="18"/>
      <c r="N1120" s="18"/>
      <c r="O1120" s="18"/>
      <c r="P1120" s="20">
        <v>2500</v>
      </c>
      <c r="Q1120" s="20"/>
      <c r="R1120" s="20"/>
      <c r="S1120" s="20"/>
      <c r="T1120" s="20">
        <v>2200</v>
      </c>
      <c r="U1120" s="20"/>
      <c r="V1120" s="20"/>
      <c r="W1120" s="20"/>
      <c r="X1120" s="19">
        <v>3</v>
      </c>
      <c r="Y1120" s="19"/>
      <c r="Z1120" s="19"/>
      <c r="AA1120" s="19"/>
    </row>
    <row r="1121" spans="1:27" s="1" customFormat="1" ht="11.1" customHeight="1" outlineLevel="2" x14ac:dyDescent="0.2">
      <c r="A1121" s="17"/>
      <c r="B1121" s="17"/>
      <c r="C1121" s="17"/>
      <c r="D1121" s="18"/>
      <c r="E1121" s="18"/>
      <c r="F1121" s="18"/>
      <c r="G1121" s="18"/>
      <c r="H1121" s="18"/>
      <c r="I1121" s="18"/>
      <c r="J1121" s="18"/>
      <c r="K1121" s="18"/>
      <c r="L1121" s="18"/>
      <c r="M1121" s="18"/>
      <c r="N1121" s="18"/>
      <c r="O1121" s="18"/>
      <c r="P1121" s="20"/>
      <c r="Q1121" s="20"/>
      <c r="R1121" s="20"/>
      <c r="S1121" s="20"/>
      <c r="T1121" s="20"/>
      <c r="U1121" s="20"/>
      <c r="V1121" s="20"/>
      <c r="W1121" s="20"/>
      <c r="X1121" s="19"/>
      <c r="Y1121" s="19"/>
      <c r="Z1121" s="19"/>
      <c r="AA1121" s="19"/>
    </row>
    <row r="1122" spans="1:27" s="1" customFormat="1" ht="11.1" customHeight="1" outlineLevel="2" x14ac:dyDescent="0.2">
      <c r="A1122" s="17">
        <v>17277</v>
      </c>
      <c r="B1122" s="17"/>
      <c r="C1122" s="17"/>
      <c r="D1122" s="18" t="s">
        <v>569</v>
      </c>
      <c r="E1122" s="18"/>
      <c r="F1122" s="18"/>
      <c r="G1122" s="18"/>
      <c r="H1122" s="18"/>
      <c r="I1122" s="18"/>
      <c r="J1122" s="18"/>
      <c r="K1122" s="18"/>
      <c r="L1122" s="18"/>
      <c r="M1122" s="18"/>
      <c r="N1122" s="18"/>
      <c r="O1122" s="18"/>
      <c r="P1122" s="19">
        <v>390</v>
      </c>
      <c r="Q1122" s="19"/>
      <c r="R1122" s="19"/>
      <c r="S1122" s="19"/>
      <c r="T1122" s="19">
        <v>310</v>
      </c>
      <c r="U1122" s="19"/>
      <c r="V1122" s="19"/>
      <c r="W1122" s="19"/>
      <c r="X1122" s="19">
        <v>20</v>
      </c>
      <c r="Y1122" s="19"/>
      <c r="Z1122" s="19"/>
      <c r="AA1122" s="19"/>
    </row>
    <row r="1123" spans="1:27" s="1" customFormat="1" ht="11.1" customHeight="1" outlineLevel="2" x14ac:dyDescent="0.2">
      <c r="A1123" s="17"/>
      <c r="B1123" s="17"/>
      <c r="C1123" s="17"/>
      <c r="D1123" s="18"/>
      <c r="E1123" s="18"/>
      <c r="F1123" s="18"/>
      <c r="G1123" s="18"/>
      <c r="H1123" s="18"/>
      <c r="I1123" s="18"/>
      <c r="J1123" s="18"/>
      <c r="K1123" s="18"/>
      <c r="L1123" s="18"/>
      <c r="M1123" s="18"/>
      <c r="N1123" s="18"/>
      <c r="O1123" s="18"/>
      <c r="P1123" s="19"/>
      <c r="Q1123" s="19"/>
      <c r="R1123" s="19"/>
      <c r="S1123" s="19"/>
      <c r="T1123" s="19"/>
      <c r="U1123" s="19"/>
      <c r="V1123" s="19"/>
      <c r="W1123" s="19"/>
      <c r="X1123" s="19"/>
      <c r="Y1123" s="19"/>
      <c r="Z1123" s="19"/>
      <c r="AA1123" s="19"/>
    </row>
    <row r="1124" spans="1:27" s="1" customFormat="1" ht="11.1" customHeight="1" outlineLevel="1" x14ac:dyDescent="0.2">
      <c r="A1124" s="16" t="s">
        <v>570</v>
      </c>
      <c r="B1124" s="16"/>
      <c r="C1124" s="16"/>
      <c r="D1124" s="16"/>
      <c r="E1124" s="16"/>
      <c r="F1124" s="16"/>
      <c r="G1124" s="16"/>
      <c r="H1124" s="16"/>
      <c r="I1124" s="16"/>
      <c r="J1124" s="16"/>
      <c r="K1124" s="16"/>
      <c r="L1124" s="16"/>
      <c r="M1124" s="16"/>
      <c r="N1124" s="16"/>
      <c r="O1124" s="16"/>
      <c r="P1124" s="16"/>
      <c r="Q1124" s="16"/>
      <c r="R1124" s="16"/>
      <c r="S1124" s="16"/>
      <c r="T1124" s="16"/>
      <c r="U1124" s="16"/>
      <c r="V1124" s="16"/>
      <c r="W1124" s="16"/>
      <c r="X1124" s="16"/>
      <c r="Y1124" s="16"/>
      <c r="Z1124" s="16"/>
      <c r="AA1124" s="16"/>
    </row>
    <row r="1125" spans="1:27" s="1" customFormat="1" ht="11.1" customHeight="1" outlineLevel="1" x14ac:dyDescent="0.2">
      <c r="A1125" s="16"/>
      <c r="B1125" s="16"/>
      <c r="C1125" s="16"/>
      <c r="D1125" s="16"/>
      <c r="E1125" s="16"/>
      <c r="F1125" s="16"/>
      <c r="G1125" s="16"/>
      <c r="H1125" s="16"/>
      <c r="I1125" s="16"/>
      <c r="J1125" s="16"/>
      <c r="K1125" s="16"/>
      <c r="L1125" s="16"/>
      <c r="M1125" s="16"/>
      <c r="N1125" s="16"/>
      <c r="O1125" s="16"/>
      <c r="P1125" s="16"/>
      <c r="Q1125" s="16"/>
      <c r="R1125" s="16"/>
      <c r="S1125" s="16"/>
      <c r="T1125" s="16"/>
      <c r="U1125" s="16"/>
      <c r="V1125" s="16"/>
      <c r="W1125" s="16"/>
      <c r="X1125" s="16"/>
      <c r="Y1125" s="16"/>
      <c r="Z1125" s="16"/>
      <c r="AA1125" s="16"/>
    </row>
    <row r="1126" spans="1:27" s="1" customFormat="1" ht="11.1" customHeight="1" outlineLevel="2" x14ac:dyDescent="0.2">
      <c r="A1126" s="17">
        <v>1167</v>
      </c>
      <c r="B1126" s="17"/>
      <c r="C1126" s="17"/>
      <c r="D1126" s="18" t="s">
        <v>571</v>
      </c>
      <c r="E1126" s="18"/>
      <c r="F1126" s="18"/>
      <c r="G1126" s="18"/>
      <c r="H1126" s="18"/>
      <c r="I1126" s="18"/>
      <c r="J1126" s="18"/>
      <c r="K1126" s="18"/>
      <c r="L1126" s="18"/>
      <c r="M1126" s="18"/>
      <c r="N1126" s="18"/>
      <c r="O1126" s="18"/>
      <c r="P1126" s="19">
        <v>250</v>
      </c>
      <c r="Q1126" s="19"/>
      <c r="R1126" s="19"/>
      <c r="S1126" s="19"/>
      <c r="T1126" s="19">
        <v>210</v>
      </c>
      <c r="U1126" s="19"/>
      <c r="V1126" s="19"/>
      <c r="W1126" s="19"/>
      <c r="X1126" s="19">
        <v>1</v>
      </c>
      <c r="Y1126" s="19"/>
      <c r="Z1126" s="19"/>
      <c r="AA1126" s="19"/>
    </row>
    <row r="1127" spans="1:27" s="1" customFormat="1" ht="11.1" customHeight="1" outlineLevel="2" x14ac:dyDescent="0.2">
      <c r="A1127" s="17"/>
      <c r="B1127" s="17"/>
      <c r="C1127" s="17"/>
      <c r="D1127" s="18"/>
      <c r="E1127" s="18"/>
      <c r="F1127" s="18"/>
      <c r="G1127" s="18"/>
      <c r="H1127" s="18"/>
      <c r="I1127" s="18"/>
      <c r="J1127" s="18"/>
      <c r="K1127" s="18"/>
      <c r="L1127" s="18"/>
      <c r="M1127" s="18"/>
      <c r="N1127" s="18"/>
      <c r="O1127" s="18"/>
      <c r="P1127" s="19"/>
      <c r="Q1127" s="19"/>
      <c r="R1127" s="19"/>
      <c r="S1127" s="19"/>
      <c r="T1127" s="19"/>
      <c r="U1127" s="19"/>
      <c r="V1127" s="19"/>
      <c r="W1127" s="19"/>
      <c r="X1127" s="19"/>
      <c r="Y1127" s="19"/>
      <c r="Z1127" s="19"/>
      <c r="AA1127" s="19"/>
    </row>
    <row r="1128" spans="1:27" s="1" customFormat="1" ht="14.1" customHeight="1" outlineLevel="2" x14ac:dyDescent="0.2">
      <c r="A1128" s="17">
        <v>1568</v>
      </c>
      <c r="B1128" s="17"/>
      <c r="C1128" s="17"/>
      <c r="D1128" s="18" t="s">
        <v>572</v>
      </c>
      <c r="E1128" s="18"/>
      <c r="F1128" s="18"/>
      <c r="G1128" s="18"/>
      <c r="H1128" s="18"/>
      <c r="I1128" s="18"/>
      <c r="J1128" s="18"/>
      <c r="K1128" s="18"/>
      <c r="L1128" s="18"/>
      <c r="M1128" s="18"/>
      <c r="N1128" s="18"/>
      <c r="O1128" s="18"/>
      <c r="P1128" s="19">
        <v>300</v>
      </c>
      <c r="Q1128" s="19"/>
      <c r="R1128" s="19"/>
      <c r="S1128" s="19"/>
      <c r="T1128" s="19">
        <v>250</v>
      </c>
      <c r="U1128" s="19"/>
      <c r="V1128" s="19"/>
      <c r="W1128" s="19"/>
      <c r="X1128" s="19">
        <v>1</v>
      </c>
      <c r="Y1128" s="19"/>
      <c r="Z1128" s="19"/>
      <c r="AA1128" s="19"/>
    </row>
    <row r="1129" spans="1:27" s="1" customFormat="1" ht="14.1" customHeight="1" outlineLevel="2" x14ac:dyDescent="0.2">
      <c r="A1129" s="17"/>
      <c r="B1129" s="17"/>
      <c r="C1129" s="17"/>
      <c r="D1129" s="18"/>
      <c r="E1129" s="18"/>
      <c r="F1129" s="18"/>
      <c r="G1129" s="18"/>
      <c r="H1129" s="18"/>
      <c r="I1129" s="18"/>
      <c r="J1129" s="18"/>
      <c r="K1129" s="18"/>
      <c r="L1129" s="18"/>
      <c r="M1129" s="18"/>
      <c r="N1129" s="18"/>
      <c r="O1129" s="18"/>
      <c r="P1129" s="19"/>
      <c r="Q1129" s="19"/>
      <c r="R1129" s="19"/>
      <c r="S1129" s="19"/>
      <c r="T1129" s="19"/>
      <c r="U1129" s="19"/>
      <c r="V1129" s="19"/>
      <c r="W1129" s="19"/>
      <c r="X1129" s="19"/>
      <c r="Y1129" s="19"/>
      <c r="Z1129" s="19"/>
      <c r="AA1129" s="19"/>
    </row>
    <row r="1130" spans="1:27" s="1" customFormat="1" ht="11.1" customHeight="1" outlineLevel="1" x14ac:dyDescent="0.2">
      <c r="A1130" s="16" t="s">
        <v>573</v>
      </c>
      <c r="B1130" s="16"/>
      <c r="C1130" s="16"/>
      <c r="D1130" s="16"/>
      <c r="E1130" s="16"/>
      <c r="F1130" s="16"/>
      <c r="G1130" s="16"/>
      <c r="H1130" s="16"/>
      <c r="I1130" s="16"/>
      <c r="J1130" s="16"/>
      <c r="K1130" s="16"/>
      <c r="L1130" s="16"/>
      <c r="M1130" s="16"/>
      <c r="N1130" s="16"/>
      <c r="O1130" s="16"/>
      <c r="P1130" s="16"/>
      <c r="Q1130" s="16"/>
      <c r="R1130" s="16"/>
      <c r="S1130" s="16"/>
      <c r="T1130" s="16"/>
      <c r="U1130" s="16"/>
      <c r="V1130" s="16"/>
      <c r="W1130" s="16"/>
      <c r="X1130" s="16"/>
      <c r="Y1130" s="16"/>
      <c r="Z1130" s="16"/>
      <c r="AA1130" s="16"/>
    </row>
    <row r="1131" spans="1:27" s="1" customFormat="1" ht="11.1" customHeight="1" outlineLevel="1" x14ac:dyDescent="0.2">
      <c r="A1131" s="16"/>
      <c r="B1131" s="16"/>
      <c r="C1131" s="16"/>
      <c r="D1131" s="16"/>
      <c r="E1131" s="16"/>
      <c r="F1131" s="16"/>
      <c r="G1131" s="16"/>
      <c r="H1131" s="16"/>
      <c r="I1131" s="16"/>
      <c r="J1131" s="16"/>
      <c r="K1131" s="16"/>
      <c r="L1131" s="16"/>
      <c r="M1131" s="16"/>
      <c r="N1131" s="16"/>
      <c r="O1131" s="16"/>
      <c r="P1131" s="16"/>
      <c r="Q1131" s="16"/>
      <c r="R1131" s="16"/>
      <c r="S1131" s="16"/>
      <c r="T1131" s="16"/>
      <c r="U1131" s="16"/>
      <c r="V1131" s="16"/>
      <c r="W1131" s="16"/>
      <c r="X1131" s="16"/>
      <c r="Y1131" s="16"/>
      <c r="Z1131" s="16"/>
      <c r="AA1131" s="16"/>
    </row>
    <row r="1132" spans="1:27" s="1" customFormat="1" ht="11.1" customHeight="1" outlineLevel="2" x14ac:dyDescent="0.2">
      <c r="A1132" s="17">
        <v>1162</v>
      </c>
      <c r="B1132" s="17"/>
      <c r="C1132" s="17"/>
      <c r="D1132" s="18" t="s">
        <v>574</v>
      </c>
      <c r="E1132" s="18"/>
      <c r="F1132" s="18"/>
      <c r="G1132" s="18"/>
      <c r="H1132" s="18"/>
      <c r="I1132" s="18"/>
      <c r="J1132" s="18"/>
      <c r="K1132" s="18"/>
      <c r="L1132" s="18"/>
      <c r="M1132" s="18"/>
      <c r="N1132" s="18"/>
      <c r="O1132" s="18"/>
      <c r="P1132" s="19">
        <v>600</v>
      </c>
      <c r="Q1132" s="19"/>
      <c r="R1132" s="19"/>
      <c r="S1132" s="19"/>
      <c r="T1132" s="19">
        <v>600</v>
      </c>
      <c r="U1132" s="19"/>
      <c r="V1132" s="19"/>
      <c r="W1132" s="19"/>
      <c r="X1132" s="19">
        <v>3</v>
      </c>
      <c r="Y1132" s="19"/>
      <c r="Z1132" s="19"/>
      <c r="AA1132" s="19"/>
    </row>
    <row r="1133" spans="1:27" s="1" customFormat="1" ht="11.1" customHeight="1" outlineLevel="2" x14ac:dyDescent="0.2">
      <c r="A1133" s="17"/>
      <c r="B1133" s="17"/>
      <c r="C1133" s="17"/>
      <c r="D1133" s="18"/>
      <c r="E1133" s="18"/>
      <c r="F1133" s="18"/>
      <c r="G1133" s="18"/>
      <c r="H1133" s="18"/>
      <c r="I1133" s="18"/>
      <c r="J1133" s="18"/>
      <c r="K1133" s="18"/>
      <c r="L1133" s="18"/>
      <c r="M1133" s="18"/>
      <c r="N1133" s="18"/>
      <c r="O1133" s="18"/>
      <c r="P1133" s="19"/>
      <c r="Q1133" s="19"/>
      <c r="R1133" s="19"/>
      <c r="S1133" s="19"/>
      <c r="T1133" s="19"/>
      <c r="U1133" s="19"/>
      <c r="V1133" s="19"/>
      <c r="W1133" s="19"/>
      <c r="X1133" s="19"/>
      <c r="Y1133" s="19"/>
      <c r="Z1133" s="19"/>
      <c r="AA1133" s="19"/>
    </row>
    <row r="1134" spans="1:27" s="1" customFormat="1" ht="11.1" customHeight="1" outlineLevel="2" x14ac:dyDescent="0.2">
      <c r="A1134" s="17">
        <v>9751</v>
      </c>
      <c r="B1134" s="17"/>
      <c r="C1134" s="17"/>
      <c r="D1134" s="18" t="s">
        <v>575</v>
      </c>
      <c r="E1134" s="18"/>
      <c r="F1134" s="18"/>
      <c r="G1134" s="18"/>
      <c r="H1134" s="18"/>
      <c r="I1134" s="18"/>
      <c r="J1134" s="18"/>
      <c r="K1134" s="18"/>
      <c r="L1134" s="18"/>
      <c r="M1134" s="18"/>
      <c r="N1134" s="18"/>
      <c r="O1134" s="18"/>
      <c r="P1134" s="19">
        <v>150</v>
      </c>
      <c r="Q1134" s="19"/>
      <c r="R1134" s="19"/>
      <c r="S1134" s="19"/>
      <c r="T1134" s="19">
        <v>110</v>
      </c>
      <c r="U1134" s="19"/>
      <c r="V1134" s="19"/>
      <c r="W1134" s="19"/>
      <c r="X1134" s="19">
        <v>1</v>
      </c>
      <c r="Y1134" s="19"/>
      <c r="Z1134" s="19"/>
      <c r="AA1134" s="19"/>
    </row>
    <row r="1135" spans="1:27" s="1" customFormat="1" ht="11.1" customHeight="1" outlineLevel="2" x14ac:dyDescent="0.2">
      <c r="A1135" s="17"/>
      <c r="B1135" s="17"/>
      <c r="C1135" s="17"/>
      <c r="D1135" s="18"/>
      <c r="E1135" s="18"/>
      <c r="F1135" s="18"/>
      <c r="G1135" s="18"/>
      <c r="H1135" s="18"/>
      <c r="I1135" s="18"/>
      <c r="J1135" s="18"/>
      <c r="K1135" s="18"/>
      <c r="L1135" s="18"/>
      <c r="M1135" s="18"/>
      <c r="N1135" s="18"/>
      <c r="O1135" s="18"/>
      <c r="P1135" s="19"/>
      <c r="Q1135" s="19"/>
      <c r="R1135" s="19"/>
      <c r="S1135" s="19"/>
      <c r="T1135" s="19"/>
      <c r="U1135" s="19"/>
      <c r="V1135" s="19"/>
      <c r="W1135" s="19"/>
      <c r="X1135" s="19"/>
      <c r="Y1135" s="19"/>
      <c r="Z1135" s="19"/>
      <c r="AA1135" s="19"/>
    </row>
    <row r="1136" spans="1:27" s="1" customFormat="1" ht="11.1" customHeight="1" outlineLevel="2" x14ac:dyDescent="0.2">
      <c r="A1136" s="17">
        <v>969</v>
      </c>
      <c r="B1136" s="17"/>
      <c r="C1136" s="17"/>
      <c r="D1136" s="18" t="s">
        <v>576</v>
      </c>
      <c r="E1136" s="18"/>
      <c r="F1136" s="18"/>
      <c r="G1136" s="18"/>
      <c r="H1136" s="18"/>
      <c r="I1136" s="18"/>
      <c r="J1136" s="18"/>
      <c r="K1136" s="18"/>
      <c r="L1136" s="18"/>
      <c r="M1136" s="18"/>
      <c r="N1136" s="18"/>
      <c r="O1136" s="18"/>
      <c r="P1136" s="19">
        <v>150</v>
      </c>
      <c r="Q1136" s="19"/>
      <c r="R1136" s="19"/>
      <c r="S1136" s="19"/>
      <c r="T1136" s="19">
        <v>100</v>
      </c>
      <c r="U1136" s="19"/>
      <c r="V1136" s="19"/>
      <c r="W1136" s="19"/>
      <c r="X1136" s="19">
        <v>2</v>
      </c>
      <c r="Y1136" s="19"/>
      <c r="Z1136" s="19"/>
      <c r="AA1136" s="19"/>
    </row>
    <row r="1137" spans="1:27" s="1" customFormat="1" ht="11.1" customHeight="1" outlineLevel="2" x14ac:dyDescent="0.2">
      <c r="A1137" s="17"/>
      <c r="B1137" s="17"/>
      <c r="C1137" s="17"/>
      <c r="D1137" s="18"/>
      <c r="E1137" s="18"/>
      <c r="F1137" s="18"/>
      <c r="G1137" s="18"/>
      <c r="H1137" s="18"/>
      <c r="I1137" s="18"/>
      <c r="J1137" s="18"/>
      <c r="K1137" s="18"/>
      <c r="L1137" s="18"/>
      <c r="M1137" s="18"/>
      <c r="N1137" s="18"/>
      <c r="O1137" s="18"/>
      <c r="P1137" s="19"/>
      <c r="Q1137" s="19"/>
      <c r="R1137" s="19"/>
      <c r="S1137" s="19"/>
      <c r="T1137" s="19"/>
      <c r="U1137" s="19"/>
      <c r="V1137" s="19"/>
      <c r="W1137" s="19"/>
      <c r="X1137" s="19"/>
      <c r="Y1137" s="19"/>
      <c r="Z1137" s="19"/>
      <c r="AA1137" s="19"/>
    </row>
    <row r="1138" spans="1:27" s="1" customFormat="1" ht="11.1" customHeight="1" outlineLevel="2" x14ac:dyDescent="0.2">
      <c r="A1138" s="17">
        <v>1591</v>
      </c>
      <c r="B1138" s="17"/>
      <c r="C1138" s="17"/>
      <c r="D1138" s="18" t="s">
        <v>577</v>
      </c>
      <c r="E1138" s="18"/>
      <c r="F1138" s="18"/>
      <c r="G1138" s="18"/>
      <c r="H1138" s="18"/>
      <c r="I1138" s="18"/>
      <c r="J1138" s="18"/>
      <c r="K1138" s="18"/>
      <c r="L1138" s="18"/>
      <c r="M1138" s="18"/>
      <c r="N1138" s="18"/>
      <c r="O1138" s="18"/>
      <c r="P1138" s="19">
        <v>400</v>
      </c>
      <c r="Q1138" s="19"/>
      <c r="R1138" s="19"/>
      <c r="S1138" s="19"/>
      <c r="T1138" s="19">
        <v>350</v>
      </c>
      <c r="U1138" s="19"/>
      <c r="V1138" s="19"/>
      <c r="W1138" s="19"/>
      <c r="X1138" s="19">
        <v>1</v>
      </c>
      <c r="Y1138" s="19"/>
      <c r="Z1138" s="19"/>
      <c r="AA1138" s="19"/>
    </row>
    <row r="1139" spans="1:27" s="1" customFormat="1" ht="11.1" customHeight="1" outlineLevel="2" x14ac:dyDescent="0.2">
      <c r="A1139" s="17"/>
      <c r="B1139" s="17"/>
      <c r="C1139" s="17"/>
      <c r="D1139" s="18"/>
      <c r="E1139" s="18"/>
      <c r="F1139" s="18"/>
      <c r="G1139" s="18"/>
      <c r="H1139" s="18"/>
      <c r="I1139" s="18"/>
      <c r="J1139" s="18"/>
      <c r="K1139" s="18"/>
      <c r="L1139" s="18"/>
      <c r="M1139" s="18"/>
      <c r="N1139" s="18"/>
      <c r="O1139" s="18"/>
      <c r="P1139" s="19"/>
      <c r="Q1139" s="19"/>
      <c r="R1139" s="19"/>
      <c r="S1139" s="19"/>
      <c r="T1139" s="19"/>
      <c r="U1139" s="19"/>
      <c r="V1139" s="19"/>
      <c r="W1139" s="19"/>
      <c r="X1139" s="19"/>
      <c r="Y1139" s="19"/>
      <c r="Z1139" s="19"/>
      <c r="AA1139" s="19"/>
    </row>
    <row r="1140" spans="1:27" s="1" customFormat="1" ht="11.1" customHeight="1" outlineLevel="1" x14ac:dyDescent="0.2">
      <c r="A1140" s="16" t="s">
        <v>578</v>
      </c>
      <c r="B1140" s="16"/>
      <c r="C1140" s="16"/>
      <c r="D1140" s="16"/>
      <c r="E1140" s="16"/>
      <c r="F1140" s="16"/>
      <c r="G1140" s="16"/>
      <c r="H1140" s="16"/>
      <c r="I1140" s="16"/>
      <c r="J1140" s="16"/>
      <c r="K1140" s="16"/>
      <c r="L1140" s="16"/>
      <c r="M1140" s="16"/>
      <c r="N1140" s="16"/>
      <c r="O1140" s="16"/>
      <c r="P1140" s="16"/>
      <c r="Q1140" s="16"/>
      <c r="R1140" s="16"/>
      <c r="S1140" s="16"/>
      <c r="T1140" s="16"/>
      <c r="U1140" s="16"/>
      <c r="V1140" s="16"/>
      <c r="W1140" s="16"/>
      <c r="X1140" s="16"/>
      <c r="Y1140" s="16"/>
      <c r="Z1140" s="16"/>
      <c r="AA1140" s="16"/>
    </row>
    <row r="1141" spans="1:27" s="1" customFormat="1" ht="11.1" customHeight="1" outlineLevel="1" x14ac:dyDescent="0.2">
      <c r="A1141" s="16"/>
      <c r="B1141" s="16"/>
      <c r="C1141" s="16"/>
      <c r="D1141" s="16"/>
      <c r="E1141" s="16"/>
      <c r="F1141" s="16"/>
      <c r="G1141" s="16"/>
      <c r="H1141" s="16"/>
      <c r="I1141" s="16"/>
      <c r="J1141" s="16"/>
      <c r="K1141" s="16"/>
      <c r="L1141" s="16"/>
      <c r="M1141" s="16"/>
      <c r="N1141" s="16"/>
      <c r="O1141" s="16"/>
      <c r="P1141" s="16"/>
      <c r="Q1141" s="16"/>
      <c r="R1141" s="16"/>
      <c r="S1141" s="16"/>
      <c r="T1141" s="16"/>
      <c r="U1141" s="16"/>
      <c r="V1141" s="16"/>
      <c r="W1141" s="16"/>
      <c r="X1141" s="16"/>
      <c r="Y1141" s="16"/>
      <c r="Z1141" s="16"/>
      <c r="AA1141" s="16"/>
    </row>
    <row r="1142" spans="1:27" s="1" customFormat="1" ht="11.1" customHeight="1" outlineLevel="2" x14ac:dyDescent="0.2">
      <c r="A1142" s="17">
        <v>1590</v>
      </c>
      <c r="B1142" s="17"/>
      <c r="C1142" s="17"/>
      <c r="D1142" s="18" t="s">
        <v>579</v>
      </c>
      <c r="E1142" s="18"/>
      <c r="F1142" s="18"/>
      <c r="G1142" s="18"/>
      <c r="H1142" s="18"/>
      <c r="I1142" s="18"/>
      <c r="J1142" s="18"/>
      <c r="K1142" s="18"/>
      <c r="L1142" s="18"/>
      <c r="M1142" s="18"/>
      <c r="N1142" s="18"/>
      <c r="O1142" s="18"/>
      <c r="P1142" s="19">
        <v>400</v>
      </c>
      <c r="Q1142" s="19"/>
      <c r="R1142" s="19"/>
      <c r="S1142" s="19"/>
      <c r="T1142" s="19">
        <v>350</v>
      </c>
      <c r="U1142" s="19"/>
      <c r="V1142" s="19"/>
      <c r="W1142" s="19"/>
      <c r="X1142" s="19">
        <v>1</v>
      </c>
      <c r="Y1142" s="19"/>
      <c r="Z1142" s="19"/>
      <c r="AA1142" s="19"/>
    </row>
    <row r="1143" spans="1:27" s="1" customFormat="1" ht="11.1" customHeight="1" outlineLevel="2" x14ac:dyDescent="0.2">
      <c r="A1143" s="17"/>
      <c r="B1143" s="17"/>
      <c r="C1143" s="17"/>
      <c r="D1143" s="18"/>
      <c r="E1143" s="18"/>
      <c r="F1143" s="18"/>
      <c r="G1143" s="18"/>
      <c r="H1143" s="18"/>
      <c r="I1143" s="18"/>
      <c r="J1143" s="18"/>
      <c r="K1143" s="18"/>
      <c r="L1143" s="18"/>
      <c r="M1143" s="18"/>
      <c r="N1143" s="18"/>
      <c r="O1143" s="18"/>
      <c r="P1143" s="19"/>
      <c r="Q1143" s="19"/>
      <c r="R1143" s="19"/>
      <c r="S1143" s="19"/>
      <c r="T1143" s="19"/>
      <c r="U1143" s="19"/>
      <c r="V1143" s="19"/>
      <c r="W1143" s="19"/>
      <c r="X1143" s="19"/>
      <c r="Y1143" s="19"/>
      <c r="Z1143" s="19"/>
      <c r="AA1143" s="19"/>
    </row>
    <row r="1144" spans="1:27" s="1" customFormat="1" ht="11.1" customHeight="1" outlineLevel="2" x14ac:dyDescent="0.2">
      <c r="A1144" s="17">
        <v>4792</v>
      </c>
      <c r="B1144" s="17"/>
      <c r="C1144" s="17"/>
      <c r="D1144" s="18" t="s">
        <v>580</v>
      </c>
      <c r="E1144" s="18"/>
      <c r="F1144" s="18"/>
      <c r="G1144" s="18"/>
      <c r="H1144" s="18"/>
      <c r="I1144" s="18"/>
      <c r="J1144" s="18"/>
      <c r="K1144" s="18"/>
      <c r="L1144" s="18"/>
      <c r="M1144" s="18"/>
      <c r="N1144" s="18"/>
      <c r="O1144" s="18"/>
      <c r="P1144" s="19">
        <v>150</v>
      </c>
      <c r="Q1144" s="19"/>
      <c r="R1144" s="19"/>
      <c r="S1144" s="19"/>
      <c r="T1144" s="19">
        <v>110</v>
      </c>
      <c r="U1144" s="19"/>
      <c r="V1144" s="19"/>
      <c r="W1144" s="19"/>
      <c r="X1144" s="19">
        <v>2</v>
      </c>
      <c r="Y1144" s="19"/>
      <c r="Z1144" s="19"/>
      <c r="AA1144" s="19"/>
    </row>
    <row r="1145" spans="1:27" s="1" customFormat="1" ht="11.1" customHeight="1" outlineLevel="2" x14ac:dyDescent="0.2">
      <c r="A1145" s="17"/>
      <c r="B1145" s="17"/>
      <c r="C1145" s="17"/>
      <c r="D1145" s="18"/>
      <c r="E1145" s="18"/>
      <c r="F1145" s="18"/>
      <c r="G1145" s="18"/>
      <c r="H1145" s="18"/>
      <c r="I1145" s="18"/>
      <c r="J1145" s="18"/>
      <c r="K1145" s="18"/>
      <c r="L1145" s="18"/>
      <c r="M1145" s="18"/>
      <c r="N1145" s="18"/>
      <c r="O1145" s="18"/>
      <c r="P1145" s="19"/>
      <c r="Q1145" s="19"/>
      <c r="R1145" s="19"/>
      <c r="S1145" s="19"/>
      <c r="T1145" s="19"/>
      <c r="U1145" s="19"/>
      <c r="V1145" s="19"/>
      <c r="W1145" s="19"/>
      <c r="X1145" s="19"/>
      <c r="Y1145" s="19"/>
      <c r="Z1145" s="19"/>
      <c r="AA1145" s="19"/>
    </row>
    <row r="1146" spans="1:27" s="1" customFormat="1" ht="11.1" customHeight="1" outlineLevel="2" x14ac:dyDescent="0.2">
      <c r="A1146" s="17">
        <v>1571</v>
      </c>
      <c r="B1146" s="17"/>
      <c r="C1146" s="17"/>
      <c r="D1146" s="18" t="s">
        <v>581</v>
      </c>
      <c r="E1146" s="18"/>
      <c r="F1146" s="18"/>
      <c r="G1146" s="18"/>
      <c r="H1146" s="18"/>
      <c r="I1146" s="18"/>
      <c r="J1146" s="18"/>
      <c r="K1146" s="18"/>
      <c r="L1146" s="18"/>
      <c r="M1146" s="18"/>
      <c r="N1146" s="18"/>
      <c r="O1146" s="18"/>
      <c r="P1146" s="19">
        <v>150</v>
      </c>
      <c r="Q1146" s="19"/>
      <c r="R1146" s="19"/>
      <c r="S1146" s="19"/>
      <c r="T1146" s="19">
        <v>120</v>
      </c>
      <c r="U1146" s="19"/>
      <c r="V1146" s="19"/>
      <c r="W1146" s="19"/>
      <c r="X1146" s="19">
        <v>1</v>
      </c>
      <c r="Y1146" s="19"/>
      <c r="Z1146" s="19"/>
      <c r="AA1146" s="19"/>
    </row>
    <row r="1147" spans="1:27" s="1" customFormat="1" ht="11.1" customHeight="1" outlineLevel="2" x14ac:dyDescent="0.2">
      <c r="A1147" s="17"/>
      <c r="B1147" s="17"/>
      <c r="C1147" s="17"/>
      <c r="D1147" s="18"/>
      <c r="E1147" s="18"/>
      <c r="F1147" s="18"/>
      <c r="G1147" s="18"/>
      <c r="H1147" s="18"/>
      <c r="I1147" s="18"/>
      <c r="J1147" s="18"/>
      <c r="K1147" s="18"/>
      <c r="L1147" s="18"/>
      <c r="M1147" s="18"/>
      <c r="N1147" s="18"/>
      <c r="O1147" s="18"/>
      <c r="P1147" s="19"/>
      <c r="Q1147" s="19"/>
      <c r="R1147" s="19"/>
      <c r="S1147" s="19"/>
      <c r="T1147" s="19"/>
      <c r="U1147" s="19"/>
      <c r="V1147" s="19"/>
      <c r="W1147" s="19"/>
      <c r="X1147" s="19"/>
      <c r="Y1147" s="19"/>
      <c r="Z1147" s="19"/>
      <c r="AA1147" s="19"/>
    </row>
    <row r="1148" spans="1:27" s="1" customFormat="1" ht="11.1" customHeight="1" outlineLevel="2" x14ac:dyDescent="0.2">
      <c r="A1148" s="17">
        <v>1573</v>
      </c>
      <c r="B1148" s="17"/>
      <c r="C1148" s="17"/>
      <c r="D1148" s="18" t="s">
        <v>582</v>
      </c>
      <c r="E1148" s="18"/>
      <c r="F1148" s="18"/>
      <c r="G1148" s="18"/>
      <c r="H1148" s="18"/>
      <c r="I1148" s="18"/>
      <c r="J1148" s="18"/>
      <c r="K1148" s="18"/>
      <c r="L1148" s="18"/>
      <c r="M1148" s="18"/>
      <c r="N1148" s="18"/>
      <c r="O1148" s="18"/>
      <c r="P1148" s="19">
        <v>150</v>
      </c>
      <c r="Q1148" s="19"/>
      <c r="R1148" s="19"/>
      <c r="S1148" s="19"/>
      <c r="T1148" s="19">
        <v>120</v>
      </c>
      <c r="U1148" s="19"/>
      <c r="V1148" s="19"/>
      <c r="W1148" s="19"/>
      <c r="X1148" s="19">
        <v>1</v>
      </c>
      <c r="Y1148" s="19"/>
      <c r="Z1148" s="19"/>
      <c r="AA1148" s="19"/>
    </row>
    <row r="1149" spans="1:27" s="1" customFormat="1" ht="11.1" customHeight="1" outlineLevel="2" x14ac:dyDescent="0.2">
      <c r="A1149" s="17"/>
      <c r="B1149" s="17"/>
      <c r="C1149" s="17"/>
      <c r="D1149" s="18"/>
      <c r="E1149" s="18"/>
      <c r="F1149" s="18"/>
      <c r="G1149" s="18"/>
      <c r="H1149" s="18"/>
      <c r="I1149" s="18"/>
      <c r="J1149" s="18"/>
      <c r="K1149" s="18"/>
      <c r="L1149" s="18"/>
      <c r="M1149" s="18"/>
      <c r="N1149" s="18"/>
      <c r="O1149" s="18"/>
      <c r="P1149" s="19"/>
      <c r="Q1149" s="19"/>
      <c r="R1149" s="19"/>
      <c r="S1149" s="19"/>
      <c r="T1149" s="19"/>
      <c r="U1149" s="19"/>
      <c r="V1149" s="19"/>
      <c r="W1149" s="19"/>
      <c r="X1149" s="19"/>
      <c r="Y1149" s="19"/>
      <c r="Z1149" s="19"/>
      <c r="AA1149" s="19"/>
    </row>
    <row r="1150" spans="1:27" s="1" customFormat="1" ht="14.1" customHeight="1" outlineLevel="2" x14ac:dyDescent="0.2">
      <c r="A1150" s="17">
        <v>1506</v>
      </c>
      <c r="B1150" s="17"/>
      <c r="C1150" s="17"/>
      <c r="D1150" s="18" t="s">
        <v>583</v>
      </c>
      <c r="E1150" s="18"/>
      <c r="F1150" s="18"/>
      <c r="G1150" s="18"/>
      <c r="H1150" s="18"/>
      <c r="I1150" s="18"/>
      <c r="J1150" s="18"/>
      <c r="K1150" s="18"/>
      <c r="L1150" s="18"/>
      <c r="M1150" s="18"/>
      <c r="N1150" s="18"/>
      <c r="O1150" s="18"/>
      <c r="P1150" s="19">
        <v>350</v>
      </c>
      <c r="Q1150" s="19"/>
      <c r="R1150" s="19"/>
      <c r="S1150" s="19"/>
      <c r="T1150" s="19">
        <v>300</v>
      </c>
      <c r="U1150" s="19"/>
      <c r="V1150" s="19"/>
      <c r="W1150" s="19"/>
      <c r="X1150" s="19">
        <v>1</v>
      </c>
      <c r="Y1150" s="19"/>
      <c r="Z1150" s="19"/>
      <c r="AA1150" s="19"/>
    </row>
    <row r="1151" spans="1:27" s="1" customFormat="1" ht="14.1" customHeight="1" outlineLevel="2" x14ac:dyDescent="0.2">
      <c r="A1151" s="17"/>
      <c r="B1151" s="17"/>
      <c r="C1151" s="17"/>
      <c r="D1151" s="18"/>
      <c r="E1151" s="18"/>
      <c r="F1151" s="18"/>
      <c r="G1151" s="18"/>
      <c r="H1151" s="18"/>
      <c r="I1151" s="18"/>
      <c r="J1151" s="18"/>
      <c r="K1151" s="18"/>
      <c r="L1151" s="18"/>
      <c r="M1151" s="18"/>
      <c r="N1151" s="18"/>
      <c r="O1151" s="18"/>
      <c r="P1151" s="19"/>
      <c r="Q1151" s="19"/>
      <c r="R1151" s="19"/>
      <c r="S1151" s="19"/>
      <c r="T1151" s="19"/>
      <c r="U1151" s="19"/>
      <c r="V1151" s="19"/>
      <c r="W1151" s="19"/>
      <c r="X1151" s="19"/>
      <c r="Y1151" s="19"/>
      <c r="Z1151" s="19"/>
      <c r="AA1151" s="19"/>
    </row>
    <row r="1152" spans="1:27" s="1" customFormat="1" ht="14.1" customHeight="1" outlineLevel="2" x14ac:dyDescent="0.2">
      <c r="A1152" s="17">
        <v>1574</v>
      </c>
      <c r="B1152" s="17"/>
      <c r="C1152" s="17"/>
      <c r="D1152" s="18" t="s">
        <v>584</v>
      </c>
      <c r="E1152" s="18"/>
      <c r="F1152" s="18"/>
      <c r="G1152" s="18"/>
      <c r="H1152" s="18"/>
      <c r="I1152" s="18"/>
      <c r="J1152" s="18"/>
      <c r="K1152" s="18"/>
      <c r="L1152" s="18"/>
      <c r="M1152" s="18"/>
      <c r="N1152" s="18"/>
      <c r="O1152" s="18"/>
      <c r="P1152" s="19">
        <v>450</v>
      </c>
      <c r="Q1152" s="19"/>
      <c r="R1152" s="19"/>
      <c r="S1152" s="19"/>
      <c r="T1152" s="19">
        <v>400</v>
      </c>
      <c r="U1152" s="19"/>
      <c r="V1152" s="19"/>
      <c r="W1152" s="19"/>
      <c r="X1152" s="19">
        <v>1</v>
      </c>
      <c r="Y1152" s="19"/>
      <c r="Z1152" s="19"/>
      <c r="AA1152" s="19"/>
    </row>
    <row r="1153" spans="1:27" s="1" customFormat="1" ht="14.1" customHeight="1" outlineLevel="2" x14ac:dyDescent="0.2">
      <c r="A1153" s="17"/>
      <c r="B1153" s="17"/>
      <c r="C1153" s="17"/>
      <c r="D1153" s="18"/>
      <c r="E1153" s="18"/>
      <c r="F1153" s="18"/>
      <c r="G1153" s="18"/>
      <c r="H1153" s="18"/>
      <c r="I1153" s="18"/>
      <c r="J1153" s="18"/>
      <c r="K1153" s="18"/>
      <c r="L1153" s="18"/>
      <c r="M1153" s="18"/>
      <c r="N1153" s="18"/>
      <c r="O1153" s="18"/>
      <c r="P1153" s="19"/>
      <c r="Q1153" s="19"/>
      <c r="R1153" s="19"/>
      <c r="S1153" s="19"/>
      <c r="T1153" s="19"/>
      <c r="U1153" s="19"/>
      <c r="V1153" s="19"/>
      <c r="W1153" s="19"/>
      <c r="X1153" s="19"/>
      <c r="Y1153" s="19"/>
      <c r="Z1153" s="19"/>
      <c r="AA1153" s="19"/>
    </row>
    <row r="1154" spans="1:27" s="1" customFormat="1" ht="11.1" customHeight="1" outlineLevel="1" x14ac:dyDescent="0.2">
      <c r="A1154" s="16" t="s">
        <v>585</v>
      </c>
      <c r="B1154" s="16"/>
      <c r="C1154" s="16"/>
      <c r="D1154" s="16"/>
      <c r="E1154" s="16"/>
      <c r="F1154" s="16"/>
      <c r="G1154" s="16"/>
      <c r="H1154" s="16"/>
      <c r="I1154" s="16"/>
      <c r="J1154" s="16"/>
      <c r="K1154" s="16"/>
      <c r="L1154" s="16"/>
      <c r="M1154" s="16"/>
      <c r="N1154" s="16"/>
      <c r="O1154" s="16"/>
      <c r="P1154" s="16"/>
      <c r="Q1154" s="16"/>
      <c r="R1154" s="16"/>
      <c r="S1154" s="16"/>
      <c r="T1154" s="16"/>
      <c r="U1154" s="16"/>
      <c r="V1154" s="16"/>
      <c r="W1154" s="16"/>
      <c r="X1154" s="16"/>
      <c r="Y1154" s="16"/>
      <c r="Z1154" s="16"/>
      <c r="AA1154" s="16"/>
    </row>
    <row r="1155" spans="1:27" s="1" customFormat="1" ht="11.1" customHeight="1" outlineLevel="1" x14ac:dyDescent="0.2">
      <c r="A1155" s="16"/>
      <c r="B1155" s="16"/>
      <c r="C1155" s="16"/>
      <c r="D1155" s="16"/>
      <c r="E1155" s="16"/>
      <c r="F1155" s="16"/>
      <c r="G1155" s="16"/>
      <c r="H1155" s="16"/>
      <c r="I1155" s="16"/>
      <c r="J1155" s="16"/>
      <c r="K1155" s="16"/>
      <c r="L1155" s="16"/>
      <c r="M1155" s="16"/>
      <c r="N1155" s="16"/>
      <c r="O1155" s="16"/>
      <c r="P1155" s="16"/>
      <c r="Q1155" s="16"/>
      <c r="R1155" s="16"/>
      <c r="S1155" s="16"/>
      <c r="T1155" s="16"/>
      <c r="U1155" s="16"/>
      <c r="V1155" s="16"/>
      <c r="W1155" s="16"/>
      <c r="X1155" s="16"/>
      <c r="Y1155" s="16"/>
      <c r="Z1155" s="16"/>
      <c r="AA1155" s="16"/>
    </row>
    <row r="1156" spans="1:27" s="1" customFormat="1" ht="11.1" customHeight="1" outlineLevel="2" x14ac:dyDescent="0.2">
      <c r="A1156" s="17">
        <v>9463</v>
      </c>
      <c r="B1156" s="17"/>
      <c r="C1156" s="17"/>
      <c r="D1156" s="18" t="s">
        <v>586</v>
      </c>
      <c r="E1156" s="18"/>
      <c r="F1156" s="18"/>
      <c r="G1156" s="18"/>
      <c r="H1156" s="18"/>
      <c r="I1156" s="18"/>
      <c r="J1156" s="18"/>
      <c r="K1156" s="18"/>
      <c r="L1156" s="18"/>
      <c r="M1156" s="18"/>
      <c r="N1156" s="18"/>
      <c r="O1156" s="18"/>
      <c r="P1156" s="19">
        <v>590</v>
      </c>
      <c r="Q1156" s="19"/>
      <c r="R1156" s="19"/>
      <c r="S1156" s="19"/>
      <c r="T1156" s="19">
        <v>430</v>
      </c>
      <c r="U1156" s="19"/>
      <c r="V1156" s="19"/>
      <c r="W1156" s="19"/>
      <c r="X1156" s="19">
        <v>2</v>
      </c>
      <c r="Y1156" s="19"/>
      <c r="Z1156" s="19"/>
      <c r="AA1156" s="19"/>
    </row>
    <row r="1157" spans="1:27" s="1" customFormat="1" ht="11.1" customHeight="1" outlineLevel="2" x14ac:dyDescent="0.2">
      <c r="A1157" s="17"/>
      <c r="B1157" s="17"/>
      <c r="C1157" s="17"/>
      <c r="D1157" s="18"/>
      <c r="E1157" s="18"/>
      <c r="F1157" s="18"/>
      <c r="G1157" s="18"/>
      <c r="H1157" s="18"/>
      <c r="I1157" s="18"/>
      <c r="J1157" s="18"/>
      <c r="K1157" s="18"/>
      <c r="L1157" s="18"/>
      <c r="M1157" s="18"/>
      <c r="N1157" s="18"/>
      <c r="O1157" s="18"/>
      <c r="P1157" s="19"/>
      <c r="Q1157" s="19"/>
      <c r="R1157" s="19"/>
      <c r="S1157" s="19"/>
      <c r="T1157" s="19"/>
      <c r="U1157" s="19"/>
      <c r="V1157" s="19"/>
      <c r="W1157" s="19"/>
      <c r="X1157" s="19"/>
      <c r="Y1157" s="19"/>
      <c r="Z1157" s="19"/>
      <c r="AA1157" s="19"/>
    </row>
    <row r="1158" spans="1:27" s="1" customFormat="1" ht="14.1" customHeight="1" outlineLevel="2" x14ac:dyDescent="0.2">
      <c r="A1158" s="17">
        <v>9356</v>
      </c>
      <c r="B1158" s="17"/>
      <c r="C1158" s="17"/>
      <c r="D1158" s="18" t="s">
        <v>587</v>
      </c>
      <c r="E1158" s="18"/>
      <c r="F1158" s="18"/>
      <c r="G1158" s="18"/>
      <c r="H1158" s="18"/>
      <c r="I1158" s="18"/>
      <c r="J1158" s="18"/>
      <c r="K1158" s="18"/>
      <c r="L1158" s="18"/>
      <c r="M1158" s="18"/>
      <c r="N1158" s="18"/>
      <c r="O1158" s="18"/>
      <c r="P1158" s="19">
        <v>300</v>
      </c>
      <c r="Q1158" s="19"/>
      <c r="R1158" s="19"/>
      <c r="S1158" s="19"/>
      <c r="T1158" s="19">
        <v>250</v>
      </c>
      <c r="U1158" s="19"/>
      <c r="V1158" s="19"/>
      <c r="W1158" s="19"/>
      <c r="X1158" s="19">
        <v>5</v>
      </c>
      <c r="Y1158" s="19"/>
      <c r="Z1158" s="19"/>
      <c r="AA1158" s="19"/>
    </row>
    <row r="1159" spans="1:27" s="1" customFormat="1" ht="14.1" customHeight="1" outlineLevel="2" x14ac:dyDescent="0.2">
      <c r="A1159" s="17"/>
      <c r="B1159" s="17"/>
      <c r="C1159" s="17"/>
      <c r="D1159" s="18"/>
      <c r="E1159" s="18"/>
      <c r="F1159" s="18"/>
      <c r="G1159" s="18"/>
      <c r="H1159" s="18"/>
      <c r="I1159" s="18"/>
      <c r="J1159" s="18"/>
      <c r="K1159" s="18"/>
      <c r="L1159" s="18"/>
      <c r="M1159" s="18"/>
      <c r="N1159" s="18"/>
      <c r="O1159" s="18"/>
      <c r="P1159" s="19"/>
      <c r="Q1159" s="19"/>
      <c r="R1159" s="19"/>
      <c r="S1159" s="19"/>
      <c r="T1159" s="19"/>
      <c r="U1159" s="19"/>
      <c r="V1159" s="19"/>
      <c r="W1159" s="19"/>
      <c r="X1159" s="19"/>
      <c r="Y1159" s="19"/>
      <c r="Z1159" s="19"/>
      <c r="AA1159" s="19"/>
    </row>
    <row r="1160" spans="1:27" s="1" customFormat="1" ht="11.1" customHeight="1" outlineLevel="2" x14ac:dyDescent="0.2">
      <c r="A1160" s="17">
        <v>1471</v>
      </c>
      <c r="B1160" s="17"/>
      <c r="C1160" s="17"/>
      <c r="D1160" s="18" t="s">
        <v>588</v>
      </c>
      <c r="E1160" s="18"/>
      <c r="F1160" s="18"/>
      <c r="G1160" s="18"/>
      <c r="H1160" s="18"/>
      <c r="I1160" s="18"/>
      <c r="J1160" s="18"/>
      <c r="K1160" s="18"/>
      <c r="L1160" s="18"/>
      <c r="M1160" s="18"/>
      <c r="N1160" s="18"/>
      <c r="O1160" s="18"/>
      <c r="P1160" s="19">
        <v>90</v>
      </c>
      <c r="Q1160" s="19"/>
      <c r="R1160" s="19"/>
      <c r="S1160" s="19"/>
      <c r="T1160" s="19">
        <v>65</v>
      </c>
      <c r="U1160" s="19"/>
      <c r="V1160" s="19"/>
      <c r="W1160" s="19"/>
      <c r="X1160" s="19">
        <v>2</v>
      </c>
      <c r="Y1160" s="19"/>
      <c r="Z1160" s="19"/>
      <c r="AA1160" s="19"/>
    </row>
    <row r="1161" spans="1:27" s="1" customFormat="1" ht="11.1" customHeight="1" outlineLevel="2" x14ac:dyDescent="0.2">
      <c r="A1161" s="17"/>
      <c r="B1161" s="17"/>
      <c r="C1161" s="17"/>
      <c r="D1161" s="18"/>
      <c r="E1161" s="18"/>
      <c r="F1161" s="18"/>
      <c r="G1161" s="18"/>
      <c r="H1161" s="18"/>
      <c r="I1161" s="18"/>
      <c r="J1161" s="18"/>
      <c r="K1161" s="18"/>
      <c r="L1161" s="18"/>
      <c r="M1161" s="18"/>
      <c r="N1161" s="18"/>
      <c r="O1161" s="18"/>
      <c r="P1161" s="19"/>
      <c r="Q1161" s="19"/>
      <c r="R1161" s="19"/>
      <c r="S1161" s="19"/>
      <c r="T1161" s="19"/>
      <c r="U1161" s="19"/>
      <c r="V1161" s="19"/>
      <c r="W1161" s="19"/>
      <c r="X1161" s="19"/>
      <c r="Y1161" s="19"/>
      <c r="Z1161" s="19"/>
      <c r="AA1161" s="19"/>
    </row>
    <row r="1162" spans="1:27" s="1" customFormat="1" ht="11.1" customHeight="1" outlineLevel="2" x14ac:dyDescent="0.2">
      <c r="A1162" s="17">
        <v>1593</v>
      </c>
      <c r="B1162" s="17"/>
      <c r="C1162" s="17"/>
      <c r="D1162" s="18" t="s">
        <v>589</v>
      </c>
      <c r="E1162" s="18"/>
      <c r="F1162" s="18"/>
      <c r="G1162" s="18"/>
      <c r="H1162" s="18"/>
      <c r="I1162" s="18"/>
      <c r="J1162" s="18"/>
      <c r="K1162" s="18"/>
      <c r="L1162" s="18"/>
      <c r="M1162" s="18"/>
      <c r="N1162" s="18"/>
      <c r="O1162" s="18"/>
      <c r="P1162" s="19">
        <v>200</v>
      </c>
      <c r="Q1162" s="19"/>
      <c r="R1162" s="19"/>
      <c r="S1162" s="19"/>
      <c r="T1162" s="19">
        <v>20</v>
      </c>
      <c r="U1162" s="19"/>
      <c r="V1162" s="19"/>
      <c r="W1162" s="19"/>
      <c r="X1162" s="19">
        <v>5</v>
      </c>
      <c r="Y1162" s="19"/>
      <c r="Z1162" s="19"/>
      <c r="AA1162" s="19"/>
    </row>
    <row r="1163" spans="1:27" s="1" customFormat="1" ht="11.1" customHeight="1" outlineLevel="2" x14ac:dyDescent="0.2">
      <c r="A1163" s="17"/>
      <c r="B1163" s="17"/>
      <c r="C1163" s="17"/>
      <c r="D1163" s="18"/>
      <c r="E1163" s="18"/>
      <c r="F1163" s="18"/>
      <c r="G1163" s="18"/>
      <c r="H1163" s="18"/>
      <c r="I1163" s="18"/>
      <c r="J1163" s="18"/>
      <c r="K1163" s="18"/>
      <c r="L1163" s="18"/>
      <c r="M1163" s="18"/>
      <c r="N1163" s="18"/>
      <c r="O1163" s="18"/>
      <c r="P1163" s="19"/>
      <c r="Q1163" s="19"/>
      <c r="R1163" s="19"/>
      <c r="S1163" s="19"/>
      <c r="T1163" s="19"/>
      <c r="U1163" s="19"/>
      <c r="V1163" s="19"/>
      <c r="W1163" s="19"/>
      <c r="X1163" s="19"/>
      <c r="Y1163" s="19"/>
      <c r="Z1163" s="19"/>
      <c r="AA1163" s="19"/>
    </row>
    <row r="1164" spans="1:27" s="1" customFormat="1" ht="11.1" customHeight="1" outlineLevel="2" x14ac:dyDescent="0.2">
      <c r="A1164" s="17">
        <v>10280</v>
      </c>
      <c r="B1164" s="17"/>
      <c r="C1164" s="17"/>
      <c r="D1164" s="18" t="s">
        <v>590</v>
      </c>
      <c r="E1164" s="18"/>
      <c r="F1164" s="18"/>
      <c r="G1164" s="18"/>
      <c r="H1164" s="18"/>
      <c r="I1164" s="18"/>
      <c r="J1164" s="18"/>
      <c r="K1164" s="18"/>
      <c r="L1164" s="18"/>
      <c r="M1164" s="18"/>
      <c r="N1164" s="18"/>
      <c r="O1164" s="18"/>
      <c r="P1164" s="20">
        <v>1220</v>
      </c>
      <c r="Q1164" s="20"/>
      <c r="R1164" s="20"/>
      <c r="S1164" s="20"/>
      <c r="T1164" s="20">
        <v>1100</v>
      </c>
      <c r="U1164" s="20"/>
      <c r="V1164" s="20"/>
      <c r="W1164" s="20"/>
      <c r="X1164" s="19">
        <v>1</v>
      </c>
      <c r="Y1164" s="19"/>
      <c r="Z1164" s="19"/>
      <c r="AA1164" s="19"/>
    </row>
    <row r="1165" spans="1:27" s="1" customFormat="1" ht="11.1" customHeight="1" outlineLevel="2" x14ac:dyDescent="0.2">
      <c r="A1165" s="17"/>
      <c r="B1165" s="17"/>
      <c r="C1165" s="17"/>
      <c r="D1165" s="18"/>
      <c r="E1165" s="18"/>
      <c r="F1165" s="18"/>
      <c r="G1165" s="18"/>
      <c r="H1165" s="18"/>
      <c r="I1165" s="18"/>
      <c r="J1165" s="18"/>
      <c r="K1165" s="18"/>
      <c r="L1165" s="18"/>
      <c r="M1165" s="18"/>
      <c r="N1165" s="18"/>
      <c r="O1165" s="18"/>
      <c r="P1165" s="20"/>
      <c r="Q1165" s="20"/>
      <c r="R1165" s="20"/>
      <c r="S1165" s="20"/>
      <c r="T1165" s="20"/>
      <c r="U1165" s="20"/>
      <c r="V1165" s="20"/>
      <c r="W1165" s="20"/>
      <c r="X1165" s="19"/>
      <c r="Y1165" s="19"/>
      <c r="Z1165" s="19"/>
      <c r="AA1165" s="19"/>
    </row>
    <row r="1166" spans="1:27" s="1" customFormat="1" ht="11.1" customHeight="1" outlineLevel="2" x14ac:dyDescent="0.2">
      <c r="A1166" s="17">
        <v>1575</v>
      </c>
      <c r="B1166" s="17"/>
      <c r="C1166" s="17"/>
      <c r="D1166" s="18" t="s">
        <v>591</v>
      </c>
      <c r="E1166" s="18"/>
      <c r="F1166" s="18"/>
      <c r="G1166" s="18"/>
      <c r="H1166" s="18"/>
      <c r="I1166" s="18"/>
      <c r="J1166" s="18"/>
      <c r="K1166" s="18"/>
      <c r="L1166" s="18"/>
      <c r="M1166" s="18"/>
      <c r="N1166" s="18"/>
      <c r="O1166" s="18"/>
      <c r="P1166" s="19">
        <v>190</v>
      </c>
      <c r="Q1166" s="19"/>
      <c r="R1166" s="19"/>
      <c r="S1166" s="19"/>
      <c r="T1166" s="19">
        <v>150</v>
      </c>
      <c r="U1166" s="19"/>
      <c r="V1166" s="19"/>
      <c r="W1166" s="19"/>
      <c r="X1166" s="19">
        <v>2</v>
      </c>
      <c r="Y1166" s="19"/>
      <c r="Z1166" s="19"/>
      <c r="AA1166" s="19"/>
    </row>
    <row r="1167" spans="1:27" s="1" customFormat="1" ht="11.1" customHeight="1" outlineLevel="2" x14ac:dyDescent="0.2">
      <c r="A1167" s="17"/>
      <c r="B1167" s="17"/>
      <c r="C1167" s="17"/>
      <c r="D1167" s="18"/>
      <c r="E1167" s="18"/>
      <c r="F1167" s="18"/>
      <c r="G1167" s="18"/>
      <c r="H1167" s="18"/>
      <c r="I1167" s="18"/>
      <c r="J1167" s="18"/>
      <c r="K1167" s="18"/>
      <c r="L1167" s="18"/>
      <c r="M1167" s="18"/>
      <c r="N1167" s="18"/>
      <c r="O1167" s="18"/>
      <c r="P1167" s="19"/>
      <c r="Q1167" s="19"/>
      <c r="R1167" s="19"/>
      <c r="S1167" s="19"/>
      <c r="T1167" s="19"/>
      <c r="U1167" s="19"/>
      <c r="V1167" s="19"/>
      <c r="W1167" s="19"/>
      <c r="X1167" s="19"/>
      <c r="Y1167" s="19"/>
      <c r="Z1167" s="19"/>
      <c r="AA1167" s="19"/>
    </row>
    <row r="1168" spans="1:27" s="1" customFormat="1" ht="11.1" customHeight="1" outlineLevel="2" x14ac:dyDescent="0.2">
      <c r="A1168" s="17">
        <v>1576</v>
      </c>
      <c r="B1168" s="17"/>
      <c r="C1168" s="17"/>
      <c r="D1168" s="18" t="s">
        <v>592</v>
      </c>
      <c r="E1168" s="18"/>
      <c r="F1168" s="18"/>
      <c r="G1168" s="18"/>
      <c r="H1168" s="18"/>
      <c r="I1168" s="18"/>
      <c r="J1168" s="18"/>
      <c r="K1168" s="18"/>
      <c r="L1168" s="18"/>
      <c r="M1168" s="18"/>
      <c r="N1168" s="18"/>
      <c r="O1168" s="18"/>
      <c r="P1168" s="19">
        <v>190</v>
      </c>
      <c r="Q1168" s="19"/>
      <c r="R1168" s="19"/>
      <c r="S1168" s="19"/>
      <c r="T1168" s="19">
        <v>150</v>
      </c>
      <c r="U1168" s="19"/>
      <c r="V1168" s="19"/>
      <c r="W1168" s="19"/>
      <c r="X1168" s="19">
        <v>1</v>
      </c>
      <c r="Y1168" s="19"/>
      <c r="Z1168" s="19"/>
      <c r="AA1168" s="19"/>
    </row>
    <row r="1169" spans="1:27" s="1" customFormat="1" ht="11.1" customHeight="1" outlineLevel="2" x14ac:dyDescent="0.2">
      <c r="A1169" s="17"/>
      <c r="B1169" s="17"/>
      <c r="C1169" s="17"/>
      <c r="D1169" s="18"/>
      <c r="E1169" s="18"/>
      <c r="F1169" s="18"/>
      <c r="G1169" s="18"/>
      <c r="H1169" s="18"/>
      <c r="I1169" s="18"/>
      <c r="J1169" s="18"/>
      <c r="K1169" s="18"/>
      <c r="L1169" s="18"/>
      <c r="M1169" s="18"/>
      <c r="N1169" s="18"/>
      <c r="O1169" s="18"/>
      <c r="P1169" s="19"/>
      <c r="Q1169" s="19"/>
      <c r="R1169" s="19"/>
      <c r="S1169" s="19"/>
      <c r="T1169" s="19"/>
      <c r="U1169" s="19"/>
      <c r="V1169" s="19"/>
      <c r="W1169" s="19"/>
      <c r="X1169" s="19"/>
      <c r="Y1169" s="19"/>
      <c r="Z1169" s="19"/>
      <c r="AA1169" s="19"/>
    </row>
    <row r="1170" spans="1:27" s="1" customFormat="1" ht="11.1" customHeight="1" outlineLevel="2" x14ac:dyDescent="0.2">
      <c r="A1170" s="17">
        <v>9478</v>
      </c>
      <c r="B1170" s="17"/>
      <c r="C1170" s="17"/>
      <c r="D1170" s="18" t="s">
        <v>593</v>
      </c>
      <c r="E1170" s="18"/>
      <c r="F1170" s="18"/>
      <c r="G1170" s="18"/>
      <c r="H1170" s="18"/>
      <c r="I1170" s="18"/>
      <c r="J1170" s="18"/>
      <c r="K1170" s="18"/>
      <c r="L1170" s="18"/>
      <c r="M1170" s="18"/>
      <c r="N1170" s="18"/>
      <c r="O1170" s="18"/>
      <c r="P1170" s="19">
        <v>120</v>
      </c>
      <c r="Q1170" s="19"/>
      <c r="R1170" s="19"/>
      <c r="S1170" s="19"/>
      <c r="T1170" s="19">
        <v>90</v>
      </c>
      <c r="U1170" s="19"/>
      <c r="V1170" s="19"/>
      <c r="W1170" s="19"/>
      <c r="X1170" s="19">
        <v>2</v>
      </c>
      <c r="Y1170" s="19"/>
      <c r="Z1170" s="19"/>
      <c r="AA1170" s="19"/>
    </row>
    <row r="1171" spans="1:27" s="1" customFormat="1" ht="11.1" customHeight="1" outlineLevel="2" x14ac:dyDescent="0.2">
      <c r="A1171" s="17"/>
      <c r="B1171" s="17"/>
      <c r="C1171" s="17"/>
      <c r="D1171" s="18"/>
      <c r="E1171" s="18"/>
      <c r="F1171" s="18"/>
      <c r="G1171" s="18"/>
      <c r="H1171" s="18"/>
      <c r="I1171" s="18"/>
      <c r="J1171" s="18"/>
      <c r="K1171" s="18"/>
      <c r="L1171" s="18"/>
      <c r="M1171" s="18"/>
      <c r="N1171" s="18"/>
      <c r="O1171" s="18"/>
      <c r="P1171" s="19"/>
      <c r="Q1171" s="19"/>
      <c r="R1171" s="19"/>
      <c r="S1171" s="19"/>
      <c r="T1171" s="19"/>
      <c r="U1171" s="19"/>
      <c r="V1171" s="19"/>
      <c r="W1171" s="19"/>
      <c r="X1171" s="19"/>
      <c r="Y1171" s="19"/>
      <c r="Z1171" s="19"/>
      <c r="AA1171" s="19"/>
    </row>
    <row r="1172" spans="1:27" s="1" customFormat="1" ht="14.1" customHeight="1" outlineLevel="2" x14ac:dyDescent="0.2">
      <c r="A1172" s="17">
        <v>6661</v>
      </c>
      <c r="B1172" s="17"/>
      <c r="C1172" s="17"/>
      <c r="D1172" s="18" t="s">
        <v>594</v>
      </c>
      <c r="E1172" s="18"/>
      <c r="F1172" s="18"/>
      <c r="G1172" s="18"/>
      <c r="H1172" s="18"/>
      <c r="I1172" s="18"/>
      <c r="J1172" s="18"/>
      <c r="K1172" s="18"/>
      <c r="L1172" s="18"/>
      <c r="M1172" s="18"/>
      <c r="N1172" s="18"/>
      <c r="O1172" s="18"/>
      <c r="P1172" s="19">
        <v>120</v>
      </c>
      <c r="Q1172" s="19"/>
      <c r="R1172" s="19"/>
      <c r="S1172" s="19"/>
      <c r="T1172" s="19">
        <v>95</v>
      </c>
      <c r="U1172" s="19"/>
      <c r="V1172" s="19"/>
      <c r="W1172" s="19"/>
      <c r="X1172" s="19">
        <v>1</v>
      </c>
      <c r="Y1172" s="19"/>
      <c r="Z1172" s="19"/>
      <c r="AA1172" s="19"/>
    </row>
    <row r="1173" spans="1:27" s="1" customFormat="1" ht="14.1" customHeight="1" outlineLevel="2" x14ac:dyDescent="0.2">
      <c r="A1173" s="17"/>
      <c r="B1173" s="17"/>
      <c r="C1173" s="17"/>
      <c r="D1173" s="18"/>
      <c r="E1173" s="18"/>
      <c r="F1173" s="18"/>
      <c r="G1173" s="18"/>
      <c r="H1173" s="18"/>
      <c r="I1173" s="18"/>
      <c r="J1173" s="18"/>
      <c r="K1173" s="18"/>
      <c r="L1173" s="18"/>
      <c r="M1173" s="18"/>
      <c r="N1173" s="18"/>
      <c r="O1173" s="18"/>
      <c r="P1173" s="19"/>
      <c r="Q1173" s="19"/>
      <c r="R1173" s="19"/>
      <c r="S1173" s="19"/>
      <c r="T1173" s="19"/>
      <c r="U1173" s="19"/>
      <c r="V1173" s="19"/>
      <c r="W1173" s="19"/>
      <c r="X1173" s="19"/>
      <c r="Y1173" s="19"/>
      <c r="Z1173" s="19"/>
      <c r="AA1173" s="19"/>
    </row>
    <row r="1174" spans="1:27" s="1" customFormat="1" ht="14.1" customHeight="1" outlineLevel="2" x14ac:dyDescent="0.2">
      <c r="A1174" s="17">
        <v>1577</v>
      </c>
      <c r="B1174" s="17"/>
      <c r="C1174" s="17"/>
      <c r="D1174" s="18" t="s">
        <v>595</v>
      </c>
      <c r="E1174" s="18"/>
      <c r="F1174" s="18"/>
      <c r="G1174" s="18"/>
      <c r="H1174" s="18"/>
      <c r="I1174" s="18"/>
      <c r="J1174" s="18"/>
      <c r="K1174" s="18"/>
      <c r="L1174" s="18"/>
      <c r="M1174" s="18"/>
      <c r="N1174" s="18"/>
      <c r="O1174" s="18"/>
      <c r="P1174" s="19">
        <v>160</v>
      </c>
      <c r="Q1174" s="19"/>
      <c r="R1174" s="19"/>
      <c r="S1174" s="19"/>
      <c r="T1174" s="19">
        <v>120</v>
      </c>
      <c r="U1174" s="19"/>
      <c r="V1174" s="19"/>
      <c r="W1174" s="19"/>
      <c r="X1174" s="19">
        <v>1</v>
      </c>
      <c r="Y1174" s="19"/>
      <c r="Z1174" s="19"/>
      <c r="AA1174" s="19"/>
    </row>
    <row r="1175" spans="1:27" s="1" customFormat="1" ht="14.1" customHeight="1" outlineLevel="2" x14ac:dyDescent="0.2">
      <c r="A1175" s="17"/>
      <c r="B1175" s="17"/>
      <c r="C1175" s="17"/>
      <c r="D1175" s="18"/>
      <c r="E1175" s="18"/>
      <c r="F1175" s="18"/>
      <c r="G1175" s="18"/>
      <c r="H1175" s="18"/>
      <c r="I1175" s="18"/>
      <c r="J1175" s="18"/>
      <c r="K1175" s="18"/>
      <c r="L1175" s="18"/>
      <c r="M1175" s="18"/>
      <c r="N1175" s="18"/>
      <c r="O1175" s="18"/>
      <c r="P1175" s="19"/>
      <c r="Q1175" s="19"/>
      <c r="R1175" s="19"/>
      <c r="S1175" s="19"/>
      <c r="T1175" s="19"/>
      <c r="U1175" s="19"/>
      <c r="V1175" s="19"/>
      <c r="W1175" s="19"/>
      <c r="X1175" s="19"/>
      <c r="Y1175" s="19"/>
      <c r="Z1175" s="19"/>
      <c r="AA1175" s="19"/>
    </row>
    <row r="1176" spans="1:27" s="1" customFormat="1" ht="11.1" customHeight="1" outlineLevel="1" x14ac:dyDescent="0.2">
      <c r="A1176" s="16" t="s">
        <v>596</v>
      </c>
      <c r="B1176" s="16"/>
      <c r="C1176" s="16"/>
      <c r="D1176" s="16"/>
      <c r="E1176" s="16"/>
      <c r="F1176" s="16"/>
      <c r="G1176" s="16"/>
      <c r="H1176" s="16"/>
      <c r="I1176" s="16"/>
      <c r="J1176" s="16"/>
      <c r="K1176" s="16"/>
      <c r="L1176" s="16"/>
      <c r="M1176" s="16"/>
      <c r="N1176" s="16"/>
      <c r="O1176" s="16"/>
      <c r="P1176" s="16"/>
      <c r="Q1176" s="16"/>
      <c r="R1176" s="16"/>
      <c r="S1176" s="16"/>
      <c r="T1176" s="16"/>
      <c r="U1176" s="16"/>
      <c r="V1176" s="16"/>
      <c r="W1176" s="16"/>
      <c r="X1176" s="16"/>
      <c r="Y1176" s="16"/>
      <c r="Z1176" s="16"/>
      <c r="AA1176" s="16"/>
    </row>
    <row r="1177" spans="1:27" s="1" customFormat="1" ht="11.1" customHeight="1" outlineLevel="1" x14ac:dyDescent="0.2">
      <c r="A1177" s="16"/>
      <c r="B1177" s="16"/>
      <c r="C1177" s="16"/>
      <c r="D1177" s="16"/>
      <c r="E1177" s="16"/>
      <c r="F1177" s="16"/>
      <c r="G1177" s="16"/>
      <c r="H1177" s="16"/>
      <c r="I1177" s="16"/>
      <c r="J1177" s="16"/>
      <c r="K1177" s="16"/>
      <c r="L1177" s="16"/>
      <c r="M1177" s="16"/>
      <c r="N1177" s="16"/>
      <c r="O1177" s="16"/>
      <c r="P1177" s="16"/>
      <c r="Q1177" s="16"/>
      <c r="R1177" s="16"/>
      <c r="S1177" s="16"/>
      <c r="T1177" s="16"/>
      <c r="U1177" s="16"/>
      <c r="V1177" s="16"/>
      <c r="W1177" s="16"/>
      <c r="X1177" s="16"/>
      <c r="Y1177" s="16"/>
      <c r="Z1177" s="16"/>
      <c r="AA1177" s="16"/>
    </row>
    <row r="1178" spans="1:27" s="1" customFormat="1" ht="11.1" customHeight="1" outlineLevel="2" x14ac:dyDescent="0.2">
      <c r="A1178" s="17">
        <v>9777</v>
      </c>
      <c r="B1178" s="17"/>
      <c r="C1178" s="17"/>
      <c r="D1178" s="18" t="s">
        <v>597</v>
      </c>
      <c r="E1178" s="18"/>
      <c r="F1178" s="18"/>
      <c r="G1178" s="18"/>
      <c r="H1178" s="18"/>
      <c r="I1178" s="18"/>
      <c r="J1178" s="18"/>
      <c r="K1178" s="18"/>
      <c r="L1178" s="18"/>
      <c r="M1178" s="18"/>
      <c r="N1178" s="18"/>
      <c r="O1178" s="18"/>
      <c r="P1178" s="19">
        <v>190</v>
      </c>
      <c r="Q1178" s="19"/>
      <c r="R1178" s="19"/>
      <c r="S1178" s="19"/>
      <c r="T1178" s="19">
        <v>150</v>
      </c>
      <c r="U1178" s="19"/>
      <c r="V1178" s="19"/>
      <c r="W1178" s="19"/>
      <c r="X1178" s="19">
        <v>1</v>
      </c>
      <c r="Y1178" s="19"/>
      <c r="Z1178" s="19"/>
      <c r="AA1178" s="19"/>
    </row>
    <row r="1179" spans="1:27" s="1" customFormat="1" ht="11.1" customHeight="1" outlineLevel="2" x14ac:dyDescent="0.2">
      <c r="A1179" s="17"/>
      <c r="B1179" s="17"/>
      <c r="C1179" s="17"/>
      <c r="D1179" s="18"/>
      <c r="E1179" s="18"/>
      <c r="F1179" s="18"/>
      <c r="G1179" s="18"/>
      <c r="H1179" s="18"/>
      <c r="I1179" s="18"/>
      <c r="J1179" s="18"/>
      <c r="K1179" s="18"/>
      <c r="L1179" s="18"/>
      <c r="M1179" s="18"/>
      <c r="N1179" s="18"/>
      <c r="O1179" s="18"/>
      <c r="P1179" s="19"/>
      <c r="Q1179" s="19"/>
      <c r="R1179" s="19"/>
      <c r="S1179" s="19"/>
      <c r="T1179" s="19"/>
      <c r="U1179" s="19"/>
      <c r="V1179" s="19"/>
      <c r="W1179" s="19"/>
      <c r="X1179" s="19"/>
      <c r="Y1179" s="19"/>
      <c r="Z1179" s="19"/>
      <c r="AA1179" s="19"/>
    </row>
    <row r="1180" spans="1:27" s="1" customFormat="1" ht="11.1" customHeight="1" outlineLevel="2" x14ac:dyDescent="0.2">
      <c r="A1180" s="17">
        <v>9480</v>
      </c>
      <c r="B1180" s="17"/>
      <c r="C1180" s="17"/>
      <c r="D1180" s="18" t="s">
        <v>598</v>
      </c>
      <c r="E1180" s="18"/>
      <c r="F1180" s="18"/>
      <c r="G1180" s="18"/>
      <c r="H1180" s="18"/>
      <c r="I1180" s="18"/>
      <c r="J1180" s="18"/>
      <c r="K1180" s="18"/>
      <c r="L1180" s="18"/>
      <c r="M1180" s="18"/>
      <c r="N1180" s="18"/>
      <c r="O1180" s="18"/>
      <c r="P1180" s="19">
        <v>120</v>
      </c>
      <c r="Q1180" s="19"/>
      <c r="R1180" s="19"/>
      <c r="S1180" s="19"/>
      <c r="T1180" s="19">
        <v>90</v>
      </c>
      <c r="U1180" s="19"/>
      <c r="V1180" s="19"/>
      <c r="W1180" s="19"/>
      <c r="X1180" s="19">
        <v>2</v>
      </c>
      <c r="Y1180" s="19"/>
      <c r="Z1180" s="19"/>
      <c r="AA1180" s="19"/>
    </row>
    <row r="1181" spans="1:27" s="1" customFormat="1" ht="11.1" customHeight="1" outlineLevel="2" x14ac:dyDescent="0.2">
      <c r="A1181" s="17"/>
      <c r="B1181" s="17"/>
      <c r="C1181" s="17"/>
      <c r="D1181" s="18"/>
      <c r="E1181" s="18"/>
      <c r="F1181" s="18"/>
      <c r="G1181" s="18"/>
      <c r="H1181" s="18"/>
      <c r="I1181" s="18"/>
      <c r="J1181" s="18"/>
      <c r="K1181" s="18"/>
      <c r="L1181" s="18"/>
      <c r="M1181" s="18"/>
      <c r="N1181" s="18"/>
      <c r="O1181" s="18"/>
      <c r="P1181" s="19"/>
      <c r="Q1181" s="19"/>
      <c r="R1181" s="19"/>
      <c r="S1181" s="19"/>
      <c r="T1181" s="19"/>
      <c r="U1181" s="19"/>
      <c r="V1181" s="19"/>
      <c r="W1181" s="19"/>
      <c r="X1181" s="19"/>
      <c r="Y1181" s="19"/>
      <c r="Z1181" s="19"/>
      <c r="AA1181" s="19"/>
    </row>
    <row r="1182" spans="1:27" s="1" customFormat="1" ht="11.1" customHeight="1" outlineLevel="1" x14ac:dyDescent="0.2">
      <c r="A1182" s="16" t="s">
        <v>599</v>
      </c>
      <c r="B1182" s="16"/>
      <c r="C1182" s="16"/>
      <c r="D1182" s="16"/>
      <c r="E1182" s="16"/>
      <c r="F1182" s="16"/>
      <c r="G1182" s="16"/>
      <c r="H1182" s="16"/>
      <c r="I1182" s="16"/>
      <c r="J1182" s="16"/>
      <c r="K1182" s="16"/>
      <c r="L1182" s="16"/>
      <c r="M1182" s="16"/>
      <c r="N1182" s="16"/>
      <c r="O1182" s="16"/>
      <c r="P1182" s="16"/>
      <c r="Q1182" s="16"/>
      <c r="R1182" s="16"/>
      <c r="S1182" s="16"/>
      <c r="T1182" s="16"/>
      <c r="U1182" s="16"/>
      <c r="V1182" s="16"/>
      <c r="W1182" s="16"/>
      <c r="X1182" s="16"/>
      <c r="Y1182" s="16"/>
      <c r="Z1182" s="16"/>
      <c r="AA1182" s="16"/>
    </row>
    <row r="1183" spans="1:27" s="1" customFormat="1" ht="11.1" customHeight="1" outlineLevel="1" x14ac:dyDescent="0.2">
      <c r="A1183" s="16"/>
      <c r="B1183" s="16"/>
      <c r="C1183" s="16"/>
      <c r="D1183" s="16"/>
      <c r="E1183" s="16"/>
      <c r="F1183" s="16"/>
      <c r="G1183" s="16"/>
      <c r="H1183" s="16"/>
      <c r="I1183" s="16"/>
      <c r="J1183" s="16"/>
      <c r="K1183" s="16"/>
      <c r="L1183" s="16"/>
      <c r="M1183" s="16"/>
      <c r="N1183" s="16"/>
      <c r="O1183" s="16"/>
      <c r="P1183" s="16"/>
      <c r="Q1183" s="16"/>
      <c r="R1183" s="16"/>
      <c r="S1183" s="16"/>
      <c r="T1183" s="16"/>
      <c r="U1183" s="16"/>
      <c r="V1183" s="16"/>
      <c r="W1183" s="16"/>
      <c r="X1183" s="16"/>
      <c r="Y1183" s="16"/>
      <c r="Z1183" s="16"/>
      <c r="AA1183" s="16"/>
    </row>
    <row r="1184" spans="1:27" s="1" customFormat="1" ht="11.1" customHeight="1" outlineLevel="2" x14ac:dyDescent="0.2">
      <c r="A1184" s="17">
        <v>5574</v>
      </c>
      <c r="B1184" s="17"/>
      <c r="C1184" s="17"/>
      <c r="D1184" s="18" t="s">
        <v>600</v>
      </c>
      <c r="E1184" s="18"/>
      <c r="F1184" s="18"/>
      <c r="G1184" s="18"/>
      <c r="H1184" s="18"/>
      <c r="I1184" s="18"/>
      <c r="J1184" s="18"/>
      <c r="K1184" s="18"/>
      <c r="L1184" s="18"/>
      <c r="M1184" s="18"/>
      <c r="N1184" s="18"/>
      <c r="O1184" s="18"/>
      <c r="P1184" s="19">
        <v>380</v>
      </c>
      <c r="Q1184" s="19"/>
      <c r="R1184" s="19"/>
      <c r="S1184" s="19"/>
      <c r="T1184" s="19">
        <v>320</v>
      </c>
      <c r="U1184" s="19"/>
      <c r="V1184" s="19"/>
      <c r="W1184" s="19"/>
      <c r="X1184" s="19">
        <v>1</v>
      </c>
      <c r="Y1184" s="19"/>
      <c r="Z1184" s="19"/>
      <c r="AA1184" s="19"/>
    </row>
    <row r="1185" spans="1:27" s="1" customFormat="1" ht="11.1" customHeight="1" outlineLevel="2" x14ac:dyDescent="0.2">
      <c r="A1185" s="17"/>
      <c r="B1185" s="17"/>
      <c r="C1185" s="17"/>
      <c r="D1185" s="18"/>
      <c r="E1185" s="18"/>
      <c r="F1185" s="18"/>
      <c r="G1185" s="18"/>
      <c r="H1185" s="18"/>
      <c r="I1185" s="18"/>
      <c r="J1185" s="18"/>
      <c r="K1185" s="18"/>
      <c r="L1185" s="18"/>
      <c r="M1185" s="18"/>
      <c r="N1185" s="18"/>
      <c r="O1185" s="18"/>
      <c r="P1185" s="19"/>
      <c r="Q1185" s="19"/>
      <c r="R1185" s="19"/>
      <c r="S1185" s="19"/>
      <c r="T1185" s="19"/>
      <c r="U1185" s="19"/>
      <c r="V1185" s="19"/>
      <c r="W1185" s="19"/>
      <c r="X1185" s="19"/>
      <c r="Y1185" s="19"/>
      <c r="Z1185" s="19"/>
      <c r="AA1185" s="19"/>
    </row>
    <row r="1186" spans="1:27" s="1" customFormat="1" ht="11.1" customHeight="1" outlineLevel="2" x14ac:dyDescent="0.2">
      <c r="A1186" s="17">
        <v>254</v>
      </c>
      <c r="B1186" s="17"/>
      <c r="C1186" s="17"/>
      <c r="D1186" s="18" t="s">
        <v>601</v>
      </c>
      <c r="E1186" s="18"/>
      <c r="F1186" s="18"/>
      <c r="G1186" s="18"/>
      <c r="H1186" s="18"/>
      <c r="I1186" s="18"/>
      <c r="J1186" s="18"/>
      <c r="K1186" s="18"/>
      <c r="L1186" s="18"/>
      <c r="M1186" s="18"/>
      <c r="N1186" s="18"/>
      <c r="O1186" s="18"/>
      <c r="P1186" s="19">
        <v>600</v>
      </c>
      <c r="Q1186" s="19"/>
      <c r="R1186" s="19"/>
      <c r="S1186" s="19"/>
      <c r="T1186" s="19">
        <v>500</v>
      </c>
      <c r="U1186" s="19"/>
      <c r="V1186" s="19"/>
      <c r="W1186" s="19"/>
      <c r="X1186" s="19">
        <v>13</v>
      </c>
      <c r="Y1186" s="19"/>
      <c r="Z1186" s="19"/>
      <c r="AA1186" s="19"/>
    </row>
    <row r="1187" spans="1:27" s="1" customFormat="1" ht="11.1" customHeight="1" outlineLevel="2" x14ac:dyDescent="0.2">
      <c r="A1187" s="17"/>
      <c r="B1187" s="17"/>
      <c r="C1187" s="17"/>
      <c r="D1187" s="18"/>
      <c r="E1187" s="18"/>
      <c r="F1187" s="18"/>
      <c r="G1187" s="18"/>
      <c r="H1187" s="18"/>
      <c r="I1187" s="18"/>
      <c r="J1187" s="18"/>
      <c r="K1187" s="18"/>
      <c r="L1187" s="18"/>
      <c r="M1187" s="18"/>
      <c r="N1187" s="18"/>
      <c r="O1187" s="18"/>
      <c r="P1187" s="19"/>
      <c r="Q1187" s="19"/>
      <c r="R1187" s="19"/>
      <c r="S1187" s="19"/>
      <c r="T1187" s="19"/>
      <c r="U1187" s="19"/>
      <c r="V1187" s="19"/>
      <c r="W1187" s="19"/>
      <c r="X1187" s="19"/>
      <c r="Y1187" s="19"/>
      <c r="Z1187" s="19"/>
      <c r="AA1187" s="19"/>
    </row>
    <row r="1188" spans="1:27" s="1" customFormat="1" ht="11.1" customHeight="1" outlineLevel="2" x14ac:dyDescent="0.2">
      <c r="A1188" s="17">
        <v>9464</v>
      </c>
      <c r="B1188" s="17"/>
      <c r="C1188" s="17"/>
      <c r="D1188" s="18" t="s">
        <v>602</v>
      </c>
      <c r="E1188" s="18"/>
      <c r="F1188" s="18"/>
      <c r="G1188" s="18"/>
      <c r="H1188" s="18"/>
      <c r="I1188" s="18"/>
      <c r="J1188" s="18"/>
      <c r="K1188" s="18"/>
      <c r="L1188" s="18"/>
      <c r="M1188" s="18"/>
      <c r="N1188" s="18"/>
      <c r="O1188" s="18"/>
      <c r="P1188" s="19">
        <v>600</v>
      </c>
      <c r="Q1188" s="19"/>
      <c r="R1188" s="19"/>
      <c r="S1188" s="19"/>
      <c r="T1188" s="19">
        <v>450</v>
      </c>
      <c r="U1188" s="19"/>
      <c r="V1188" s="19"/>
      <c r="W1188" s="19"/>
      <c r="X1188" s="19">
        <v>20</v>
      </c>
      <c r="Y1188" s="19"/>
      <c r="Z1188" s="19"/>
      <c r="AA1188" s="19"/>
    </row>
    <row r="1189" spans="1:27" s="1" customFormat="1" ht="11.1" customHeight="1" outlineLevel="2" x14ac:dyDescent="0.2">
      <c r="A1189" s="17"/>
      <c r="B1189" s="17"/>
      <c r="C1189" s="17"/>
      <c r="D1189" s="18"/>
      <c r="E1189" s="18"/>
      <c r="F1189" s="18"/>
      <c r="G1189" s="18"/>
      <c r="H1189" s="18"/>
      <c r="I1189" s="18"/>
      <c r="J1189" s="18"/>
      <c r="K1189" s="18"/>
      <c r="L1189" s="18"/>
      <c r="M1189" s="18"/>
      <c r="N1189" s="18"/>
      <c r="O1189" s="18"/>
      <c r="P1189" s="19"/>
      <c r="Q1189" s="19"/>
      <c r="R1189" s="19"/>
      <c r="S1189" s="19"/>
      <c r="T1189" s="19"/>
      <c r="U1189" s="19"/>
      <c r="V1189" s="19"/>
      <c r="W1189" s="19"/>
      <c r="X1189" s="19"/>
      <c r="Y1189" s="19"/>
      <c r="Z1189" s="19"/>
      <c r="AA1189" s="19"/>
    </row>
    <row r="1190" spans="1:27" s="1" customFormat="1" ht="11.1" customHeight="1" outlineLevel="2" x14ac:dyDescent="0.2">
      <c r="A1190" s="17">
        <v>1592</v>
      </c>
      <c r="B1190" s="17"/>
      <c r="C1190" s="17"/>
      <c r="D1190" s="18" t="s">
        <v>603</v>
      </c>
      <c r="E1190" s="18"/>
      <c r="F1190" s="18"/>
      <c r="G1190" s="18"/>
      <c r="H1190" s="18"/>
      <c r="I1190" s="18"/>
      <c r="J1190" s="18"/>
      <c r="K1190" s="18"/>
      <c r="L1190" s="18"/>
      <c r="M1190" s="18"/>
      <c r="N1190" s="18"/>
      <c r="O1190" s="18"/>
      <c r="P1190" s="19">
        <v>400</v>
      </c>
      <c r="Q1190" s="19"/>
      <c r="R1190" s="19"/>
      <c r="S1190" s="19"/>
      <c r="T1190" s="19">
        <v>350</v>
      </c>
      <c r="U1190" s="19"/>
      <c r="V1190" s="19"/>
      <c r="W1190" s="19"/>
      <c r="X1190" s="19">
        <v>2</v>
      </c>
      <c r="Y1190" s="19"/>
      <c r="Z1190" s="19"/>
      <c r="AA1190" s="19"/>
    </row>
    <row r="1191" spans="1:27" s="1" customFormat="1" ht="11.1" customHeight="1" outlineLevel="2" x14ac:dyDescent="0.2">
      <c r="A1191" s="17"/>
      <c r="B1191" s="17"/>
      <c r="C1191" s="17"/>
      <c r="D1191" s="18"/>
      <c r="E1191" s="18"/>
      <c r="F1191" s="18"/>
      <c r="G1191" s="18"/>
      <c r="H1191" s="18"/>
      <c r="I1191" s="18"/>
      <c r="J1191" s="18"/>
      <c r="K1191" s="18"/>
      <c r="L1191" s="18"/>
      <c r="M1191" s="18"/>
      <c r="N1191" s="18"/>
      <c r="O1191" s="18"/>
      <c r="P1191" s="19"/>
      <c r="Q1191" s="19"/>
      <c r="R1191" s="19"/>
      <c r="S1191" s="19"/>
      <c r="T1191" s="19"/>
      <c r="U1191" s="19"/>
      <c r="V1191" s="19"/>
      <c r="W1191" s="19"/>
      <c r="X1191" s="19"/>
      <c r="Y1191" s="19"/>
      <c r="Z1191" s="19"/>
      <c r="AA1191" s="19"/>
    </row>
    <row r="1192" spans="1:27" s="1" customFormat="1" ht="14.1" customHeight="1" outlineLevel="2" x14ac:dyDescent="0.2">
      <c r="A1192" s="17">
        <v>9392</v>
      </c>
      <c r="B1192" s="17"/>
      <c r="C1192" s="17"/>
      <c r="D1192" s="18" t="s">
        <v>604</v>
      </c>
      <c r="E1192" s="18"/>
      <c r="F1192" s="18"/>
      <c r="G1192" s="18"/>
      <c r="H1192" s="18"/>
      <c r="I1192" s="18"/>
      <c r="J1192" s="18"/>
      <c r="K1192" s="18"/>
      <c r="L1192" s="18"/>
      <c r="M1192" s="18"/>
      <c r="N1192" s="18"/>
      <c r="O1192" s="18"/>
      <c r="P1192" s="19">
        <v>35</v>
      </c>
      <c r="Q1192" s="19"/>
      <c r="R1192" s="19"/>
      <c r="S1192" s="19"/>
      <c r="T1192" s="19">
        <v>20</v>
      </c>
      <c r="U1192" s="19"/>
      <c r="V1192" s="19"/>
      <c r="W1192" s="19"/>
      <c r="X1192" s="19">
        <v>3</v>
      </c>
      <c r="Y1192" s="19"/>
      <c r="Z1192" s="19"/>
      <c r="AA1192" s="19"/>
    </row>
    <row r="1193" spans="1:27" s="1" customFormat="1" ht="14.1" customHeight="1" outlineLevel="2" x14ac:dyDescent="0.2">
      <c r="A1193" s="17"/>
      <c r="B1193" s="17"/>
      <c r="C1193" s="17"/>
      <c r="D1193" s="18"/>
      <c r="E1193" s="18"/>
      <c r="F1193" s="18"/>
      <c r="G1193" s="18"/>
      <c r="H1193" s="18"/>
      <c r="I1193" s="18"/>
      <c r="J1193" s="18"/>
      <c r="K1193" s="18"/>
      <c r="L1193" s="18"/>
      <c r="M1193" s="18"/>
      <c r="N1193" s="18"/>
      <c r="O1193" s="18"/>
      <c r="P1193" s="19"/>
      <c r="Q1193" s="19"/>
      <c r="R1193" s="19"/>
      <c r="S1193" s="19"/>
      <c r="T1193" s="19"/>
      <c r="U1193" s="19"/>
      <c r="V1193" s="19"/>
      <c r="W1193" s="19"/>
      <c r="X1193" s="19"/>
      <c r="Y1193" s="19"/>
      <c r="Z1193" s="19"/>
      <c r="AA1193" s="19"/>
    </row>
    <row r="1194" spans="1:27" s="1" customFormat="1" ht="14.1" customHeight="1" outlineLevel="2" x14ac:dyDescent="0.2">
      <c r="A1194" s="17">
        <v>9911</v>
      </c>
      <c r="B1194" s="17"/>
      <c r="C1194" s="17"/>
      <c r="D1194" s="18" t="s">
        <v>605</v>
      </c>
      <c r="E1194" s="18"/>
      <c r="F1194" s="18"/>
      <c r="G1194" s="18"/>
      <c r="H1194" s="18"/>
      <c r="I1194" s="18"/>
      <c r="J1194" s="18"/>
      <c r="K1194" s="18"/>
      <c r="L1194" s="18"/>
      <c r="M1194" s="18"/>
      <c r="N1194" s="18"/>
      <c r="O1194" s="18"/>
      <c r="P1194" s="20">
        <v>1200</v>
      </c>
      <c r="Q1194" s="20"/>
      <c r="R1194" s="20"/>
      <c r="S1194" s="20"/>
      <c r="T1194" s="20">
        <v>1000</v>
      </c>
      <c r="U1194" s="20"/>
      <c r="V1194" s="20"/>
      <c r="W1194" s="20"/>
      <c r="X1194" s="19">
        <v>17</v>
      </c>
      <c r="Y1194" s="19"/>
      <c r="Z1194" s="19"/>
      <c r="AA1194" s="19"/>
    </row>
    <row r="1195" spans="1:27" s="1" customFormat="1" ht="14.1" customHeight="1" outlineLevel="2" x14ac:dyDescent="0.2">
      <c r="A1195" s="17"/>
      <c r="B1195" s="17"/>
      <c r="C1195" s="17"/>
      <c r="D1195" s="18"/>
      <c r="E1195" s="18"/>
      <c r="F1195" s="18"/>
      <c r="G1195" s="18"/>
      <c r="H1195" s="18"/>
      <c r="I1195" s="18"/>
      <c r="J1195" s="18"/>
      <c r="K1195" s="18"/>
      <c r="L1195" s="18"/>
      <c r="M1195" s="18"/>
      <c r="N1195" s="18"/>
      <c r="O1195" s="18"/>
      <c r="P1195" s="20"/>
      <c r="Q1195" s="20"/>
      <c r="R1195" s="20"/>
      <c r="S1195" s="20"/>
      <c r="T1195" s="20"/>
      <c r="U1195" s="20"/>
      <c r="V1195" s="20"/>
      <c r="W1195" s="20"/>
      <c r="X1195" s="19"/>
      <c r="Y1195" s="19"/>
      <c r="Z1195" s="19"/>
      <c r="AA1195" s="19"/>
    </row>
    <row r="1196" spans="1:27" s="1" customFormat="1" ht="14.1" customHeight="1" outlineLevel="2" x14ac:dyDescent="0.2">
      <c r="A1196" s="17">
        <v>9910</v>
      </c>
      <c r="B1196" s="17"/>
      <c r="C1196" s="17"/>
      <c r="D1196" s="18" t="s">
        <v>606</v>
      </c>
      <c r="E1196" s="18"/>
      <c r="F1196" s="18"/>
      <c r="G1196" s="18"/>
      <c r="H1196" s="18"/>
      <c r="I1196" s="18"/>
      <c r="J1196" s="18"/>
      <c r="K1196" s="18"/>
      <c r="L1196" s="18"/>
      <c r="M1196" s="18"/>
      <c r="N1196" s="18"/>
      <c r="O1196" s="18"/>
      <c r="P1196" s="20">
        <v>1200</v>
      </c>
      <c r="Q1196" s="20"/>
      <c r="R1196" s="20"/>
      <c r="S1196" s="20"/>
      <c r="T1196" s="20">
        <v>1000</v>
      </c>
      <c r="U1196" s="20"/>
      <c r="V1196" s="20"/>
      <c r="W1196" s="20"/>
      <c r="X1196" s="19">
        <v>16</v>
      </c>
      <c r="Y1196" s="19"/>
      <c r="Z1196" s="19"/>
      <c r="AA1196" s="19"/>
    </row>
    <row r="1197" spans="1:27" s="1" customFormat="1" ht="14.1" customHeight="1" outlineLevel="2" x14ac:dyDescent="0.2">
      <c r="A1197" s="17"/>
      <c r="B1197" s="17"/>
      <c r="C1197" s="17"/>
      <c r="D1197" s="18"/>
      <c r="E1197" s="18"/>
      <c r="F1197" s="18"/>
      <c r="G1197" s="18"/>
      <c r="H1197" s="18"/>
      <c r="I1197" s="18"/>
      <c r="J1197" s="18"/>
      <c r="K1197" s="18"/>
      <c r="L1197" s="18"/>
      <c r="M1197" s="18"/>
      <c r="N1197" s="18"/>
      <c r="O1197" s="18"/>
      <c r="P1197" s="20"/>
      <c r="Q1197" s="20"/>
      <c r="R1197" s="20"/>
      <c r="S1197" s="20"/>
      <c r="T1197" s="20"/>
      <c r="U1197" s="20"/>
      <c r="V1197" s="20"/>
      <c r="W1197" s="20"/>
      <c r="X1197" s="19"/>
      <c r="Y1197" s="19"/>
      <c r="Z1197" s="19"/>
      <c r="AA1197" s="19"/>
    </row>
    <row r="1198" spans="1:27" s="1" customFormat="1" ht="14.1" customHeight="1" outlineLevel="2" x14ac:dyDescent="0.2">
      <c r="A1198" s="17">
        <v>1172</v>
      </c>
      <c r="B1198" s="17"/>
      <c r="C1198" s="17"/>
      <c r="D1198" s="18" t="s">
        <v>607</v>
      </c>
      <c r="E1198" s="18"/>
      <c r="F1198" s="18"/>
      <c r="G1198" s="18"/>
      <c r="H1198" s="18"/>
      <c r="I1198" s="18"/>
      <c r="J1198" s="18"/>
      <c r="K1198" s="18"/>
      <c r="L1198" s="18"/>
      <c r="M1198" s="18"/>
      <c r="N1198" s="18"/>
      <c r="O1198" s="18"/>
      <c r="P1198" s="19">
        <v>990</v>
      </c>
      <c r="Q1198" s="19"/>
      <c r="R1198" s="19"/>
      <c r="S1198" s="19"/>
      <c r="T1198" s="19">
        <v>750</v>
      </c>
      <c r="U1198" s="19"/>
      <c r="V1198" s="19"/>
      <c r="W1198" s="19"/>
      <c r="X1198" s="19">
        <v>8</v>
      </c>
      <c r="Y1198" s="19"/>
      <c r="Z1198" s="19"/>
      <c r="AA1198" s="19"/>
    </row>
    <row r="1199" spans="1:27" s="1" customFormat="1" ht="14.1" customHeight="1" outlineLevel="2" x14ac:dyDescent="0.2">
      <c r="A1199" s="17"/>
      <c r="B1199" s="17"/>
      <c r="C1199" s="17"/>
      <c r="D1199" s="18"/>
      <c r="E1199" s="18"/>
      <c r="F1199" s="18"/>
      <c r="G1199" s="18"/>
      <c r="H1199" s="18"/>
      <c r="I1199" s="18"/>
      <c r="J1199" s="18"/>
      <c r="K1199" s="18"/>
      <c r="L1199" s="18"/>
      <c r="M1199" s="18"/>
      <c r="N1199" s="18"/>
      <c r="O1199" s="18"/>
      <c r="P1199" s="19"/>
      <c r="Q1199" s="19"/>
      <c r="R1199" s="19"/>
      <c r="S1199" s="19"/>
      <c r="T1199" s="19"/>
      <c r="U1199" s="19"/>
      <c r="V1199" s="19"/>
      <c r="W1199" s="19"/>
      <c r="X1199" s="19"/>
      <c r="Y1199" s="19"/>
      <c r="Z1199" s="19"/>
      <c r="AA1199" s="19"/>
    </row>
    <row r="1200" spans="1:27" s="1" customFormat="1" ht="14.1" customHeight="1" outlineLevel="2" x14ac:dyDescent="0.2">
      <c r="A1200" s="17">
        <v>1171</v>
      </c>
      <c r="B1200" s="17"/>
      <c r="C1200" s="17"/>
      <c r="D1200" s="18" t="s">
        <v>608</v>
      </c>
      <c r="E1200" s="18"/>
      <c r="F1200" s="18"/>
      <c r="G1200" s="18"/>
      <c r="H1200" s="18"/>
      <c r="I1200" s="18"/>
      <c r="J1200" s="18"/>
      <c r="K1200" s="18"/>
      <c r="L1200" s="18"/>
      <c r="M1200" s="18"/>
      <c r="N1200" s="18"/>
      <c r="O1200" s="18"/>
      <c r="P1200" s="19">
        <v>850</v>
      </c>
      <c r="Q1200" s="19"/>
      <c r="R1200" s="19"/>
      <c r="S1200" s="19"/>
      <c r="T1200" s="19">
        <v>590</v>
      </c>
      <c r="U1200" s="19"/>
      <c r="V1200" s="19"/>
      <c r="W1200" s="19"/>
      <c r="X1200" s="19">
        <v>22</v>
      </c>
      <c r="Y1200" s="19"/>
      <c r="Z1200" s="19"/>
      <c r="AA1200" s="19"/>
    </row>
    <row r="1201" spans="1:27" s="1" customFormat="1" ht="14.1" customHeight="1" outlineLevel="2" x14ac:dyDescent="0.2">
      <c r="A1201" s="17"/>
      <c r="B1201" s="17"/>
      <c r="C1201" s="17"/>
      <c r="D1201" s="18"/>
      <c r="E1201" s="18"/>
      <c r="F1201" s="18"/>
      <c r="G1201" s="18"/>
      <c r="H1201" s="18"/>
      <c r="I1201" s="18"/>
      <c r="J1201" s="18"/>
      <c r="K1201" s="18"/>
      <c r="L1201" s="18"/>
      <c r="M1201" s="18"/>
      <c r="N1201" s="18"/>
      <c r="O1201" s="18"/>
      <c r="P1201" s="19"/>
      <c r="Q1201" s="19"/>
      <c r="R1201" s="19"/>
      <c r="S1201" s="19"/>
      <c r="T1201" s="19"/>
      <c r="U1201" s="19"/>
      <c r="V1201" s="19"/>
      <c r="W1201" s="19"/>
      <c r="X1201" s="19"/>
      <c r="Y1201" s="19"/>
      <c r="Z1201" s="19"/>
      <c r="AA1201" s="19"/>
    </row>
    <row r="1202" spans="1:27" s="1" customFormat="1" ht="11.1" customHeight="1" outlineLevel="2" x14ac:dyDescent="0.2">
      <c r="A1202" s="17">
        <v>5394</v>
      </c>
      <c r="B1202" s="17"/>
      <c r="C1202" s="17"/>
      <c r="D1202" s="18" t="s">
        <v>609</v>
      </c>
      <c r="E1202" s="18"/>
      <c r="F1202" s="18"/>
      <c r="G1202" s="18"/>
      <c r="H1202" s="18"/>
      <c r="I1202" s="18"/>
      <c r="J1202" s="18"/>
      <c r="K1202" s="18"/>
      <c r="L1202" s="18"/>
      <c r="M1202" s="18"/>
      <c r="N1202" s="18"/>
      <c r="O1202" s="18"/>
      <c r="P1202" s="19">
        <v>200</v>
      </c>
      <c r="Q1202" s="19"/>
      <c r="R1202" s="19"/>
      <c r="S1202" s="19"/>
      <c r="T1202" s="19">
        <v>150</v>
      </c>
      <c r="U1202" s="19"/>
      <c r="V1202" s="19"/>
      <c r="W1202" s="19"/>
      <c r="X1202" s="19">
        <v>1</v>
      </c>
      <c r="Y1202" s="19"/>
      <c r="Z1202" s="19"/>
      <c r="AA1202" s="19"/>
    </row>
    <row r="1203" spans="1:27" s="1" customFormat="1" ht="11.1" customHeight="1" outlineLevel="2" x14ac:dyDescent="0.2">
      <c r="A1203" s="17"/>
      <c r="B1203" s="17"/>
      <c r="C1203" s="17"/>
      <c r="D1203" s="18"/>
      <c r="E1203" s="18"/>
      <c r="F1203" s="18"/>
      <c r="G1203" s="18"/>
      <c r="H1203" s="18"/>
      <c r="I1203" s="18"/>
      <c r="J1203" s="18"/>
      <c r="K1203" s="18"/>
      <c r="L1203" s="18"/>
      <c r="M1203" s="18"/>
      <c r="N1203" s="18"/>
      <c r="O1203" s="18"/>
      <c r="P1203" s="19"/>
      <c r="Q1203" s="19"/>
      <c r="R1203" s="19"/>
      <c r="S1203" s="19"/>
      <c r="T1203" s="19"/>
      <c r="U1203" s="19"/>
      <c r="V1203" s="19"/>
      <c r="W1203" s="19"/>
      <c r="X1203" s="19"/>
      <c r="Y1203" s="19"/>
      <c r="Z1203" s="19"/>
      <c r="AA1203" s="19"/>
    </row>
    <row r="1204" spans="1:27" s="1" customFormat="1" ht="11.1" customHeight="1" outlineLevel="2" x14ac:dyDescent="0.2">
      <c r="A1204" s="17">
        <v>11450</v>
      </c>
      <c r="B1204" s="17"/>
      <c r="C1204" s="17"/>
      <c r="D1204" s="18" t="s">
        <v>610</v>
      </c>
      <c r="E1204" s="18"/>
      <c r="F1204" s="18"/>
      <c r="G1204" s="18"/>
      <c r="H1204" s="18"/>
      <c r="I1204" s="18"/>
      <c r="J1204" s="18"/>
      <c r="K1204" s="18"/>
      <c r="L1204" s="18"/>
      <c r="M1204" s="18"/>
      <c r="N1204" s="18"/>
      <c r="O1204" s="18"/>
      <c r="P1204" s="19">
        <v>230</v>
      </c>
      <c r="Q1204" s="19"/>
      <c r="R1204" s="19"/>
      <c r="S1204" s="19"/>
      <c r="T1204" s="19">
        <v>200</v>
      </c>
      <c r="U1204" s="19"/>
      <c r="V1204" s="19"/>
      <c r="W1204" s="19"/>
      <c r="X1204" s="19">
        <v>2</v>
      </c>
      <c r="Y1204" s="19"/>
      <c r="Z1204" s="19"/>
      <c r="AA1204" s="19"/>
    </row>
    <row r="1205" spans="1:27" s="1" customFormat="1" ht="11.1" customHeight="1" outlineLevel="2" x14ac:dyDescent="0.2">
      <c r="A1205" s="17"/>
      <c r="B1205" s="17"/>
      <c r="C1205" s="17"/>
      <c r="D1205" s="18"/>
      <c r="E1205" s="18"/>
      <c r="F1205" s="18"/>
      <c r="G1205" s="18"/>
      <c r="H1205" s="18"/>
      <c r="I1205" s="18"/>
      <c r="J1205" s="18"/>
      <c r="K1205" s="18"/>
      <c r="L1205" s="18"/>
      <c r="M1205" s="18"/>
      <c r="N1205" s="18"/>
      <c r="O1205" s="18"/>
      <c r="P1205" s="19"/>
      <c r="Q1205" s="19"/>
      <c r="R1205" s="19"/>
      <c r="S1205" s="19"/>
      <c r="T1205" s="19"/>
      <c r="U1205" s="19"/>
      <c r="V1205" s="19"/>
      <c r="W1205" s="19"/>
      <c r="X1205" s="19"/>
      <c r="Y1205" s="19"/>
      <c r="Z1205" s="19"/>
      <c r="AA1205" s="19"/>
    </row>
    <row r="1206" spans="1:27" s="1" customFormat="1" ht="11.1" customHeight="1" outlineLevel="2" x14ac:dyDescent="0.2">
      <c r="A1206" s="17">
        <v>9778</v>
      </c>
      <c r="B1206" s="17"/>
      <c r="C1206" s="17"/>
      <c r="D1206" s="18" t="s">
        <v>611</v>
      </c>
      <c r="E1206" s="18"/>
      <c r="F1206" s="18"/>
      <c r="G1206" s="18"/>
      <c r="H1206" s="18"/>
      <c r="I1206" s="18"/>
      <c r="J1206" s="18"/>
      <c r="K1206" s="18"/>
      <c r="L1206" s="18"/>
      <c r="M1206" s="18"/>
      <c r="N1206" s="18"/>
      <c r="O1206" s="18"/>
      <c r="P1206" s="19">
        <v>230</v>
      </c>
      <c r="Q1206" s="19"/>
      <c r="R1206" s="19"/>
      <c r="S1206" s="19"/>
      <c r="T1206" s="19">
        <v>200</v>
      </c>
      <c r="U1206" s="19"/>
      <c r="V1206" s="19"/>
      <c r="W1206" s="19"/>
      <c r="X1206" s="19">
        <v>1</v>
      </c>
      <c r="Y1206" s="19"/>
      <c r="Z1206" s="19"/>
      <c r="AA1206" s="19"/>
    </row>
    <row r="1207" spans="1:27" s="1" customFormat="1" ht="11.1" customHeight="1" outlineLevel="2" x14ac:dyDescent="0.2">
      <c r="A1207" s="17"/>
      <c r="B1207" s="17"/>
      <c r="C1207" s="17"/>
      <c r="D1207" s="18"/>
      <c r="E1207" s="18"/>
      <c r="F1207" s="18"/>
      <c r="G1207" s="18"/>
      <c r="H1207" s="18"/>
      <c r="I1207" s="18"/>
      <c r="J1207" s="18"/>
      <c r="K1207" s="18"/>
      <c r="L1207" s="18"/>
      <c r="M1207" s="18"/>
      <c r="N1207" s="18"/>
      <c r="O1207" s="18"/>
      <c r="P1207" s="19"/>
      <c r="Q1207" s="19"/>
      <c r="R1207" s="19"/>
      <c r="S1207" s="19"/>
      <c r="T1207" s="19"/>
      <c r="U1207" s="19"/>
      <c r="V1207" s="19"/>
      <c r="W1207" s="19"/>
      <c r="X1207" s="19"/>
      <c r="Y1207" s="19"/>
      <c r="Z1207" s="19"/>
      <c r="AA1207" s="19"/>
    </row>
    <row r="1208" spans="1:27" s="1" customFormat="1" ht="11.1" customHeight="1" outlineLevel="2" x14ac:dyDescent="0.2">
      <c r="A1208" s="17">
        <v>9399</v>
      </c>
      <c r="B1208" s="17"/>
      <c r="C1208" s="17"/>
      <c r="D1208" s="18" t="s">
        <v>612</v>
      </c>
      <c r="E1208" s="18"/>
      <c r="F1208" s="18"/>
      <c r="G1208" s="18"/>
      <c r="H1208" s="18"/>
      <c r="I1208" s="18"/>
      <c r="J1208" s="18"/>
      <c r="K1208" s="18"/>
      <c r="L1208" s="18"/>
      <c r="M1208" s="18"/>
      <c r="N1208" s="18"/>
      <c r="O1208" s="18"/>
      <c r="P1208" s="19">
        <v>110</v>
      </c>
      <c r="Q1208" s="19"/>
      <c r="R1208" s="19"/>
      <c r="S1208" s="19"/>
      <c r="T1208" s="19">
        <v>95</v>
      </c>
      <c r="U1208" s="19"/>
      <c r="V1208" s="19"/>
      <c r="W1208" s="19"/>
      <c r="X1208" s="19">
        <v>16</v>
      </c>
      <c r="Y1208" s="19"/>
      <c r="Z1208" s="19"/>
      <c r="AA1208" s="19"/>
    </row>
    <row r="1209" spans="1:27" s="1" customFormat="1" ht="11.1" customHeight="1" outlineLevel="2" x14ac:dyDescent="0.2">
      <c r="A1209" s="17"/>
      <c r="B1209" s="17"/>
      <c r="C1209" s="17"/>
      <c r="D1209" s="18"/>
      <c r="E1209" s="18"/>
      <c r="F1209" s="18"/>
      <c r="G1209" s="18"/>
      <c r="H1209" s="18"/>
      <c r="I1209" s="18"/>
      <c r="J1209" s="18"/>
      <c r="K1209" s="18"/>
      <c r="L1209" s="18"/>
      <c r="M1209" s="18"/>
      <c r="N1209" s="18"/>
      <c r="O1209" s="18"/>
      <c r="P1209" s="19"/>
      <c r="Q1209" s="19"/>
      <c r="R1209" s="19"/>
      <c r="S1209" s="19"/>
      <c r="T1209" s="19"/>
      <c r="U1209" s="19"/>
      <c r="V1209" s="19"/>
      <c r="W1209" s="19"/>
      <c r="X1209" s="19"/>
      <c r="Y1209" s="19"/>
      <c r="Z1209" s="19"/>
      <c r="AA1209" s="19"/>
    </row>
    <row r="1210" spans="1:27" s="1" customFormat="1" ht="11.1" customHeight="1" outlineLevel="2" x14ac:dyDescent="0.2">
      <c r="A1210" s="17">
        <v>9753</v>
      </c>
      <c r="B1210" s="17"/>
      <c r="C1210" s="17"/>
      <c r="D1210" s="18" t="s">
        <v>613</v>
      </c>
      <c r="E1210" s="18"/>
      <c r="F1210" s="18"/>
      <c r="G1210" s="18"/>
      <c r="H1210" s="18"/>
      <c r="I1210" s="18"/>
      <c r="J1210" s="18"/>
      <c r="K1210" s="18"/>
      <c r="L1210" s="18"/>
      <c r="M1210" s="18"/>
      <c r="N1210" s="18"/>
      <c r="O1210" s="18"/>
      <c r="P1210" s="19">
        <v>240</v>
      </c>
      <c r="Q1210" s="19"/>
      <c r="R1210" s="19"/>
      <c r="S1210" s="19"/>
      <c r="T1210" s="19">
        <v>190</v>
      </c>
      <c r="U1210" s="19"/>
      <c r="V1210" s="19"/>
      <c r="W1210" s="19"/>
      <c r="X1210" s="19">
        <v>3</v>
      </c>
      <c r="Y1210" s="19"/>
      <c r="Z1210" s="19"/>
      <c r="AA1210" s="19"/>
    </row>
    <row r="1211" spans="1:27" s="1" customFormat="1" ht="11.1" customHeight="1" outlineLevel="2" x14ac:dyDescent="0.2">
      <c r="A1211" s="17"/>
      <c r="B1211" s="17"/>
      <c r="C1211" s="17"/>
      <c r="D1211" s="18"/>
      <c r="E1211" s="18"/>
      <c r="F1211" s="18"/>
      <c r="G1211" s="18"/>
      <c r="H1211" s="18"/>
      <c r="I1211" s="18"/>
      <c r="J1211" s="18"/>
      <c r="K1211" s="18"/>
      <c r="L1211" s="18"/>
      <c r="M1211" s="18"/>
      <c r="N1211" s="18"/>
      <c r="O1211" s="18"/>
      <c r="P1211" s="19"/>
      <c r="Q1211" s="19"/>
      <c r="R1211" s="19"/>
      <c r="S1211" s="19"/>
      <c r="T1211" s="19"/>
      <c r="U1211" s="19"/>
      <c r="V1211" s="19"/>
      <c r="W1211" s="19"/>
      <c r="X1211" s="19"/>
      <c r="Y1211" s="19"/>
      <c r="Z1211" s="19"/>
      <c r="AA1211" s="19"/>
    </row>
    <row r="1212" spans="1:27" s="1" customFormat="1" ht="11.1" customHeight="1" outlineLevel="2" x14ac:dyDescent="0.2">
      <c r="A1212" s="17">
        <v>1176</v>
      </c>
      <c r="B1212" s="17"/>
      <c r="C1212" s="17"/>
      <c r="D1212" s="18" t="s">
        <v>614</v>
      </c>
      <c r="E1212" s="18"/>
      <c r="F1212" s="18"/>
      <c r="G1212" s="18"/>
      <c r="H1212" s="18"/>
      <c r="I1212" s="18"/>
      <c r="J1212" s="18"/>
      <c r="K1212" s="18"/>
      <c r="L1212" s="18"/>
      <c r="M1212" s="18"/>
      <c r="N1212" s="18"/>
      <c r="O1212" s="18"/>
      <c r="P1212" s="19">
        <v>200</v>
      </c>
      <c r="Q1212" s="19"/>
      <c r="R1212" s="19"/>
      <c r="S1212" s="19"/>
      <c r="T1212" s="19">
        <v>160</v>
      </c>
      <c r="U1212" s="19"/>
      <c r="V1212" s="19"/>
      <c r="W1212" s="19"/>
      <c r="X1212" s="19">
        <v>1</v>
      </c>
      <c r="Y1212" s="19"/>
      <c r="Z1212" s="19"/>
      <c r="AA1212" s="19"/>
    </row>
    <row r="1213" spans="1:27" s="1" customFormat="1" ht="11.1" customHeight="1" outlineLevel="2" x14ac:dyDescent="0.2">
      <c r="A1213" s="17"/>
      <c r="B1213" s="17"/>
      <c r="C1213" s="17"/>
      <c r="D1213" s="18"/>
      <c r="E1213" s="18"/>
      <c r="F1213" s="18"/>
      <c r="G1213" s="18"/>
      <c r="H1213" s="18"/>
      <c r="I1213" s="18"/>
      <c r="J1213" s="18"/>
      <c r="K1213" s="18"/>
      <c r="L1213" s="18"/>
      <c r="M1213" s="18"/>
      <c r="N1213" s="18"/>
      <c r="O1213" s="18"/>
      <c r="P1213" s="19"/>
      <c r="Q1213" s="19"/>
      <c r="R1213" s="19"/>
      <c r="S1213" s="19"/>
      <c r="T1213" s="19"/>
      <c r="U1213" s="19"/>
      <c r="V1213" s="19"/>
      <c r="W1213" s="19"/>
      <c r="X1213" s="19"/>
      <c r="Y1213" s="19"/>
      <c r="Z1213" s="19"/>
      <c r="AA1213" s="19"/>
    </row>
    <row r="1214" spans="1:27" s="1" customFormat="1" ht="11.1" customHeight="1" outlineLevel="2" x14ac:dyDescent="0.2">
      <c r="A1214" s="17">
        <v>9553</v>
      </c>
      <c r="B1214" s="17"/>
      <c r="C1214" s="17"/>
      <c r="D1214" s="18" t="s">
        <v>615</v>
      </c>
      <c r="E1214" s="18"/>
      <c r="F1214" s="18"/>
      <c r="G1214" s="18"/>
      <c r="H1214" s="18"/>
      <c r="I1214" s="18"/>
      <c r="J1214" s="18"/>
      <c r="K1214" s="18"/>
      <c r="L1214" s="18"/>
      <c r="M1214" s="18"/>
      <c r="N1214" s="18"/>
      <c r="O1214" s="18"/>
      <c r="P1214" s="19">
        <v>30</v>
      </c>
      <c r="Q1214" s="19"/>
      <c r="R1214" s="19"/>
      <c r="S1214" s="19"/>
      <c r="T1214" s="19">
        <v>20</v>
      </c>
      <c r="U1214" s="19"/>
      <c r="V1214" s="19"/>
      <c r="W1214" s="19"/>
      <c r="X1214" s="19">
        <v>10</v>
      </c>
      <c r="Y1214" s="19"/>
      <c r="Z1214" s="19"/>
      <c r="AA1214" s="19"/>
    </row>
    <row r="1215" spans="1:27" s="1" customFormat="1" ht="11.1" customHeight="1" outlineLevel="2" x14ac:dyDescent="0.2">
      <c r="A1215" s="17"/>
      <c r="B1215" s="17"/>
      <c r="C1215" s="17"/>
      <c r="D1215" s="18"/>
      <c r="E1215" s="18"/>
      <c r="F1215" s="18"/>
      <c r="G1215" s="18"/>
      <c r="H1215" s="18"/>
      <c r="I1215" s="18"/>
      <c r="J1215" s="18"/>
      <c r="K1215" s="18"/>
      <c r="L1215" s="18"/>
      <c r="M1215" s="18"/>
      <c r="N1215" s="18"/>
      <c r="O1215" s="18"/>
      <c r="P1215" s="19"/>
      <c r="Q1215" s="19"/>
      <c r="R1215" s="19"/>
      <c r="S1215" s="19"/>
      <c r="T1215" s="19"/>
      <c r="U1215" s="19"/>
      <c r="V1215" s="19"/>
      <c r="W1215" s="19"/>
      <c r="X1215" s="19"/>
      <c r="Y1215" s="19"/>
      <c r="Z1215" s="19"/>
      <c r="AA1215" s="19"/>
    </row>
    <row r="1216" spans="1:27" s="1" customFormat="1" ht="11.1" customHeight="1" outlineLevel="2" x14ac:dyDescent="0.2">
      <c r="A1216" s="17">
        <v>9145</v>
      </c>
      <c r="B1216" s="17"/>
      <c r="C1216" s="17"/>
      <c r="D1216" s="18" t="s">
        <v>616</v>
      </c>
      <c r="E1216" s="18"/>
      <c r="F1216" s="18"/>
      <c r="G1216" s="18"/>
      <c r="H1216" s="18"/>
      <c r="I1216" s="18"/>
      <c r="J1216" s="18"/>
      <c r="K1216" s="18"/>
      <c r="L1216" s="18"/>
      <c r="M1216" s="18"/>
      <c r="N1216" s="18"/>
      <c r="O1216" s="18"/>
      <c r="P1216" s="19">
        <v>120</v>
      </c>
      <c r="Q1216" s="19"/>
      <c r="R1216" s="19"/>
      <c r="S1216" s="19"/>
      <c r="T1216" s="19">
        <v>90</v>
      </c>
      <c r="U1216" s="19"/>
      <c r="V1216" s="19"/>
      <c r="W1216" s="19"/>
      <c r="X1216" s="19">
        <v>5</v>
      </c>
      <c r="Y1216" s="19"/>
      <c r="Z1216" s="19"/>
      <c r="AA1216" s="19"/>
    </row>
    <row r="1217" spans="1:27" s="1" customFormat="1" ht="11.1" customHeight="1" outlineLevel="2" x14ac:dyDescent="0.2">
      <c r="A1217" s="17"/>
      <c r="B1217" s="17"/>
      <c r="C1217" s="17"/>
      <c r="D1217" s="18"/>
      <c r="E1217" s="18"/>
      <c r="F1217" s="18"/>
      <c r="G1217" s="18"/>
      <c r="H1217" s="18"/>
      <c r="I1217" s="18"/>
      <c r="J1217" s="18"/>
      <c r="K1217" s="18"/>
      <c r="L1217" s="18"/>
      <c r="M1217" s="18"/>
      <c r="N1217" s="18"/>
      <c r="O1217" s="18"/>
      <c r="P1217" s="19"/>
      <c r="Q1217" s="19"/>
      <c r="R1217" s="19"/>
      <c r="S1217" s="19"/>
      <c r="T1217" s="19"/>
      <c r="U1217" s="19"/>
      <c r="V1217" s="19"/>
      <c r="W1217" s="19"/>
      <c r="X1217" s="19"/>
      <c r="Y1217" s="19"/>
      <c r="Z1217" s="19"/>
      <c r="AA1217" s="19"/>
    </row>
    <row r="1218" spans="1:27" s="1" customFormat="1" ht="14.1" customHeight="1" outlineLevel="2" x14ac:dyDescent="0.2">
      <c r="A1218" s="17">
        <v>10986</v>
      </c>
      <c r="B1218" s="17"/>
      <c r="C1218" s="17"/>
      <c r="D1218" s="18" t="s">
        <v>617</v>
      </c>
      <c r="E1218" s="18"/>
      <c r="F1218" s="18"/>
      <c r="G1218" s="18"/>
      <c r="H1218" s="18"/>
      <c r="I1218" s="18"/>
      <c r="J1218" s="18"/>
      <c r="K1218" s="18"/>
      <c r="L1218" s="18"/>
      <c r="M1218" s="18"/>
      <c r="N1218" s="18"/>
      <c r="O1218" s="18"/>
      <c r="P1218" s="19">
        <v>150</v>
      </c>
      <c r="Q1218" s="19"/>
      <c r="R1218" s="19"/>
      <c r="S1218" s="19"/>
      <c r="T1218" s="19">
        <v>120</v>
      </c>
      <c r="U1218" s="19"/>
      <c r="V1218" s="19"/>
      <c r="W1218" s="19"/>
      <c r="X1218" s="19">
        <v>17</v>
      </c>
      <c r="Y1218" s="19"/>
      <c r="Z1218" s="19"/>
      <c r="AA1218" s="19"/>
    </row>
    <row r="1219" spans="1:27" s="1" customFormat="1" ht="14.1" customHeight="1" outlineLevel="2" x14ac:dyDescent="0.2">
      <c r="A1219" s="17"/>
      <c r="B1219" s="17"/>
      <c r="C1219" s="17"/>
      <c r="D1219" s="18"/>
      <c r="E1219" s="18"/>
      <c r="F1219" s="18"/>
      <c r="G1219" s="18"/>
      <c r="H1219" s="18"/>
      <c r="I1219" s="18"/>
      <c r="J1219" s="18"/>
      <c r="K1219" s="18"/>
      <c r="L1219" s="18"/>
      <c r="M1219" s="18"/>
      <c r="N1219" s="18"/>
      <c r="O1219" s="18"/>
      <c r="P1219" s="19"/>
      <c r="Q1219" s="19"/>
      <c r="R1219" s="19"/>
      <c r="S1219" s="19"/>
      <c r="T1219" s="19"/>
      <c r="U1219" s="19"/>
      <c r="V1219" s="19"/>
      <c r="W1219" s="19"/>
      <c r="X1219" s="19"/>
      <c r="Y1219" s="19"/>
      <c r="Z1219" s="19"/>
      <c r="AA1219" s="19"/>
    </row>
    <row r="1220" spans="1:27" s="1" customFormat="1" ht="11.1" customHeight="1" outlineLevel="2" x14ac:dyDescent="0.2">
      <c r="A1220" s="17">
        <v>8819</v>
      </c>
      <c r="B1220" s="17"/>
      <c r="C1220" s="17"/>
      <c r="D1220" s="18" t="s">
        <v>618</v>
      </c>
      <c r="E1220" s="18"/>
      <c r="F1220" s="18"/>
      <c r="G1220" s="18"/>
      <c r="H1220" s="18"/>
      <c r="I1220" s="18"/>
      <c r="J1220" s="18"/>
      <c r="K1220" s="18"/>
      <c r="L1220" s="18"/>
      <c r="M1220" s="18"/>
      <c r="N1220" s="18"/>
      <c r="O1220" s="18"/>
      <c r="P1220" s="19">
        <v>120</v>
      </c>
      <c r="Q1220" s="19"/>
      <c r="R1220" s="19"/>
      <c r="S1220" s="19"/>
      <c r="T1220" s="19">
        <v>90</v>
      </c>
      <c r="U1220" s="19"/>
      <c r="V1220" s="19"/>
      <c r="W1220" s="19"/>
      <c r="X1220" s="19">
        <v>6</v>
      </c>
      <c r="Y1220" s="19"/>
      <c r="Z1220" s="19"/>
      <c r="AA1220" s="19"/>
    </row>
    <row r="1221" spans="1:27" s="1" customFormat="1" ht="11.1" customHeight="1" outlineLevel="2" x14ac:dyDescent="0.2">
      <c r="A1221" s="17"/>
      <c r="B1221" s="17"/>
      <c r="C1221" s="17"/>
      <c r="D1221" s="18"/>
      <c r="E1221" s="18"/>
      <c r="F1221" s="18"/>
      <c r="G1221" s="18"/>
      <c r="H1221" s="18"/>
      <c r="I1221" s="18"/>
      <c r="J1221" s="18"/>
      <c r="K1221" s="18"/>
      <c r="L1221" s="18"/>
      <c r="M1221" s="18"/>
      <c r="N1221" s="18"/>
      <c r="O1221" s="18"/>
      <c r="P1221" s="19"/>
      <c r="Q1221" s="19"/>
      <c r="R1221" s="19"/>
      <c r="S1221" s="19"/>
      <c r="T1221" s="19"/>
      <c r="U1221" s="19"/>
      <c r="V1221" s="19"/>
      <c r="W1221" s="19"/>
      <c r="X1221" s="19"/>
      <c r="Y1221" s="19"/>
      <c r="Z1221" s="19"/>
      <c r="AA1221" s="19"/>
    </row>
    <row r="1222" spans="1:27" s="1" customFormat="1" ht="14.1" customHeight="1" outlineLevel="2" x14ac:dyDescent="0.2">
      <c r="A1222" s="17">
        <v>10987</v>
      </c>
      <c r="B1222" s="17"/>
      <c r="C1222" s="17"/>
      <c r="D1222" s="18" t="s">
        <v>619</v>
      </c>
      <c r="E1222" s="18"/>
      <c r="F1222" s="18"/>
      <c r="G1222" s="18"/>
      <c r="H1222" s="18"/>
      <c r="I1222" s="18"/>
      <c r="J1222" s="18"/>
      <c r="K1222" s="18"/>
      <c r="L1222" s="18"/>
      <c r="M1222" s="18"/>
      <c r="N1222" s="18"/>
      <c r="O1222" s="18"/>
      <c r="P1222" s="19">
        <v>150</v>
      </c>
      <c r="Q1222" s="19"/>
      <c r="R1222" s="19"/>
      <c r="S1222" s="19"/>
      <c r="T1222" s="19">
        <v>120</v>
      </c>
      <c r="U1222" s="19"/>
      <c r="V1222" s="19"/>
      <c r="W1222" s="19"/>
      <c r="X1222" s="19">
        <v>14</v>
      </c>
      <c r="Y1222" s="19"/>
      <c r="Z1222" s="19"/>
      <c r="AA1222" s="19"/>
    </row>
    <row r="1223" spans="1:27" s="1" customFormat="1" ht="14.1" customHeight="1" outlineLevel="2" x14ac:dyDescent="0.2">
      <c r="A1223" s="17"/>
      <c r="B1223" s="17"/>
      <c r="C1223" s="17"/>
      <c r="D1223" s="18"/>
      <c r="E1223" s="18"/>
      <c r="F1223" s="18"/>
      <c r="G1223" s="18"/>
      <c r="H1223" s="18"/>
      <c r="I1223" s="18"/>
      <c r="J1223" s="18"/>
      <c r="K1223" s="18"/>
      <c r="L1223" s="18"/>
      <c r="M1223" s="18"/>
      <c r="N1223" s="18"/>
      <c r="O1223" s="18"/>
      <c r="P1223" s="19"/>
      <c r="Q1223" s="19"/>
      <c r="R1223" s="19"/>
      <c r="S1223" s="19"/>
      <c r="T1223" s="19"/>
      <c r="U1223" s="19"/>
      <c r="V1223" s="19"/>
      <c r="W1223" s="19"/>
      <c r="X1223" s="19"/>
      <c r="Y1223" s="19"/>
      <c r="Z1223" s="19"/>
      <c r="AA1223" s="19"/>
    </row>
    <row r="1224" spans="1:27" s="1" customFormat="1" ht="14.1" customHeight="1" outlineLevel="2" x14ac:dyDescent="0.2">
      <c r="A1224" s="17">
        <v>7274</v>
      </c>
      <c r="B1224" s="17"/>
      <c r="C1224" s="17"/>
      <c r="D1224" s="18" t="s">
        <v>620</v>
      </c>
      <c r="E1224" s="18"/>
      <c r="F1224" s="18"/>
      <c r="G1224" s="18"/>
      <c r="H1224" s="18"/>
      <c r="I1224" s="18"/>
      <c r="J1224" s="18"/>
      <c r="K1224" s="18"/>
      <c r="L1224" s="18"/>
      <c r="M1224" s="18"/>
      <c r="N1224" s="18"/>
      <c r="O1224" s="18"/>
      <c r="P1224" s="19">
        <v>240</v>
      </c>
      <c r="Q1224" s="19"/>
      <c r="R1224" s="19"/>
      <c r="S1224" s="19"/>
      <c r="T1224" s="19">
        <v>190</v>
      </c>
      <c r="U1224" s="19"/>
      <c r="V1224" s="19"/>
      <c r="W1224" s="19"/>
      <c r="X1224" s="19">
        <v>3</v>
      </c>
      <c r="Y1224" s="19"/>
      <c r="Z1224" s="19"/>
      <c r="AA1224" s="19"/>
    </row>
    <row r="1225" spans="1:27" s="1" customFormat="1" ht="14.1" customHeight="1" outlineLevel="2" x14ac:dyDescent="0.2">
      <c r="A1225" s="17"/>
      <c r="B1225" s="17"/>
      <c r="C1225" s="17"/>
      <c r="D1225" s="18"/>
      <c r="E1225" s="18"/>
      <c r="F1225" s="18"/>
      <c r="G1225" s="18"/>
      <c r="H1225" s="18"/>
      <c r="I1225" s="18"/>
      <c r="J1225" s="18"/>
      <c r="K1225" s="18"/>
      <c r="L1225" s="18"/>
      <c r="M1225" s="18"/>
      <c r="N1225" s="18"/>
      <c r="O1225" s="18"/>
      <c r="P1225" s="19"/>
      <c r="Q1225" s="19"/>
      <c r="R1225" s="19"/>
      <c r="S1225" s="19"/>
      <c r="T1225" s="19"/>
      <c r="U1225" s="19"/>
      <c r="V1225" s="19"/>
      <c r="W1225" s="19"/>
      <c r="X1225" s="19"/>
      <c r="Y1225" s="19"/>
      <c r="Z1225" s="19"/>
      <c r="AA1225" s="19"/>
    </row>
    <row r="1226" spans="1:27" s="1" customFormat="1" ht="14.1" customHeight="1" outlineLevel="2" x14ac:dyDescent="0.2">
      <c r="A1226" s="17">
        <v>7275</v>
      </c>
      <c r="B1226" s="17"/>
      <c r="C1226" s="17"/>
      <c r="D1226" s="18" t="s">
        <v>621</v>
      </c>
      <c r="E1226" s="18"/>
      <c r="F1226" s="18"/>
      <c r="G1226" s="18"/>
      <c r="H1226" s="18"/>
      <c r="I1226" s="18"/>
      <c r="J1226" s="18"/>
      <c r="K1226" s="18"/>
      <c r="L1226" s="18"/>
      <c r="M1226" s="18"/>
      <c r="N1226" s="18"/>
      <c r="O1226" s="18"/>
      <c r="P1226" s="19">
        <v>160</v>
      </c>
      <c r="Q1226" s="19"/>
      <c r="R1226" s="19"/>
      <c r="S1226" s="19"/>
      <c r="T1226" s="19">
        <v>120</v>
      </c>
      <c r="U1226" s="19"/>
      <c r="V1226" s="19"/>
      <c r="W1226" s="19"/>
      <c r="X1226" s="19">
        <v>2</v>
      </c>
      <c r="Y1226" s="19"/>
      <c r="Z1226" s="19"/>
      <c r="AA1226" s="19"/>
    </row>
    <row r="1227" spans="1:27" s="1" customFormat="1" ht="14.1" customHeight="1" outlineLevel="2" x14ac:dyDescent="0.2">
      <c r="A1227" s="17"/>
      <c r="B1227" s="17"/>
      <c r="C1227" s="17"/>
      <c r="D1227" s="18"/>
      <c r="E1227" s="18"/>
      <c r="F1227" s="18"/>
      <c r="G1227" s="18"/>
      <c r="H1227" s="18"/>
      <c r="I1227" s="18"/>
      <c r="J1227" s="18"/>
      <c r="K1227" s="18"/>
      <c r="L1227" s="18"/>
      <c r="M1227" s="18"/>
      <c r="N1227" s="18"/>
      <c r="O1227" s="18"/>
      <c r="P1227" s="19"/>
      <c r="Q1227" s="19"/>
      <c r="R1227" s="19"/>
      <c r="S1227" s="19"/>
      <c r="T1227" s="19"/>
      <c r="U1227" s="19"/>
      <c r="V1227" s="19"/>
      <c r="W1227" s="19"/>
      <c r="X1227" s="19"/>
      <c r="Y1227" s="19"/>
      <c r="Z1227" s="19"/>
      <c r="AA1227" s="19"/>
    </row>
    <row r="1228" spans="1:27" s="1" customFormat="1" ht="11.1" customHeight="1" outlineLevel="1" x14ac:dyDescent="0.2">
      <c r="A1228" s="16" t="s">
        <v>622</v>
      </c>
      <c r="B1228" s="16"/>
      <c r="C1228" s="16"/>
      <c r="D1228" s="16"/>
      <c r="E1228" s="16"/>
      <c r="F1228" s="16"/>
      <c r="G1228" s="16"/>
      <c r="H1228" s="16"/>
      <c r="I1228" s="16"/>
      <c r="J1228" s="16"/>
      <c r="K1228" s="16"/>
      <c r="L1228" s="16"/>
      <c r="M1228" s="16"/>
      <c r="N1228" s="16"/>
      <c r="O1228" s="16"/>
      <c r="P1228" s="16"/>
      <c r="Q1228" s="16"/>
      <c r="R1228" s="16"/>
      <c r="S1228" s="16"/>
      <c r="T1228" s="16"/>
      <c r="U1228" s="16"/>
      <c r="V1228" s="16"/>
      <c r="W1228" s="16"/>
      <c r="X1228" s="16"/>
      <c r="Y1228" s="16"/>
      <c r="Z1228" s="16"/>
      <c r="AA1228" s="16"/>
    </row>
    <row r="1229" spans="1:27" s="1" customFormat="1" ht="11.1" customHeight="1" outlineLevel="1" x14ac:dyDescent="0.2">
      <c r="A1229" s="16"/>
      <c r="B1229" s="16"/>
      <c r="C1229" s="16"/>
      <c r="D1229" s="16"/>
      <c r="E1229" s="16"/>
      <c r="F1229" s="16"/>
      <c r="G1229" s="16"/>
      <c r="H1229" s="16"/>
      <c r="I1229" s="16"/>
      <c r="J1229" s="16"/>
      <c r="K1229" s="16"/>
      <c r="L1229" s="16"/>
      <c r="M1229" s="16"/>
      <c r="N1229" s="16"/>
      <c r="O1229" s="16"/>
      <c r="P1229" s="16"/>
      <c r="Q1229" s="16"/>
      <c r="R1229" s="16"/>
      <c r="S1229" s="16"/>
      <c r="T1229" s="16"/>
      <c r="U1229" s="16"/>
      <c r="V1229" s="16"/>
      <c r="W1229" s="16"/>
      <c r="X1229" s="16"/>
      <c r="Y1229" s="16"/>
      <c r="Z1229" s="16"/>
      <c r="AA1229" s="16"/>
    </row>
    <row r="1230" spans="1:27" s="1" customFormat="1" ht="11.1" customHeight="1" outlineLevel="2" x14ac:dyDescent="0.2">
      <c r="A1230" s="17">
        <v>9338</v>
      </c>
      <c r="B1230" s="17"/>
      <c r="C1230" s="17"/>
      <c r="D1230" s="18" t="s">
        <v>623</v>
      </c>
      <c r="E1230" s="18"/>
      <c r="F1230" s="18"/>
      <c r="G1230" s="18"/>
      <c r="H1230" s="18"/>
      <c r="I1230" s="18"/>
      <c r="J1230" s="18"/>
      <c r="K1230" s="18"/>
      <c r="L1230" s="18"/>
      <c r="M1230" s="18"/>
      <c r="N1230" s="18"/>
      <c r="O1230" s="18"/>
      <c r="P1230" s="19">
        <v>50</v>
      </c>
      <c r="Q1230" s="19"/>
      <c r="R1230" s="19"/>
      <c r="S1230" s="19"/>
      <c r="T1230" s="19">
        <v>30</v>
      </c>
      <c r="U1230" s="19"/>
      <c r="V1230" s="19"/>
      <c r="W1230" s="19"/>
      <c r="X1230" s="19">
        <v>6</v>
      </c>
      <c r="Y1230" s="19"/>
      <c r="Z1230" s="19"/>
      <c r="AA1230" s="19"/>
    </row>
    <row r="1231" spans="1:27" s="1" customFormat="1" ht="11.1" customHeight="1" outlineLevel="2" x14ac:dyDescent="0.2">
      <c r="A1231" s="17"/>
      <c r="B1231" s="17"/>
      <c r="C1231" s="17"/>
      <c r="D1231" s="18"/>
      <c r="E1231" s="18"/>
      <c r="F1231" s="18"/>
      <c r="G1231" s="18"/>
      <c r="H1231" s="18"/>
      <c r="I1231" s="18"/>
      <c r="J1231" s="18"/>
      <c r="K1231" s="18"/>
      <c r="L1231" s="18"/>
      <c r="M1231" s="18"/>
      <c r="N1231" s="18"/>
      <c r="O1231" s="18"/>
      <c r="P1231" s="19"/>
      <c r="Q1231" s="19"/>
      <c r="R1231" s="19"/>
      <c r="S1231" s="19"/>
      <c r="T1231" s="19"/>
      <c r="U1231" s="19"/>
      <c r="V1231" s="19"/>
      <c r="W1231" s="19"/>
      <c r="X1231" s="19"/>
      <c r="Y1231" s="19"/>
      <c r="Z1231" s="19"/>
      <c r="AA1231" s="19"/>
    </row>
    <row r="1232" spans="1:27" s="1" customFormat="1" ht="11.1" customHeight="1" outlineLevel="2" x14ac:dyDescent="0.2">
      <c r="A1232" s="17">
        <v>5978</v>
      </c>
      <c r="B1232" s="17"/>
      <c r="C1232" s="17"/>
      <c r="D1232" s="18" t="s">
        <v>624</v>
      </c>
      <c r="E1232" s="18"/>
      <c r="F1232" s="18"/>
      <c r="G1232" s="18"/>
      <c r="H1232" s="18"/>
      <c r="I1232" s="18"/>
      <c r="J1232" s="18"/>
      <c r="K1232" s="18"/>
      <c r="L1232" s="18"/>
      <c r="M1232" s="18"/>
      <c r="N1232" s="18"/>
      <c r="O1232" s="18"/>
      <c r="P1232" s="19">
        <v>450</v>
      </c>
      <c r="Q1232" s="19"/>
      <c r="R1232" s="19"/>
      <c r="S1232" s="19"/>
      <c r="T1232" s="19">
        <v>340</v>
      </c>
      <c r="U1232" s="19"/>
      <c r="V1232" s="19"/>
      <c r="W1232" s="19"/>
      <c r="X1232" s="19">
        <v>2</v>
      </c>
      <c r="Y1232" s="19"/>
      <c r="Z1232" s="19"/>
      <c r="AA1232" s="19"/>
    </row>
    <row r="1233" spans="1:27" s="1" customFormat="1" ht="11.1" customHeight="1" outlineLevel="2" x14ac:dyDescent="0.2">
      <c r="A1233" s="17"/>
      <c r="B1233" s="17"/>
      <c r="C1233" s="17"/>
      <c r="D1233" s="18"/>
      <c r="E1233" s="18"/>
      <c r="F1233" s="18"/>
      <c r="G1233" s="18"/>
      <c r="H1233" s="18"/>
      <c r="I1233" s="18"/>
      <c r="J1233" s="18"/>
      <c r="K1233" s="18"/>
      <c r="L1233" s="18"/>
      <c r="M1233" s="18"/>
      <c r="N1233" s="18"/>
      <c r="O1233" s="18"/>
      <c r="P1233" s="19"/>
      <c r="Q1233" s="19"/>
      <c r="R1233" s="19"/>
      <c r="S1233" s="19"/>
      <c r="T1233" s="19"/>
      <c r="U1233" s="19"/>
      <c r="V1233" s="19"/>
      <c r="W1233" s="19"/>
      <c r="X1233" s="19"/>
      <c r="Y1233" s="19"/>
      <c r="Z1233" s="19"/>
      <c r="AA1233" s="19"/>
    </row>
    <row r="1234" spans="1:27" s="1" customFormat="1" ht="11.1" customHeight="1" outlineLevel="2" x14ac:dyDescent="0.2">
      <c r="A1234" s="17">
        <v>11316</v>
      </c>
      <c r="B1234" s="17"/>
      <c r="C1234" s="17"/>
      <c r="D1234" s="18" t="s">
        <v>625</v>
      </c>
      <c r="E1234" s="18"/>
      <c r="F1234" s="18"/>
      <c r="G1234" s="18"/>
      <c r="H1234" s="18"/>
      <c r="I1234" s="18"/>
      <c r="J1234" s="18"/>
      <c r="K1234" s="18"/>
      <c r="L1234" s="18"/>
      <c r="M1234" s="18"/>
      <c r="N1234" s="18"/>
      <c r="O1234" s="18"/>
      <c r="P1234" s="19">
        <v>690</v>
      </c>
      <c r="Q1234" s="19"/>
      <c r="R1234" s="19"/>
      <c r="S1234" s="19"/>
      <c r="T1234" s="19">
        <v>590</v>
      </c>
      <c r="U1234" s="19"/>
      <c r="V1234" s="19"/>
      <c r="W1234" s="19"/>
      <c r="X1234" s="19">
        <v>4</v>
      </c>
      <c r="Y1234" s="19"/>
      <c r="Z1234" s="19"/>
      <c r="AA1234" s="19"/>
    </row>
    <row r="1235" spans="1:27" s="1" customFormat="1" ht="11.1" customHeight="1" outlineLevel="2" x14ac:dyDescent="0.2">
      <c r="A1235" s="17"/>
      <c r="B1235" s="17"/>
      <c r="C1235" s="17"/>
      <c r="D1235" s="18"/>
      <c r="E1235" s="18"/>
      <c r="F1235" s="18"/>
      <c r="G1235" s="18"/>
      <c r="H1235" s="18"/>
      <c r="I1235" s="18"/>
      <c r="J1235" s="18"/>
      <c r="K1235" s="18"/>
      <c r="L1235" s="18"/>
      <c r="M1235" s="18"/>
      <c r="N1235" s="18"/>
      <c r="O1235" s="18"/>
      <c r="P1235" s="19"/>
      <c r="Q1235" s="19"/>
      <c r="R1235" s="19"/>
      <c r="S1235" s="19"/>
      <c r="T1235" s="19"/>
      <c r="U1235" s="19"/>
      <c r="V1235" s="19"/>
      <c r="W1235" s="19"/>
      <c r="X1235" s="19"/>
      <c r="Y1235" s="19"/>
      <c r="Z1235" s="19"/>
      <c r="AA1235" s="19"/>
    </row>
    <row r="1236" spans="1:27" s="1" customFormat="1" ht="11.1" customHeight="1" outlineLevel="2" x14ac:dyDescent="0.2">
      <c r="A1236" s="17">
        <v>14616</v>
      </c>
      <c r="B1236" s="17"/>
      <c r="C1236" s="17"/>
      <c r="D1236" s="18" t="s">
        <v>626</v>
      </c>
      <c r="E1236" s="18"/>
      <c r="F1236" s="18"/>
      <c r="G1236" s="18"/>
      <c r="H1236" s="18"/>
      <c r="I1236" s="18"/>
      <c r="J1236" s="18"/>
      <c r="K1236" s="18"/>
      <c r="L1236" s="18"/>
      <c r="M1236" s="18"/>
      <c r="N1236" s="18"/>
      <c r="O1236" s="18"/>
      <c r="P1236" s="19">
        <v>90</v>
      </c>
      <c r="Q1236" s="19"/>
      <c r="R1236" s="19"/>
      <c r="S1236" s="19"/>
      <c r="T1236" s="19">
        <v>50</v>
      </c>
      <c r="U1236" s="19"/>
      <c r="V1236" s="19"/>
      <c r="W1236" s="19"/>
      <c r="X1236" s="19">
        <v>2</v>
      </c>
      <c r="Y1236" s="19"/>
      <c r="Z1236" s="19"/>
      <c r="AA1236" s="19"/>
    </row>
    <row r="1237" spans="1:27" s="1" customFormat="1" ht="11.1" customHeight="1" outlineLevel="2" x14ac:dyDescent="0.2">
      <c r="A1237" s="17"/>
      <c r="B1237" s="17"/>
      <c r="C1237" s="17"/>
      <c r="D1237" s="18"/>
      <c r="E1237" s="18"/>
      <c r="F1237" s="18"/>
      <c r="G1237" s="18"/>
      <c r="H1237" s="18"/>
      <c r="I1237" s="18"/>
      <c r="J1237" s="18"/>
      <c r="K1237" s="18"/>
      <c r="L1237" s="18"/>
      <c r="M1237" s="18"/>
      <c r="N1237" s="18"/>
      <c r="O1237" s="18"/>
      <c r="P1237" s="19"/>
      <c r="Q1237" s="19"/>
      <c r="R1237" s="19"/>
      <c r="S1237" s="19"/>
      <c r="T1237" s="19"/>
      <c r="U1237" s="19"/>
      <c r="V1237" s="19"/>
      <c r="W1237" s="19"/>
      <c r="X1237" s="19"/>
      <c r="Y1237" s="19"/>
      <c r="Z1237" s="19"/>
      <c r="AA1237" s="19"/>
    </row>
    <row r="1238" spans="1:27" s="1" customFormat="1" ht="11.1" customHeight="1" outlineLevel="2" x14ac:dyDescent="0.2">
      <c r="A1238" s="17">
        <v>10118</v>
      </c>
      <c r="B1238" s="17"/>
      <c r="C1238" s="17"/>
      <c r="D1238" s="18" t="s">
        <v>627</v>
      </c>
      <c r="E1238" s="18"/>
      <c r="F1238" s="18"/>
      <c r="G1238" s="18"/>
      <c r="H1238" s="18"/>
      <c r="I1238" s="18"/>
      <c r="J1238" s="18"/>
      <c r="K1238" s="18"/>
      <c r="L1238" s="18"/>
      <c r="M1238" s="18"/>
      <c r="N1238" s="18"/>
      <c r="O1238" s="18"/>
      <c r="P1238" s="19">
        <v>20</v>
      </c>
      <c r="Q1238" s="19"/>
      <c r="R1238" s="19"/>
      <c r="S1238" s="19"/>
      <c r="T1238" s="19">
        <v>15</v>
      </c>
      <c r="U1238" s="19"/>
      <c r="V1238" s="19"/>
      <c r="W1238" s="19"/>
      <c r="X1238" s="19">
        <v>15</v>
      </c>
      <c r="Y1238" s="19"/>
      <c r="Z1238" s="19"/>
      <c r="AA1238" s="19"/>
    </row>
    <row r="1239" spans="1:27" s="1" customFormat="1" ht="11.1" customHeight="1" outlineLevel="2" x14ac:dyDescent="0.2">
      <c r="A1239" s="17"/>
      <c r="B1239" s="17"/>
      <c r="C1239" s="17"/>
      <c r="D1239" s="18"/>
      <c r="E1239" s="18"/>
      <c r="F1239" s="18"/>
      <c r="G1239" s="18"/>
      <c r="H1239" s="18"/>
      <c r="I1239" s="18"/>
      <c r="J1239" s="18"/>
      <c r="K1239" s="18"/>
      <c r="L1239" s="18"/>
      <c r="M1239" s="18"/>
      <c r="N1239" s="18"/>
      <c r="O1239" s="18"/>
      <c r="P1239" s="19"/>
      <c r="Q1239" s="19"/>
      <c r="R1239" s="19"/>
      <c r="S1239" s="19"/>
      <c r="T1239" s="19"/>
      <c r="U1239" s="19"/>
      <c r="V1239" s="19"/>
      <c r="W1239" s="19"/>
      <c r="X1239" s="19"/>
      <c r="Y1239" s="19"/>
      <c r="Z1239" s="19"/>
      <c r="AA1239" s="19"/>
    </row>
    <row r="1240" spans="1:27" s="1" customFormat="1" ht="14.1" customHeight="1" outlineLevel="2" x14ac:dyDescent="0.2">
      <c r="A1240" s="17">
        <v>10119</v>
      </c>
      <c r="B1240" s="17"/>
      <c r="C1240" s="17"/>
      <c r="D1240" s="18" t="s">
        <v>628</v>
      </c>
      <c r="E1240" s="18"/>
      <c r="F1240" s="18"/>
      <c r="G1240" s="18"/>
      <c r="H1240" s="18"/>
      <c r="I1240" s="18"/>
      <c r="J1240" s="18"/>
      <c r="K1240" s="18"/>
      <c r="L1240" s="18"/>
      <c r="M1240" s="18"/>
      <c r="N1240" s="18"/>
      <c r="O1240" s="18"/>
      <c r="P1240" s="19">
        <v>20</v>
      </c>
      <c r="Q1240" s="19"/>
      <c r="R1240" s="19"/>
      <c r="S1240" s="19"/>
      <c r="T1240" s="19">
        <v>15</v>
      </c>
      <c r="U1240" s="19"/>
      <c r="V1240" s="19"/>
      <c r="W1240" s="19"/>
      <c r="X1240" s="19">
        <v>13</v>
      </c>
      <c r="Y1240" s="19"/>
      <c r="Z1240" s="19"/>
      <c r="AA1240" s="19"/>
    </row>
    <row r="1241" spans="1:27" s="1" customFormat="1" ht="14.1" customHeight="1" outlineLevel="2" x14ac:dyDescent="0.2">
      <c r="A1241" s="17"/>
      <c r="B1241" s="17"/>
      <c r="C1241" s="17"/>
      <c r="D1241" s="18"/>
      <c r="E1241" s="18"/>
      <c r="F1241" s="18"/>
      <c r="G1241" s="18"/>
      <c r="H1241" s="18"/>
      <c r="I1241" s="18"/>
      <c r="J1241" s="18"/>
      <c r="K1241" s="18"/>
      <c r="L1241" s="18"/>
      <c r="M1241" s="18"/>
      <c r="N1241" s="18"/>
      <c r="O1241" s="18"/>
      <c r="P1241" s="19"/>
      <c r="Q1241" s="19"/>
      <c r="R1241" s="19"/>
      <c r="S1241" s="19"/>
      <c r="T1241" s="19"/>
      <c r="U1241" s="19"/>
      <c r="V1241" s="19"/>
      <c r="W1241" s="19"/>
      <c r="X1241" s="19"/>
      <c r="Y1241" s="19"/>
      <c r="Z1241" s="19"/>
      <c r="AA1241" s="19"/>
    </row>
    <row r="1242" spans="1:27" s="1" customFormat="1" ht="11.1" customHeight="1" outlineLevel="2" x14ac:dyDescent="0.2">
      <c r="A1242" s="17">
        <v>10120</v>
      </c>
      <c r="B1242" s="17"/>
      <c r="C1242" s="17"/>
      <c r="D1242" s="18" t="s">
        <v>629</v>
      </c>
      <c r="E1242" s="18"/>
      <c r="F1242" s="18"/>
      <c r="G1242" s="18"/>
      <c r="H1242" s="18"/>
      <c r="I1242" s="18"/>
      <c r="J1242" s="18"/>
      <c r="K1242" s="18"/>
      <c r="L1242" s="18"/>
      <c r="M1242" s="18"/>
      <c r="N1242" s="18"/>
      <c r="O1242" s="18"/>
      <c r="P1242" s="19">
        <v>20</v>
      </c>
      <c r="Q1242" s="19"/>
      <c r="R1242" s="19"/>
      <c r="S1242" s="19"/>
      <c r="T1242" s="19">
        <v>15</v>
      </c>
      <c r="U1242" s="19"/>
      <c r="V1242" s="19"/>
      <c r="W1242" s="19"/>
      <c r="X1242" s="19">
        <v>15</v>
      </c>
      <c r="Y1242" s="19"/>
      <c r="Z1242" s="19"/>
      <c r="AA1242" s="19"/>
    </row>
    <row r="1243" spans="1:27" s="1" customFormat="1" ht="11.1" customHeight="1" outlineLevel="2" x14ac:dyDescent="0.2">
      <c r="A1243" s="17"/>
      <c r="B1243" s="17"/>
      <c r="C1243" s="17"/>
      <c r="D1243" s="18"/>
      <c r="E1243" s="18"/>
      <c r="F1243" s="18"/>
      <c r="G1243" s="18"/>
      <c r="H1243" s="18"/>
      <c r="I1243" s="18"/>
      <c r="J1243" s="18"/>
      <c r="K1243" s="18"/>
      <c r="L1243" s="18"/>
      <c r="M1243" s="18"/>
      <c r="N1243" s="18"/>
      <c r="O1243" s="18"/>
      <c r="P1243" s="19"/>
      <c r="Q1243" s="19"/>
      <c r="R1243" s="19"/>
      <c r="S1243" s="19"/>
      <c r="T1243" s="19"/>
      <c r="U1243" s="19"/>
      <c r="V1243" s="19"/>
      <c r="W1243" s="19"/>
      <c r="X1243" s="19"/>
      <c r="Y1243" s="19"/>
      <c r="Z1243" s="19"/>
      <c r="AA1243" s="19"/>
    </row>
    <row r="1244" spans="1:27" s="1" customFormat="1" ht="14.1" customHeight="1" outlineLevel="2" x14ac:dyDescent="0.2">
      <c r="A1244" s="17">
        <v>10121</v>
      </c>
      <c r="B1244" s="17"/>
      <c r="C1244" s="17"/>
      <c r="D1244" s="18" t="s">
        <v>630</v>
      </c>
      <c r="E1244" s="18"/>
      <c r="F1244" s="18"/>
      <c r="G1244" s="18"/>
      <c r="H1244" s="18"/>
      <c r="I1244" s="18"/>
      <c r="J1244" s="18"/>
      <c r="K1244" s="18"/>
      <c r="L1244" s="18"/>
      <c r="M1244" s="18"/>
      <c r="N1244" s="18"/>
      <c r="O1244" s="18"/>
      <c r="P1244" s="19">
        <v>20</v>
      </c>
      <c r="Q1244" s="19"/>
      <c r="R1244" s="19"/>
      <c r="S1244" s="19"/>
      <c r="T1244" s="19">
        <v>15</v>
      </c>
      <c r="U1244" s="19"/>
      <c r="V1244" s="19"/>
      <c r="W1244" s="19"/>
      <c r="X1244" s="19">
        <v>32</v>
      </c>
      <c r="Y1244" s="19"/>
      <c r="Z1244" s="19"/>
      <c r="AA1244" s="19"/>
    </row>
    <row r="1245" spans="1:27" s="1" customFormat="1" ht="14.1" customHeight="1" outlineLevel="2" x14ac:dyDescent="0.2">
      <c r="A1245" s="17"/>
      <c r="B1245" s="17"/>
      <c r="C1245" s="17"/>
      <c r="D1245" s="18"/>
      <c r="E1245" s="18"/>
      <c r="F1245" s="18"/>
      <c r="G1245" s="18"/>
      <c r="H1245" s="18"/>
      <c r="I1245" s="18"/>
      <c r="J1245" s="18"/>
      <c r="K1245" s="18"/>
      <c r="L1245" s="18"/>
      <c r="M1245" s="18"/>
      <c r="N1245" s="18"/>
      <c r="O1245" s="18"/>
      <c r="P1245" s="19"/>
      <c r="Q1245" s="19"/>
      <c r="R1245" s="19"/>
      <c r="S1245" s="19"/>
      <c r="T1245" s="19"/>
      <c r="U1245" s="19"/>
      <c r="V1245" s="19"/>
      <c r="W1245" s="19"/>
      <c r="X1245" s="19"/>
      <c r="Y1245" s="19"/>
      <c r="Z1245" s="19"/>
      <c r="AA1245" s="19"/>
    </row>
    <row r="1246" spans="1:27" s="1" customFormat="1" ht="11.1" customHeight="1" outlineLevel="2" x14ac:dyDescent="0.2">
      <c r="A1246" s="17">
        <v>9071</v>
      </c>
      <c r="B1246" s="17"/>
      <c r="C1246" s="17"/>
      <c r="D1246" s="18" t="s">
        <v>631</v>
      </c>
      <c r="E1246" s="18"/>
      <c r="F1246" s="18"/>
      <c r="G1246" s="18"/>
      <c r="H1246" s="18"/>
      <c r="I1246" s="18"/>
      <c r="J1246" s="18"/>
      <c r="K1246" s="18"/>
      <c r="L1246" s="18"/>
      <c r="M1246" s="18"/>
      <c r="N1246" s="18"/>
      <c r="O1246" s="18"/>
      <c r="P1246" s="19">
        <v>90</v>
      </c>
      <c r="Q1246" s="19"/>
      <c r="R1246" s="19"/>
      <c r="S1246" s="19"/>
      <c r="T1246" s="19">
        <v>50</v>
      </c>
      <c r="U1246" s="19"/>
      <c r="V1246" s="19"/>
      <c r="W1246" s="19"/>
      <c r="X1246" s="19">
        <v>3</v>
      </c>
      <c r="Y1246" s="19"/>
      <c r="Z1246" s="19"/>
      <c r="AA1246" s="19"/>
    </row>
    <row r="1247" spans="1:27" s="1" customFormat="1" ht="11.1" customHeight="1" outlineLevel="2" x14ac:dyDescent="0.2">
      <c r="A1247" s="17"/>
      <c r="B1247" s="17"/>
      <c r="C1247" s="17"/>
      <c r="D1247" s="18"/>
      <c r="E1247" s="18"/>
      <c r="F1247" s="18"/>
      <c r="G1247" s="18"/>
      <c r="H1247" s="18"/>
      <c r="I1247" s="18"/>
      <c r="J1247" s="18"/>
      <c r="K1247" s="18"/>
      <c r="L1247" s="18"/>
      <c r="M1247" s="18"/>
      <c r="N1247" s="18"/>
      <c r="O1247" s="18"/>
      <c r="P1247" s="19"/>
      <c r="Q1247" s="19"/>
      <c r="R1247" s="19"/>
      <c r="S1247" s="19"/>
      <c r="T1247" s="19"/>
      <c r="U1247" s="19"/>
      <c r="V1247" s="19"/>
      <c r="W1247" s="19"/>
      <c r="X1247" s="19"/>
      <c r="Y1247" s="19"/>
      <c r="Z1247" s="19"/>
      <c r="AA1247" s="19"/>
    </row>
    <row r="1248" spans="1:27" s="1" customFormat="1" ht="11.1" customHeight="1" outlineLevel="2" x14ac:dyDescent="0.2">
      <c r="A1248" s="17">
        <v>8877</v>
      </c>
      <c r="B1248" s="17"/>
      <c r="C1248" s="17"/>
      <c r="D1248" s="18" t="s">
        <v>632</v>
      </c>
      <c r="E1248" s="18"/>
      <c r="F1248" s="18"/>
      <c r="G1248" s="18"/>
      <c r="H1248" s="18"/>
      <c r="I1248" s="18"/>
      <c r="J1248" s="18"/>
      <c r="K1248" s="18"/>
      <c r="L1248" s="18"/>
      <c r="M1248" s="18"/>
      <c r="N1248" s="18"/>
      <c r="O1248" s="18"/>
      <c r="P1248" s="19">
        <v>40</v>
      </c>
      <c r="Q1248" s="19"/>
      <c r="R1248" s="19"/>
      <c r="S1248" s="19"/>
      <c r="T1248" s="19">
        <v>25</v>
      </c>
      <c r="U1248" s="19"/>
      <c r="V1248" s="19"/>
      <c r="W1248" s="19"/>
      <c r="X1248" s="19">
        <v>1</v>
      </c>
      <c r="Y1248" s="19"/>
      <c r="Z1248" s="19"/>
      <c r="AA1248" s="19"/>
    </row>
    <row r="1249" spans="1:27" s="1" customFormat="1" ht="11.1" customHeight="1" outlineLevel="2" x14ac:dyDescent="0.2">
      <c r="A1249" s="17"/>
      <c r="B1249" s="17"/>
      <c r="C1249" s="17"/>
      <c r="D1249" s="18"/>
      <c r="E1249" s="18"/>
      <c r="F1249" s="18"/>
      <c r="G1249" s="18"/>
      <c r="H1249" s="18"/>
      <c r="I1249" s="18"/>
      <c r="J1249" s="18"/>
      <c r="K1249" s="18"/>
      <c r="L1249" s="18"/>
      <c r="M1249" s="18"/>
      <c r="N1249" s="18"/>
      <c r="O1249" s="18"/>
      <c r="P1249" s="19"/>
      <c r="Q1249" s="19"/>
      <c r="R1249" s="19"/>
      <c r="S1249" s="19"/>
      <c r="T1249" s="19"/>
      <c r="U1249" s="19"/>
      <c r="V1249" s="19"/>
      <c r="W1249" s="19"/>
      <c r="X1249" s="19"/>
      <c r="Y1249" s="19"/>
      <c r="Z1249" s="19"/>
      <c r="AA1249" s="19"/>
    </row>
    <row r="1250" spans="1:27" s="1" customFormat="1" ht="11.1" customHeight="1" outlineLevel="2" x14ac:dyDescent="0.2">
      <c r="A1250" s="17">
        <v>9913</v>
      </c>
      <c r="B1250" s="17"/>
      <c r="C1250" s="17"/>
      <c r="D1250" s="18" t="s">
        <v>633</v>
      </c>
      <c r="E1250" s="18"/>
      <c r="F1250" s="18"/>
      <c r="G1250" s="18"/>
      <c r="H1250" s="18"/>
      <c r="I1250" s="18"/>
      <c r="J1250" s="18"/>
      <c r="K1250" s="18"/>
      <c r="L1250" s="18"/>
      <c r="M1250" s="18"/>
      <c r="N1250" s="18"/>
      <c r="O1250" s="18"/>
      <c r="P1250" s="20">
        <v>1830</v>
      </c>
      <c r="Q1250" s="20"/>
      <c r="R1250" s="20"/>
      <c r="S1250" s="20"/>
      <c r="T1250" s="20">
        <v>1650</v>
      </c>
      <c r="U1250" s="20"/>
      <c r="V1250" s="20"/>
      <c r="W1250" s="20"/>
      <c r="X1250" s="19">
        <v>5</v>
      </c>
      <c r="Y1250" s="19"/>
      <c r="Z1250" s="19"/>
      <c r="AA1250" s="19"/>
    </row>
    <row r="1251" spans="1:27" s="1" customFormat="1" ht="11.1" customHeight="1" outlineLevel="2" x14ac:dyDescent="0.2">
      <c r="A1251" s="17"/>
      <c r="B1251" s="17"/>
      <c r="C1251" s="17"/>
      <c r="D1251" s="18"/>
      <c r="E1251" s="18"/>
      <c r="F1251" s="18"/>
      <c r="G1251" s="18"/>
      <c r="H1251" s="18"/>
      <c r="I1251" s="18"/>
      <c r="J1251" s="18"/>
      <c r="K1251" s="18"/>
      <c r="L1251" s="18"/>
      <c r="M1251" s="18"/>
      <c r="N1251" s="18"/>
      <c r="O1251" s="18"/>
      <c r="P1251" s="20"/>
      <c r="Q1251" s="20"/>
      <c r="R1251" s="20"/>
      <c r="S1251" s="20"/>
      <c r="T1251" s="20"/>
      <c r="U1251" s="20"/>
      <c r="V1251" s="20"/>
      <c r="W1251" s="20"/>
      <c r="X1251" s="19"/>
      <c r="Y1251" s="19"/>
      <c r="Z1251" s="19"/>
      <c r="AA1251" s="19"/>
    </row>
    <row r="1252" spans="1:27" s="1" customFormat="1" ht="14.1" customHeight="1" outlineLevel="2" x14ac:dyDescent="0.2">
      <c r="A1252" s="17">
        <v>6770</v>
      </c>
      <c r="B1252" s="17"/>
      <c r="C1252" s="17"/>
      <c r="D1252" s="18" t="s">
        <v>634</v>
      </c>
      <c r="E1252" s="18"/>
      <c r="F1252" s="18"/>
      <c r="G1252" s="18"/>
      <c r="H1252" s="18"/>
      <c r="I1252" s="18"/>
      <c r="J1252" s="18"/>
      <c r="K1252" s="18"/>
      <c r="L1252" s="18"/>
      <c r="M1252" s="18"/>
      <c r="N1252" s="18"/>
      <c r="O1252" s="18"/>
      <c r="P1252" s="20">
        <v>1150</v>
      </c>
      <c r="Q1252" s="20"/>
      <c r="R1252" s="20"/>
      <c r="S1252" s="20"/>
      <c r="T1252" s="19">
        <v>770</v>
      </c>
      <c r="U1252" s="19"/>
      <c r="V1252" s="19"/>
      <c r="W1252" s="19"/>
      <c r="X1252" s="19">
        <v>3</v>
      </c>
      <c r="Y1252" s="19"/>
      <c r="Z1252" s="19"/>
      <c r="AA1252" s="19"/>
    </row>
    <row r="1253" spans="1:27" s="1" customFormat="1" ht="14.1" customHeight="1" outlineLevel="2" x14ac:dyDescent="0.2">
      <c r="A1253" s="17"/>
      <c r="B1253" s="17"/>
      <c r="C1253" s="17"/>
      <c r="D1253" s="18"/>
      <c r="E1253" s="18"/>
      <c r="F1253" s="18"/>
      <c r="G1253" s="18"/>
      <c r="H1253" s="18"/>
      <c r="I1253" s="18"/>
      <c r="J1253" s="18"/>
      <c r="K1253" s="18"/>
      <c r="L1253" s="18"/>
      <c r="M1253" s="18"/>
      <c r="N1253" s="18"/>
      <c r="O1253" s="18"/>
      <c r="P1253" s="20"/>
      <c r="Q1253" s="20"/>
      <c r="R1253" s="20"/>
      <c r="S1253" s="20"/>
      <c r="T1253" s="19"/>
      <c r="U1253" s="19"/>
      <c r="V1253" s="19"/>
      <c r="W1253" s="19"/>
      <c r="X1253" s="19"/>
      <c r="Y1253" s="19"/>
      <c r="Z1253" s="19"/>
      <c r="AA1253" s="19"/>
    </row>
    <row r="1254" spans="1:27" s="1" customFormat="1" ht="14.1" customHeight="1" outlineLevel="2" x14ac:dyDescent="0.2">
      <c r="A1254" s="17">
        <v>1181</v>
      </c>
      <c r="B1254" s="17"/>
      <c r="C1254" s="17"/>
      <c r="D1254" s="18" t="s">
        <v>635</v>
      </c>
      <c r="E1254" s="18"/>
      <c r="F1254" s="18"/>
      <c r="G1254" s="18"/>
      <c r="H1254" s="18"/>
      <c r="I1254" s="18"/>
      <c r="J1254" s="18"/>
      <c r="K1254" s="18"/>
      <c r="L1254" s="18"/>
      <c r="M1254" s="18"/>
      <c r="N1254" s="18"/>
      <c r="O1254" s="18"/>
      <c r="P1254" s="19">
        <v>810</v>
      </c>
      <c r="Q1254" s="19"/>
      <c r="R1254" s="19"/>
      <c r="S1254" s="19"/>
      <c r="T1254" s="19">
        <v>700</v>
      </c>
      <c r="U1254" s="19"/>
      <c r="V1254" s="19"/>
      <c r="W1254" s="19"/>
      <c r="X1254" s="19">
        <v>9</v>
      </c>
      <c r="Y1254" s="19"/>
      <c r="Z1254" s="19"/>
      <c r="AA1254" s="19"/>
    </row>
    <row r="1255" spans="1:27" s="1" customFormat="1" ht="14.1" customHeight="1" outlineLevel="2" x14ac:dyDescent="0.2">
      <c r="A1255" s="17"/>
      <c r="B1255" s="17"/>
      <c r="C1255" s="17"/>
      <c r="D1255" s="18"/>
      <c r="E1255" s="18"/>
      <c r="F1255" s="18"/>
      <c r="G1255" s="18"/>
      <c r="H1255" s="18"/>
      <c r="I1255" s="18"/>
      <c r="J1255" s="18"/>
      <c r="K1255" s="18"/>
      <c r="L1255" s="18"/>
      <c r="M1255" s="18"/>
      <c r="N1255" s="18"/>
      <c r="O1255" s="18"/>
      <c r="P1255" s="19"/>
      <c r="Q1255" s="19"/>
      <c r="R1255" s="19"/>
      <c r="S1255" s="19"/>
      <c r="T1255" s="19"/>
      <c r="U1255" s="19"/>
      <c r="V1255" s="19"/>
      <c r="W1255" s="19"/>
      <c r="X1255" s="19"/>
      <c r="Y1255" s="19"/>
      <c r="Z1255" s="19"/>
      <c r="AA1255" s="19"/>
    </row>
    <row r="1256" spans="1:27" s="1" customFormat="1" ht="14.1" customHeight="1" outlineLevel="2" x14ac:dyDescent="0.2">
      <c r="A1256" s="17">
        <v>18098</v>
      </c>
      <c r="B1256" s="17"/>
      <c r="C1256" s="17"/>
      <c r="D1256" s="18" t="s">
        <v>636</v>
      </c>
      <c r="E1256" s="18"/>
      <c r="F1256" s="18"/>
      <c r="G1256" s="18"/>
      <c r="H1256" s="18"/>
      <c r="I1256" s="18"/>
      <c r="J1256" s="18"/>
      <c r="K1256" s="18"/>
      <c r="L1256" s="18"/>
      <c r="M1256" s="18"/>
      <c r="N1256" s="18"/>
      <c r="O1256" s="18"/>
      <c r="P1256" s="20">
        <v>1800</v>
      </c>
      <c r="Q1256" s="20"/>
      <c r="R1256" s="20"/>
      <c r="S1256" s="20"/>
      <c r="T1256" s="20">
        <v>1500</v>
      </c>
      <c r="U1256" s="20"/>
      <c r="V1256" s="20"/>
      <c r="W1256" s="20"/>
      <c r="X1256" s="19">
        <v>3</v>
      </c>
      <c r="Y1256" s="19"/>
      <c r="Z1256" s="19"/>
      <c r="AA1256" s="19"/>
    </row>
    <row r="1257" spans="1:27" s="1" customFormat="1" ht="14.1" customHeight="1" outlineLevel="2" x14ac:dyDescent="0.2">
      <c r="A1257" s="17"/>
      <c r="B1257" s="17"/>
      <c r="C1257" s="17"/>
      <c r="D1257" s="18"/>
      <c r="E1257" s="18"/>
      <c r="F1257" s="18"/>
      <c r="G1257" s="18"/>
      <c r="H1257" s="18"/>
      <c r="I1257" s="18"/>
      <c r="J1257" s="18"/>
      <c r="K1257" s="18"/>
      <c r="L1257" s="18"/>
      <c r="M1257" s="18"/>
      <c r="N1257" s="18"/>
      <c r="O1257" s="18"/>
      <c r="P1257" s="20"/>
      <c r="Q1257" s="20"/>
      <c r="R1257" s="20"/>
      <c r="S1257" s="20"/>
      <c r="T1257" s="20"/>
      <c r="U1257" s="20"/>
      <c r="V1257" s="20"/>
      <c r="W1257" s="20"/>
      <c r="X1257" s="19"/>
      <c r="Y1257" s="19"/>
      <c r="Z1257" s="19"/>
      <c r="AA1257" s="19"/>
    </row>
    <row r="1258" spans="1:27" s="1" customFormat="1" ht="14.1" customHeight="1" outlineLevel="2" x14ac:dyDescent="0.2">
      <c r="A1258" s="17">
        <v>1179</v>
      </c>
      <c r="B1258" s="17"/>
      <c r="C1258" s="17"/>
      <c r="D1258" s="18" t="s">
        <v>637</v>
      </c>
      <c r="E1258" s="18"/>
      <c r="F1258" s="18"/>
      <c r="G1258" s="18"/>
      <c r="H1258" s="18"/>
      <c r="I1258" s="18"/>
      <c r="J1258" s="18"/>
      <c r="K1258" s="18"/>
      <c r="L1258" s="18"/>
      <c r="M1258" s="18"/>
      <c r="N1258" s="18"/>
      <c r="O1258" s="18"/>
      <c r="P1258" s="19">
        <v>850</v>
      </c>
      <c r="Q1258" s="19"/>
      <c r="R1258" s="19"/>
      <c r="S1258" s="19"/>
      <c r="T1258" s="19">
        <v>590</v>
      </c>
      <c r="U1258" s="19"/>
      <c r="V1258" s="19"/>
      <c r="W1258" s="19"/>
      <c r="X1258" s="19">
        <v>21</v>
      </c>
      <c r="Y1258" s="19"/>
      <c r="Z1258" s="19"/>
      <c r="AA1258" s="19"/>
    </row>
    <row r="1259" spans="1:27" s="1" customFormat="1" ht="14.1" customHeight="1" outlineLevel="2" x14ac:dyDescent="0.2">
      <c r="A1259" s="17"/>
      <c r="B1259" s="17"/>
      <c r="C1259" s="17"/>
      <c r="D1259" s="18"/>
      <c r="E1259" s="18"/>
      <c r="F1259" s="18"/>
      <c r="G1259" s="18"/>
      <c r="H1259" s="18"/>
      <c r="I1259" s="18"/>
      <c r="J1259" s="18"/>
      <c r="K1259" s="18"/>
      <c r="L1259" s="18"/>
      <c r="M1259" s="18"/>
      <c r="N1259" s="18"/>
      <c r="O1259" s="18"/>
      <c r="P1259" s="19"/>
      <c r="Q1259" s="19"/>
      <c r="R1259" s="19"/>
      <c r="S1259" s="19"/>
      <c r="T1259" s="19"/>
      <c r="U1259" s="19"/>
      <c r="V1259" s="19"/>
      <c r="W1259" s="19"/>
      <c r="X1259" s="19"/>
      <c r="Y1259" s="19"/>
      <c r="Z1259" s="19"/>
      <c r="AA1259" s="19"/>
    </row>
    <row r="1260" spans="1:27" s="1" customFormat="1" ht="14.1" customHeight="1" outlineLevel="2" x14ac:dyDescent="0.2">
      <c r="A1260" s="17">
        <v>14788</v>
      </c>
      <c r="B1260" s="17"/>
      <c r="C1260" s="17"/>
      <c r="D1260" s="18" t="s">
        <v>638</v>
      </c>
      <c r="E1260" s="18"/>
      <c r="F1260" s="18"/>
      <c r="G1260" s="18"/>
      <c r="H1260" s="18"/>
      <c r="I1260" s="18"/>
      <c r="J1260" s="18"/>
      <c r="K1260" s="18"/>
      <c r="L1260" s="18"/>
      <c r="M1260" s="18"/>
      <c r="N1260" s="18"/>
      <c r="O1260" s="18"/>
      <c r="P1260" s="19">
        <v>60</v>
      </c>
      <c r="Q1260" s="19"/>
      <c r="R1260" s="19"/>
      <c r="S1260" s="19"/>
      <c r="T1260" s="19">
        <v>40</v>
      </c>
      <c r="U1260" s="19"/>
      <c r="V1260" s="19"/>
      <c r="W1260" s="19"/>
      <c r="X1260" s="19">
        <v>45</v>
      </c>
      <c r="Y1260" s="19"/>
      <c r="Z1260" s="19"/>
      <c r="AA1260" s="19"/>
    </row>
    <row r="1261" spans="1:27" s="1" customFormat="1" ht="14.1" customHeight="1" outlineLevel="2" x14ac:dyDescent="0.2">
      <c r="A1261" s="17"/>
      <c r="B1261" s="17"/>
      <c r="C1261" s="17"/>
      <c r="D1261" s="18"/>
      <c r="E1261" s="18"/>
      <c r="F1261" s="18"/>
      <c r="G1261" s="18"/>
      <c r="H1261" s="18"/>
      <c r="I1261" s="18"/>
      <c r="J1261" s="18"/>
      <c r="K1261" s="18"/>
      <c r="L1261" s="18"/>
      <c r="M1261" s="18"/>
      <c r="N1261" s="18"/>
      <c r="O1261" s="18"/>
      <c r="P1261" s="19"/>
      <c r="Q1261" s="19"/>
      <c r="R1261" s="19"/>
      <c r="S1261" s="19"/>
      <c r="T1261" s="19"/>
      <c r="U1261" s="19"/>
      <c r="V1261" s="19"/>
      <c r="W1261" s="19"/>
      <c r="X1261" s="19"/>
      <c r="Y1261" s="19"/>
      <c r="Z1261" s="19"/>
      <c r="AA1261" s="19"/>
    </row>
    <row r="1262" spans="1:27" s="1" customFormat="1" ht="11.1" customHeight="1" outlineLevel="2" x14ac:dyDescent="0.2">
      <c r="A1262" s="17">
        <v>9072</v>
      </c>
      <c r="B1262" s="17"/>
      <c r="C1262" s="17"/>
      <c r="D1262" s="18" t="s">
        <v>639</v>
      </c>
      <c r="E1262" s="18"/>
      <c r="F1262" s="18"/>
      <c r="G1262" s="18"/>
      <c r="H1262" s="18"/>
      <c r="I1262" s="18"/>
      <c r="J1262" s="18"/>
      <c r="K1262" s="18"/>
      <c r="L1262" s="18"/>
      <c r="M1262" s="18"/>
      <c r="N1262" s="18"/>
      <c r="O1262" s="18"/>
      <c r="P1262" s="19">
        <v>200</v>
      </c>
      <c r="Q1262" s="19"/>
      <c r="R1262" s="19"/>
      <c r="S1262" s="19"/>
      <c r="T1262" s="19">
        <v>150</v>
      </c>
      <c r="U1262" s="19"/>
      <c r="V1262" s="19"/>
      <c r="W1262" s="19"/>
      <c r="X1262" s="19">
        <v>2</v>
      </c>
      <c r="Y1262" s="19"/>
      <c r="Z1262" s="19"/>
      <c r="AA1262" s="19"/>
    </row>
    <row r="1263" spans="1:27" s="1" customFormat="1" ht="11.1" customHeight="1" outlineLevel="2" x14ac:dyDescent="0.2">
      <c r="A1263" s="17"/>
      <c r="B1263" s="17"/>
      <c r="C1263" s="17"/>
      <c r="D1263" s="18"/>
      <c r="E1263" s="18"/>
      <c r="F1263" s="18"/>
      <c r="G1263" s="18"/>
      <c r="H1263" s="18"/>
      <c r="I1263" s="18"/>
      <c r="J1263" s="18"/>
      <c r="K1263" s="18"/>
      <c r="L1263" s="18"/>
      <c r="M1263" s="18"/>
      <c r="N1263" s="18"/>
      <c r="O1263" s="18"/>
      <c r="P1263" s="19"/>
      <c r="Q1263" s="19"/>
      <c r="R1263" s="19"/>
      <c r="S1263" s="19"/>
      <c r="T1263" s="19"/>
      <c r="U1263" s="19"/>
      <c r="V1263" s="19"/>
      <c r="W1263" s="19"/>
      <c r="X1263" s="19"/>
      <c r="Y1263" s="19"/>
      <c r="Z1263" s="19"/>
      <c r="AA1263" s="19"/>
    </row>
    <row r="1264" spans="1:27" s="1" customFormat="1" ht="11.1" customHeight="1" outlineLevel="2" x14ac:dyDescent="0.2">
      <c r="A1264" s="17">
        <v>5107</v>
      </c>
      <c r="B1264" s="17"/>
      <c r="C1264" s="17"/>
      <c r="D1264" s="18" t="s">
        <v>640</v>
      </c>
      <c r="E1264" s="18"/>
      <c r="F1264" s="18"/>
      <c r="G1264" s="18"/>
      <c r="H1264" s="18"/>
      <c r="I1264" s="18"/>
      <c r="J1264" s="18"/>
      <c r="K1264" s="18"/>
      <c r="L1264" s="18"/>
      <c r="M1264" s="18"/>
      <c r="N1264" s="18"/>
      <c r="O1264" s="18"/>
      <c r="P1264" s="19">
        <v>670</v>
      </c>
      <c r="Q1264" s="19"/>
      <c r="R1264" s="19"/>
      <c r="S1264" s="19"/>
      <c r="T1264" s="19">
        <v>570</v>
      </c>
      <c r="U1264" s="19"/>
      <c r="V1264" s="19"/>
      <c r="W1264" s="19"/>
      <c r="X1264" s="19">
        <v>1</v>
      </c>
      <c r="Y1264" s="19"/>
      <c r="Z1264" s="19"/>
      <c r="AA1264" s="19"/>
    </row>
    <row r="1265" spans="1:27" s="1" customFormat="1" ht="11.1" customHeight="1" outlineLevel="2" x14ac:dyDescent="0.2">
      <c r="A1265" s="17"/>
      <c r="B1265" s="17"/>
      <c r="C1265" s="17"/>
      <c r="D1265" s="18"/>
      <c r="E1265" s="18"/>
      <c r="F1265" s="18"/>
      <c r="G1265" s="18"/>
      <c r="H1265" s="18"/>
      <c r="I1265" s="18"/>
      <c r="J1265" s="18"/>
      <c r="K1265" s="18"/>
      <c r="L1265" s="18"/>
      <c r="M1265" s="18"/>
      <c r="N1265" s="18"/>
      <c r="O1265" s="18"/>
      <c r="P1265" s="19"/>
      <c r="Q1265" s="19"/>
      <c r="R1265" s="19"/>
      <c r="S1265" s="19"/>
      <c r="T1265" s="19"/>
      <c r="U1265" s="19"/>
      <c r="V1265" s="19"/>
      <c r="W1265" s="19"/>
      <c r="X1265" s="19"/>
      <c r="Y1265" s="19"/>
      <c r="Z1265" s="19"/>
      <c r="AA1265" s="19"/>
    </row>
    <row r="1266" spans="1:27" s="1" customFormat="1" ht="11.1" customHeight="1" outlineLevel="2" x14ac:dyDescent="0.2">
      <c r="A1266" s="17">
        <v>6666</v>
      </c>
      <c r="B1266" s="17"/>
      <c r="C1266" s="17"/>
      <c r="D1266" s="18" t="s">
        <v>641</v>
      </c>
      <c r="E1266" s="18"/>
      <c r="F1266" s="18"/>
      <c r="G1266" s="18"/>
      <c r="H1266" s="18"/>
      <c r="I1266" s="18"/>
      <c r="J1266" s="18"/>
      <c r="K1266" s="18"/>
      <c r="L1266" s="18"/>
      <c r="M1266" s="18"/>
      <c r="N1266" s="18"/>
      <c r="O1266" s="18"/>
      <c r="P1266" s="19">
        <v>550</v>
      </c>
      <c r="Q1266" s="19"/>
      <c r="R1266" s="19"/>
      <c r="S1266" s="19"/>
      <c r="T1266" s="19">
        <v>500</v>
      </c>
      <c r="U1266" s="19"/>
      <c r="V1266" s="19"/>
      <c r="W1266" s="19"/>
      <c r="X1266" s="19">
        <v>1</v>
      </c>
      <c r="Y1266" s="19"/>
      <c r="Z1266" s="19"/>
      <c r="AA1266" s="19"/>
    </row>
    <row r="1267" spans="1:27" s="1" customFormat="1" ht="11.1" customHeight="1" outlineLevel="2" x14ac:dyDescent="0.2">
      <c r="A1267" s="17"/>
      <c r="B1267" s="17"/>
      <c r="C1267" s="17"/>
      <c r="D1267" s="18"/>
      <c r="E1267" s="18"/>
      <c r="F1267" s="18"/>
      <c r="G1267" s="18"/>
      <c r="H1267" s="18"/>
      <c r="I1267" s="18"/>
      <c r="J1267" s="18"/>
      <c r="K1267" s="18"/>
      <c r="L1267" s="18"/>
      <c r="M1267" s="18"/>
      <c r="N1267" s="18"/>
      <c r="O1267" s="18"/>
      <c r="P1267" s="19"/>
      <c r="Q1267" s="19"/>
      <c r="R1267" s="19"/>
      <c r="S1267" s="19"/>
      <c r="T1267" s="19"/>
      <c r="U1267" s="19"/>
      <c r="V1267" s="19"/>
      <c r="W1267" s="19"/>
      <c r="X1267" s="19"/>
      <c r="Y1267" s="19"/>
      <c r="Z1267" s="19"/>
      <c r="AA1267" s="19"/>
    </row>
    <row r="1268" spans="1:27" s="1" customFormat="1" ht="11.1" customHeight="1" outlineLevel="2" x14ac:dyDescent="0.2">
      <c r="A1268" s="17">
        <v>9994</v>
      </c>
      <c r="B1268" s="17"/>
      <c r="C1268" s="17"/>
      <c r="D1268" s="18" t="s">
        <v>642</v>
      </c>
      <c r="E1268" s="18"/>
      <c r="F1268" s="18"/>
      <c r="G1268" s="18"/>
      <c r="H1268" s="18"/>
      <c r="I1268" s="18"/>
      <c r="J1268" s="18"/>
      <c r="K1268" s="18"/>
      <c r="L1268" s="18"/>
      <c r="M1268" s="18"/>
      <c r="N1268" s="18"/>
      <c r="O1268" s="18"/>
      <c r="P1268" s="19">
        <v>620</v>
      </c>
      <c r="Q1268" s="19"/>
      <c r="R1268" s="19"/>
      <c r="S1268" s="19"/>
      <c r="T1268" s="19">
        <v>520</v>
      </c>
      <c r="U1268" s="19"/>
      <c r="V1268" s="19"/>
      <c r="W1268" s="19"/>
      <c r="X1268" s="19">
        <v>2</v>
      </c>
      <c r="Y1268" s="19"/>
      <c r="Z1268" s="19"/>
      <c r="AA1268" s="19"/>
    </row>
    <row r="1269" spans="1:27" s="1" customFormat="1" ht="11.1" customHeight="1" outlineLevel="2" x14ac:dyDescent="0.2">
      <c r="A1269" s="17"/>
      <c r="B1269" s="17"/>
      <c r="C1269" s="17"/>
      <c r="D1269" s="18"/>
      <c r="E1269" s="18"/>
      <c r="F1269" s="18"/>
      <c r="G1269" s="18"/>
      <c r="H1269" s="18"/>
      <c r="I1269" s="18"/>
      <c r="J1269" s="18"/>
      <c r="K1269" s="18"/>
      <c r="L1269" s="18"/>
      <c r="M1269" s="18"/>
      <c r="N1269" s="18"/>
      <c r="O1269" s="18"/>
      <c r="P1269" s="19"/>
      <c r="Q1269" s="19"/>
      <c r="R1269" s="19"/>
      <c r="S1269" s="19"/>
      <c r="T1269" s="19"/>
      <c r="U1269" s="19"/>
      <c r="V1269" s="19"/>
      <c r="W1269" s="19"/>
      <c r="X1269" s="19"/>
      <c r="Y1269" s="19"/>
      <c r="Z1269" s="19"/>
      <c r="AA1269" s="19"/>
    </row>
    <row r="1270" spans="1:27" s="1" customFormat="1" ht="14.1" customHeight="1" outlineLevel="2" x14ac:dyDescent="0.2">
      <c r="A1270" s="17">
        <v>17969</v>
      </c>
      <c r="B1270" s="17"/>
      <c r="C1270" s="17"/>
      <c r="D1270" s="18" t="s">
        <v>643</v>
      </c>
      <c r="E1270" s="18"/>
      <c r="F1270" s="18"/>
      <c r="G1270" s="18"/>
      <c r="H1270" s="18"/>
      <c r="I1270" s="18"/>
      <c r="J1270" s="18"/>
      <c r="K1270" s="18"/>
      <c r="L1270" s="18"/>
      <c r="M1270" s="18"/>
      <c r="N1270" s="18"/>
      <c r="O1270" s="18"/>
      <c r="P1270" s="19">
        <v>400</v>
      </c>
      <c r="Q1270" s="19"/>
      <c r="R1270" s="19"/>
      <c r="S1270" s="19"/>
      <c r="T1270" s="19">
        <v>300</v>
      </c>
      <c r="U1270" s="19"/>
      <c r="V1270" s="19"/>
      <c r="W1270" s="19"/>
      <c r="X1270" s="19">
        <v>1</v>
      </c>
      <c r="Y1270" s="19"/>
      <c r="Z1270" s="19"/>
      <c r="AA1270" s="19"/>
    </row>
    <row r="1271" spans="1:27" s="1" customFormat="1" ht="14.1" customHeight="1" outlineLevel="2" x14ac:dyDescent="0.2">
      <c r="A1271" s="17"/>
      <c r="B1271" s="17"/>
      <c r="C1271" s="17"/>
      <c r="D1271" s="18"/>
      <c r="E1271" s="18"/>
      <c r="F1271" s="18"/>
      <c r="G1271" s="18"/>
      <c r="H1271" s="18"/>
      <c r="I1271" s="18"/>
      <c r="J1271" s="18"/>
      <c r="K1271" s="18"/>
      <c r="L1271" s="18"/>
      <c r="M1271" s="18"/>
      <c r="N1271" s="18"/>
      <c r="O1271" s="18"/>
      <c r="P1271" s="19"/>
      <c r="Q1271" s="19"/>
      <c r="R1271" s="19"/>
      <c r="S1271" s="19"/>
      <c r="T1271" s="19"/>
      <c r="U1271" s="19"/>
      <c r="V1271" s="19"/>
      <c r="W1271" s="19"/>
      <c r="X1271" s="19"/>
      <c r="Y1271" s="19"/>
      <c r="Z1271" s="19"/>
      <c r="AA1271" s="19"/>
    </row>
    <row r="1272" spans="1:27" s="1" customFormat="1" ht="11.1" customHeight="1" outlineLevel="2" x14ac:dyDescent="0.2">
      <c r="A1272" s="17">
        <v>9995</v>
      </c>
      <c r="B1272" s="17"/>
      <c r="C1272" s="17"/>
      <c r="D1272" s="18" t="s">
        <v>644</v>
      </c>
      <c r="E1272" s="18"/>
      <c r="F1272" s="18"/>
      <c r="G1272" s="18"/>
      <c r="H1272" s="18"/>
      <c r="I1272" s="18"/>
      <c r="J1272" s="18"/>
      <c r="K1272" s="18"/>
      <c r="L1272" s="18"/>
      <c r="M1272" s="18"/>
      <c r="N1272" s="18"/>
      <c r="O1272" s="18"/>
      <c r="P1272" s="19">
        <v>570</v>
      </c>
      <c r="Q1272" s="19"/>
      <c r="R1272" s="19"/>
      <c r="S1272" s="19"/>
      <c r="T1272" s="19">
        <v>520</v>
      </c>
      <c r="U1272" s="19"/>
      <c r="V1272" s="19"/>
      <c r="W1272" s="19"/>
      <c r="X1272" s="19">
        <v>1</v>
      </c>
      <c r="Y1272" s="19"/>
      <c r="Z1272" s="19"/>
      <c r="AA1272" s="19"/>
    </row>
    <row r="1273" spans="1:27" s="1" customFormat="1" ht="11.1" customHeight="1" outlineLevel="2" x14ac:dyDescent="0.2">
      <c r="A1273" s="17"/>
      <c r="B1273" s="17"/>
      <c r="C1273" s="17"/>
      <c r="D1273" s="18"/>
      <c r="E1273" s="18"/>
      <c r="F1273" s="18"/>
      <c r="G1273" s="18"/>
      <c r="H1273" s="18"/>
      <c r="I1273" s="18"/>
      <c r="J1273" s="18"/>
      <c r="K1273" s="18"/>
      <c r="L1273" s="18"/>
      <c r="M1273" s="18"/>
      <c r="N1273" s="18"/>
      <c r="O1273" s="18"/>
      <c r="P1273" s="19"/>
      <c r="Q1273" s="19"/>
      <c r="R1273" s="19"/>
      <c r="S1273" s="19"/>
      <c r="T1273" s="19"/>
      <c r="U1273" s="19"/>
      <c r="V1273" s="19"/>
      <c r="W1273" s="19"/>
      <c r="X1273" s="19"/>
      <c r="Y1273" s="19"/>
      <c r="Z1273" s="19"/>
      <c r="AA1273" s="19"/>
    </row>
    <row r="1274" spans="1:27" s="1" customFormat="1" ht="11.1" customHeight="1" outlineLevel="2" x14ac:dyDescent="0.2">
      <c r="A1274" s="17">
        <v>17970</v>
      </c>
      <c r="B1274" s="17"/>
      <c r="C1274" s="17"/>
      <c r="D1274" s="18" t="s">
        <v>645</v>
      </c>
      <c r="E1274" s="18"/>
      <c r="F1274" s="18"/>
      <c r="G1274" s="18"/>
      <c r="H1274" s="18"/>
      <c r="I1274" s="18"/>
      <c r="J1274" s="18"/>
      <c r="K1274" s="18"/>
      <c r="L1274" s="18"/>
      <c r="M1274" s="18"/>
      <c r="N1274" s="18"/>
      <c r="O1274" s="18"/>
      <c r="P1274" s="19">
        <v>500</v>
      </c>
      <c r="Q1274" s="19"/>
      <c r="R1274" s="19"/>
      <c r="S1274" s="19"/>
      <c r="T1274" s="19">
        <v>300</v>
      </c>
      <c r="U1274" s="19"/>
      <c r="V1274" s="19"/>
      <c r="W1274" s="19"/>
      <c r="X1274" s="19">
        <v>1</v>
      </c>
      <c r="Y1274" s="19"/>
      <c r="Z1274" s="19"/>
      <c r="AA1274" s="19"/>
    </row>
    <row r="1275" spans="1:27" s="1" customFormat="1" ht="11.1" customHeight="1" outlineLevel="2" x14ac:dyDescent="0.2">
      <c r="A1275" s="17"/>
      <c r="B1275" s="17"/>
      <c r="C1275" s="17"/>
      <c r="D1275" s="18"/>
      <c r="E1275" s="18"/>
      <c r="F1275" s="18"/>
      <c r="G1275" s="18"/>
      <c r="H1275" s="18"/>
      <c r="I1275" s="18"/>
      <c r="J1275" s="18"/>
      <c r="K1275" s="18"/>
      <c r="L1275" s="18"/>
      <c r="M1275" s="18"/>
      <c r="N1275" s="18"/>
      <c r="O1275" s="18"/>
      <c r="P1275" s="19"/>
      <c r="Q1275" s="19"/>
      <c r="R1275" s="19"/>
      <c r="S1275" s="19"/>
      <c r="T1275" s="19"/>
      <c r="U1275" s="19"/>
      <c r="V1275" s="19"/>
      <c r="W1275" s="19"/>
      <c r="X1275" s="19"/>
      <c r="Y1275" s="19"/>
      <c r="Z1275" s="19"/>
      <c r="AA1275" s="19"/>
    </row>
    <row r="1276" spans="1:27" s="1" customFormat="1" ht="11.1" customHeight="1" outlineLevel="2" x14ac:dyDescent="0.2">
      <c r="A1276" s="17">
        <v>10672</v>
      </c>
      <c r="B1276" s="17"/>
      <c r="C1276" s="17"/>
      <c r="D1276" s="18" t="s">
        <v>646</v>
      </c>
      <c r="E1276" s="18"/>
      <c r="F1276" s="18"/>
      <c r="G1276" s="18"/>
      <c r="H1276" s="18"/>
      <c r="I1276" s="18"/>
      <c r="J1276" s="18"/>
      <c r="K1276" s="18"/>
      <c r="L1276" s="18"/>
      <c r="M1276" s="18"/>
      <c r="N1276" s="18"/>
      <c r="O1276" s="18"/>
      <c r="P1276" s="19">
        <v>100</v>
      </c>
      <c r="Q1276" s="19"/>
      <c r="R1276" s="19"/>
      <c r="S1276" s="19"/>
      <c r="T1276" s="19">
        <v>75</v>
      </c>
      <c r="U1276" s="19"/>
      <c r="V1276" s="19"/>
      <c r="W1276" s="19"/>
      <c r="X1276" s="19">
        <v>3</v>
      </c>
      <c r="Y1276" s="19"/>
      <c r="Z1276" s="19"/>
      <c r="AA1276" s="19"/>
    </row>
    <row r="1277" spans="1:27" s="1" customFormat="1" ht="11.1" customHeight="1" outlineLevel="2" x14ac:dyDescent="0.2">
      <c r="A1277" s="17"/>
      <c r="B1277" s="17"/>
      <c r="C1277" s="17"/>
      <c r="D1277" s="18"/>
      <c r="E1277" s="18"/>
      <c r="F1277" s="18"/>
      <c r="G1277" s="18"/>
      <c r="H1277" s="18"/>
      <c r="I1277" s="18"/>
      <c r="J1277" s="18"/>
      <c r="K1277" s="18"/>
      <c r="L1277" s="18"/>
      <c r="M1277" s="18"/>
      <c r="N1277" s="18"/>
      <c r="O1277" s="18"/>
      <c r="P1277" s="19"/>
      <c r="Q1277" s="19"/>
      <c r="R1277" s="19"/>
      <c r="S1277" s="19"/>
      <c r="T1277" s="19"/>
      <c r="U1277" s="19"/>
      <c r="V1277" s="19"/>
      <c r="W1277" s="19"/>
      <c r="X1277" s="19"/>
      <c r="Y1277" s="19"/>
      <c r="Z1277" s="19"/>
      <c r="AA1277" s="19"/>
    </row>
    <row r="1278" spans="1:27" s="1" customFormat="1" ht="11.1" customHeight="1" outlineLevel="2" x14ac:dyDescent="0.2">
      <c r="A1278" s="17">
        <v>9781</v>
      </c>
      <c r="B1278" s="17"/>
      <c r="C1278" s="17"/>
      <c r="D1278" s="18" t="s">
        <v>647</v>
      </c>
      <c r="E1278" s="18"/>
      <c r="F1278" s="18"/>
      <c r="G1278" s="18"/>
      <c r="H1278" s="18"/>
      <c r="I1278" s="18"/>
      <c r="J1278" s="18"/>
      <c r="K1278" s="18"/>
      <c r="L1278" s="18"/>
      <c r="M1278" s="18"/>
      <c r="N1278" s="18"/>
      <c r="O1278" s="18"/>
      <c r="P1278" s="19">
        <v>250</v>
      </c>
      <c r="Q1278" s="19"/>
      <c r="R1278" s="19"/>
      <c r="S1278" s="19"/>
      <c r="T1278" s="19">
        <v>220</v>
      </c>
      <c r="U1278" s="19"/>
      <c r="V1278" s="19"/>
      <c r="W1278" s="19"/>
      <c r="X1278" s="19">
        <v>1</v>
      </c>
      <c r="Y1278" s="19"/>
      <c r="Z1278" s="19"/>
      <c r="AA1278" s="19"/>
    </row>
    <row r="1279" spans="1:27" s="1" customFormat="1" ht="11.1" customHeight="1" outlineLevel="2" x14ac:dyDescent="0.2">
      <c r="A1279" s="17"/>
      <c r="B1279" s="17"/>
      <c r="C1279" s="17"/>
      <c r="D1279" s="18"/>
      <c r="E1279" s="18"/>
      <c r="F1279" s="18"/>
      <c r="G1279" s="18"/>
      <c r="H1279" s="18"/>
      <c r="I1279" s="18"/>
      <c r="J1279" s="18"/>
      <c r="K1279" s="18"/>
      <c r="L1279" s="18"/>
      <c r="M1279" s="18"/>
      <c r="N1279" s="18"/>
      <c r="O1279" s="18"/>
      <c r="P1279" s="19"/>
      <c r="Q1279" s="19"/>
      <c r="R1279" s="19"/>
      <c r="S1279" s="19"/>
      <c r="T1279" s="19"/>
      <c r="U1279" s="19"/>
      <c r="V1279" s="19"/>
      <c r="W1279" s="19"/>
      <c r="X1279" s="19"/>
      <c r="Y1279" s="19"/>
      <c r="Z1279" s="19"/>
      <c r="AA1279" s="19"/>
    </row>
    <row r="1280" spans="1:27" s="1" customFormat="1" ht="11.1" customHeight="1" outlineLevel="2" x14ac:dyDescent="0.2">
      <c r="A1280" s="17">
        <v>12067</v>
      </c>
      <c r="B1280" s="17"/>
      <c r="C1280" s="17"/>
      <c r="D1280" s="18" t="s">
        <v>648</v>
      </c>
      <c r="E1280" s="18"/>
      <c r="F1280" s="18"/>
      <c r="G1280" s="18"/>
      <c r="H1280" s="18"/>
      <c r="I1280" s="18"/>
      <c r="J1280" s="18"/>
      <c r="K1280" s="18"/>
      <c r="L1280" s="18"/>
      <c r="M1280" s="18"/>
      <c r="N1280" s="18"/>
      <c r="O1280" s="18"/>
      <c r="P1280" s="19">
        <v>310</v>
      </c>
      <c r="Q1280" s="19"/>
      <c r="R1280" s="19"/>
      <c r="S1280" s="19"/>
      <c r="T1280" s="19">
        <v>250</v>
      </c>
      <c r="U1280" s="19"/>
      <c r="V1280" s="19"/>
      <c r="W1280" s="19"/>
      <c r="X1280" s="19">
        <v>1</v>
      </c>
      <c r="Y1280" s="19"/>
      <c r="Z1280" s="19"/>
      <c r="AA1280" s="19"/>
    </row>
    <row r="1281" spans="1:27" s="1" customFormat="1" ht="11.1" customHeight="1" outlineLevel="2" x14ac:dyDescent="0.2">
      <c r="A1281" s="17"/>
      <c r="B1281" s="17"/>
      <c r="C1281" s="17"/>
      <c r="D1281" s="18"/>
      <c r="E1281" s="18"/>
      <c r="F1281" s="18"/>
      <c r="G1281" s="18"/>
      <c r="H1281" s="18"/>
      <c r="I1281" s="18"/>
      <c r="J1281" s="18"/>
      <c r="K1281" s="18"/>
      <c r="L1281" s="18"/>
      <c r="M1281" s="18"/>
      <c r="N1281" s="18"/>
      <c r="O1281" s="18"/>
      <c r="P1281" s="19"/>
      <c r="Q1281" s="19"/>
      <c r="R1281" s="19"/>
      <c r="S1281" s="19"/>
      <c r="T1281" s="19"/>
      <c r="U1281" s="19"/>
      <c r="V1281" s="19"/>
      <c r="W1281" s="19"/>
      <c r="X1281" s="19"/>
      <c r="Y1281" s="19"/>
      <c r="Z1281" s="19"/>
      <c r="AA1281" s="19"/>
    </row>
    <row r="1282" spans="1:27" s="1" customFormat="1" ht="11.1" customHeight="1" outlineLevel="2" x14ac:dyDescent="0.2">
      <c r="A1282" s="17">
        <v>9554</v>
      </c>
      <c r="B1282" s="17"/>
      <c r="C1282" s="17"/>
      <c r="D1282" s="18" t="s">
        <v>649</v>
      </c>
      <c r="E1282" s="18"/>
      <c r="F1282" s="18"/>
      <c r="G1282" s="18"/>
      <c r="H1282" s="18"/>
      <c r="I1282" s="18"/>
      <c r="J1282" s="18"/>
      <c r="K1282" s="18"/>
      <c r="L1282" s="18"/>
      <c r="M1282" s="18"/>
      <c r="N1282" s="18"/>
      <c r="O1282" s="18"/>
      <c r="P1282" s="19">
        <v>30</v>
      </c>
      <c r="Q1282" s="19"/>
      <c r="R1282" s="19"/>
      <c r="S1282" s="19"/>
      <c r="T1282" s="19">
        <v>20</v>
      </c>
      <c r="U1282" s="19"/>
      <c r="V1282" s="19"/>
      <c r="W1282" s="19"/>
      <c r="X1282" s="19">
        <v>10</v>
      </c>
      <c r="Y1282" s="19"/>
      <c r="Z1282" s="19"/>
      <c r="AA1282" s="19"/>
    </row>
    <row r="1283" spans="1:27" s="1" customFormat="1" ht="11.1" customHeight="1" outlineLevel="2" x14ac:dyDescent="0.2">
      <c r="A1283" s="17"/>
      <c r="B1283" s="17"/>
      <c r="C1283" s="17"/>
      <c r="D1283" s="18"/>
      <c r="E1283" s="18"/>
      <c r="F1283" s="18"/>
      <c r="G1283" s="18"/>
      <c r="H1283" s="18"/>
      <c r="I1283" s="18"/>
      <c r="J1283" s="18"/>
      <c r="K1283" s="18"/>
      <c r="L1283" s="18"/>
      <c r="M1283" s="18"/>
      <c r="N1283" s="18"/>
      <c r="O1283" s="18"/>
      <c r="P1283" s="19"/>
      <c r="Q1283" s="19"/>
      <c r="R1283" s="19"/>
      <c r="S1283" s="19"/>
      <c r="T1283" s="19"/>
      <c r="U1283" s="19"/>
      <c r="V1283" s="19"/>
      <c r="W1283" s="19"/>
      <c r="X1283" s="19"/>
      <c r="Y1283" s="19"/>
      <c r="Z1283" s="19"/>
      <c r="AA1283" s="19"/>
    </row>
    <row r="1284" spans="1:27" s="1" customFormat="1" ht="11.1" customHeight="1" outlineLevel="2" x14ac:dyDescent="0.2">
      <c r="A1284" s="17">
        <v>8821</v>
      </c>
      <c r="B1284" s="17"/>
      <c r="C1284" s="17"/>
      <c r="D1284" s="18" t="s">
        <v>650</v>
      </c>
      <c r="E1284" s="18"/>
      <c r="F1284" s="18"/>
      <c r="G1284" s="18"/>
      <c r="H1284" s="18"/>
      <c r="I1284" s="18"/>
      <c r="J1284" s="18"/>
      <c r="K1284" s="18"/>
      <c r="L1284" s="18"/>
      <c r="M1284" s="18"/>
      <c r="N1284" s="18"/>
      <c r="O1284" s="18"/>
      <c r="P1284" s="19">
        <v>130</v>
      </c>
      <c r="Q1284" s="19"/>
      <c r="R1284" s="19"/>
      <c r="S1284" s="19"/>
      <c r="T1284" s="19">
        <v>100</v>
      </c>
      <c r="U1284" s="19"/>
      <c r="V1284" s="19"/>
      <c r="W1284" s="19"/>
      <c r="X1284" s="19">
        <v>12</v>
      </c>
      <c r="Y1284" s="19"/>
      <c r="Z1284" s="19"/>
      <c r="AA1284" s="19"/>
    </row>
    <row r="1285" spans="1:27" s="1" customFormat="1" ht="11.1" customHeight="1" outlineLevel="2" x14ac:dyDescent="0.2">
      <c r="A1285" s="17"/>
      <c r="B1285" s="17"/>
      <c r="C1285" s="17"/>
      <c r="D1285" s="18"/>
      <c r="E1285" s="18"/>
      <c r="F1285" s="18"/>
      <c r="G1285" s="18"/>
      <c r="H1285" s="18"/>
      <c r="I1285" s="18"/>
      <c r="J1285" s="18"/>
      <c r="K1285" s="18"/>
      <c r="L1285" s="18"/>
      <c r="M1285" s="18"/>
      <c r="N1285" s="18"/>
      <c r="O1285" s="18"/>
      <c r="P1285" s="19"/>
      <c r="Q1285" s="19"/>
      <c r="R1285" s="19"/>
      <c r="S1285" s="19"/>
      <c r="T1285" s="19"/>
      <c r="U1285" s="19"/>
      <c r="V1285" s="19"/>
      <c r="W1285" s="19"/>
      <c r="X1285" s="19"/>
      <c r="Y1285" s="19"/>
      <c r="Z1285" s="19"/>
      <c r="AA1285" s="19"/>
    </row>
    <row r="1286" spans="1:27" s="1" customFormat="1" ht="14.1" customHeight="1" outlineLevel="2" x14ac:dyDescent="0.2">
      <c r="A1286" s="17">
        <v>10978</v>
      </c>
      <c r="B1286" s="17"/>
      <c r="C1286" s="17"/>
      <c r="D1286" s="18" t="s">
        <v>651</v>
      </c>
      <c r="E1286" s="18"/>
      <c r="F1286" s="18"/>
      <c r="G1286" s="18"/>
      <c r="H1286" s="18"/>
      <c r="I1286" s="18"/>
      <c r="J1286" s="18"/>
      <c r="K1286" s="18"/>
      <c r="L1286" s="18"/>
      <c r="M1286" s="18"/>
      <c r="N1286" s="18"/>
      <c r="O1286" s="18"/>
      <c r="P1286" s="19">
        <v>220</v>
      </c>
      <c r="Q1286" s="19"/>
      <c r="R1286" s="19"/>
      <c r="S1286" s="19"/>
      <c r="T1286" s="19">
        <v>160</v>
      </c>
      <c r="U1286" s="19"/>
      <c r="V1286" s="19"/>
      <c r="W1286" s="19"/>
      <c r="X1286" s="19">
        <v>16</v>
      </c>
      <c r="Y1286" s="19"/>
      <c r="Z1286" s="19"/>
      <c r="AA1286" s="19"/>
    </row>
    <row r="1287" spans="1:27" s="1" customFormat="1" ht="14.1" customHeight="1" outlineLevel="2" x14ac:dyDescent="0.2">
      <c r="A1287" s="17"/>
      <c r="B1287" s="17"/>
      <c r="C1287" s="17"/>
      <c r="D1287" s="18"/>
      <c r="E1287" s="18"/>
      <c r="F1287" s="18"/>
      <c r="G1287" s="18"/>
      <c r="H1287" s="18"/>
      <c r="I1287" s="18"/>
      <c r="J1287" s="18"/>
      <c r="K1287" s="18"/>
      <c r="L1287" s="18"/>
      <c r="M1287" s="18"/>
      <c r="N1287" s="18"/>
      <c r="O1287" s="18"/>
      <c r="P1287" s="19"/>
      <c r="Q1287" s="19"/>
      <c r="R1287" s="19"/>
      <c r="S1287" s="19"/>
      <c r="T1287" s="19"/>
      <c r="U1287" s="19"/>
      <c r="V1287" s="19"/>
      <c r="W1287" s="19"/>
      <c r="X1287" s="19"/>
      <c r="Y1287" s="19"/>
      <c r="Z1287" s="19"/>
      <c r="AA1287" s="19"/>
    </row>
    <row r="1288" spans="1:27" s="1" customFormat="1" ht="11.1" customHeight="1" outlineLevel="2" x14ac:dyDescent="0.2">
      <c r="A1288" s="17">
        <v>8820</v>
      </c>
      <c r="B1288" s="17"/>
      <c r="C1288" s="17"/>
      <c r="D1288" s="18" t="s">
        <v>652</v>
      </c>
      <c r="E1288" s="18"/>
      <c r="F1288" s="18"/>
      <c r="G1288" s="18"/>
      <c r="H1288" s="18"/>
      <c r="I1288" s="18"/>
      <c r="J1288" s="18"/>
      <c r="K1288" s="18"/>
      <c r="L1288" s="18"/>
      <c r="M1288" s="18"/>
      <c r="N1288" s="18"/>
      <c r="O1288" s="18"/>
      <c r="P1288" s="19">
        <v>130</v>
      </c>
      <c r="Q1288" s="19"/>
      <c r="R1288" s="19"/>
      <c r="S1288" s="19"/>
      <c r="T1288" s="19">
        <v>100</v>
      </c>
      <c r="U1288" s="19"/>
      <c r="V1288" s="19"/>
      <c r="W1288" s="19"/>
      <c r="X1288" s="19">
        <v>4</v>
      </c>
      <c r="Y1288" s="19"/>
      <c r="Z1288" s="19"/>
      <c r="AA1288" s="19"/>
    </row>
    <row r="1289" spans="1:27" s="1" customFormat="1" ht="11.1" customHeight="1" outlineLevel="2" x14ac:dyDescent="0.2">
      <c r="A1289" s="17"/>
      <c r="B1289" s="17"/>
      <c r="C1289" s="17"/>
      <c r="D1289" s="18"/>
      <c r="E1289" s="18"/>
      <c r="F1289" s="18"/>
      <c r="G1289" s="18"/>
      <c r="H1289" s="18"/>
      <c r="I1289" s="18"/>
      <c r="J1289" s="18"/>
      <c r="K1289" s="18"/>
      <c r="L1289" s="18"/>
      <c r="M1289" s="18"/>
      <c r="N1289" s="18"/>
      <c r="O1289" s="18"/>
      <c r="P1289" s="19"/>
      <c r="Q1289" s="19"/>
      <c r="R1289" s="19"/>
      <c r="S1289" s="19"/>
      <c r="T1289" s="19"/>
      <c r="U1289" s="19"/>
      <c r="V1289" s="19"/>
      <c r="W1289" s="19"/>
      <c r="X1289" s="19"/>
      <c r="Y1289" s="19"/>
      <c r="Z1289" s="19"/>
      <c r="AA1289" s="19"/>
    </row>
    <row r="1290" spans="1:27" s="1" customFormat="1" ht="14.1" customHeight="1" outlineLevel="2" x14ac:dyDescent="0.2">
      <c r="A1290" s="17">
        <v>10979</v>
      </c>
      <c r="B1290" s="17"/>
      <c r="C1290" s="17"/>
      <c r="D1290" s="18" t="s">
        <v>653</v>
      </c>
      <c r="E1290" s="18"/>
      <c r="F1290" s="18"/>
      <c r="G1290" s="18"/>
      <c r="H1290" s="18"/>
      <c r="I1290" s="18"/>
      <c r="J1290" s="18"/>
      <c r="K1290" s="18"/>
      <c r="L1290" s="18"/>
      <c r="M1290" s="18"/>
      <c r="N1290" s="18"/>
      <c r="O1290" s="18"/>
      <c r="P1290" s="19">
        <v>220</v>
      </c>
      <c r="Q1290" s="19"/>
      <c r="R1290" s="19"/>
      <c r="S1290" s="19"/>
      <c r="T1290" s="19">
        <v>160</v>
      </c>
      <c r="U1290" s="19"/>
      <c r="V1290" s="19"/>
      <c r="W1290" s="19"/>
      <c r="X1290" s="19">
        <v>32</v>
      </c>
      <c r="Y1290" s="19"/>
      <c r="Z1290" s="19"/>
      <c r="AA1290" s="19"/>
    </row>
    <row r="1291" spans="1:27" s="1" customFormat="1" ht="14.1" customHeight="1" outlineLevel="2" x14ac:dyDescent="0.2">
      <c r="A1291" s="17"/>
      <c r="B1291" s="17"/>
      <c r="C1291" s="17"/>
      <c r="D1291" s="18"/>
      <c r="E1291" s="18"/>
      <c r="F1291" s="18"/>
      <c r="G1291" s="18"/>
      <c r="H1291" s="18"/>
      <c r="I1291" s="18"/>
      <c r="J1291" s="18"/>
      <c r="K1291" s="18"/>
      <c r="L1291" s="18"/>
      <c r="M1291" s="18"/>
      <c r="N1291" s="18"/>
      <c r="O1291" s="18"/>
      <c r="P1291" s="19"/>
      <c r="Q1291" s="19"/>
      <c r="R1291" s="19"/>
      <c r="S1291" s="19"/>
      <c r="T1291" s="19"/>
      <c r="U1291" s="19"/>
      <c r="V1291" s="19"/>
      <c r="W1291" s="19"/>
      <c r="X1291" s="19"/>
      <c r="Y1291" s="19"/>
      <c r="Z1291" s="19"/>
      <c r="AA1291" s="19"/>
    </row>
    <row r="1292" spans="1:27" s="1" customFormat="1" ht="11.1" customHeight="1" outlineLevel="2" x14ac:dyDescent="0.2">
      <c r="A1292" s="17">
        <v>10023</v>
      </c>
      <c r="B1292" s="17"/>
      <c r="C1292" s="17"/>
      <c r="D1292" s="18" t="s">
        <v>654</v>
      </c>
      <c r="E1292" s="18"/>
      <c r="F1292" s="18"/>
      <c r="G1292" s="18"/>
      <c r="H1292" s="18"/>
      <c r="I1292" s="18"/>
      <c r="J1292" s="18"/>
      <c r="K1292" s="18"/>
      <c r="L1292" s="18"/>
      <c r="M1292" s="18"/>
      <c r="N1292" s="18"/>
      <c r="O1292" s="18"/>
      <c r="P1292" s="19">
        <v>50</v>
      </c>
      <c r="Q1292" s="19"/>
      <c r="R1292" s="19"/>
      <c r="S1292" s="19"/>
      <c r="T1292" s="19">
        <v>30</v>
      </c>
      <c r="U1292" s="19"/>
      <c r="V1292" s="19"/>
      <c r="W1292" s="19"/>
      <c r="X1292" s="19">
        <v>1</v>
      </c>
      <c r="Y1292" s="19"/>
      <c r="Z1292" s="19"/>
      <c r="AA1292" s="19"/>
    </row>
    <row r="1293" spans="1:27" s="1" customFormat="1" ht="11.1" customHeight="1" outlineLevel="2" x14ac:dyDescent="0.2">
      <c r="A1293" s="17"/>
      <c r="B1293" s="17"/>
      <c r="C1293" s="17"/>
      <c r="D1293" s="18"/>
      <c r="E1293" s="18"/>
      <c r="F1293" s="18"/>
      <c r="G1293" s="18"/>
      <c r="H1293" s="18"/>
      <c r="I1293" s="18"/>
      <c r="J1293" s="18"/>
      <c r="K1293" s="18"/>
      <c r="L1293" s="18"/>
      <c r="M1293" s="18"/>
      <c r="N1293" s="18"/>
      <c r="O1293" s="18"/>
      <c r="P1293" s="19"/>
      <c r="Q1293" s="19"/>
      <c r="R1293" s="19"/>
      <c r="S1293" s="19"/>
      <c r="T1293" s="19"/>
      <c r="U1293" s="19"/>
      <c r="V1293" s="19"/>
      <c r="W1293" s="19"/>
      <c r="X1293" s="19"/>
      <c r="Y1293" s="19"/>
      <c r="Z1293" s="19"/>
      <c r="AA1293" s="19"/>
    </row>
    <row r="1294" spans="1:27" s="1" customFormat="1" ht="11.1" customHeight="1" outlineLevel="2" x14ac:dyDescent="0.2">
      <c r="A1294" s="17">
        <v>10024</v>
      </c>
      <c r="B1294" s="17"/>
      <c r="C1294" s="17"/>
      <c r="D1294" s="18" t="s">
        <v>655</v>
      </c>
      <c r="E1294" s="18"/>
      <c r="F1294" s="18"/>
      <c r="G1294" s="18"/>
      <c r="H1294" s="18"/>
      <c r="I1294" s="18"/>
      <c r="J1294" s="18"/>
      <c r="K1294" s="18"/>
      <c r="L1294" s="18"/>
      <c r="M1294" s="18"/>
      <c r="N1294" s="18"/>
      <c r="O1294" s="18"/>
      <c r="P1294" s="19">
        <v>50</v>
      </c>
      <c r="Q1294" s="19"/>
      <c r="R1294" s="19"/>
      <c r="S1294" s="19"/>
      <c r="T1294" s="19">
        <v>30</v>
      </c>
      <c r="U1294" s="19"/>
      <c r="V1294" s="19"/>
      <c r="W1294" s="19"/>
      <c r="X1294" s="19">
        <v>5</v>
      </c>
      <c r="Y1294" s="19"/>
      <c r="Z1294" s="19"/>
      <c r="AA1294" s="19"/>
    </row>
    <row r="1295" spans="1:27" s="1" customFormat="1" ht="11.1" customHeight="1" outlineLevel="2" x14ac:dyDescent="0.2">
      <c r="A1295" s="17"/>
      <c r="B1295" s="17"/>
      <c r="C1295" s="17"/>
      <c r="D1295" s="18"/>
      <c r="E1295" s="18"/>
      <c r="F1295" s="18"/>
      <c r="G1295" s="18"/>
      <c r="H1295" s="18"/>
      <c r="I1295" s="18"/>
      <c r="J1295" s="18"/>
      <c r="K1295" s="18"/>
      <c r="L1295" s="18"/>
      <c r="M1295" s="18"/>
      <c r="N1295" s="18"/>
      <c r="O1295" s="18"/>
      <c r="P1295" s="19"/>
      <c r="Q1295" s="19"/>
      <c r="R1295" s="19"/>
      <c r="S1295" s="19"/>
      <c r="T1295" s="19"/>
      <c r="U1295" s="19"/>
      <c r="V1295" s="19"/>
      <c r="W1295" s="19"/>
      <c r="X1295" s="19"/>
      <c r="Y1295" s="19"/>
      <c r="Z1295" s="19"/>
      <c r="AA1295" s="19"/>
    </row>
    <row r="1296" spans="1:27" s="1" customFormat="1" ht="11.1" customHeight="1" outlineLevel="2" x14ac:dyDescent="0.2">
      <c r="A1296" s="17">
        <v>10025</v>
      </c>
      <c r="B1296" s="17"/>
      <c r="C1296" s="17"/>
      <c r="D1296" s="18" t="s">
        <v>656</v>
      </c>
      <c r="E1296" s="18"/>
      <c r="F1296" s="18"/>
      <c r="G1296" s="18"/>
      <c r="H1296" s="18"/>
      <c r="I1296" s="18"/>
      <c r="J1296" s="18"/>
      <c r="K1296" s="18"/>
      <c r="L1296" s="18"/>
      <c r="M1296" s="18"/>
      <c r="N1296" s="18"/>
      <c r="O1296" s="18"/>
      <c r="P1296" s="19">
        <v>50</v>
      </c>
      <c r="Q1296" s="19"/>
      <c r="R1296" s="19"/>
      <c r="S1296" s="19"/>
      <c r="T1296" s="19">
        <v>30</v>
      </c>
      <c r="U1296" s="19"/>
      <c r="V1296" s="19"/>
      <c r="W1296" s="19"/>
      <c r="X1296" s="19">
        <v>5</v>
      </c>
      <c r="Y1296" s="19"/>
      <c r="Z1296" s="19"/>
      <c r="AA1296" s="19"/>
    </row>
    <row r="1297" spans="1:27" s="1" customFormat="1" ht="11.1" customHeight="1" outlineLevel="2" x14ac:dyDescent="0.2">
      <c r="A1297" s="17"/>
      <c r="B1297" s="17"/>
      <c r="C1297" s="17"/>
      <c r="D1297" s="18"/>
      <c r="E1297" s="18"/>
      <c r="F1297" s="18"/>
      <c r="G1297" s="18"/>
      <c r="H1297" s="18"/>
      <c r="I1297" s="18"/>
      <c r="J1297" s="18"/>
      <c r="K1297" s="18"/>
      <c r="L1297" s="18"/>
      <c r="M1297" s="18"/>
      <c r="N1297" s="18"/>
      <c r="O1297" s="18"/>
      <c r="P1297" s="19"/>
      <c r="Q1297" s="19"/>
      <c r="R1297" s="19"/>
      <c r="S1297" s="19"/>
      <c r="T1297" s="19"/>
      <c r="U1297" s="19"/>
      <c r="V1297" s="19"/>
      <c r="W1297" s="19"/>
      <c r="X1297" s="19"/>
      <c r="Y1297" s="19"/>
      <c r="Z1297" s="19"/>
      <c r="AA1297" s="19"/>
    </row>
    <row r="1298" spans="1:27" s="1" customFormat="1" ht="11.1" customHeight="1" outlineLevel="2" x14ac:dyDescent="0.2">
      <c r="A1298" s="17">
        <v>9725</v>
      </c>
      <c r="B1298" s="17"/>
      <c r="C1298" s="17"/>
      <c r="D1298" s="18" t="s">
        <v>657</v>
      </c>
      <c r="E1298" s="18"/>
      <c r="F1298" s="18"/>
      <c r="G1298" s="18"/>
      <c r="H1298" s="18"/>
      <c r="I1298" s="18"/>
      <c r="J1298" s="18"/>
      <c r="K1298" s="18"/>
      <c r="L1298" s="18"/>
      <c r="M1298" s="18"/>
      <c r="N1298" s="18"/>
      <c r="O1298" s="18"/>
      <c r="P1298" s="19">
        <v>50</v>
      </c>
      <c r="Q1298" s="19"/>
      <c r="R1298" s="19"/>
      <c r="S1298" s="19"/>
      <c r="T1298" s="19">
        <v>30</v>
      </c>
      <c r="U1298" s="19"/>
      <c r="V1298" s="19"/>
      <c r="W1298" s="19"/>
      <c r="X1298" s="19">
        <v>6</v>
      </c>
      <c r="Y1298" s="19"/>
      <c r="Z1298" s="19"/>
      <c r="AA1298" s="19"/>
    </row>
    <row r="1299" spans="1:27" s="1" customFormat="1" ht="11.1" customHeight="1" outlineLevel="2" x14ac:dyDescent="0.2">
      <c r="A1299" s="17"/>
      <c r="B1299" s="17"/>
      <c r="C1299" s="17"/>
      <c r="D1299" s="18"/>
      <c r="E1299" s="18"/>
      <c r="F1299" s="18"/>
      <c r="G1299" s="18"/>
      <c r="H1299" s="18"/>
      <c r="I1299" s="18"/>
      <c r="J1299" s="18"/>
      <c r="K1299" s="18"/>
      <c r="L1299" s="18"/>
      <c r="M1299" s="18"/>
      <c r="N1299" s="18"/>
      <c r="O1299" s="18"/>
      <c r="P1299" s="19"/>
      <c r="Q1299" s="19"/>
      <c r="R1299" s="19"/>
      <c r="S1299" s="19"/>
      <c r="T1299" s="19"/>
      <c r="U1299" s="19"/>
      <c r="V1299" s="19"/>
      <c r="W1299" s="19"/>
      <c r="X1299" s="19"/>
      <c r="Y1299" s="19"/>
      <c r="Z1299" s="19"/>
      <c r="AA1299" s="19"/>
    </row>
    <row r="1300" spans="1:27" s="1" customFormat="1" ht="11.1" customHeight="1" outlineLevel="2" x14ac:dyDescent="0.2">
      <c r="A1300" s="17">
        <v>9763</v>
      </c>
      <c r="B1300" s="17"/>
      <c r="C1300" s="17"/>
      <c r="D1300" s="18" t="s">
        <v>658</v>
      </c>
      <c r="E1300" s="18"/>
      <c r="F1300" s="18"/>
      <c r="G1300" s="18"/>
      <c r="H1300" s="18"/>
      <c r="I1300" s="18"/>
      <c r="J1300" s="18"/>
      <c r="K1300" s="18"/>
      <c r="L1300" s="18"/>
      <c r="M1300" s="18"/>
      <c r="N1300" s="18"/>
      <c r="O1300" s="18"/>
      <c r="P1300" s="19">
        <v>90</v>
      </c>
      <c r="Q1300" s="19"/>
      <c r="R1300" s="19"/>
      <c r="S1300" s="19"/>
      <c r="T1300" s="19">
        <v>60</v>
      </c>
      <c r="U1300" s="19"/>
      <c r="V1300" s="19"/>
      <c r="W1300" s="19"/>
      <c r="X1300" s="19">
        <v>2</v>
      </c>
      <c r="Y1300" s="19"/>
      <c r="Z1300" s="19"/>
      <c r="AA1300" s="19"/>
    </row>
    <row r="1301" spans="1:27" s="1" customFormat="1" ht="11.1" customHeight="1" outlineLevel="2" x14ac:dyDescent="0.2">
      <c r="A1301" s="17"/>
      <c r="B1301" s="17"/>
      <c r="C1301" s="17"/>
      <c r="D1301" s="18"/>
      <c r="E1301" s="18"/>
      <c r="F1301" s="18"/>
      <c r="G1301" s="18"/>
      <c r="H1301" s="18"/>
      <c r="I1301" s="18"/>
      <c r="J1301" s="18"/>
      <c r="K1301" s="18"/>
      <c r="L1301" s="18"/>
      <c r="M1301" s="18"/>
      <c r="N1301" s="18"/>
      <c r="O1301" s="18"/>
      <c r="P1301" s="19"/>
      <c r="Q1301" s="19"/>
      <c r="R1301" s="19"/>
      <c r="S1301" s="19"/>
      <c r="T1301" s="19"/>
      <c r="U1301" s="19"/>
      <c r="V1301" s="19"/>
      <c r="W1301" s="19"/>
      <c r="X1301" s="19"/>
      <c r="Y1301" s="19"/>
      <c r="Z1301" s="19"/>
      <c r="AA1301" s="19"/>
    </row>
    <row r="1302" spans="1:27" s="1" customFormat="1" ht="11.1" customHeight="1" outlineLevel="2" x14ac:dyDescent="0.2">
      <c r="A1302" s="17">
        <v>9768</v>
      </c>
      <c r="B1302" s="17"/>
      <c r="C1302" s="17"/>
      <c r="D1302" s="18" t="s">
        <v>659</v>
      </c>
      <c r="E1302" s="18"/>
      <c r="F1302" s="18"/>
      <c r="G1302" s="18"/>
      <c r="H1302" s="18"/>
      <c r="I1302" s="18"/>
      <c r="J1302" s="18"/>
      <c r="K1302" s="18"/>
      <c r="L1302" s="18"/>
      <c r="M1302" s="18"/>
      <c r="N1302" s="18"/>
      <c r="O1302" s="18"/>
      <c r="P1302" s="19">
        <v>90</v>
      </c>
      <c r="Q1302" s="19"/>
      <c r="R1302" s="19"/>
      <c r="S1302" s="19"/>
      <c r="T1302" s="19">
        <v>60</v>
      </c>
      <c r="U1302" s="19"/>
      <c r="V1302" s="19"/>
      <c r="W1302" s="19"/>
      <c r="X1302" s="19">
        <v>1</v>
      </c>
      <c r="Y1302" s="19"/>
      <c r="Z1302" s="19"/>
      <c r="AA1302" s="19"/>
    </row>
    <row r="1303" spans="1:27" s="1" customFormat="1" ht="11.1" customHeight="1" outlineLevel="2" x14ac:dyDescent="0.2">
      <c r="A1303" s="17"/>
      <c r="B1303" s="17"/>
      <c r="C1303" s="17"/>
      <c r="D1303" s="18"/>
      <c r="E1303" s="18"/>
      <c r="F1303" s="18"/>
      <c r="G1303" s="18"/>
      <c r="H1303" s="18"/>
      <c r="I1303" s="18"/>
      <c r="J1303" s="18"/>
      <c r="K1303" s="18"/>
      <c r="L1303" s="18"/>
      <c r="M1303" s="18"/>
      <c r="N1303" s="18"/>
      <c r="O1303" s="18"/>
      <c r="P1303" s="19"/>
      <c r="Q1303" s="19"/>
      <c r="R1303" s="19"/>
      <c r="S1303" s="19"/>
      <c r="T1303" s="19"/>
      <c r="U1303" s="19"/>
      <c r="V1303" s="19"/>
      <c r="W1303" s="19"/>
      <c r="X1303" s="19"/>
      <c r="Y1303" s="19"/>
      <c r="Z1303" s="19"/>
      <c r="AA1303" s="19"/>
    </row>
    <row r="1304" spans="1:27" s="1" customFormat="1" ht="11.1" customHeight="1" outlineLevel="1" x14ac:dyDescent="0.2">
      <c r="A1304" s="16" t="s">
        <v>660</v>
      </c>
      <c r="B1304" s="16"/>
      <c r="C1304" s="16"/>
      <c r="D1304" s="16"/>
      <c r="E1304" s="16"/>
      <c r="F1304" s="16"/>
      <c r="G1304" s="16"/>
      <c r="H1304" s="16"/>
      <c r="I1304" s="16"/>
      <c r="J1304" s="16"/>
      <c r="K1304" s="16"/>
      <c r="L1304" s="16"/>
      <c r="M1304" s="16"/>
      <c r="N1304" s="16"/>
      <c r="O1304" s="16"/>
      <c r="P1304" s="16"/>
      <c r="Q1304" s="16"/>
      <c r="R1304" s="16"/>
      <c r="S1304" s="16"/>
      <c r="T1304" s="16"/>
      <c r="U1304" s="16"/>
      <c r="V1304" s="16"/>
      <c r="W1304" s="16"/>
      <c r="X1304" s="16"/>
      <c r="Y1304" s="16"/>
      <c r="Z1304" s="16"/>
      <c r="AA1304" s="16"/>
    </row>
    <row r="1305" spans="1:27" s="1" customFormat="1" ht="11.1" customHeight="1" outlineLevel="1" x14ac:dyDescent="0.2">
      <c r="A1305" s="16"/>
      <c r="B1305" s="16"/>
      <c r="C1305" s="16"/>
      <c r="D1305" s="16"/>
      <c r="E1305" s="16"/>
      <c r="F1305" s="16"/>
      <c r="G1305" s="16"/>
      <c r="H1305" s="16"/>
      <c r="I1305" s="16"/>
      <c r="J1305" s="16"/>
      <c r="K1305" s="16"/>
      <c r="L1305" s="16"/>
      <c r="M1305" s="16"/>
      <c r="N1305" s="16"/>
      <c r="O1305" s="16"/>
      <c r="P1305" s="16"/>
      <c r="Q1305" s="16"/>
      <c r="R1305" s="16"/>
      <c r="S1305" s="16"/>
      <c r="T1305" s="16"/>
      <c r="U1305" s="16"/>
      <c r="V1305" s="16"/>
      <c r="W1305" s="16"/>
      <c r="X1305" s="16"/>
      <c r="Y1305" s="16"/>
      <c r="Z1305" s="16"/>
      <c r="AA1305" s="16"/>
    </row>
    <row r="1306" spans="1:27" s="1" customFormat="1" ht="11.1" customHeight="1" outlineLevel="2" x14ac:dyDescent="0.2">
      <c r="A1306" s="17">
        <v>6455</v>
      </c>
      <c r="B1306" s="17"/>
      <c r="C1306" s="17"/>
      <c r="D1306" s="18" t="s">
        <v>661</v>
      </c>
      <c r="E1306" s="18"/>
      <c r="F1306" s="18"/>
      <c r="G1306" s="18"/>
      <c r="H1306" s="18"/>
      <c r="I1306" s="18"/>
      <c r="J1306" s="18"/>
      <c r="K1306" s="18"/>
      <c r="L1306" s="18"/>
      <c r="M1306" s="18"/>
      <c r="N1306" s="18"/>
      <c r="O1306" s="18"/>
      <c r="P1306" s="19">
        <v>510</v>
      </c>
      <c r="Q1306" s="19"/>
      <c r="R1306" s="19"/>
      <c r="S1306" s="19"/>
      <c r="T1306" s="19">
        <v>390</v>
      </c>
      <c r="U1306" s="19"/>
      <c r="V1306" s="19"/>
      <c r="W1306" s="19"/>
      <c r="X1306" s="19">
        <v>2</v>
      </c>
      <c r="Y1306" s="19"/>
      <c r="Z1306" s="19"/>
      <c r="AA1306" s="19"/>
    </row>
    <row r="1307" spans="1:27" s="1" customFormat="1" ht="11.1" customHeight="1" outlineLevel="2" x14ac:dyDescent="0.2">
      <c r="A1307" s="17"/>
      <c r="B1307" s="17"/>
      <c r="C1307" s="17"/>
      <c r="D1307" s="18"/>
      <c r="E1307" s="18"/>
      <c r="F1307" s="18"/>
      <c r="G1307" s="18"/>
      <c r="H1307" s="18"/>
      <c r="I1307" s="18"/>
      <c r="J1307" s="18"/>
      <c r="K1307" s="18"/>
      <c r="L1307" s="18"/>
      <c r="M1307" s="18"/>
      <c r="N1307" s="18"/>
      <c r="O1307" s="18"/>
      <c r="P1307" s="19"/>
      <c r="Q1307" s="19"/>
      <c r="R1307" s="19"/>
      <c r="S1307" s="19"/>
      <c r="T1307" s="19"/>
      <c r="U1307" s="19"/>
      <c r="V1307" s="19"/>
      <c r="W1307" s="19"/>
      <c r="X1307" s="19"/>
      <c r="Y1307" s="19"/>
      <c r="Z1307" s="19"/>
      <c r="AA1307" s="19"/>
    </row>
    <row r="1308" spans="1:27" s="1" customFormat="1" ht="11.1" customHeight="1" outlineLevel="2" x14ac:dyDescent="0.2">
      <c r="A1308" s="17">
        <v>11449</v>
      </c>
      <c r="B1308" s="17"/>
      <c r="C1308" s="17"/>
      <c r="D1308" s="18" t="s">
        <v>662</v>
      </c>
      <c r="E1308" s="18"/>
      <c r="F1308" s="18"/>
      <c r="G1308" s="18"/>
      <c r="H1308" s="18"/>
      <c r="I1308" s="18"/>
      <c r="J1308" s="18"/>
      <c r="K1308" s="18"/>
      <c r="L1308" s="18"/>
      <c r="M1308" s="18"/>
      <c r="N1308" s="18"/>
      <c r="O1308" s="18"/>
      <c r="P1308" s="19">
        <v>730</v>
      </c>
      <c r="Q1308" s="19"/>
      <c r="R1308" s="19"/>
      <c r="S1308" s="19"/>
      <c r="T1308" s="19">
        <v>505</v>
      </c>
      <c r="U1308" s="19"/>
      <c r="V1308" s="19"/>
      <c r="W1308" s="19"/>
      <c r="X1308" s="19">
        <v>12</v>
      </c>
      <c r="Y1308" s="19"/>
      <c r="Z1308" s="19"/>
      <c r="AA1308" s="19"/>
    </row>
    <row r="1309" spans="1:27" s="1" customFormat="1" ht="11.1" customHeight="1" outlineLevel="2" x14ac:dyDescent="0.2">
      <c r="A1309" s="17"/>
      <c r="B1309" s="17"/>
      <c r="C1309" s="17"/>
      <c r="D1309" s="18"/>
      <c r="E1309" s="18"/>
      <c r="F1309" s="18"/>
      <c r="G1309" s="18"/>
      <c r="H1309" s="18"/>
      <c r="I1309" s="18"/>
      <c r="J1309" s="18"/>
      <c r="K1309" s="18"/>
      <c r="L1309" s="18"/>
      <c r="M1309" s="18"/>
      <c r="N1309" s="18"/>
      <c r="O1309" s="18"/>
      <c r="P1309" s="19"/>
      <c r="Q1309" s="19"/>
      <c r="R1309" s="19"/>
      <c r="S1309" s="19"/>
      <c r="T1309" s="19"/>
      <c r="U1309" s="19"/>
      <c r="V1309" s="19"/>
      <c r="W1309" s="19"/>
      <c r="X1309" s="19"/>
      <c r="Y1309" s="19"/>
      <c r="Z1309" s="19"/>
      <c r="AA1309" s="19"/>
    </row>
    <row r="1310" spans="1:27" s="1" customFormat="1" ht="11.1" customHeight="1" outlineLevel="2" x14ac:dyDescent="0.2">
      <c r="A1310" s="17">
        <v>9733</v>
      </c>
      <c r="B1310" s="17"/>
      <c r="C1310" s="17"/>
      <c r="D1310" s="18" t="s">
        <v>663</v>
      </c>
      <c r="E1310" s="18"/>
      <c r="F1310" s="18"/>
      <c r="G1310" s="18"/>
      <c r="H1310" s="18"/>
      <c r="I1310" s="18"/>
      <c r="J1310" s="18"/>
      <c r="K1310" s="18"/>
      <c r="L1310" s="18"/>
      <c r="M1310" s="18"/>
      <c r="N1310" s="18"/>
      <c r="O1310" s="18"/>
      <c r="P1310" s="19">
        <v>45</v>
      </c>
      <c r="Q1310" s="19"/>
      <c r="R1310" s="19"/>
      <c r="S1310" s="19"/>
      <c r="T1310" s="19">
        <v>25</v>
      </c>
      <c r="U1310" s="19"/>
      <c r="V1310" s="19"/>
      <c r="W1310" s="19"/>
      <c r="X1310" s="19">
        <v>1</v>
      </c>
      <c r="Y1310" s="19"/>
      <c r="Z1310" s="19"/>
      <c r="AA1310" s="19"/>
    </row>
    <row r="1311" spans="1:27" s="1" customFormat="1" ht="11.1" customHeight="1" outlineLevel="2" x14ac:dyDescent="0.2">
      <c r="A1311" s="17"/>
      <c r="B1311" s="17"/>
      <c r="C1311" s="17"/>
      <c r="D1311" s="18"/>
      <c r="E1311" s="18"/>
      <c r="F1311" s="18"/>
      <c r="G1311" s="18"/>
      <c r="H1311" s="18"/>
      <c r="I1311" s="18"/>
      <c r="J1311" s="18"/>
      <c r="K1311" s="18"/>
      <c r="L1311" s="18"/>
      <c r="M1311" s="18"/>
      <c r="N1311" s="18"/>
      <c r="O1311" s="18"/>
      <c r="P1311" s="19"/>
      <c r="Q1311" s="19"/>
      <c r="R1311" s="19"/>
      <c r="S1311" s="19"/>
      <c r="T1311" s="19"/>
      <c r="U1311" s="19"/>
      <c r="V1311" s="19"/>
      <c r="W1311" s="19"/>
      <c r="X1311" s="19"/>
      <c r="Y1311" s="19"/>
      <c r="Z1311" s="19"/>
      <c r="AA1311" s="19"/>
    </row>
    <row r="1312" spans="1:27" s="1" customFormat="1" ht="14.1" customHeight="1" outlineLevel="2" x14ac:dyDescent="0.2">
      <c r="A1312" s="17">
        <v>6291</v>
      </c>
      <c r="B1312" s="17"/>
      <c r="C1312" s="17"/>
      <c r="D1312" s="18" t="s">
        <v>664</v>
      </c>
      <c r="E1312" s="18"/>
      <c r="F1312" s="18"/>
      <c r="G1312" s="18"/>
      <c r="H1312" s="18"/>
      <c r="I1312" s="18"/>
      <c r="J1312" s="18"/>
      <c r="K1312" s="18"/>
      <c r="L1312" s="18"/>
      <c r="M1312" s="18"/>
      <c r="N1312" s="18"/>
      <c r="O1312" s="18"/>
      <c r="P1312" s="20">
        <v>1240</v>
      </c>
      <c r="Q1312" s="20"/>
      <c r="R1312" s="20"/>
      <c r="S1312" s="20"/>
      <c r="T1312" s="20">
        <v>1100</v>
      </c>
      <c r="U1312" s="20"/>
      <c r="V1312" s="20"/>
      <c r="W1312" s="20"/>
      <c r="X1312" s="19">
        <v>4</v>
      </c>
      <c r="Y1312" s="19"/>
      <c r="Z1312" s="19"/>
      <c r="AA1312" s="19"/>
    </row>
    <row r="1313" spans="1:27" s="1" customFormat="1" ht="14.1" customHeight="1" outlineLevel="2" x14ac:dyDescent="0.2">
      <c r="A1313" s="17"/>
      <c r="B1313" s="17"/>
      <c r="C1313" s="17"/>
      <c r="D1313" s="18"/>
      <c r="E1313" s="18"/>
      <c r="F1313" s="18"/>
      <c r="G1313" s="18"/>
      <c r="H1313" s="18"/>
      <c r="I1313" s="18"/>
      <c r="J1313" s="18"/>
      <c r="K1313" s="18"/>
      <c r="L1313" s="18"/>
      <c r="M1313" s="18"/>
      <c r="N1313" s="18"/>
      <c r="O1313" s="18"/>
      <c r="P1313" s="20"/>
      <c r="Q1313" s="20"/>
      <c r="R1313" s="20"/>
      <c r="S1313" s="20"/>
      <c r="T1313" s="20"/>
      <c r="U1313" s="20"/>
      <c r="V1313" s="20"/>
      <c r="W1313" s="20"/>
      <c r="X1313" s="19"/>
      <c r="Y1313" s="19"/>
      <c r="Z1313" s="19"/>
      <c r="AA1313" s="19"/>
    </row>
    <row r="1314" spans="1:27" s="1" customFormat="1" ht="14.1" customHeight="1" outlineLevel="2" x14ac:dyDescent="0.2">
      <c r="A1314" s="17">
        <v>6338</v>
      </c>
      <c r="B1314" s="17"/>
      <c r="C1314" s="17"/>
      <c r="D1314" s="18" t="s">
        <v>665</v>
      </c>
      <c r="E1314" s="18"/>
      <c r="F1314" s="18"/>
      <c r="G1314" s="18"/>
      <c r="H1314" s="18"/>
      <c r="I1314" s="18"/>
      <c r="J1314" s="18"/>
      <c r="K1314" s="18"/>
      <c r="L1314" s="18"/>
      <c r="M1314" s="18"/>
      <c r="N1314" s="18"/>
      <c r="O1314" s="18"/>
      <c r="P1314" s="20">
        <v>1200</v>
      </c>
      <c r="Q1314" s="20"/>
      <c r="R1314" s="20"/>
      <c r="S1314" s="20"/>
      <c r="T1314" s="20">
        <v>1100</v>
      </c>
      <c r="U1314" s="20"/>
      <c r="V1314" s="20"/>
      <c r="W1314" s="20"/>
      <c r="X1314" s="19">
        <v>25</v>
      </c>
      <c r="Y1314" s="19"/>
      <c r="Z1314" s="19"/>
      <c r="AA1314" s="19"/>
    </row>
    <row r="1315" spans="1:27" s="1" customFormat="1" ht="14.1" customHeight="1" outlineLevel="2" x14ac:dyDescent="0.2">
      <c r="A1315" s="17"/>
      <c r="B1315" s="17"/>
      <c r="C1315" s="17"/>
      <c r="D1315" s="18"/>
      <c r="E1315" s="18"/>
      <c r="F1315" s="18"/>
      <c r="G1315" s="18"/>
      <c r="H1315" s="18"/>
      <c r="I1315" s="18"/>
      <c r="J1315" s="18"/>
      <c r="K1315" s="18"/>
      <c r="L1315" s="18"/>
      <c r="M1315" s="18"/>
      <c r="N1315" s="18"/>
      <c r="O1315" s="18"/>
      <c r="P1315" s="20"/>
      <c r="Q1315" s="20"/>
      <c r="R1315" s="20"/>
      <c r="S1315" s="20"/>
      <c r="T1315" s="20"/>
      <c r="U1315" s="20"/>
      <c r="V1315" s="20"/>
      <c r="W1315" s="20"/>
      <c r="X1315" s="19"/>
      <c r="Y1315" s="19"/>
      <c r="Z1315" s="19"/>
      <c r="AA1315" s="19"/>
    </row>
    <row r="1316" spans="1:27" s="1" customFormat="1" ht="14.1" customHeight="1" outlineLevel="2" x14ac:dyDescent="0.2">
      <c r="A1316" s="17">
        <v>14789</v>
      </c>
      <c r="B1316" s="17"/>
      <c r="C1316" s="17"/>
      <c r="D1316" s="18" t="s">
        <v>666</v>
      </c>
      <c r="E1316" s="18"/>
      <c r="F1316" s="18"/>
      <c r="G1316" s="18"/>
      <c r="H1316" s="18"/>
      <c r="I1316" s="18"/>
      <c r="J1316" s="18"/>
      <c r="K1316" s="18"/>
      <c r="L1316" s="18"/>
      <c r="M1316" s="18"/>
      <c r="N1316" s="18"/>
      <c r="O1316" s="18"/>
      <c r="P1316" s="19">
        <v>70</v>
      </c>
      <c r="Q1316" s="19"/>
      <c r="R1316" s="19"/>
      <c r="S1316" s="19"/>
      <c r="T1316" s="19">
        <v>45</v>
      </c>
      <c r="U1316" s="19"/>
      <c r="V1316" s="19"/>
      <c r="W1316" s="19"/>
      <c r="X1316" s="19">
        <v>45</v>
      </c>
      <c r="Y1316" s="19"/>
      <c r="Z1316" s="19"/>
      <c r="AA1316" s="19"/>
    </row>
    <row r="1317" spans="1:27" s="1" customFormat="1" ht="14.1" customHeight="1" outlineLevel="2" x14ac:dyDescent="0.2">
      <c r="A1317" s="17"/>
      <c r="B1317" s="17"/>
      <c r="C1317" s="17"/>
      <c r="D1317" s="18"/>
      <c r="E1317" s="18"/>
      <c r="F1317" s="18"/>
      <c r="G1317" s="18"/>
      <c r="H1317" s="18"/>
      <c r="I1317" s="18"/>
      <c r="J1317" s="18"/>
      <c r="K1317" s="18"/>
      <c r="L1317" s="18"/>
      <c r="M1317" s="18"/>
      <c r="N1317" s="18"/>
      <c r="O1317" s="18"/>
      <c r="P1317" s="19"/>
      <c r="Q1317" s="19"/>
      <c r="R1317" s="19"/>
      <c r="S1317" s="19"/>
      <c r="T1317" s="19"/>
      <c r="U1317" s="19"/>
      <c r="V1317" s="19"/>
      <c r="W1317" s="19"/>
      <c r="X1317" s="19"/>
      <c r="Y1317" s="19"/>
      <c r="Z1317" s="19"/>
      <c r="AA1317" s="19"/>
    </row>
    <row r="1318" spans="1:27" s="1" customFormat="1" ht="11.1" customHeight="1" outlineLevel="2" x14ac:dyDescent="0.2">
      <c r="A1318" s="17">
        <v>5395</v>
      </c>
      <c r="B1318" s="17"/>
      <c r="C1318" s="17"/>
      <c r="D1318" s="18" t="s">
        <v>667</v>
      </c>
      <c r="E1318" s="18"/>
      <c r="F1318" s="18"/>
      <c r="G1318" s="18"/>
      <c r="H1318" s="18"/>
      <c r="I1318" s="18"/>
      <c r="J1318" s="18"/>
      <c r="K1318" s="18"/>
      <c r="L1318" s="18"/>
      <c r="M1318" s="18"/>
      <c r="N1318" s="18"/>
      <c r="O1318" s="18"/>
      <c r="P1318" s="19">
        <v>550</v>
      </c>
      <c r="Q1318" s="19"/>
      <c r="R1318" s="19"/>
      <c r="S1318" s="19"/>
      <c r="T1318" s="19">
        <v>490</v>
      </c>
      <c r="U1318" s="19"/>
      <c r="V1318" s="19"/>
      <c r="W1318" s="19"/>
      <c r="X1318" s="19">
        <v>1</v>
      </c>
      <c r="Y1318" s="19"/>
      <c r="Z1318" s="19"/>
      <c r="AA1318" s="19"/>
    </row>
    <row r="1319" spans="1:27" s="1" customFormat="1" ht="11.1" customHeight="1" outlineLevel="2" x14ac:dyDescent="0.2">
      <c r="A1319" s="17"/>
      <c r="B1319" s="17"/>
      <c r="C1319" s="17"/>
      <c r="D1319" s="18"/>
      <c r="E1319" s="18"/>
      <c r="F1319" s="18"/>
      <c r="G1319" s="18"/>
      <c r="H1319" s="18"/>
      <c r="I1319" s="18"/>
      <c r="J1319" s="18"/>
      <c r="K1319" s="18"/>
      <c r="L1319" s="18"/>
      <c r="M1319" s="18"/>
      <c r="N1319" s="18"/>
      <c r="O1319" s="18"/>
      <c r="P1319" s="19"/>
      <c r="Q1319" s="19"/>
      <c r="R1319" s="19"/>
      <c r="S1319" s="19"/>
      <c r="T1319" s="19"/>
      <c r="U1319" s="19"/>
      <c r="V1319" s="19"/>
      <c r="W1319" s="19"/>
      <c r="X1319" s="19"/>
      <c r="Y1319" s="19"/>
      <c r="Z1319" s="19"/>
      <c r="AA1319" s="19"/>
    </row>
    <row r="1320" spans="1:27" s="1" customFormat="1" ht="11.1" customHeight="1" outlineLevel="2" x14ac:dyDescent="0.2">
      <c r="A1320" s="17">
        <v>8580</v>
      </c>
      <c r="B1320" s="17"/>
      <c r="C1320" s="17"/>
      <c r="D1320" s="18" t="s">
        <v>668</v>
      </c>
      <c r="E1320" s="18"/>
      <c r="F1320" s="18"/>
      <c r="G1320" s="18"/>
      <c r="H1320" s="18"/>
      <c r="I1320" s="18"/>
      <c r="J1320" s="18"/>
      <c r="K1320" s="18"/>
      <c r="L1320" s="18"/>
      <c r="M1320" s="18"/>
      <c r="N1320" s="18"/>
      <c r="O1320" s="18"/>
      <c r="P1320" s="19">
        <v>70</v>
      </c>
      <c r="Q1320" s="19"/>
      <c r="R1320" s="19"/>
      <c r="S1320" s="19"/>
      <c r="T1320" s="19">
        <v>50</v>
      </c>
      <c r="U1320" s="19"/>
      <c r="V1320" s="19"/>
      <c r="W1320" s="19"/>
      <c r="X1320" s="19">
        <v>1</v>
      </c>
      <c r="Y1320" s="19"/>
      <c r="Z1320" s="19"/>
      <c r="AA1320" s="19"/>
    </row>
    <row r="1321" spans="1:27" s="1" customFormat="1" ht="11.1" customHeight="1" outlineLevel="2" x14ac:dyDescent="0.2">
      <c r="A1321" s="17"/>
      <c r="B1321" s="17"/>
      <c r="C1321" s="17"/>
      <c r="D1321" s="18"/>
      <c r="E1321" s="18"/>
      <c r="F1321" s="18"/>
      <c r="G1321" s="18"/>
      <c r="H1321" s="18"/>
      <c r="I1321" s="18"/>
      <c r="J1321" s="18"/>
      <c r="K1321" s="18"/>
      <c r="L1321" s="18"/>
      <c r="M1321" s="18"/>
      <c r="N1321" s="18"/>
      <c r="O1321" s="18"/>
      <c r="P1321" s="19"/>
      <c r="Q1321" s="19"/>
      <c r="R1321" s="19"/>
      <c r="S1321" s="19"/>
      <c r="T1321" s="19"/>
      <c r="U1321" s="19"/>
      <c r="V1321" s="19"/>
      <c r="W1321" s="19"/>
      <c r="X1321" s="19"/>
      <c r="Y1321" s="19"/>
      <c r="Z1321" s="19"/>
      <c r="AA1321" s="19"/>
    </row>
    <row r="1322" spans="1:27" s="1" customFormat="1" ht="11.1" customHeight="1" outlineLevel="2" x14ac:dyDescent="0.2">
      <c r="A1322" s="17">
        <v>11296</v>
      </c>
      <c r="B1322" s="17"/>
      <c r="C1322" s="17"/>
      <c r="D1322" s="18" t="s">
        <v>669</v>
      </c>
      <c r="E1322" s="18"/>
      <c r="F1322" s="18"/>
      <c r="G1322" s="18"/>
      <c r="H1322" s="18"/>
      <c r="I1322" s="18"/>
      <c r="J1322" s="18"/>
      <c r="K1322" s="18"/>
      <c r="L1322" s="18"/>
      <c r="M1322" s="18"/>
      <c r="N1322" s="18"/>
      <c r="O1322" s="18"/>
      <c r="P1322" s="19">
        <v>130</v>
      </c>
      <c r="Q1322" s="19"/>
      <c r="R1322" s="19"/>
      <c r="S1322" s="19"/>
      <c r="T1322" s="19">
        <v>85</v>
      </c>
      <c r="U1322" s="19"/>
      <c r="V1322" s="19"/>
      <c r="W1322" s="19"/>
      <c r="X1322" s="19">
        <v>3</v>
      </c>
      <c r="Y1322" s="19"/>
      <c r="Z1322" s="19"/>
      <c r="AA1322" s="19"/>
    </row>
    <row r="1323" spans="1:27" s="1" customFormat="1" ht="11.1" customHeight="1" outlineLevel="2" x14ac:dyDescent="0.2">
      <c r="A1323" s="17"/>
      <c r="B1323" s="17"/>
      <c r="C1323" s="17"/>
      <c r="D1323" s="18"/>
      <c r="E1323" s="18"/>
      <c r="F1323" s="18"/>
      <c r="G1323" s="18"/>
      <c r="H1323" s="18"/>
      <c r="I1323" s="18"/>
      <c r="J1323" s="18"/>
      <c r="K1323" s="18"/>
      <c r="L1323" s="18"/>
      <c r="M1323" s="18"/>
      <c r="N1323" s="18"/>
      <c r="O1323" s="18"/>
      <c r="P1323" s="19"/>
      <c r="Q1323" s="19"/>
      <c r="R1323" s="19"/>
      <c r="S1323" s="19"/>
      <c r="T1323" s="19"/>
      <c r="U1323" s="19"/>
      <c r="V1323" s="19"/>
      <c r="W1323" s="19"/>
      <c r="X1323" s="19"/>
      <c r="Y1323" s="19"/>
      <c r="Z1323" s="19"/>
      <c r="AA1323" s="19"/>
    </row>
    <row r="1324" spans="1:27" s="1" customFormat="1" ht="11.1" customHeight="1" outlineLevel="2" x14ac:dyDescent="0.2">
      <c r="A1324" s="17">
        <v>9742</v>
      </c>
      <c r="B1324" s="17"/>
      <c r="C1324" s="17"/>
      <c r="D1324" s="18" t="s">
        <v>670</v>
      </c>
      <c r="E1324" s="18"/>
      <c r="F1324" s="18"/>
      <c r="G1324" s="18"/>
      <c r="H1324" s="18"/>
      <c r="I1324" s="18"/>
      <c r="J1324" s="18"/>
      <c r="K1324" s="18"/>
      <c r="L1324" s="18"/>
      <c r="M1324" s="18"/>
      <c r="N1324" s="18"/>
      <c r="O1324" s="18"/>
      <c r="P1324" s="19">
        <v>85</v>
      </c>
      <c r="Q1324" s="19"/>
      <c r="R1324" s="19"/>
      <c r="S1324" s="19"/>
      <c r="T1324" s="19">
        <v>50</v>
      </c>
      <c r="U1324" s="19"/>
      <c r="V1324" s="19"/>
      <c r="W1324" s="19"/>
      <c r="X1324" s="19">
        <v>1</v>
      </c>
      <c r="Y1324" s="19"/>
      <c r="Z1324" s="19"/>
      <c r="AA1324" s="19"/>
    </row>
    <row r="1325" spans="1:27" s="1" customFormat="1" ht="11.1" customHeight="1" outlineLevel="2" x14ac:dyDescent="0.2">
      <c r="A1325" s="17"/>
      <c r="B1325" s="17"/>
      <c r="C1325" s="17"/>
      <c r="D1325" s="18"/>
      <c r="E1325" s="18"/>
      <c r="F1325" s="18"/>
      <c r="G1325" s="18"/>
      <c r="H1325" s="18"/>
      <c r="I1325" s="18"/>
      <c r="J1325" s="18"/>
      <c r="K1325" s="18"/>
      <c r="L1325" s="18"/>
      <c r="M1325" s="18"/>
      <c r="N1325" s="18"/>
      <c r="O1325" s="18"/>
      <c r="P1325" s="19"/>
      <c r="Q1325" s="19"/>
      <c r="R1325" s="19"/>
      <c r="S1325" s="19"/>
      <c r="T1325" s="19"/>
      <c r="U1325" s="19"/>
      <c r="V1325" s="19"/>
      <c r="W1325" s="19"/>
      <c r="X1325" s="19"/>
      <c r="Y1325" s="19"/>
      <c r="Z1325" s="19"/>
      <c r="AA1325" s="19"/>
    </row>
    <row r="1326" spans="1:27" s="1" customFormat="1" ht="11.1" customHeight="1" outlineLevel="2" x14ac:dyDescent="0.2">
      <c r="A1326" s="17">
        <v>9783</v>
      </c>
      <c r="B1326" s="17"/>
      <c r="C1326" s="17"/>
      <c r="D1326" s="18" t="s">
        <v>671</v>
      </c>
      <c r="E1326" s="18"/>
      <c r="F1326" s="18"/>
      <c r="G1326" s="18"/>
      <c r="H1326" s="18"/>
      <c r="I1326" s="18"/>
      <c r="J1326" s="18"/>
      <c r="K1326" s="18"/>
      <c r="L1326" s="18"/>
      <c r="M1326" s="18"/>
      <c r="N1326" s="18"/>
      <c r="O1326" s="18"/>
      <c r="P1326" s="19">
        <v>310</v>
      </c>
      <c r="Q1326" s="19"/>
      <c r="R1326" s="19"/>
      <c r="S1326" s="19"/>
      <c r="T1326" s="19">
        <v>270</v>
      </c>
      <c r="U1326" s="19"/>
      <c r="V1326" s="19"/>
      <c r="W1326" s="19"/>
      <c r="X1326" s="19">
        <v>13</v>
      </c>
      <c r="Y1326" s="19"/>
      <c r="Z1326" s="19"/>
      <c r="AA1326" s="19"/>
    </row>
    <row r="1327" spans="1:27" s="1" customFormat="1" ht="11.1" customHeight="1" outlineLevel="2" x14ac:dyDescent="0.2">
      <c r="A1327" s="17"/>
      <c r="B1327" s="17"/>
      <c r="C1327" s="17"/>
      <c r="D1327" s="18"/>
      <c r="E1327" s="18"/>
      <c r="F1327" s="18"/>
      <c r="G1327" s="18"/>
      <c r="H1327" s="18"/>
      <c r="I1327" s="18"/>
      <c r="J1327" s="18"/>
      <c r="K1327" s="18"/>
      <c r="L1327" s="18"/>
      <c r="M1327" s="18"/>
      <c r="N1327" s="18"/>
      <c r="O1327" s="18"/>
      <c r="P1327" s="19"/>
      <c r="Q1327" s="19"/>
      <c r="R1327" s="19"/>
      <c r="S1327" s="19"/>
      <c r="T1327" s="19"/>
      <c r="U1327" s="19"/>
      <c r="V1327" s="19"/>
      <c r="W1327" s="19"/>
      <c r="X1327" s="19"/>
      <c r="Y1327" s="19"/>
      <c r="Z1327" s="19"/>
      <c r="AA1327" s="19"/>
    </row>
    <row r="1328" spans="1:27" s="1" customFormat="1" ht="11.1" customHeight="1" outlineLevel="2" x14ac:dyDescent="0.2">
      <c r="A1328" s="17">
        <v>9782</v>
      </c>
      <c r="B1328" s="17"/>
      <c r="C1328" s="17"/>
      <c r="D1328" s="18" t="s">
        <v>672</v>
      </c>
      <c r="E1328" s="18"/>
      <c r="F1328" s="18"/>
      <c r="G1328" s="18"/>
      <c r="H1328" s="18"/>
      <c r="I1328" s="18"/>
      <c r="J1328" s="18"/>
      <c r="K1328" s="18"/>
      <c r="L1328" s="18"/>
      <c r="M1328" s="18"/>
      <c r="N1328" s="18"/>
      <c r="O1328" s="18"/>
      <c r="P1328" s="19">
        <v>310</v>
      </c>
      <c r="Q1328" s="19"/>
      <c r="R1328" s="19"/>
      <c r="S1328" s="19"/>
      <c r="T1328" s="19">
        <v>270</v>
      </c>
      <c r="U1328" s="19"/>
      <c r="V1328" s="19"/>
      <c r="W1328" s="19"/>
      <c r="X1328" s="19">
        <v>3</v>
      </c>
      <c r="Y1328" s="19"/>
      <c r="Z1328" s="19"/>
      <c r="AA1328" s="19"/>
    </row>
    <row r="1329" spans="1:27" s="1" customFormat="1" ht="11.1" customHeight="1" outlineLevel="2" x14ac:dyDescent="0.2">
      <c r="A1329" s="17"/>
      <c r="B1329" s="17"/>
      <c r="C1329" s="17"/>
      <c r="D1329" s="18"/>
      <c r="E1329" s="18"/>
      <c r="F1329" s="18"/>
      <c r="G1329" s="18"/>
      <c r="H1329" s="18"/>
      <c r="I1329" s="18"/>
      <c r="J1329" s="18"/>
      <c r="K1329" s="18"/>
      <c r="L1329" s="18"/>
      <c r="M1329" s="18"/>
      <c r="N1329" s="18"/>
      <c r="O1329" s="18"/>
      <c r="P1329" s="19"/>
      <c r="Q1329" s="19"/>
      <c r="R1329" s="19"/>
      <c r="S1329" s="19"/>
      <c r="T1329" s="19"/>
      <c r="U1329" s="19"/>
      <c r="V1329" s="19"/>
      <c r="W1329" s="19"/>
      <c r="X1329" s="19"/>
      <c r="Y1329" s="19"/>
      <c r="Z1329" s="19"/>
      <c r="AA1329" s="19"/>
    </row>
    <row r="1330" spans="1:27" s="1" customFormat="1" ht="11.1" customHeight="1" outlineLevel="2" x14ac:dyDescent="0.2">
      <c r="A1330" s="17">
        <v>10651</v>
      </c>
      <c r="B1330" s="17"/>
      <c r="C1330" s="17"/>
      <c r="D1330" s="18" t="s">
        <v>673</v>
      </c>
      <c r="E1330" s="18"/>
      <c r="F1330" s="18"/>
      <c r="G1330" s="18"/>
      <c r="H1330" s="18"/>
      <c r="I1330" s="18"/>
      <c r="J1330" s="18"/>
      <c r="K1330" s="18"/>
      <c r="L1330" s="18"/>
      <c r="M1330" s="18"/>
      <c r="N1330" s="18"/>
      <c r="O1330" s="18"/>
      <c r="P1330" s="19">
        <v>240</v>
      </c>
      <c r="Q1330" s="19"/>
      <c r="R1330" s="19"/>
      <c r="S1330" s="19"/>
      <c r="T1330" s="19">
        <v>190</v>
      </c>
      <c r="U1330" s="19"/>
      <c r="V1330" s="19"/>
      <c r="W1330" s="19"/>
      <c r="X1330" s="19">
        <v>1</v>
      </c>
      <c r="Y1330" s="19"/>
      <c r="Z1330" s="19"/>
      <c r="AA1330" s="19"/>
    </row>
    <row r="1331" spans="1:27" s="1" customFormat="1" ht="11.1" customHeight="1" outlineLevel="2" x14ac:dyDescent="0.2">
      <c r="A1331" s="17"/>
      <c r="B1331" s="17"/>
      <c r="C1331" s="17"/>
      <c r="D1331" s="18"/>
      <c r="E1331" s="18"/>
      <c r="F1331" s="18"/>
      <c r="G1331" s="18"/>
      <c r="H1331" s="18"/>
      <c r="I1331" s="18"/>
      <c r="J1331" s="18"/>
      <c r="K1331" s="18"/>
      <c r="L1331" s="18"/>
      <c r="M1331" s="18"/>
      <c r="N1331" s="18"/>
      <c r="O1331" s="18"/>
      <c r="P1331" s="19"/>
      <c r="Q1331" s="19"/>
      <c r="R1331" s="19"/>
      <c r="S1331" s="19"/>
      <c r="T1331" s="19"/>
      <c r="U1331" s="19"/>
      <c r="V1331" s="19"/>
      <c r="W1331" s="19"/>
      <c r="X1331" s="19"/>
      <c r="Y1331" s="19"/>
      <c r="Z1331" s="19"/>
      <c r="AA1331" s="19"/>
    </row>
    <row r="1332" spans="1:27" s="1" customFormat="1" ht="11.1" customHeight="1" outlineLevel="2" x14ac:dyDescent="0.2">
      <c r="A1332" s="17">
        <v>9555</v>
      </c>
      <c r="B1332" s="17"/>
      <c r="C1332" s="17"/>
      <c r="D1332" s="18" t="s">
        <v>674</v>
      </c>
      <c r="E1332" s="18"/>
      <c r="F1332" s="18"/>
      <c r="G1332" s="18"/>
      <c r="H1332" s="18"/>
      <c r="I1332" s="18"/>
      <c r="J1332" s="18"/>
      <c r="K1332" s="18"/>
      <c r="L1332" s="18"/>
      <c r="M1332" s="18"/>
      <c r="N1332" s="18"/>
      <c r="O1332" s="18"/>
      <c r="P1332" s="19">
        <v>30</v>
      </c>
      <c r="Q1332" s="19"/>
      <c r="R1332" s="19"/>
      <c r="S1332" s="19"/>
      <c r="T1332" s="19">
        <v>20</v>
      </c>
      <c r="U1332" s="19"/>
      <c r="V1332" s="19"/>
      <c r="W1332" s="19"/>
      <c r="X1332" s="19">
        <v>10</v>
      </c>
      <c r="Y1332" s="19"/>
      <c r="Z1332" s="19"/>
      <c r="AA1332" s="19"/>
    </row>
    <row r="1333" spans="1:27" s="1" customFormat="1" ht="11.1" customHeight="1" outlineLevel="2" x14ac:dyDescent="0.2">
      <c r="A1333" s="17"/>
      <c r="B1333" s="17"/>
      <c r="C1333" s="17"/>
      <c r="D1333" s="18"/>
      <c r="E1333" s="18"/>
      <c r="F1333" s="18"/>
      <c r="G1333" s="18"/>
      <c r="H1333" s="18"/>
      <c r="I1333" s="18"/>
      <c r="J1333" s="18"/>
      <c r="K1333" s="18"/>
      <c r="L1333" s="18"/>
      <c r="M1333" s="18"/>
      <c r="N1333" s="18"/>
      <c r="O1333" s="18"/>
      <c r="P1333" s="19"/>
      <c r="Q1333" s="19"/>
      <c r="R1333" s="19"/>
      <c r="S1333" s="19"/>
      <c r="T1333" s="19"/>
      <c r="U1333" s="19"/>
      <c r="V1333" s="19"/>
      <c r="W1333" s="19"/>
      <c r="X1333" s="19"/>
      <c r="Y1333" s="19"/>
      <c r="Z1333" s="19"/>
      <c r="AA1333" s="19"/>
    </row>
    <row r="1334" spans="1:27" s="1" customFormat="1" ht="11.1" customHeight="1" outlineLevel="2" x14ac:dyDescent="0.2">
      <c r="A1334" s="17">
        <v>9484</v>
      </c>
      <c r="B1334" s="17"/>
      <c r="C1334" s="17"/>
      <c r="D1334" s="18" t="s">
        <v>675</v>
      </c>
      <c r="E1334" s="18"/>
      <c r="F1334" s="18"/>
      <c r="G1334" s="18"/>
      <c r="H1334" s="18"/>
      <c r="I1334" s="18"/>
      <c r="J1334" s="18"/>
      <c r="K1334" s="18"/>
      <c r="L1334" s="18"/>
      <c r="M1334" s="18"/>
      <c r="N1334" s="18"/>
      <c r="O1334" s="18"/>
      <c r="P1334" s="19">
        <v>140</v>
      </c>
      <c r="Q1334" s="19"/>
      <c r="R1334" s="19"/>
      <c r="S1334" s="19"/>
      <c r="T1334" s="19">
        <v>110</v>
      </c>
      <c r="U1334" s="19"/>
      <c r="V1334" s="19"/>
      <c r="W1334" s="19"/>
      <c r="X1334" s="19">
        <v>15</v>
      </c>
      <c r="Y1334" s="19"/>
      <c r="Z1334" s="19"/>
      <c r="AA1334" s="19"/>
    </row>
    <row r="1335" spans="1:27" s="1" customFormat="1" ht="11.1" customHeight="1" outlineLevel="2" x14ac:dyDescent="0.2">
      <c r="A1335" s="17"/>
      <c r="B1335" s="17"/>
      <c r="C1335" s="17"/>
      <c r="D1335" s="18"/>
      <c r="E1335" s="18"/>
      <c r="F1335" s="18"/>
      <c r="G1335" s="18"/>
      <c r="H1335" s="18"/>
      <c r="I1335" s="18"/>
      <c r="J1335" s="18"/>
      <c r="K1335" s="18"/>
      <c r="L1335" s="18"/>
      <c r="M1335" s="18"/>
      <c r="N1335" s="18"/>
      <c r="O1335" s="18"/>
      <c r="P1335" s="19"/>
      <c r="Q1335" s="19"/>
      <c r="R1335" s="19"/>
      <c r="S1335" s="19"/>
      <c r="T1335" s="19"/>
      <c r="U1335" s="19"/>
      <c r="V1335" s="19"/>
      <c r="W1335" s="19"/>
      <c r="X1335" s="19"/>
      <c r="Y1335" s="19"/>
      <c r="Z1335" s="19"/>
      <c r="AA1335" s="19"/>
    </row>
    <row r="1336" spans="1:27" s="1" customFormat="1" ht="14.1" customHeight="1" outlineLevel="2" x14ac:dyDescent="0.2">
      <c r="A1336" s="17">
        <v>13813</v>
      </c>
      <c r="B1336" s="17"/>
      <c r="C1336" s="17"/>
      <c r="D1336" s="18" t="s">
        <v>676</v>
      </c>
      <c r="E1336" s="18"/>
      <c r="F1336" s="18"/>
      <c r="G1336" s="18"/>
      <c r="H1336" s="18"/>
      <c r="I1336" s="18"/>
      <c r="J1336" s="18"/>
      <c r="K1336" s="18"/>
      <c r="L1336" s="18"/>
      <c r="M1336" s="18"/>
      <c r="N1336" s="18"/>
      <c r="O1336" s="18"/>
      <c r="P1336" s="19">
        <v>240</v>
      </c>
      <c r="Q1336" s="19"/>
      <c r="R1336" s="19"/>
      <c r="S1336" s="19"/>
      <c r="T1336" s="19">
        <v>180</v>
      </c>
      <c r="U1336" s="19"/>
      <c r="V1336" s="19"/>
      <c r="W1336" s="19"/>
      <c r="X1336" s="19">
        <v>20</v>
      </c>
      <c r="Y1336" s="19"/>
      <c r="Z1336" s="19"/>
      <c r="AA1336" s="19"/>
    </row>
    <row r="1337" spans="1:27" s="1" customFormat="1" ht="14.1" customHeight="1" outlineLevel="2" x14ac:dyDescent="0.2">
      <c r="A1337" s="17"/>
      <c r="B1337" s="17"/>
      <c r="C1337" s="17"/>
      <c r="D1337" s="18"/>
      <c r="E1337" s="18"/>
      <c r="F1337" s="18"/>
      <c r="G1337" s="18"/>
      <c r="H1337" s="18"/>
      <c r="I1337" s="18"/>
      <c r="J1337" s="18"/>
      <c r="K1337" s="18"/>
      <c r="L1337" s="18"/>
      <c r="M1337" s="18"/>
      <c r="N1337" s="18"/>
      <c r="O1337" s="18"/>
      <c r="P1337" s="19"/>
      <c r="Q1337" s="19"/>
      <c r="R1337" s="19"/>
      <c r="S1337" s="19"/>
      <c r="T1337" s="19"/>
      <c r="U1337" s="19"/>
      <c r="V1337" s="19"/>
      <c r="W1337" s="19"/>
      <c r="X1337" s="19"/>
      <c r="Y1337" s="19"/>
      <c r="Z1337" s="19"/>
      <c r="AA1337" s="19"/>
    </row>
    <row r="1338" spans="1:27" s="1" customFormat="1" ht="11.1" customHeight="1" outlineLevel="2" x14ac:dyDescent="0.2">
      <c r="A1338" s="17">
        <v>9483</v>
      </c>
      <c r="B1338" s="17"/>
      <c r="C1338" s="17"/>
      <c r="D1338" s="18" t="s">
        <v>677</v>
      </c>
      <c r="E1338" s="18"/>
      <c r="F1338" s="18"/>
      <c r="G1338" s="18"/>
      <c r="H1338" s="18"/>
      <c r="I1338" s="18"/>
      <c r="J1338" s="18"/>
      <c r="K1338" s="18"/>
      <c r="L1338" s="18"/>
      <c r="M1338" s="18"/>
      <c r="N1338" s="18"/>
      <c r="O1338" s="18"/>
      <c r="P1338" s="19">
        <v>140</v>
      </c>
      <c r="Q1338" s="19"/>
      <c r="R1338" s="19"/>
      <c r="S1338" s="19"/>
      <c r="T1338" s="19">
        <v>110</v>
      </c>
      <c r="U1338" s="19"/>
      <c r="V1338" s="19"/>
      <c r="W1338" s="19"/>
      <c r="X1338" s="19">
        <v>6</v>
      </c>
      <c r="Y1338" s="19"/>
      <c r="Z1338" s="19"/>
      <c r="AA1338" s="19"/>
    </row>
    <row r="1339" spans="1:27" s="1" customFormat="1" ht="11.1" customHeight="1" outlineLevel="2" x14ac:dyDescent="0.2">
      <c r="A1339" s="17"/>
      <c r="B1339" s="17"/>
      <c r="C1339" s="17"/>
      <c r="D1339" s="18"/>
      <c r="E1339" s="18"/>
      <c r="F1339" s="18"/>
      <c r="G1339" s="18"/>
      <c r="H1339" s="18"/>
      <c r="I1339" s="18"/>
      <c r="J1339" s="18"/>
      <c r="K1339" s="18"/>
      <c r="L1339" s="18"/>
      <c r="M1339" s="18"/>
      <c r="N1339" s="18"/>
      <c r="O1339" s="18"/>
      <c r="P1339" s="19"/>
      <c r="Q1339" s="19"/>
      <c r="R1339" s="19"/>
      <c r="S1339" s="19"/>
      <c r="T1339" s="19"/>
      <c r="U1339" s="19"/>
      <c r="V1339" s="19"/>
      <c r="W1339" s="19"/>
      <c r="X1339" s="19"/>
      <c r="Y1339" s="19"/>
      <c r="Z1339" s="19"/>
      <c r="AA1339" s="19"/>
    </row>
    <row r="1340" spans="1:27" s="1" customFormat="1" ht="14.1" customHeight="1" outlineLevel="2" x14ac:dyDescent="0.2">
      <c r="A1340" s="17">
        <v>13814</v>
      </c>
      <c r="B1340" s="17"/>
      <c r="C1340" s="17"/>
      <c r="D1340" s="18" t="s">
        <v>678</v>
      </c>
      <c r="E1340" s="18"/>
      <c r="F1340" s="18"/>
      <c r="G1340" s="18"/>
      <c r="H1340" s="18"/>
      <c r="I1340" s="18"/>
      <c r="J1340" s="18"/>
      <c r="K1340" s="18"/>
      <c r="L1340" s="18"/>
      <c r="M1340" s="18"/>
      <c r="N1340" s="18"/>
      <c r="O1340" s="18"/>
      <c r="P1340" s="19">
        <v>240</v>
      </c>
      <c r="Q1340" s="19"/>
      <c r="R1340" s="19"/>
      <c r="S1340" s="19"/>
      <c r="T1340" s="19">
        <v>180</v>
      </c>
      <c r="U1340" s="19"/>
      <c r="V1340" s="19"/>
      <c r="W1340" s="19"/>
      <c r="X1340" s="19">
        <v>20</v>
      </c>
      <c r="Y1340" s="19"/>
      <c r="Z1340" s="19"/>
      <c r="AA1340" s="19"/>
    </row>
    <row r="1341" spans="1:27" s="1" customFormat="1" ht="14.1" customHeight="1" outlineLevel="2" x14ac:dyDescent="0.2">
      <c r="A1341" s="17"/>
      <c r="B1341" s="17"/>
      <c r="C1341" s="17"/>
      <c r="D1341" s="18"/>
      <c r="E1341" s="18"/>
      <c r="F1341" s="18"/>
      <c r="G1341" s="18"/>
      <c r="H1341" s="18"/>
      <c r="I1341" s="18"/>
      <c r="J1341" s="18"/>
      <c r="K1341" s="18"/>
      <c r="L1341" s="18"/>
      <c r="M1341" s="18"/>
      <c r="N1341" s="18"/>
      <c r="O1341" s="18"/>
      <c r="P1341" s="19"/>
      <c r="Q1341" s="19"/>
      <c r="R1341" s="19"/>
      <c r="S1341" s="19"/>
      <c r="T1341" s="19"/>
      <c r="U1341" s="19"/>
      <c r="V1341" s="19"/>
      <c r="W1341" s="19"/>
      <c r="X1341" s="19"/>
      <c r="Y1341" s="19"/>
      <c r="Z1341" s="19"/>
      <c r="AA1341" s="19"/>
    </row>
    <row r="1342" spans="1:27" s="1" customFormat="1" ht="11.1" customHeight="1" outlineLevel="2" x14ac:dyDescent="0.2">
      <c r="A1342" s="17">
        <v>10019</v>
      </c>
      <c r="B1342" s="17"/>
      <c r="C1342" s="17"/>
      <c r="D1342" s="18" t="s">
        <v>679</v>
      </c>
      <c r="E1342" s="18"/>
      <c r="F1342" s="18"/>
      <c r="G1342" s="18"/>
      <c r="H1342" s="18"/>
      <c r="I1342" s="18"/>
      <c r="J1342" s="18"/>
      <c r="K1342" s="18"/>
      <c r="L1342" s="18"/>
      <c r="M1342" s="18"/>
      <c r="N1342" s="18"/>
      <c r="O1342" s="18"/>
      <c r="P1342" s="19">
        <v>50</v>
      </c>
      <c r="Q1342" s="19"/>
      <c r="R1342" s="19"/>
      <c r="S1342" s="19"/>
      <c r="T1342" s="19">
        <v>30</v>
      </c>
      <c r="U1342" s="19"/>
      <c r="V1342" s="19"/>
      <c r="W1342" s="19"/>
      <c r="X1342" s="19">
        <v>4</v>
      </c>
      <c r="Y1342" s="19"/>
      <c r="Z1342" s="19"/>
      <c r="AA1342" s="19"/>
    </row>
    <row r="1343" spans="1:27" s="1" customFormat="1" ht="11.1" customHeight="1" outlineLevel="2" x14ac:dyDescent="0.2">
      <c r="A1343" s="17"/>
      <c r="B1343" s="17"/>
      <c r="C1343" s="17"/>
      <c r="D1343" s="18"/>
      <c r="E1343" s="18"/>
      <c r="F1343" s="18"/>
      <c r="G1343" s="18"/>
      <c r="H1343" s="18"/>
      <c r="I1343" s="18"/>
      <c r="J1343" s="18"/>
      <c r="K1343" s="18"/>
      <c r="L1343" s="18"/>
      <c r="M1343" s="18"/>
      <c r="N1343" s="18"/>
      <c r="O1343" s="18"/>
      <c r="P1343" s="19"/>
      <c r="Q1343" s="19"/>
      <c r="R1343" s="19"/>
      <c r="S1343" s="19"/>
      <c r="T1343" s="19"/>
      <c r="U1343" s="19"/>
      <c r="V1343" s="19"/>
      <c r="W1343" s="19"/>
      <c r="X1343" s="19"/>
      <c r="Y1343" s="19"/>
      <c r="Z1343" s="19"/>
      <c r="AA1343" s="19"/>
    </row>
    <row r="1344" spans="1:27" s="1" customFormat="1" ht="11.1" customHeight="1" outlineLevel="2" x14ac:dyDescent="0.2">
      <c r="A1344" s="17">
        <v>10020</v>
      </c>
      <c r="B1344" s="17"/>
      <c r="C1344" s="17"/>
      <c r="D1344" s="18" t="s">
        <v>680</v>
      </c>
      <c r="E1344" s="18"/>
      <c r="F1344" s="18"/>
      <c r="G1344" s="18"/>
      <c r="H1344" s="18"/>
      <c r="I1344" s="18"/>
      <c r="J1344" s="18"/>
      <c r="K1344" s="18"/>
      <c r="L1344" s="18"/>
      <c r="M1344" s="18"/>
      <c r="N1344" s="18"/>
      <c r="O1344" s="18"/>
      <c r="P1344" s="19">
        <v>50</v>
      </c>
      <c r="Q1344" s="19"/>
      <c r="R1344" s="19"/>
      <c r="S1344" s="19"/>
      <c r="T1344" s="19">
        <v>30</v>
      </c>
      <c r="U1344" s="19"/>
      <c r="V1344" s="19"/>
      <c r="W1344" s="19"/>
      <c r="X1344" s="19">
        <v>5</v>
      </c>
      <c r="Y1344" s="19"/>
      <c r="Z1344" s="19"/>
      <c r="AA1344" s="19"/>
    </row>
    <row r="1345" spans="1:27" s="1" customFormat="1" ht="11.1" customHeight="1" outlineLevel="2" x14ac:dyDescent="0.2">
      <c r="A1345" s="17"/>
      <c r="B1345" s="17"/>
      <c r="C1345" s="17"/>
      <c r="D1345" s="18"/>
      <c r="E1345" s="18"/>
      <c r="F1345" s="18"/>
      <c r="G1345" s="18"/>
      <c r="H1345" s="18"/>
      <c r="I1345" s="18"/>
      <c r="J1345" s="18"/>
      <c r="K1345" s="18"/>
      <c r="L1345" s="18"/>
      <c r="M1345" s="18"/>
      <c r="N1345" s="18"/>
      <c r="O1345" s="18"/>
      <c r="P1345" s="19"/>
      <c r="Q1345" s="19"/>
      <c r="R1345" s="19"/>
      <c r="S1345" s="19"/>
      <c r="T1345" s="19"/>
      <c r="U1345" s="19"/>
      <c r="V1345" s="19"/>
      <c r="W1345" s="19"/>
      <c r="X1345" s="19"/>
      <c r="Y1345" s="19"/>
      <c r="Z1345" s="19"/>
      <c r="AA1345" s="19"/>
    </row>
    <row r="1346" spans="1:27" s="1" customFormat="1" ht="11.1" customHeight="1" outlineLevel="2" x14ac:dyDescent="0.2">
      <c r="A1346" s="17">
        <v>10021</v>
      </c>
      <c r="B1346" s="17"/>
      <c r="C1346" s="17"/>
      <c r="D1346" s="18" t="s">
        <v>681</v>
      </c>
      <c r="E1346" s="18"/>
      <c r="F1346" s="18"/>
      <c r="G1346" s="18"/>
      <c r="H1346" s="18"/>
      <c r="I1346" s="18"/>
      <c r="J1346" s="18"/>
      <c r="K1346" s="18"/>
      <c r="L1346" s="18"/>
      <c r="M1346" s="18"/>
      <c r="N1346" s="18"/>
      <c r="O1346" s="18"/>
      <c r="P1346" s="19">
        <v>50</v>
      </c>
      <c r="Q1346" s="19"/>
      <c r="R1346" s="19"/>
      <c r="S1346" s="19"/>
      <c r="T1346" s="19">
        <v>30</v>
      </c>
      <c r="U1346" s="19"/>
      <c r="V1346" s="19"/>
      <c r="W1346" s="19"/>
      <c r="X1346" s="19">
        <v>5</v>
      </c>
      <c r="Y1346" s="19"/>
      <c r="Z1346" s="19"/>
      <c r="AA1346" s="19"/>
    </row>
    <row r="1347" spans="1:27" s="1" customFormat="1" ht="11.1" customHeight="1" outlineLevel="2" x14ac:dyDescent="0.2">
      <c r="A1347" s="17"/>
      <c r="B1347" s="17"/>
      <c r="C1347" s="17"/>
      <c r="D1347" s="18"/>
      <c r="E1347" s="18"/>
      <c r="F1347" s="18"/>
      <c r="G1347" s="18"/>
      <c r="H1347" s="18"/>
      <c r="I1347" s="18"/>
      <c r="J1347" s="18"/>
      <c r="K1347" s="18"/>
      <c r="L1347" s="18"/>
      <c r="M1347" s="18"/>
      <c r="N1347" s="18"/>
      <c r="O1347" s="18"/>
      <c r="P1347" s="19"/>
      <c r="Q1347" s="19"/>
      <c r="R1347" s="19"/>
      <c r="S1347" s="19"/>
      <c r="T1347" s="19"/>
      <c r="U1347" s="19"/>
      <c r="V1347" s="19"/>
      <c r="W1347" s="19"/>
      <c r="X1347" s="19"/>
      <c r="Y1347" s="19"/>
      <c r="Z1347" s="19"/>
      <c r="AA1347" s="19"/>
    </row>
    <row r="1348" spans="1:27" s="1" customFormat="1" ht="11.1" customHeight="1" outlineLevel="2" x14ac:dyDescent="0.2">
      <c r="A1348" s="17">
        <v>10022</v>
      </c>
      <c r="B1348" s="17"/>
      <c r="C1348" s="17"/>
      <c r="D1348" s="18" t="s">
        <v>682</v>
      </c>
      <c r="E1348" s="18"/>
      <c r="F1348" s="18"/>
      <c r="G1348" s="18"/>
      <c r="H1348" s="18"/>
      <c r="I1348" s="18"/>
      <c r="J1348" s="18"/>
      <c r="K1348" s="18"/>
      <c r="L1348" s="18"/>
      <c r="M1348" s="18"/>
      <c r="N1348" s="18"/>
      <c r="O1348" s="18"/>
      <c r="P1348" s="19">
        <v>50</v>
      </c>
      <c r="Q1348" s="19"/>
      <c r="R1348" s="19"/>
      <c r="S1348" s="19"/>
      <c r="T1348" s="19">
        <v>30</v>
      </c>
      <c r="U1348" s="19"/>
      <c r="V1348" s="19"/>
      <c r="W1348" s="19"/>
      <c r="X1348" s="19">
        <v>5</v>
      </c>
      <c r="Y1348" s="19"/>
      <c r="Z1348" s="19"/>
      <c r="AA1348" s="19"/>
    </row>
    <row r="1349" spans="1:27" s="1" customFormat="1" ht="11.1" customHeight="1" outlineLevel="2" x14ac:dyDescent="0.2">
      <c r="A1349" s="17"/>
      <c r="B1349" s="17"/>
      <c r="C1349" s="17"/>
      <c r="D1349" s="18"/>
      <c r="E1349" s="18"/>
      <c r="F1349" s="18"/>
      <c r="G1349" s="18"/>
      <c r="H1349" s="18"/>
      <c r="I1349" s="18"/>
      <c r="J1349" s="18"/>
      <c r="K1349" s="18"/>
      <c r="L1349" s="18"/>
      <c r="M1349" s="18"/>
      <c r="N1349" s="18"/>
      <c r="O1349" s="18"/>
      <c r="P1349" s="19"/>
      <c r="Q1349" s="19"/>
      <c r="R1349" s="19"/>
      <c r="S1349" s="19"/>
      <c r="T1349" s="19"/>
      <c r="U1349" s="19"/>
      <c r="V1349" s="19"/>
      <c r="W1349" s="19"/>
      <c r="X1349" s="19"/>
      <c r="Y1349" s="19"/>
      <c r="Z1349" s="19"/>
      <c r="AA1349" s="19"/>
    </row>
    <row r="1350" spans="1:27" s="1" customFormat="1" ht="11.1" customHeight="1" outlineLevel="2" x14ac:dyDescent="0.2">
      <c r="A1350" s="17">
        <v>9727</v>
      </c>
      <c r="B1350" s="17"/>
      <c r="C1350" s="17"/>
      <c r="D1350" s="18" t="s">
        <v>683</v>
      </c>
      <c r="E1350" s="18"/>
      <c r="F1350" s="18"/>
      <c r="G1350" s="18"/>
      <c r="H1350" s="18"/>
      <c r="I1350" s="18"/>
      <c r="J1350" s="18"/>
      <c r="K1350" s="18"/>
      <c r="L1350" s="18"/>
      <c r="M1350" s="18"/>
      <c r="N1350" s="18"/>
      <c r="O1350" s="18"/>
      <c r="P1350" s="19">
        <v>47</v>
      </c>
      <c r="Q1350" s="19"/>
      <c r="R1350" s="19"/>
      <c r="S1350" s="19"/>
      <c r="T1350" s="19">
        <v>27</v>
      </c>
      <c r="U1350" s="19"/>
      <c r="V1350" s="19"/>
      <c r="W1350" s="19"/>
      <c r="X1350" s="19">
        <v>1</v>
      </c>
      <c r="Y1350" s="19"/>
      <c r="Z1350" s="19"/>
      <c r="AA1350" s="19"/>
    </row>
    <row r="1351" spans="1:27" s="1" customFormat="1" ht="11.1" customHeight="1" outlineLevel="2" x14ac:dyDescent="0.2">
      <c r="A1351" s="17"/>
      <c r="B1351" s="17"/>
      <c r="C1351" s="17"/>
      <c r="D1351" s="18"/>
      <c r="E1351" s="18"/>
      <c r="F1351" s="18"/>
      <c r="G1351" s="18"/>
      <c r="H1351" s="18"/>
      <c r="I1351" s="18"/>
      <c r="J1351" s="18"/>
      <c r="K1351" s="18"/>
      <c r="L1351" s="18"/>
      <c r="M1351" s="18"/>
      <c r="N1351" s="18"/>
      <c r="O1351" s="18"/>
      <c r="P1351" s="19"/>
      <c r="Q1351" s="19"/>
      <c r="R1351" s="19"/>
      <c r="S1351" s="19"/>
      <c r="T1351" s="19"/>
      <c r="U1351" s="19"/>
      <c r="V1351" s="19"/>
      <c r="W1351" s="19"/>
      <c r="X1351" s="19"/>
      <c r="Y1351" s="19"/>
      <c r="Z1351" s="19"/>
      <c r="AA1351" s="19"/>
    </row>
    <row r="1352" spans="1:27" s="1" customFormat="1" ht="11.1" customHeight="1" outlineLevel="2" x14ac:dyDescent="0.2">
      <c r="A1352" s="17">
        <v>9764</v>
      </c>
      <c r="B1352" s="17"/>
      <c r="C1352" s="17"/>
      <c r="D1352" s="18" t="s">
        <v>684</v>
      </c>
      <c r="E1352" s="18"/>
      <c r="F1352" s="18"/>
      <c r="G1352" s="18"/>
      <c r="H1352" s="18"/>
      <c r="I1352" s="18"/>
      <c r="J1352" s="18"/>
      <c r="K1352" s="18"/>
      <c r="L1352" s="18"/>
      <c r="M1352" s="18"/>
      <c r="N1352" s="18"/>
      <c r="O1352" s="18"/>
      <c r="P1352" s="19">
        <v>90</v>
      </c>
      <c r="Q1352" s="19"/>
      <c r="R1352" s="19"/>
      <c r="S1352" s="19"/>
      <c r="T1352" s="19">
        <v>52</v>
      </c>
      <c r="U1352" s="19"/>
      <c r="V1352" s="19"/>
      <c r="W1352" s="19"/>
      <c r="X1352" s="19">
        <v>1</v>
      </c>
      <c r="Y1352" s="19"/>
      <c r="Z1352" s="19"/>
      <c r="AA1352" s="19"/>
    </row>
    <row r="1353" spans="1:27" s="1" customFormat="1" ht="11.1" customHeight="1" outlineLevel="2" x14ac:dyDescent="0.2">
      <c r="A1353" s="17"/>
      <c r="B1353" s="17"/>
      <c r="C1353" s="17"/>
      <c r="D1353" s="18"/>
      <c r="E1353" s="18"/>
      <c r="F1353" s="18"/>
      <c r="G1353" s="18"/>
      <c r="H1353" s="18"/>
      <c r="I1353" s="18"/>
      <c r="J1353" s="18"/>
      <c r="K1353" s="18"/>
      <c r="L1353" s="18"/>
      <c r="M1353" s="18"/>
      <c r="N1353" s="18"/>
      <c r="O1353" s="18"/>
      <c r="P1353" s="19"/>
      <c r="Q1353" s="19"/>
      <c r="R1353" s="19"/>
      <c r="S1353" s="19"/>
      <c r="T1353" s="19"/>
      <c r="U1353" s="19"/>
      <c r="V1353" s="19"/>
      <c r="W1353" s="19"/>
      <c r="X1353" s="19"/>
      <c r="Y1353" s="19"/>
      <c r="Z1353" s="19"/>
      <c r="AA1353" s="19"/>
    </row>
    <row r="1354" spans="1:27" s="1" customFormat="1" ht="11.1" customHeight="1" outlineLevel="1" x14ac:dyDescent="0.2">
      <c r="A1354" s="16" t="s">
        <v>685</v>
      </c>
      <c r="B1354" s="16"/>
      <c r="C1354" s="16"/>
      <c r="D1354" s="16"/>
      <c r="E1354" s="16"/>
      <c r="F1354" s="16"/>
      <c r="G1354" s="16"/>
      <c r="H1354" s="16"/>
      <c r="I1354" s="16"/>
      <c r="J1354" s="16"/>
      <c r="K1354" s="16"/>
      <c r="L1354" s="16"/>
      <c r="M1354" s="16"/>
      <c r="N1354" s="16"/>
      <c r="O1354" s="16"/>
      <c r="P1354" s="16"/>
      <c r="Q1354" s="16"/>
      <c r="R1354" s="16"/>
      <c r="S1354" s="16"/>
      <c r="T1354" s="16"/>
      <c r="U1354" s="16"/>
      <c r="V1354" s="16"/>
      <c r="W1354" s="16"/>
      <c r="X1354" s="16"/>
      <c r="Y1354" s="16"/>
      <c r="Z1354" s="16"/>
      <c r="AA1354" s="16"/>
    </row>
    <row r="1355" spans="1:27" s="1" customFormat="1" ht="11.1" customHeight="1" outlineLevel="1" x14ac:dyDescent="0.2">
      <c r="A1355" s="16"/>
      <c r="B1355" s="16"/>
      <c r="C1355" s="16"/>
      <c r="D1355" s="16"/>
      <c r="E1355" s="16"/>
      <c r="F1355" s="16"/>
      <c r="G1355" s="16"/>
      <c r="H1355" s="16"/>
      <c r="I1355" s="16"/>
      <c r="J1355" s="16"/>
      <c r="K1355" s="16"/>
      <c r="L1355" s="16"/>
      <c r="M1355" s="16"/>
      <c r="N1355" s="16"/>
      <c r="O1355" s="16"/>
      <c r="P1355" s="16"/>
      <c r="Q1355" s="16"/>
      <c r="R1355" s="16"/>
      <c r="S1355" s="16"/>
      <c r="T1355" s="16"/>
      <c r="U1355" s="16"/>
      <c r="V1355" s="16"/>
      <c r="W1355" s="16"/>
      <c r="X1355" s="16"/>
      <c r="Y1355" s="16"/>
      <c r="Z1355" s="16"/>
      <c r="AA1355" s="16"/>
    </row>
    <row r="1356" spans="1:27" s="1" customFormat="1" ht="11.1" customHeight="1" outlineLevel="2" x14ac:dyDescent="0.2">
      <c r="A1356" s="17">
        <v>10679</v>
      </c>
      <c r="B1356" s="17"/>
      <c r="C1356" s="17"/>
      <c r="D1356" s="18" t="s">
        <v>686</v>
      </c>
      <c r="E1356" s="18"/>
      <c r="F1356" s="18"/>
      <c r="G1356" s="18"/>
      <c r="H1356" s="18"/>
      <c r="I1356" s="18"/>
      <c r="J1356" s="18"/>
      <c r="K1356" s="18"/>
      <c r="L1356" s="18"/>
      <c r="M1356" s="18"/>
      <c r="N1356" s="18"/>
      <c r="O1356" s="18"/>
      <c r="P1356" s="19">
        <v>50</v>
      </c>
      <c r="Q1356" s="19"/>
      <c r="R1356" s="19"/>
      <c r="S1356" s="19"/>
      <c r="T1356" s="19">
        <v>20</v>
      </c>
      <c r="U1356" s="19"/>
      <c r="V1356" s="19"/>
      <c r="W1356" s="19"/>
      <c r="X1356" s="19">
        <v>2</v>
      </c>
      <c r="Y1356" s="19"/>
      <c r="Z1356" s="19"/>
      <c r="AA1356" s="19"/>
    </row>
    <row r="1357" spans="1:27" s="1" customFormat="1" ht="11.1" customHeight="1" outlineLevel="2" x14ac:dyDescent="0.2">
      <c r="A1357" s="17"/>
      <c r="B1357" s="17"/>
      <c r="C1357" s="17"/>
      <c r="D1357" s="18"/>
      <c r="E1357" s="18"/>
      <c r="F1357" s="18"/>
      <c r="G1357" s="18"/>
      <c r="H1357" s="18"/>
      <c r="I1357" s="18"/>
      <c r="J1357" s="18"/>
      <c r="K1357" s="18"/>
      <c r="L1357" s="18"/>
      <c r="M1357" s="18"/>
      <c r="N1357" s="18"/>
      <c r="O1357" s="18"/>
      <c r="P1357" s="19"/>
      <c r="Q1357" s="19"/>
      <c r="R1357" s="19"/>
      <c r="S1357" s="19"/>
      <c r="T1357" s="19"/>
      <c r="U1357" s="19"/>
      <c r="V1357" s="19"/>
      <c r="W1357" s="19"/>
      <c r="X1357" s="19"/>
      <c r="Y1357" s="19"/>
      <c r="Z1357" s="19"/>
      <c r="AA1357" s="19"/>
    </row>
    <row r="1358" spans="1:27" s="1" customFormat="1" ht="11.1" customHeight="1" outlineLevel="2" x14ac:dyDescent="0.2">
      <c r="A1358" s="17">
        <v>12245</v>
      </c>
      <c r="B1358" s="17"/>
      <c r="C1358" s="17"/>
      <c r="D1358" s="18" t="s">
        <v>687</v>
      </c>
      <c r="E1358" s="18"/>
      <c r="F1358" s="18"/>
      <c r="G1358" s="18"/>
      <c r="H1358" s="18"/>
      <c r="I1358" s="18"/>
      <c r="J1358" s="18"/>
      <c r="K1358" s="18"/>
      <c r="L1358" s="18"/>
      <c r="M1358" s="18"/>
      <c r="N1358" s="18"/>
      <c r="O1358" s="18"/>
      <c r="P1358" s="19">
        <v>80</v>
      </c>
      <c r="Q1358" s="19"/>
      <c r="R1358" s="19"/>
      <c r="S1358" s="19"/>
      <c r="T1358" s="19">
        <v>50</v>
      </c>
      <c r="U1358" s="19"/>
      <c r="V1358" s="19"/>
      <c r="W1358" s="19"/>
      <c r="X1358" s="19">
        <v>2</v>
      </c>
      <c r="Y1358" s="19"/>
      <c r="Z1358" s="19"/>
      <c r="AA1358" s="19"/>
    </row>
    <row r="1359" spans="1:27" s="1" customFormat="1" ht="11.1" customHeight="1" outlineLevel="2" x14ac:dyDescent="0.2">
      <c r="A1359" s="17"/>
      <c r="B1359" s="17"/>
      <c r="C1359" s="17"/>
      <c r="D1359" s="18"/>
      <c r="E1359" s="18"/>
      <c r="F1359" s="18"/>
      <c r="G1359" s="18"/>
      <c r="H1359" s="18"/>
      <c r="I1359" s="18"/>
      <c r="J1359" s="18"/>
      <c r="K1359" s="18"/>
      <c r="L1359" s="18"/>
      <c r="M1359" s="18"/>
      <c r="N1359" s="18"/>
      <c r="O1359" s="18"/>
      <c r="P1359" s="19"/>
      <c r="Q1359" s="19"/>
      <c r="R1359" s="19"/>
      <c r="S1359" s="19"/>
      <c r="T1359" s="19"/>
      <c r="U1359" s="19"/>
      <c r="V1359" s="19"/>
      <c r="W1359" s="19"/>
      <c r="X1359" s="19"/>
      <c r="Y1359" s="19"/>
      <c r="Z1359" s="19"/>
      <c r="AA1359" s="19"/>
    </row>
    <row r="1360" spans="1:27" s="1" customFormat="1" ht="11.1" customHeight="1" outlineLevel="2" x14ac:dyDescent="0.2">
      <c r="A1360" s="17">
        <v>10395</v>
      </c>
      <c r="B1360" s="17"/>
      <c r="C1360" s="17"/>
      <c r="D1360" s="18" t="s">
        <v>688</v>
      </c>
      <c r="E1360" s="18"/>
      <c r="F1360" s="18"/>
      <c r="G1360" s="18"/>
      <c r="H1360" s="18"/>
      <c r="I1360" s="18"/>
      <c r="J1360" s="18"/>
      <c r="K1360" s="18"/>
      <c r="L1360" s="18"/>
      <c r="M1360" s="18"/>
      <c r="N1360" s="18"/>
      <c r="O1360" s="18"/>
      <c r="P1360" s="19">
        <v>650</v>
      </c>
      <c r="Q1360" s="19"/>
      <c r="R1360" s="19"/>
      <c r="S1360" s="19"/>
      <c r="T1360" s="19">
        <v>490</v>
      </c>
      <c r="U1360" s="19"/>
      <c r="V1360" s="19"/>
      <c r="W1360" s="19"/>
      <c r="X1360" s="19">
        <v>51</v>
      </c>
      <c r="Y1360" s="19"/>
      <c r="Z1360" s="19"/>
      <c r="AA1360" s="19"/>
    </row>
    <row r="1361" spans="1:27" s="1" customFormat="1" ht="11.1" customHeight="1" outlineLevel="2" x14ac:dyDescent="0.2">
      <c r="A1361" s="17"/>
      <c r="B1361" s="17"/>
      <c r="C1361" s="17"/>
      <c r="D1361" s="18"/>
      <c r="E1361" s="18"/>
      <c r="F1361" s="18"/>
      <c r="G1361" s="18"/>
      <c r="H1361" s="18"/>
      <c r="I1361" s="18"/>
      <c r="J1361" s="18"/>
      <c r="K1361" s="18"/>
      <c r="L1361" s="18"/>
      <c r="M1361" s="18"/>
      <c r="N1361" s="18"/>
      <c r="O1361" s="18"/>
      <c r="P1361" s="19"/>
      <c r="Q1361" s="19"/>
      <c r="R1361" s="19"/>
      <c r="S1361" s="19"/>
      <c r="T1361" s="19"/>
      <c r="U1361" s="19"/>
      <c r="V1361" s="19"/>
      <c r="W1361" s="19"/>
      <c r="X1361" s="19"/>
      <c r="Y1361" s="19"/>
      <c r="Z1361" s="19"/>
      <c r="AA1361" s="19"/>
    </row>
    <row r="1362" spans="1:27" s="1" customFormat="1" ht="11.1" customHeight="1" outlineLevel="2" x14ac:dyDescent="0.2">
      <c r="A1362" s="17">
        <v>8584</v>
      </c>
      <c r="B1362" s="17"/>
      <c r="C1362" s="17"/>
      <c r="D1362" s="18" t="s">
        <v>689</v>
      </c>
      <c r="E1362" s="18"/>
      <c r="F1362" s="18"/>
      <c r="G1362" s="18"/>
      <c r="H1362" s="18"/>
      <c r="I1362" s="18"/>
      <c r="J1362" s="18"/>
      <c r="K1362" s="18"/>
      <c r="L1362" s="18"/>
      <c r="M1362" s="18"/>
      <c r="N1362" s="18"/>
      <c r="O1362" s="18"/>
      <c r="P1362" s="19">
        <v>200</v>
      </c>
      <c r="Q1362" s="19"/>
      <c r="R1362" s="19"/>
      <c r="S1362" s="19"/>
      <c r="T1362" s="19">
        <v>160</v>
      </c>
      <c r="U1362" s="19"/>
      <c r="V1362" s="19"/>
      <c r="W1362" s="19"/>
      <c r="X1362" s="19">
        <v>3</v>
      </c>
      <c r="Y1362" s="19"/>
      <c r="Z1362" s="19"/>
      <c r="AA1362" s="19"/>
    </row>
    <row r="1363" spans="1:27" s="1" customFormat="1" ht="11.1" customHeight="1" outlineLevel="2" x14ac:dyDescent="0.2">
      <c r="A1363" s="17"/>
      <c r="B1363" s="17"/>
      <c r="C1363" s="17"/>
      <c r="D1363" s="18"/>
      <c r="E1363" s="18"/>
      <c r="F1363" s="18"/>
      <c r="G1363" s="18"/>
      <c r="H1363" s="18"/>
      <c r="I1363" s="18"/>
      <c r="J1363" s="18"/>
      <c r="K1363" s="18"/>
      <c r="L1363" s="18"/>
      <c r="M1363" s="18"/>
      <c r="N1363" s="18"/>
      <c r="O1363" s="18"/>
      <c r="P1363" s="19"/>
      <c r="Q1363" s="19"/>
      <c r="R1363" s="19"/>
      <c r="S1363" s="19"/>
      <c r="T1363" s="19"/>
      <c r="U1363" s="19"/>
      <c r="V1363" s="19"/>
      <c r="W1363" s="19"/>
      <c r="X1363" s="19"/>
      <c r="Y1363" s="19"/>
      <c r="Z1363" s="19"/>
      <c r="AA1363" s="19"/>
    </row>
    <row r="1364" spans="1:27" s="1" customFormat="1" ht="11.1" customHeight="1" outlineLevel="2" x14ac:dyDescent="0.2">
      <c r="A1364" s="17">
        <v>14671</v>
      </c>
      <c r="B1364" s="17"/>
      <c r="C1364" s="17"/>
      <c r="D1364" s="18" t="s">
        <v>690</v>
      </c>
      <c r="E1364" s="18"/>
      <c r="F1364" s="18"/>
      <c r="G1364" s="18"/>
      <c r="H1364" s="18"/>
      <c r="I1364" s="18"/>
      <c r="J1364" s="18"/>
      <c r="K1364" s="18"/>
      <c r="L1364" s="18"/>
      <c r="M1364" s="18"/>
      <c r="N1364" s="18"/>
      <c r="O1364" s="18"/>
      <c r="P1364" s="19">
        <v>60</v>
      </c>
      <c r="Q1364" s="19"/>
      <c r="R1364" s="19"/>
      <c r="S1364" s="19"/>
      <c r="T1364" s="19">
        <v>40</v>
      </c>
      <c r="U1364" s="19"/>
      <c r="V1364" s="19"/>
      <c r="W1364" s="19"/>
      <c r="X1364" s="19">
        <v>1</v>
      </c>
      <c r="Y1364" s="19"/>
      <c r="Z1364" s="19"/>
      <c r="AA1364" s="19"/>
    </row>
    <row r="1365" spans="1:27" s="1" customFormat="1" ht="11.1" customHeight="1" outlineLevel="2" x14ac:dyDescent="0.2">
      <c r="A1365" s="17"/>
      <c r="B1365" s="17"/>
      <c r="C1365" s="17"/>
      <c r="D1365" s="18"/>
      <c r="E1365" s="18"/>
      <c r="F1365" s="18"/>
      <c r="G1365" s="18"/>
      <c r="H1365" s="18"/>
      <c r="I1365" s="18"/>
      <c r="J1365" s="18"/>
      <c r="K1365" s="18"/>
      <c r="L1365" s="18"/>
      <c r="M1365" s="18"/>
      <c r="N1365" s="18"/>
      <c r="O1365" s="18"/>
      <c r="P1365" s="19"/>
      <c r="Q1365" s="19"/>
      <c r="R1365" s="19"/>
      <c r="S1365" s="19"/>
      <c r="T1365" s="19"/>
      <c r="U1365" s="19"/>
      <c r="V1365" s="19"/>
      <c r="W1365" s="19"/>
      <c r="X1365" s="19"/>
      <c r="Y1365" s="19"/>
      <c r="Z1365" s="19"/>
      <c r="AA1365" s="19"/>
    </row>
    <row r="1366" spans="1:27" s="1" customFormat="1" ht="11.1" customHeight="1" outlineLevel="2" x14ac:dyDescent="0.2">
      <c r="A1366" s="17">
        <v>9735</v>
      </c>
      <c r="B1366" s="17"/>
      <c r="C1366" s="17"/>
      <c r="D1366" s="18" t="s">
        <v>691</v>
      </c>
      <c r="E1366" s="18"/>
      <c r="F1366" s="18"/>
      <c r="G1366" s="18"/>
      <c r="H1366" s="18"/>
      <c r="I1366" s="18"/>
      <c r="J1366" s="18"/>
      <c r="K1366" s="18"/>
      <c r="L1366" s="18"/>
      <c r="M1366" s="18"/>
      <c r="N1366" s="18"/>
      <c r="O1366" s="18"/>
      <c r="P1366" s="19">
        <v>45</v>
      </c>
      <c r="Q1366" s="19"/>
      <c r="R1366" s="19"/>
      <c r="S1366" s="19"/>
      <c r="T1366" s="19">
        <v>25</v>
      </c>
      <c r="U1366" s="19"/>
      <c r="V1366" s="19"/>
      <c r="W1366" s="19"/>
      <c r="X1366" s="19">
        <v>3</v>
      </c>
      <c r="Y1366" s="19"/>
      <c r="Z1366" s="19"/>
      <c r="AA1366" s="19"/>
    </row>
    <row r="1367" spans="1:27" s="1" customFormat="1" ht="11.1" customHeight="1" outlineLevel="2" x14ac:dyDescent="0.2">
      <c r="A1367" s="17"/>
      <c r="B1367" s="17"/>
      <c r="C1367" s="17"/>
      <c r="D1367" s="18"/>
      <c r="E1367" s="18"/>
      <c r="F1367" s="18"/>
      <c r="G1367" s="18"/>
      <c r="H1367" s="18"/>
      <c r="I1367" s="18"/>
      <c r="J1367" s="18"/>
      <c r="K1367" s="18"/>
      <c r="L1367" s="18"/>
      <c r="M1367" s="18"/>
      <c r="N1367" s="18"/>
      <c r="O1367" s="18"/>
      <c r="P1367" s="19"/>
      <c r="Q1367" s="19"/>
      <c r="R1367" s="19"/>
      <c r="S1367" s="19"/>
      <c r="T1367" s="19"/>
      <c r="U1367" s="19"/>
      <c r="V1367" s="19"/>
      <c r="W1367" s="19"/>
      <c r="X1367" s="19"/>
      <c r="Y1367" s="19"/>
      <c r="Z1367" s="19"/>
      <c r="AA1367" s="19"/>
    </row>
    <row r="1368" spans="1:27" s="1" customFormat="1" ht="14.1" customHeight="1" outlineLevel="2" x14ac:dyDescent="0.2">
      <c r="A1368" s="17">
        <v>9916</v>
      </c>
      <c r="B1368" s="17"/>
      <c r="C1368" s="17"/>
      <c r="D1368" s="18" t="s">
        <v>692</v>
      </c>
      <c r="E1368" s="18"/>
      <c r="F1368" s="18"/>
      <c r="G1368" s="18"/>
      <c r="H1368" s="18"/>
      <c r="I1368" s="18"/>
      <c r="J1368" s="18"/>
      <c r="K1368" s="18"/>
      <c r="L1368" s="18"/>
      <c r="M1368" s="18"/>
      <c r="N1368" s="18"/>
      <c r="O1368" s="18"/>
      <c r="P1368" s="20">
        <v>1800</v>
      </c>
      <c r="Q1368" s="20"/>
      <c r="R1368" s="20"/>
      <c r="S1368" s="20"/>
      <c r="T1368" s="20">
        <v>1500</v>
      </c>
      <c r="U1368" s="20"/>
      <c r="V1368" s="20"/>
      <c r="W1368" s="20"/>
      <c r="X1368" s="19">
        <v>1</v>
      </c>
      <c r="Y1368" s="19"/>
      <c r="Z1368" s="19"/>
      <c r="AA1368" s="19"/>
    </row>
    <row r="1369" spans="1:27" s="1" customFormat="1" ht="14.1" customHeight="1" outlineLevel="2" x14ac:dyDescent="0.2">
      <c r="A1369" s="17"/>
      <c r="B1369" s="17"/>
      <c r="C1369" s="17"/>
      <c r="D1369" s="18"/>
      <c r="E1369" s="18"/>
      <c r="F1369" s="18"/>
      <c r="G1369" s="18"/>
      <c r="H1369" s="18"/>
      <c r="I1369" s="18"/>
      <c r="J1369" s="18"/>
      <c r="K1369" s="18"/>
      <c r="L1369" s="18"/>
      <c r="M1369" s="18"/>
      <c r="N1369" s="18"/>
      <c r="O1369" s="18"/>
      <c r="P1369" s="20"/>
      <c r="Q1369" s="20"/>
      <c r="R1369" s="20"/>
      <c r="S1369" s="20"/>
      <c r="T1369" s="20"/>
      <c r="U1369" s="20"/>
      <c r="V1369" s="20"/>
      <c r="W1369" s="20"/>
      <c r="X1369" s="19"/>
      <c r="Y1369" s="19"/>
      <c r="Z1369" s="19"/>
      <c r="AA1369" s="19"/>
    </row>
    <row r="1370" spans="1:27" s="1" customFormat="1" ht="14.1" customHeight="1" outlineLevel="2" x14ac:dyDescent="0.2">
      <c r="A1370" s="17">
        <v>9917</v>
      </c>
      <c r="B1370" s="17"/>
      <c r="C1370" s="17"/>
      <c r="D1370" s="18" t="s">
        <v>693</v>
      </c>
      <c r="E1370" s="18"/>
      <c r="F1370" s="18"/>
      <c r="G1370" s="18"/>
      <c r="H1370" s="18"/>
      <c r="I1370" s="18"/>
      <c r="J1370" s="18"/>
      <c r="K1370" s="18"/>
      <c r="L1370" s="18"/>
      <c r="M1370" s="18"/>
      <c r="N1370" s="18"/>
      <c r="O1370" s="18"/>
      <c r="P1370" s="20">
        <v>1800</v>
      </c>
      <c r="Q1370" s="20"/>
      <c r="R1370" s="20"/>
      <c r="S1370" s="20"/>
      <c r="T1370" s="20">
        <v>1500</v>
      </c>
      <c r="U1370" s="20"/>
      <c r="V1370" s="20"/>
      <c r="W1370" s="20"/>
      <c r="X1370" s="19">
        <v>3</v>
      </c>
      <c r="Y1370" s="19"/>
      <c r="Z1370" s="19"/>
      <c r="AA1370" s="19"/>
    </row>
    <row r="1371" spans="1:27" s="1" customFormat="1" ht="14.1" customHeight="1" outlineLevel="2" x14ac:dyDescent="0.2">
      <c r="A1371" s="17"/>
      <c r="B1371" s="17"/>
      <c r="C1371" s="17"/>
      <c r="D1371" s="18"/>
      <c r="E1371" s="18"/>
      <c r="F1371" s="18"/>
      <c r="G1371" s="18"/>
      <c r="H1371" s="18"/>
      <c r="I1371" s="18"/>
      <c r="J1371" s="18"/>
      <c r="K1371" s="18"/>
      <c r="L1371" s="18"/>
      <c r="M1371" s="18"/>
      <c r="N1371" s="18"/>
      <c r="O1371" s="18"/>
      <c r="P1371" s="20"/>
      <c r="Q1371" s="20"/>
      <c r="R1371" s="20"/>
      <c r="S1371" s="20"/>
      <c r="T1371" s="20"/>
      <c r="U1371" s="20"/>
      <c r="V1371" s="20"/>
      <c r="W1371" s="20"/>
      <c r="X1371" s="19"/>
      <c r="Y1371" s="19"/>
      <c r="Z1371" s="19"/>
      <c r="AA1371" s="19"/>
    </row>
    <row r="1372" spans="1:27" s="1" customFormat="1" ht="11.1" customHeight="1" outlineLevel="2" x14ac:dyDescent="0.2">
      <c r="A1372" s="17">
        <v>1182</v>
      </c>
      <c r="B1372" s="17"/>
      <c r="C1372" s="17"/>
      <c r="D1372" s="18" t="s">
        <v>694</v>
      </c>
      <c r="E1372" s="18"/>
      <c r="F1372" s="18"/>
      <c r="G1372" s="18"/>
      <c r="H1372" s="18"/>
      <c r="I1372" s="18"/>
      <c r="J1372" s="18"/>
      <c r="K1372" s="18"/>
      <c r="L1372" s="18"/>
      <c r="M1372" s="18"/>
      <c r="N1372" s="18"/>
      <c r="O1372" s="18"/>
      <c r="P1372" s="19">
        <v>810</v>
      </c>
      <c r="Q1372" s="19"/>
      <c r="R1372" s="19"/>
      <c r="S1372" s="19"/>
      <c r="T1372" s="19">
        <v>740</v>
      </c>
      <c r="U1372" s="19"/>
      <c r="V1372" s="19"/>
      <c r="W1372" s="19"/>
      <c r="X1372" s="19">
        <v>23</v>
      </c>
      <c r="Y1372" s="19"/>
      <c r="Z1372" s="19"/>
      <c r="AA1372" s="19"/>
    </row>
    <row r="1373" spans="1:27" s="1" customFormat="1" ht="11.1" customHeight="1" outlineLevel="2" x14ac:dyDescent="0.2">
      <c r="A1373" s="17"/>
      <c r="B1373" s="17"/>
      <c r="C1373" s="17"/>
      <c r="D1373" s="18"/>
      <c r="E1373" s="18"/>
      <c r="F1373" s="18"/>
      <c r="G1373" s="18"/>
      <c r="H1373" s="18"/>
      <c r="I1373" s="18"/>
      <c r="J1373" s="18"/>
      <c r="K1373" s="18"/>
      <c r="L1373" s="18"/>
      <c r="M1373" s="18"/>
      <c r="N1373" s="18"/>
      <c r="O1373" s="18"/>
      <c r="P1373" s="19"/>
      <c r="Q1373" s="19"/>
      <c r="R1373" s="19"/>
      <c r="S1373" s="19"/>
      <c r="T1373" s="19"/>
      <c r="U1373" s="19"/>
      <c r="V1373" s="19"/>
      <c r="W1373" s="19"/>
      <c r="X1373" s="19"/>
      <c r="Y1373" s="19"/>
      <c r="Z1373" s="19"/>
      <c r="AA1373" s="19"/>
    </row>
    <row r="1374" spans="1:27" s="1" customFormat="1" ht="14.1" customHeight="1" outlineLevel="2" x14ac:dyDescent="0.2">
      <c r="A1374" s="17">
        <v>1183</v>
      </c>
      <c r="B1374" s="17"/>
      <c r="C1374" s="17"/>
      <c r="D1374" s="18" t="s">
        <v>695</v>
      </c>
      <c r="E1374" s="18"/>
      <c r="F1374" s="18"/>
      <c r="G1374" s="18"/>
      <c r="H1374" s="18"/>
      <c r="I1374" s="18"/>
      <c r="J1374" s="18"/>
      <c r="K1374" s="18"/>
      <c r="L1374" s="18"/>
      <c r="M1374" s="18"/>
      <c r="N1374" s="18"/>
      <c r="O1374" s="18"/>
      <c r="P1374" s="19">
        <v>810</v>
      </c>
      <c r="Q1374" s="19"/>
      <c r="R1374" s="19"/>
      <c r="S1374" s="19"/>
      <c r="T1374" s="19">
        <v>740</v>
      </c>
      <c r="U1374" s="19"/>
      <c r="V1374" s="19"/>
      <c r="W1374" s="19"/>
      <c r="X1374" s="19">
        <v>1</v>
      </c>
      <c r="Y1374" s="19"/>
      <c r="Z1374" s="19"/>
      <c r="AA1374" s="19"/>
    </row>
    <row r="1375" spans="1:27" s="1" customFormat="1" ht="14.1" customHeight="1" outlineLevel="2" x14ac:dyDescent="0.2">
      <c r="A1375" s="17"/>
      <c r="B1375" s="17"/>
      <c r="C1375" s="17"/>
      <c r="D1375" s="18"/>
      <c r="E1375" s="18"/>
      <c r="F1375" s="18"/>
      <c r="G1375" s="18"/>
      <c r="H1375" s="18"/>
      <c r="I1375" s="18"/>
      <c r="J1375" s="18"/>
      <c r="K1375" s="18"/>
      <c r="L1375" s="18"/>
      <c r="M1375" s="18"/>
      <c r="N1375" s="18"/>
      <c r="O1375" s="18"/>
      <c r="P1375" s="19"/>
      <c r="Q1375" s="19"/>
      <c r="R1375" s="19"/>
      <c r="S1375" s="19"/>
      <c r="T1375" s="19"/>
      <c r="U1375" s="19"/>
      <c r="V1375" s="19"/>
      <c r="W1375" s="19"/>
      <c r="X1375" s="19"/>
      <c r="Y1375" s="19"/>
      <c r="Z1375" s="19"/>
      <c r="AA1375" s="19"/>
    </row>
    <row r="1376" spans="1:27" s="1" customFormat="1" ht="11.1" customHeight="1" outlineLevel="2" x14ac:dyDescent="0.2">
      <c r="A1376" s="17">
        <v>8583</v>
      </c>
      <c r="B1376" s="17"/>
      <c r="C1376" s="17"/>
      <c r="D1376" s="18" t="s">
        <v>696</v>
      </c>
      <c r="E1376" s="18"/>
      <c r="F1376" s="18"/>
      <c r="G1376" s="18"/>
      <c r="H1376" s="18"/>
      <c r="I1376" s="18"/>
      <c r="J1376" s="18"/>
      <c r="K1376" s="18"/>
      <c r="L1376" s="18"/>
      <c r="M1376" s="18"/>
      <c r="N1376" s="18"/>
      <c r="O1376" s="18"/>
      <c r="P1376" s="20">
        <v>1040</v>
      </c>
      <c r="Q1376" s="20"/>
      <c r="R1376" s="20"/>
      <c r="S1376" s="20"/>
      <c r="T1376" s="19">
        <v>990</v>
      </c>
      <c r="U1376" s="19"/>
      <c r="V1376" s="19"/>
      <c r="W1376" s="19"/>
      <c r="X1376" s="19">
        <v>4</v>
      </c>
      <c r="Y1376" s="19"/>
      <c r="Z1376" s="19"/>
      <c r="AA1376" s="19"/>
    </row>
    <row r="1377" spans="1:27" s="1" customFormat="1" ht="11.1" customHeight="1" outlineLevel="2" x14ac:dyDescent="0.2">
      <c r="A1377" s="17"/>
      <c r="B1377" s="17"/>
      <c r="C1377" s="17"/>
      <c r="D1377" s="18"/>
      <c r="E1377" s="18"/>
      <c r="F1377" s="18"/>
      <c r="G1377" s="18"/>
      <c r="H1377" s="18"/>
      <c r="I1377" s="18"/>
      <c r="J1377" s="18"/>
      <c r="K1377" s="18"/>
      <c r="L1377" s="18"/>
      <c r="M1377" s="18"/>
      <c r="N1377" s="18"/>
      <c r="O1377" s="18"/>
      <c r="P1377" s="20"/>
      <c r="Q1377" s="20"/>
      <c r="R1377" s="20"/>
      <c r="S1377" s="20"/>
      <c r="T1377" s="19"/>
      <c r="U1377" s="19"/>
      <c r="V1377" s="19"/>
      <c r="W1377" s="19"/>
      <c r="X1377" s="19"/>
      <c r="Y1377" s="19"/>
      <c r="Z1377" s="19"/>
      <c r="AA1377" s="19"/>
    </row>
    <row r="1378" spans="1:27" s="1" customFormat="1" ht="14.1" customHeight="1" outlineLevel="2" x14ac:dyDescent="0.2">
      <c r="A1378" s="17">
        <v>14582</v>
      </c>
      <c r="B1378" s="17"/>
      <c r="C1378" s="17"/>
      <c r="D1378" s="18" t="s">
        <v>697</v>
      </c>
      <c r="E1378" s="18"/>
      <c r="F1378" s="18"/>
      <c r="G1378" s="18"/>
      <c r="H1378" s="18"/>
      <c r="I1378" s="18"/>
      <c r="J1378" s="18"/>
      <c r="K1378" s="18"/>
      <c r="L1378" s="18"/>
      <c r="M1378" s="18"/>
      <c r="N1378" s="18"/>
      <c r="O1378" s="18"/>
      <c r="P1378" s="20">
        <v>1290</v>
      </c>
      <c r="Q1378" s="20"/>
      <c r="R1378" s="20"/>
      <c r="S1378" s="20"/>
      <c r="T1378" s="20">
        <v>1200</v>
      </c>
      <c r="U1378" s="20"/>
      <c r="V1378" s="20"/>
      <c r="W1378" s="20"/>
      <c r="X1378" s="19">
        <v>1</v>
      </c>
      <c r="Y1378" s="19"/>
      <c r="Z1378" s="19"/>
      <c r="AA1378" s="19"/>
    </row>
    <row r="1379" spans="1:27" s="1" customFormat="1" ht="14.1" customHeight="1" outlineLevel="2" x14ac:dyDescent="0.2">
      <c r="A1379" s="17"/>
      <c r="B1379" s="17"/>
      <c r="C1379" s="17"/>
      <c r="D1379" s="18"/>
      <c r="E1379" s="18"/>
      <c r="F1379" s="18"/>
      <c r="G1379" s="18"/>
      <c r="H1379" s="18"/>
      <c r="I1379" s="18"/>
      <c r="J1379" s="18"/>
      <c r="K1379" s="18"/>
      <c r="L1379" s="18"/>
      <c r="M1379" s="18"/>
      <c r="N1379" s="18"/>
      <c r="O1379" s="18"/>
      <c r="P1379" s="20"/>
      <c r="Q1379" s="20"/>
      <c r="R1379" s="20"/>
      <c r="S1379" s="20"/>
      <c r="T1379" s="20"/>
      <c r="U1379" s="20"/>
      <c r="V1379" s="20"/>
      <c r="W1379" s="20"/>
      <c r="X1379" s="19"/>
      <c r="Y1379" s="19"/>
      <c r="Z1379" s="19"/>
      <c r="AA1379" s="19"/>
    </row>
    <row r="1380" spans="1:27" s="1" customFormat="1" ht="14.1" customHeight="1" outlineLevel="2" x14ac:dyDescent="0.2">
      <c r="A1380" s="17">
        <v>14670</v>
      </c>
      <c r="B1380" s="17"/>
      <c r="C1380" s="17"/>
      <c r="D1380" s="18" t="s">
        <v>698</v>
      </c>
      <c r="E1380" s="18"/>
      <c r="F1380" s="18"/>
      <c r="G1380" s="18"/>
      <c r="H1380" s="18"/>
      <c r="I1380" s="18"/>
      <c r="J1380" s="18"/>
      <c r="K1380" s="18"/>
      <c r="L1380" s="18"/>
      <c r="M1380" s="18"/>
      <c r="N1380" s="18"/>
      <c r="O1380" s="18"/>
      <c r="P1380" s="20">
        <v>1290</v>
      </c>
      <c r="Q1380" s="20"/>
      <c r="R1380" s="20"/>
      <c r="S1380" s="20"/>
      <c r="T1380" s="20">
        <v>1200</v>
      </c>
      <c r="U1380" s="20"/>
      <c r="V1380" s="20"/>
      <c r="W1380" s="20"/>
      <c r="X1380" s="19">
        <v>1</v>
      </c>
      <c r="Y1380" s="19"/>
      <c r="Z1380" s="19"/>
      <c r="AA1380" s="19"/>
    </row>
    <row r="1381" spans="1:27" s="1" customFormat="1" ht="14.1" customHeight="1" outlineLevel="2" x14ac:dyDescent="0.2">
      <c r="A1381" s="17"/>
      <c r="B1381" s="17"/>
      <c r="C1381" s="17"/>
      <c r="D1381" s="18"/>
      <c r="E1381" s="18"/>
      <c r="F1381" s="18"/>
      <c r="G1381" s="18"/>
      <c r="H1381" s="18"/>
      <c r="I1381" s="18"/>
      <c r="J1381" s="18"/>
      <c r="K1381" s="18"/>
      <c r="L1381" s="18"/>
      <c r="M1381" s="18"/>
      <c r="N1381" s="18"/>
      <c r="O1381" s="18"/>
      <c r="P1381" s="20"/>
      <c r="Q1381" s="20"/>
      <c r="R1381" s="20"/>
      <c r="S1381" s="20"/>
      <c r="T1381" s="20"/>
      <c r="U1381" s="20"/>
      <c r="V1381" s="20"/>
      <c r="W1381" s="20"/>
      <c r="X1381" s="19"/>
      <c r="Y1381" s="19"/>
      <c r="Z1381" s="19"/>
      <c r="AA1381" s="19"/>
    </row>
    <row r="1382" spans="1:27" s="1" customFormat="1" ht="11.1" customHeight="1" outlineLevel="2" x14ac:dyDescent="0.2">
      <c r="A1382" s="17">
        <v>10004</v>
      </c>
      <c r="B1382" s="17"/>
      <c r="C1382" s="17"/>
      <c r="D1382" s="18" t="s">
        <v>699</v>
      </c>
      <c r="E1382" s="18"/>
      <c r="F1382" s="18"/>
      <c r="G1382" s="18"/>
      <c r="H1382" s="18"/>
      <c r="I1382" s="18"/>
      <c r="J1382" s="18"/>
      <c r="K1382" s="18"/>
      <c r="L1382" s="18"/>
      <c r="M1382" s="18"/>
      <c r="N1382" s="18"/>
      <c r="O1382" s="18"/>
      <c r="P1382" s="19">
        <v>770</v>
      </c>
      <c r="Q1382" s="19"/>
      <c r="R1382" s="19"/>
      <c r="S1382" s="19"/>
      <c r="T1382" s="19">
        <v>720</v>
      </c>
      <c r="U1382" s="19"/>
      <c r="V1382" s="19"/>
      <c r="W1382" s="19"/>
      <c r="X1382" s="19">
        <v>1</v>
      </c>
      <c r="Y1382" s="19"/>
      <c r="Z1382" s="19"/>
      <c r="AA1382" s="19"/>
    </row>
    <row r="1383" spans="1:27" s="1" customFormat="1" ht="11.1" customHeight="1" outlineLevel="2" x14ac:dyDescent="0.2">
      <c r="A1383" s="17"/>
      <c r="B1383" s="17"/>
      <c r="C1383" s="17"/>
      <c r="D1383" s="18"/>
      <c r="E1383" s="18"/>
      <c r="F1383" s="18"/>
      <c r="G1383" s="18"/>
      <c r="H1383" s="18"/>
      <c r="I1383" s="18"/>
      <c r="J1383" s="18"/>
      <c r="K1383" s="18"/>
      <c r="L1383" s="18"/>
      <c r="M1383" s="18"/>
      <c r="N1383" s="18"/>
      <c r="O1383" s="18"/>
      <c r="P1383" s="19"/>
      <c r="Q1383" s="19"/>
      <c r="R1383" s="19"/>
      <c r="S1383" s="19"/>
      <c r="T1383" s="19"/>
      <c r="U1383" s="19"/>
      <c r="V1383" s="19"/>
      <c r="W1383" s="19"/>
      <c r="X1383" s="19"/>
      <c r="Y1383" s="19"/>
      <c r="Z1383" s="19"/>
      <c r="AA1383" s="19"/>
    </row>
    <row r="1384" spans="1:27" s="1" customFormat="1" ht="11.1" customHeight="1" outlineLevel="2" x14ac:dyDescent="0.2">
      <c r="A1384" s="17">
        <v>10005</v>
      </c>
      <c r="B1384" s="17"/>
      <c r="C1384" s="17"/>
      <c r="D1384" s="18" t="s">
        <v>700</v>
      </c>
      <c r="E1384" s="18"/>
      <c r="F1384" s="18"/>
      <c r="G1384" s="18"/>
      <c r="H1384" s="18"/>
      <c r="I1384" s="18"/>
      <c r="J1384" s="18"/>
      <c r="K1384" s="18"/>
      <c r="L1384" s="18"/>
      <c r="M1384" s="18"/>
      <c r="N1384" s="18"/>
      <c r="O1384" s="18"/>
      <c r="P1384" s="19">
        <v>770</v>
      </c>
      <c r="Q1384" s="19"/>
      <c r="R1384" s="19"/>
      <c r="S1384" s="19"/>
      <c r="T1384" s="19">
        <v>720</v>
      </c>
      <c r="U1384" s="19"/>
      <c r="V1384" s="19"/>
      <c r="W1384" s="19"/>
      <c r="X1384" s="19">
        <v>1</v>
      </c>
      <c r="Y1384" s="19"/>
      <c r="Z1384" s="19"/>
      <c r="AA1384" s="19"/>
    </row>
    <row r="1385" spans="1:27" s="1" customFormat="1" ht="11.1" customHeight="1" outlineLevel="2" x14ac:dyDescent="0.2">
      <c r="A1385" s="17"/>
      <c r="B1385" s="17"/>
      <c r="C1385" s="17"/>
      <c r="D1385" s="18"/>
      <c r="E1385" s="18"/>
      <c r="F1385" s="18"/>
      <c r="G1385" s="18"/>
      <c r="H1385" s="18"/>
      <c r="I1385" s="18"/>
      <c r="J1385" s="18"/>
      <c r="K1385" s="18"/>
      <c r="L1385" s="18"/>
      <c r="M1385" s="18"/>
      <c r="N1385" s="18"/>
      <c r="O1385" s="18"/>
      <c r="P1385" s="19"/>
      <c r="Q1385" s="19"/>
      <c r="R1385" s="19"/>
      <c r="S1385" s="19"/>
      <c r="T1385" s="19"/>
      <c r="U1385" s="19"/>
      <c r="V1385" s="19"/>
      <c r="W1385" s="19"/>
      <c r="X1385" s="19"/>
      <c r="Y1385" s="19"/>
      <c r="Z1385" s="19"/>
      <c r="AA1385" s="19"/>
    </row>
    <row r="1386" spans="1:27" s="1" customFormat="1" ht="11.1" customHeight="1" outlineLevel="2" x14ac:dyDescent="0.2">
      <c r="A1386" s="17">
        <v>10006</v>
      </c>
      <c r="B1386" s="17"/>
      <c r="C1386" s="17"/>
      <c r="D1386" s="18" t="s">
        <v>701</v>
      </c>
      <c r="E1386" s="18"/>
      <c r="F1386" s="18"/>
      <c r="G1386" s="18"/>
      <c r="H1386" s="18"/>
      <c r="I1386" s="18"/>
      <c r="J1386" s="18"/>
      <c r="K1386" s="18"/>
      <c r="L1386" s="18"/>
      <c r="M1386" s="18"/>
      <c r="N1386" s="18"/>
      <c r="O1386" s="18"/>
      <c r="P1386" s="19">
        <v>770</v>
      </c>
      <c r="Q1386" s="19"/>
      <c r="R1386" s="19"/>
      <c r="S1386" s="19"/>
      <c r="T1386" s="19">
        <v>720</v>
      </c>
      <c r="U1386" s="19"/>
      <c r="V1386" s="19"/>
      <c r="W1386" s="19"/>
      <c r="X1386" s="19">
        <v>1</v>
      </c>
      <c r="Y1386" s="19"/>
      <c r="Z1386" s="19"/>
      <c r="AA1386" s="19"/>
    </row>
    <row r="1387" spans="1:27" s="1" customFormat="1" ht="11.1" customHeight="1" outlineLevel="2" x14ac:dyDescent="0.2">
      <c r="A1387" s="17"/>
      <c r="B1387" s="17"/>
      <c r="C1387" s="17"/>
      <c r="D1387" s="18"/>
      <c r="E1387" s="18"/>
      <c r="F1387" s="18"/>
      <c r="G1387" s="18"/>
      <c r="H1387" s="18"/>
      <c r="I1387" s="18"/>
      <c r="J1387" s="18"/>
      <c r="K1387" s="18"/>
      <c r="L1387" s="18"/>
      <c r="M1387" s="18"/>
      <c r="N1387" s="18"/>
      <c r="O1387" s="18"/>
      <c r="P1387" s="19"/>
      <c r="Q1387" s="19"/>
      <c r="R1387" s="19"/>
      <c r="S1387" s="19"/>
      <c r="T1387" s="19"/>
      <c r="U1387" s="19"/>
      <c r="V1387" s="19"/>
      <c r="W1387" s="19"/>
      <c r="X1387" s="19"/>
      <c r="Y1387" s="19"/>
      <c r="Z1387" s="19"/>
      <c r="AA1387" s="19"/>
    </row>
    <row r="1388" spans="1:27" s="1" customFormat="1" ht="11.1" customHeight="1" outlineLevel="2" x14ac:dyDescent="0.2">
      <c r="A1388" s="17">
        <v>10007</v>
      </c>
      <c r="B1388" s="17"/>
      <c r="C1388" s="17"/>
      <c r="D1388" s="18" t="s">
        <v>702</v>
      </c>
      <c r="E1388" s="18"/>
      <c r="F1388" s="18"/>
      <c r="G1388" s="18"/>
      <c r="H1388" s="18"/>
      <c r="I1388" s="18"/>
      <c r="J1388" s="18"/>
      <c r="K1388" s="18"/>
      <c r="L1388" s="18"/>
      <c r="M1388" s="18"/>
      <c r="N1388" s="18"/>
      <c r="O1388" s="18"/>
      <c r="P1388" s="19">
        <v>770</v>
      </c>
      <c r="Q1388" s="19"/>
      <c r="R1388" s="19"/>
      <c r="S1388" s="19"/>
      <c r="T1388" s="19">
        <v>720</v>
      </c>
      <c r="U1388" s="19"/>
      <c r="V1388" s="19"/>
      <c r="W1388" s="19"/>
      <c r="X1388" s="19">
        <v>1</v>
      </c>
      <c r="Y1388" s="19"/>
      <c r="Z1388" s="19"/>
      <c r="AA1388" s="19"/>
    </row>
    <row r="1389" spans="1:27" s="1" customFormat="1" ht="11.1" customHeight="1" outlineLevel="2" x14ac:dyDescent="0.2">
      <c r="A1389" s="17"/>
      <c r="B1389" s="17"/>
      <c r="C1389" s="17"/>
      <c r="D1389" s="18"/>
      <c r="E1389" s="18"/>
      <c r="F1389" s="18"/>
      <c r="G1389" s="18"/>
      <c r="H1389" s="18"/>
      <c r="I1389" s="18"/>
      <c r="J1389" s="18"/>
      <c r="K1389" s="18"/>
      <c r="L1389" s="18"/>
      <c r="M1389" s="18"/>
      <c r="N1389" s="18"/>
      <c r="O1389" s="18"/>
      <c r="P1389" s="19"/>
      <c r="Q1389" s="19"/>
      <c r="R1389" s="19"/>
      <c r="S1389" s="19"/>
      <c r="T1389" s="19"/>
      <c r="U1389" s="19"/>
      <c r="V1389" s="19"/>
      <c r="W1389" s="19"/>
      <c r="X1389" s="19"/>
      <c r="Y1389" s="19"/>
      <c r="Z1389" s="19"/>
      <c r="AA1389" s="19"/>
    </row>
    <row r="1390" spans="1:27" s="1" customFormat="1" ht="14.1" customHeight="1" outlineLevel="2" x14ac:dyDescent="0.2">
      <c r="A1390" s="17">
        <v>10008</v>
      </c>
      <c r="B1390" s="17"/>
      <c r="C1390" s="17"/>
      <c r="D1390" s="18" t="s">
        <v>703</v>
      </c>
      <c r="E1390" s="18"/>
      <c r="F1390" s="18"/>
      <c r="G1390" s="18"/>
      <c r="H1390" s="18"/>
      <c r="I1390" s="18"/>
      <c r="J1390" s="18"/>
      <c r="K1390" s="18"/>
      <c r="L1390" s="18"/>
      <c r="M1390" s="18"/>
      <c r="N1390" s="18"/>
      <c r="O1390" s="18"/>
      <c r="P1390" s="19">
        <v>770</v>
      </c>
      <c r="Q1390" s="19"/>
      <c r="R1390" s="19"/>
      <c r="S1390" s="19"/>
      <c r="T1390" s="19">
        <v>720</v>
      </c>
      <c r="U1390" s="19"/>
      <c r="V1390" s="19"/>
      <c r="W1390" s="19"/>
      <c r="X1390" s="19">
        <v>1</v>
      </c>
      <c r="Y1390" s="19"/>
      <c r="Z1390" s="19"/>
      <c r="AA1390" s="19"/>
    </row>
    <row r="1391" spans="1:27" s="1" customFormat="1" ht="14.1" customHeight="1" outlineLevel="2" x14ac:dyDescent="0.2">
      <c r="A1391" s="17"/>
      <c r="B1391" s="17"/>
      <c r="C1391" s="17"/>
      <c r="D1391" s="18"/>
      <c r="E1391" s="18"/>
      <c r="F1391" s="18"/>
      <c r="G1391" s="18"/>
      <c r="H1391" s="18"/>
      <c r="I1391" s="18"/>
      <c r="J1391" s="18"/>
      <c r="K1391" s="18"/>
      <c r="L1391" s="18"/>
      <c r="M1391" s="18"/>
      <c r="N1391" s="18"/>
      <c r="O1391" s="18"/>
      <c r="P1391" s="19"/>
      <c r="Q1391" s="19"/>
      <c r="R1391" s="19"/>
      <c r="S1391" s="19"/>
      <c r="T1391" s="19"/>
      <c r="U1391" s="19"/>
      <c r="V1391" s="19"/>
      <c r="W1391" s="19"/>
      <c r="X1391" s="19"/>
      <c r="Y1391" s="19"/>
      <c r="Z1391" s="19"/>
      <c r="AA1391" s="19"/>
    </row>
    <row r="1392" spans="1:27" s="1" customFormat="1" ht="11.1" customHeight="1" outlineLevel="2" x14ac:dyDescent="0.2">
      <c r="A1392" s="17">
        <v>10673</v>
      </c>
      <c r="B1392" s="17"/>
      <c r="C1392" s="17"/>
      <c r="D1392" s="18" t="s">
        <v>704</v>
      </c>
      <c r="E1392" s="18"/>
      <c r="F1392" s="18"/>
      <c r="G1392" s="18"/>
      <c r="H1392" s="18"/>
      <c r="I1392" s="18"/>
      <c r="J1392" s="18"/>
      <c r="K1392" s="18"/>
      <c r="L1392" s="18"/>
      <c r="M1392" s="18"/>
      <c r="N1392" s="18"/>
      <c r="O1392" s="18"/>
      <c r="P1392" s="19">
        <v>100</v>
      </c>
      <c r="Q1392" s="19"/>
      <c r="R1392" s="19"/>
      <c r="S1392" s="19"/>
      <c r="T1392" s="19">
        <v>75</v>
      </c>
      <c r="U1392" s="19"/>
      <c r="V1392" s="19"/>
      <c r="W1392" s="19"/>
      <c r="X1392" s="19">
        <v>4</v>
      </c>
      <c r="Y1392" s="19"/>
      <c r="Z1392" s="19"/>
      <c r="AA1392" s="19"/>
    </row>
    <row r="1393" spans="1:27" s="1" customFormat="1" ht="11.1" customHeight="1" outlineLevel="2" x14ac:dyDescent="0.2">
      <c r="A1393" s="17"/>
      <c r="B1393" s="17"/>
      <c r="C1393" s="17"/>
      <c r="D1393" s="18"/>
      <c r="E1393" s="18"/>
      <c r="F1393" s="18"/>
      <c r="G1393" s="18"/>
      <c r="H1393" s="18"/>
      <c r="I1393" s="18"/>
      <c r="J1393" s="18"/>
      <c r="K1393" s="18"/>
      <c r="L1393" s="18"/>
      <c r="M1393" s="18"/>
      <c r="N1393" s="18"/>
      <c r="O1393" s="18"/>
      <c r="P1393" s="19"/>
      <c r="Q1393" s="19"/>
      <c r="R1393" s="19"/>
      <c r="S1393" s="19"/>
      <c r="T1393" s="19"/>
      <c r="U1393" s="19"/>
      <c r="V1393" s="19"/>
      <c r="W1393" s="19"/>
      <c r="X1393" s="19"/>
      <c r="Y1393" s="19"/>
      <c r="Z1393" s="19"/>
      <c r="AA1393" s="19"/>
    </row>
    <row r="1394" spans="1:27" s="1" customFormat="1" ht="11.1" customHeight="1" outlineLevel="2" x14ac:dyDescent="0.2">
      <c r="A1394" s="17">
        <v>9743</v>
      </c>
      <c r="B1394" s="17"/>
      <c r="C1394" s="17"/>
      <c r="D1394" s="18" t="s">
        <v>705</v>
      </c>
      <c r="E1394" s="18"/>
      <c r="F1394" s="18"/>
      <c r="G1394" s="18"/>
      <c r="H1394" s="18"/>
      <c r="I1394" s="18"/>
      <c r="J1394" s="18"/>
      <c r="K1394" s="18"/>
      <c r="L1394" s="18"/>
      <c r="M1394" s="18"/>
      <c r="N1394" s="18"/>
      <c r="O1394" s="18"/>
      <c r="P1394" s="19">
        <v>80</v>
      </c>
      <c r="Q1394" s="19"/>
      <c r="R1394" s="19"/>
      <c r="S1394" s="19"/>
      <c r="T1394" s="19">
        <v>45</v>
      </c>
      <c r="U1394" s="19"/>
      <c r="V1394" s="19"/>
      <c r="W1394" s="19"/>
      <c r="X1394" s="19">
        <v>2</v>
      </c>
      <c r="Y1394" s="19"/>
      <c r="Z1394" s="19"/>
      <c r="AA1394" s="19"/>
    </row>
    <row r="1395" spans="1:27" s="1" customFormat="1" ht="11.1" customHeight="1" outlineLevel="2" x14ac:dyDescent="0.2">
      <c r="A1395" s="17"/>
      <c r="B1395" s="17"/>
      <c r="C1395" s="17"/>
      <c r="D1395" s="18"/>
      <c r="E1395" s="18"/>
      <c r="F1395" s="18"/>
      <c r="G1395" s="18"/>
      <c r="H1395" s="18"/>
      <c r="I1395" s="18"/>
      <c r="J1395" s="18"/>
      <c r="K1395" s="18"/>
      <c r="L1395" s="18"/>
      <c r="M1395" s="18"/>
      <c r="N1395" s="18"/>
      <c r="O1395" s="18"/>
      <c r="P1395" s="19"/>
      <c r="Q1395" s="19"/>
      <c r="R1395" s="19"/>
      <c r="S1395" s="19"/>
      <c r="T1395" s="19"/>
      <c r="U1395" s="19"/>
      <c r="V1395" s="19"/>
      <c r="W1395" s="19"/>
      <c r="X1395" s="19"/>
      <c r="Y1395" s="19"/>
      <c r="Z1395" s="19"/>
      <c r="AA1395" s="19"/>
    </row>
    <row r="1396" spans="1:27" s="1" customFormat="1" ht="11.1" customHeight="1" outlineLevel="2" x14ac:dyDescent="0.2">
      <c r="A1396" s="17">
        <v>9784</v>
      </c>
      <c r="B1396" s="17"/>
      <c r="C1396" s="17"/>
      <c r="D1396" s="18" t="s">
        <v>706</v>
      </c>
      <c r="E1396" s="18"/>
      <c r="F1396" s="18"/>
      <c r="G1396" s="18"/>
      <c r="H1396" s="18"/>
      <c r="I1396" s="18"/>
      <c r="J1396" s="18"/>
      <c r="K1396" s="18"/>
      <c r="L1396" s="18"/>
      <c r="M1396" s="18"/>
      <c r="N1396" s="18"/>
      <c r="O1396" s="18"/>
      <c r="P1396" s="19">
        <v>280</v>
      </c>
      <c r="Q1396" s="19"/>
      <c r="R1396" s="19"/>
      <c r="S1396" s="19"/>
      <c r="T1396" s="19">
        <v>240</v>
      </c>
      <c r="U1396" s="19"/>
      <c r="V1396" s="19"/>
      <c r="W1396" s="19"/>
      <c r="X1396" s="19">
        <v>3</v>
      </c>
      <c r="Y1396" s="19"/>
      <c r="Z1396" s="19"/>
      <c r="AA1396" s="19"/>
    </row>
    <row r="1397" spans="1:27" s="1" customFormat="1" ht="11.1" customHeight="1" outlineLevel="2" x14ac:dyDescent="0.2">
      <c r="A1397" s="17"/>
      <c r="B1397" s="17"/>
      <c r="C1397" s="17"/>
      <c r="D1397" s="18"/>
      <c r="E1397" s="18"/>
      <c r="F1397" s="18"/>
      <c r="G1397" s="18"/>
      <c r="H1397" s="18"/>
      <c r="I1397" s="18"/>
      <c r="J1397" s="18"/>
      <c r="K1397" s="18"/>
      <c r="L1397" s="18"/>
      <c r="M1397" s="18"/>
      <c r="N1397" s="18"/>
      <c r="O1397" s="18"/>
      <c r="P1397" s="19"/>
      <c r="Q1397" s="19"/>
      <c r="R1397" s="19"/>
      <c r="S1397" s="19"/>
      <c r="T1397" s="19"/>
      <c r="U1397" s="19"/>
      <c r="V1397" s="19"/>
      <c r="W1397" s="19"/>
      <c r="X1397" s="19"/>
      <c r="Y1397" s="19"/>
      <c r="Z1397" s="19"/>
      <c r="AA1397" s="19"/>
    </row>
    <row r="1398" spans="1:27" s="1" customFormat="1" ht="11.1" customHeight="1" outlineLevel="2" x14ac:dyDescent="0.2">
      <c r="A1398" s="17">
        <v>9787</v>
      </c>
      <c r="B1398" s="17"/>
      <c r="C1398" s="17"/>
      <c r="D1398" s="18" t="s">
        <v>707</v>
      </c>
      <c r="E1398" s="18"/>
      <c r="F1398" s="18"/>
      <c r="G1398" s="18"/>
      <c r="H1398" s="18"/>
      <c r="I1398" s="18"/>
      <c r="J1398" s="18"/>
      <c r="K1398" s="18"/>
      <c r="L1398" s="18"/>
      <c r="M1398" s="18"/>
      <c r="N1398" s="18"/>
      <c r="O1398" s="18"/>
      <c r="P1398" s="19">
        <v>410</v>
      </c>
      <c r="Q1398" s="19"/>
      <c r="R1398" s="19"/>
      <c r="S1398" s="19"/>
      <c r="T1398" s="19">
        <v>350</v>
      </c>
      <c r="U1398" s="19"/>
      <c r="V1398" s="19"/>
      <c r="W1398" s="19"/>
      <c r="X1398" s="19">
        <v>2</v>
      </c>
      <c r="Y1398" s="19"/>
      <c r="Z1398" s="19"/>
      <c r="AA1398" s="19"/>
    </row>
    <row r="1399" spans="1:27" s="1" customFormat="1" ht="11.1" customHeight="1" outlineLevel="2" x14ac:dyDescent="0.2">
      <c r="A1399" s="17"/>
      <c r="B1399" s="17"/>
      <c r="C1399" s="17"/>
      <c r="D1399" s="18"/>
      <c r="E1399" s="18"/>
      <c r="F1399" s="18"/>
      <c r="G1399" s="18"/>
      <c r="H1399" s="18"/>
      <c r="I1399" s="18"/>
      <c r="J1399" s="18"/>
      <c r="K1399" s="18"/>
      <c r="L1399" s="18"/>
      <c r="M1399" s="18"/>
      <c r="N1399" s="18"/>
      <c r="O1399" s="18"/>
      <c r="P1399" s="19"/>
      <c r="Q1399" s="19"/>
      <c r="R1399" s="19"/>
      <c r="S1399" s="19"/>
      <c r="T1399" s="19"/>
      <c r="U1399" s="19"/>
      <c r="V1399" s="19"/>
      <c r="W1399" s="19"/>
      <c r="X1399" s="19"/>
      <c r="Y1399" s="19"/>
      <c r="Z1399" s="19"/>
      <c r="AA1399" s="19"/>
    </row>
    <row r="1400" spans="1:27" s="1" customFormat="1" ht="11.1" customHeight="1" outlineLevel="2" x14ac:dyDescent="0.2">
      <c r="A1400" s="17">
        <v>6433</v>
      </c>
      <c r="B1400" s="17"/>
      <c r="C1400" s="17"/>
      <c r="D1400" s="18" t="s">
        <v>708</v>
      </c>
      <c r="E1400" s="18"/>
      <c r="F1400" s="18"/>
      <c r="G1400" s="18"/>
      <c r="H1400" s="18"/>
      <c r="I1400" s="18"/>
      <c r="J1400" s="18"/>
      <c r="K1400" s="18"/>
      <c r="L1400" s="18"/>
      <c r="M1400" s="18"/>
      <c r="N1400" s="18"/>
      <c r="O1400" s="18"/>
      <c r="P1400" s="19">
        <v>280</v>
      </c>
      <c r="Q1400" s="19"/>
      <c r="R1400" s="19"/>
      <c r="S1400" s="19"/>
      <c r="T1400" s="19">
        <v>240</v>
      </c>
      <c r="U1400" s="19"/>
      <c r="V1400" s="19"/>
      <c r="W1400" s="19"/>
      <c r="X1400" s="19">
        <v>3</v>
      </c>
      <c r="Y1400" s="19"/>
      <c r="Z1400" s="19"/>
      <c r="AA1400" s="19"/>
    </row>
    <row r="1401" spans="1:27" s="1" customFormat="1" ht="11.1" customHeight="1" outlineLevel="2" x14ac:dyDescent="0.2">
      <c r="A1401" s="17"/>
      <c r="B1401" s="17"/>
      <c r="C1401" s="17"/>
      <c r="D1401" s="18"/>
      <c r="E1401" s="18"/>
      <c r="F1401" s="18"/>
      <c r="G1401" s="18"/>
      <c r="H1401" s="18"/>
      <c r="I1401" s="18"/>
      <c r="J1401" s="18"/>
      <c r="K1401" s="18"/>
      <c r="L1401" s="18"/>
      <c r="M1401" s="18"/>
      <c r="N1401" s="18"/>
      <c r="O1401" s="18"/>
      <c r="P1401" s="19"/>
      <c r="Q1401" s="19"/>
      <c r="R1401" s="19"/>
      <c r="S1401" s="19"/>
      <c r="T1401" s="19"/>
      <c r="U1401" s="19"/>
      <c r="V1401" s="19"/>
      <c r="W1401" s="19"/>
      <c r="X1401" s="19"/>
      <c r="Y1401" s="19"/>
      <c r="Z1401" s="19"/>
      <c r="AA1401" s="19"/>
    </row>
    <row r="1402" spans="1:27" s="1" customFormat="1" ht="11.1" customHeight="1" outlineLevel="2" x14ac:dyDescent="0.2">
      <c r="A1402" s="17">
        <v>9788</v>
      </c>
      <c r="B1402" s="17"/>
      <c r="C1402" s="17"/>
      <c r="D1402" s="18" t="s">
        <v>709</v>
      </c>
      <c r="E1402" s="18"/>
      <c r="F1402" s="18"/>
      <c r="G1402" s="18"/>
      <c r="H1402" s="18"/>
      <c r="I1402" s="18"/>
      <c r="J1402" s="18"/>
      <c r="K1402" s="18"/>
      <c r="L1402" s="18"/>
      <c r="M1402" s="18"/>
      <c r="N1402" s="18"/>
      <c r="O1402" s="18"/>
      <c r="P1402" s="19">
        <v>410</v>
      </c>
      <c r="Q1402" s="19"/>
      <c r="R1402" s="19"/>
      <c r="S1402" s="19"/>
      <c r="T1402" s="19">
        <v>350</v>
      </c>
      <c r="U1402" s="19"/>
      <c r="V1402" s="19"/>
      <c r="W1402" s="19"/>
      <c r="X1402" s="19">
        <v>10</v>
      </c>
      <c r="Y1402" s="19"/>
      <c r="Z1402" s="19"/>
      <c r="AA1402" s="19"/>
    </row>
    <row r="1403" spans="1:27" s="1" customFormat="1" ht="11.1" customHeight="1" outlineLevel="2" x14ac:dyDescent="0.2">
      <c r="A1403" s="17"/>
      <c r="B1403" s="17"/>
      <c r="C1403" s="17"/>
      <c r="D1403" s="18"/>
      <c r="E1403" s="18"/>
      <c r="F1403" s="18"/>
      <c r="G1403" s="18"/>
      <c r="H1403" s="18"/>
      <c r="I1403" s="18"/>
      <c r="J1403" s="18"/>
      <c r="K1403" s="18"/>
      <c r="L1403" s="18"/>
      <c r="M1403" s="18"/>
      <c r="N1403" s="18"/>
      <c r="O1403" s="18"/>
      <c r="P1403" s="19"/>
      <c r="Q1403" s="19"/>
      <c r="R1403" s="19"/>
      <c r="S1403" s="19"/>
      <c r="T1403" s="19"/>
      <c r="U1403" s="19"/>
      <c r="V1403" s="19"/>
      <c r="W1403" s="19"/>
      <c r="X1403" s="19"/>
      <c r="Y1403" s="19"/>
      <c r="Z1403" s="19"/>
      <c r="AA1403" s="19"/>
    </row>
    <row r="1404" spans="1:27" s="1" customFormat="1" ht="11.1" customHeight="1" outlineLevel="2" x14ac:dyDescent="0.2">
      <c r="A1404" s="17">
        <v>8577</v>
      </c>
      <c r="B1404" s="17"/>
      <c r="C1404" s="17"/>
      <c r="D1404" s="18" t="s">
        <v>710</v>
      </c>
      <c r="E1404" s="18"/>
      <c r="F1404" s="18"/>
      <c r="G1404" s="18"/>
      <c r="H1404" s="18"/>
      <c r="I1404" s="18"/>
      <c r="J1404" s="18"/>
      <c r="K1404" s="18"/>
      <c r="L1404" s="18"/>
      <c r="M1404" s="18"/>
      <c r="N1404" s="18"/>
      <c r="O1404" s="18"/>
      <c r="P1404" s="19">
        <v>220</v>
      </c>
      <c r="Q1404" s="19"/>
      <c r="R1404" s="19"/>
      <c r="S1404" s="19"/>
      <c r="T1404" s="19">
        <v>185</v>
      </c>
      <c r="U1404" s="19"/>
      <c r="V1404" s="19"/>
      <c r="W1404" s="19"/>
      <c r="X1404" s="19">
        <v>15</v>
      </c>
      <c r="Y1404" s="19"/>
      <c r="Z1404" s="19"/>
      <c r="AA1404" s="19"/>
    </row>
    <row r="1405" spans="1:27" s="1" customFormat="1" ht="11.1" customHeight="1" outlineLevel="2" x14ac:dyDescent="0.2">
      <c r="A1405" s="17"/>
      <c r="B1405" s="17"/>
      <c r="C1405" s="17"/>
      <c r="D1405" s="18"/>
      <c r="E1405" s="18"/>
      <c r="F1405" s="18"/>
      <c r="G1405" s="18"/>
      <c r="H1405" s="18"/>
      <c r="I1405" s="18"/>
      <c r="J1405" s="18"/>
      <c r="K1405" s="18"/>
      <c r="L1405" s="18"/>
      <c r="M1405" s="18"/>
      <c r="N1405" s="18"/>
      <c r="O1405" s="18"/>
      <c r="P1405" s="19"/>
      <c r="Q1405" s="19"/>
      <c r="R1405" s="19"/>
      <c r="S1405" s="19"/>
      <c r="T1405" s="19"/>
      <c r="U1405" s="19"/>
      <c r="V1405" s="19"/>
      <c r="W1405" s="19"/>
      <c r="X1405" s="19"/>
      <c r="Y1405" s="19"/>
      <c r="Z1405" s="19"/>
      <c r="AA1405" s="19"/>
    </row>
    <row r="1406" spans="1:27" s="1" customFormat="1" ht="11.1" customHeight="1" outlineLevel="2" x14ac:dyDescent="0.2">
      <c r="A1406" s="17">
        <v>12248</v>
      </c>
      <c r="B1406" s="17"/>
      <c r="C1406" s="17"/>
      <c r="D1406" s="18" t="s">
        <v>711</v>
      </c>
      <c r="E1406" s="18"/>
      <c r="F1406" s="18"/>
      <c r="G1406" s="18"/>
      <c r="H1406" s="18"/>
      <c r="I1406" s="18"/>
      <c r="J1406" s="18"/>
      <c r="K1406" s="18"/>
      <c r="L1406" s="18"/>
      <c r="M1406" s="18"/>
      <c r="N1406" s="18"/>
      <c r="O1406" s="18"/>
      <c r="P1406" s="19">
        <v>730</v>
      </c>
      <c r="Q1406" s="19"/>
      <c r="R1406" s="19"/>
      <c r="S1406" s="19"/>
      <c r="T1406" s="19">
        <v>650</v>
      </c>
      <c r="U1406" s="19"/>
      <c r="V1406" s="19"/>
      <c r="W1406" s="19"/>
      <c r="X1406" s="19">
        <v>1</v>
      </c>
      <c r="Y1406" s="19"/>
      <c r="Z1406" s="19"/>
      <c r="AA1406" s="19"/>
    </row>
    <row r="1407" spans="1:27" s="1" customFormat="1" ht="11.1" customHeight="1" outlineLevel="2" x14ac:dyDescent="0.2">
      <c r="A1407" s="17"/>
      <c r="B1407" s="17"/>
      <c r="C1407" s="17"/>
      <c r="D1407" s="18"/>
      <c r="E1407" s="18"/>
      <c r="F1407" s="18"/>
      <c r="G1407" s="18"/>
      <c r="H1407" s="18"/>
      <c r="I1407" s="18"/>
      <c r="J1407" s="18"/>
      <c r="K1407" s="18"/>
      <c r="L1407" s="18"/>
      <c r="M1407" s="18"/>
      <c r="N1407" s="18"/>
      <c r="O1407" s="18"/>
      <c r="P1407" s="19"/>
      <c r="Q1407" s="19"/>
      <c r="R1407" s="19"/>
      <c r="S1407" s="19"/>
      <c r="T1407" s="19"/>
      <c r="U1407" s="19"/>
      <c r="V1407" s="19"/>
      <c r="W1407" s="19"/>
      <c r="X1407" s="19"/>
      <c r="Y1407" s="19"/>
      <c r="Z1407" s="19"/>
      <c r="AA1407" s="19"/>
    </row>
    <row r="1408" spans="1:27" s="1" customFormat="1" ht="11.1" customHeight="1" outlineLevel="2" x14ac:dyDescent="0.2">
      <c r="A1408" s="17">
        <v>9543</v>
      </c>
      <c r="B1408" s="17"/>
      <c r="C1408" s="17"/>
      <c r="D1408" s="18" t="s">
        <v>712</v>
      </c>
      <c r="E1408" s="18"/>
      <c r="F1408" s="18"/>
      <c r="G1408" s="18"/>
      <c r="H1408" s="18"/>
      <c r="I1408" s="18"/>
      <c r="J1408" s="18"/>
      <c r="K1408" s="18"/>
      <c r="L1408" s="18"/>
      <c r="M1408" s="18"/>
      <c r="N1408" s="18"/>
      <c r="O1408" s="18"/>
      <c r="P1408" s="19">
        <v>50</v>
      </c>
      <c r="Q1408" s="19"/>
      <c r="R1408" s="19"/>
      <c r="S1408" s="19"/>
      <c r="T1408" s="19">
        <v>30</v>
      </c>
      <c r="U1408" s="19"/>
      <c r="V1408" s="19"/>
      <c r="W1408" s="19"/>
      <c r="X1408" s="19">
        <v>9</v>
      </c>
      <c r="Y1408" s="19"/>
      <c r="Z1408" s="19"/>
      <c r="AA1408" s="19"/>
    </row>
    <row r="1409" spans="1:27" s="1" customFormat="1" ht="11.1" customHeight="1" outlineLevel="2" x14ac:dyDescent="0.2">
      <c r="A1409" s="17"/>
      <c r="B1409" s="17"/>
      <c r="C1409" s="17"/>
      <c r="D1409" s="18"/>
      <c r="E1409" s="18"/>
      <c r="F1409" s="18"/>
      <c r="G1409" s="18"/>
      <c r="H1409" s="18"/>
      <c r="I1409" s="18"/>
      <c r="J1409" s="18"/>
      <c r="K1409" s="18"/>
      <c r="L1409" s="18"/>
      <c r="M1409" s="18"/>
      <c r="N1409" s="18"/>
      <c r="O1409" s="18"/>
      <c r="P1409" s="19"/>
      <c r="Q1409" s="19"/>
      <c r="R1409" s="19"/>
      <c r="S1409" s="19"/>
      <c r="T1409" s="19"/>
      <c r="U1409" s="19"/>
      <c r="V1409" s="19"/>
      <c r="W1409" s="19"/>
      <c r="X1409" s="19"/>
      <c r="Y1409" s="19"/>
      <c r="Z1409" s="19"/>
      <c r="AA1409" s="19"/>
    </row>
    <row r="1410" spans="1:27" s="1" customFormat="1" ht="14.1" customHeight="1" outlineLevel="2" x14ac:dyDescent="0.2">
      <c r="A1410" s="17">
        <v>12247</v>
      </c>
      <c r="B1410" s="17"/>
      <c r="C1410" s="17"/>
      <c r="D1410" s="18" t="s">
        <v>713</v>
      </c>
      <c r="E1410" s="18"/>
      <c r="F1410" s="18"/>
      <c r="G1410" s="18"/>
      <c r="H1410" s="18"/>
      <c r="I1410" s="18"/>
      <c r="J1410" s="18"/>
      <c r="K1410" s="18"/>
      <c r="L1410" s="18"/>
      <c r="M1410" s="18"/>
      <c r="N1410" s="18"/>
      <c r="O1410" s="18"/>
      <c r="P1410" s="19">
        <v>150</v>
      </c>
      <c r="Q1410" s="19"/>
      <c r="R1410" s="19"/>
      <c r="S1410" s="19"/>
      <c r="T1410" s="19">
        <v>120</v>
      </c>
      <c r="U1410" s="19"/>
      <c r="V1410" s="19"/>
      <c r="W1410" s="19"/>
      <c r="X1410" s="19">
        <v>1</v>
      </c>
      <c r="Y1410" s="19"/>
      <c r="Z1410" s="19"/>
      <c r="AA1410" s="19"/>
    </row>
    <row r="1411" spans="1:27" s="1" customFormat="1" ht="14.1" customHeight="1" outlineLevel="2" x14ac:dyDescent="0.2">
      <c r="A1411" s="17"/>
      <c r="B1411" s="17"/>
      <c r="C1411" s="17"/>
      <c r="D1411" s="18"/>
      <c r="E1411" s="18"/>
      <c r="F1411" s="18"/>
      <c r="G1411" s="18"/>
      <c r="H1411" s="18"/>
      <c r="I1411" s="18"/>
      <c r="J1411" s="18"/>
      <c r="K1411" s="18"/>
      <c r="L1411" s="18"/>
      <c r="M1411" s="18"/>
      <c r="N1411" s="18"/>
      <c r="O1411" s="18"/>
      <c r="P1411" s="19"/>
      <c r="Q1411" s="19"/>
      <c r="R1411" s="19"/>
      <c r="S1411" s="19"/>
      <c r="T1411" s="19"/>
      <c r="U1411" s="19"/>
      <c r="V1411" s="19"/>
      <c r="W1411" s="19"/>
      <c r="X1411" s="19"/>
      <c r="Y1411" s="19"/>
      <c r="Z1411" s="19"/>
      <c r="AA1411" s="19"/>
    </row>
    <row r="1412" spans="1:27" s="1" customFormat="1" ht="11.1" customHeight="1" outlineLevel="1" x14ac:dyDescent="0.2">
      <c r="A1412" s="16" t="s">
        <v>714</v>
      </c>
      <c r="B1412" s="16"/>
      <c r="C1412" s="16"/>
      <c r="D1412" s="16"/>
      <c r="E1412" s="16"/>
      <c r="F1412" s="16"/>
      <c r="G1412" s="16"/>
      <c r="H1412" s="16"/>
      <c r="I1412" s="16"/>
      <c r="J1412" s="16"/>
      <c r="K1412" s="16"/>
      <c r="L1412" s="16"/>
      <c r="M1412" s="16"/>
      <c r="N1412" s="16"/>
      <c r="O1412" s="16"/>
      <c r="P1412" s="16"/>
      <c r="Q1412" s="16"/>
      <c r="R1412" s="16"/>
      <c r="S1412" s="16"/>
      <c r="T1412" s="16"/>
      <c r="U1412" s="16"/>
      <c r="V1412" s="16"/>
      <c r="W1412" s="16"/>
      <c r="X1412" s="16"/>
      <c r="Y1412" s="16"/>
      <c r="Z1412" s="16"/>
      <c r="AA1412" s="16"/>
    </row>
    <row r="1413" spans="1:27" s="1" customFormat="1" ht="11.1" customHeight="1" outlineLevel="1" x14ac:dyDescent="0.2">
      <c r="A1413" s="16"/>
      <c r="B1413" s="16"/>
      <c r="C1413" s="16"/>
      <c r="D1413" s="16"/>
      <c r="E1413" s="16"/>
      <c r="F1413" s="16"/>
      <c r="G1413" s="16"/>
      <c r="H1413" s="16"/>
      <c r="I1413" s="16"/>
      <c r="J1413" s="16"/>
      <c r="K1413" s="16"/>
      <c r="L1413" s="16"/>
      <c r="M1413" s="16"/>
      <c r="N1413" s="16"/>
      <c r="O1413" s="16"/>
      <c r="P1413" s="16"/>
      <c r="Q1413" s="16"/>
      <c r="R1413" s="16"/>
      <c r="S1413" s="16"/>
      <c r="T1413" s="16"/>
      <c r="U1413" s="16"/>
      <c r="V1413" s="16"/>
      <c r="W1413" s="16"/>
      <c r="X1413" s="16"/>
      <c r="Y1413" s="16"/>
      <c r="Z1413" s="16"/>
      <c r="AA1413" s="16"/>
    </row>
    <row r="1414" spans="1:27" s="1" customFormat="1" ht="11.1" customHeight="1" outlineLevel="2" x14ac:dyDescent="0.2">
      <c r="A1414" s="17">
        <v>10680</v>
      </c>
      <c r="B1414" s="17"/>
      <c r="C1414" s="17"/>
      <c r="D1414" s="18" t="s">
        <v>715</v>
      </c>
      <c r="E1414" s="18"/>
      <c r="F1414" s="18"/>
      <c r="G1414" s="18"/>
      <c r="H1414" s="18"/>
      <c r="I1414" s="18"/>
      <c r="J1414" s="18"/>
      <c r="K1414" s="18"/>
      <c r="L1414" s="18"/>
      <c r="M1414" s="18"/>
      <c r="N1414" s="18"/>
      <c r="O1414" s="18"/>
      <c r="P1414" s="19">
        <v>120</v>
      </c>
      <c r="Q1414" s="19"/>
      <c r="R1414" s="19"/>
      <c r="S1414" s="19"/>
      <c r="T1414" s="19">
        <v>80</v>
      </c>
      <c r="U1414" s="19"/>
      <c r="V1414" s="19"/>
      <c r="W1414" s="19"/>
      <c r="X1414" s="19">
        <v>3</v>
      </c>
      <c r="Y1414" s="19"/>
      <c r="Z1414" s="19"/>
      <c r="AA1414" s="19"/>
    </row>
    <row r="1415" spans="1:27" s="1" customFormat="1" ht="11.1" customHeight="1" outlineLevel="2" x14ac:dyDescent="0.2">
      <c r="A1415" s="17"/>
      <c r="B1415" s="17"/>
      <c r="C1415" s="17"/>
      <c r="D1415" s="18"/>
      <c r="E1415" s="18"/>
      <c r="F1415" s="18"/>
      <c r="G1415" s="18"/>
      <c r="H1415" s="18"/>
      <c r="I1415" s="18"/>
      <c r="J1415" s="18"/>
      <c r="K1415" s="18"/>
      <c r="L1415" s="18"/>
      <c r="M1415" s="18"/>
      <c r="N1415" s="18"/>
      <c r="O1415" s="18"/>
      <c r="P1415" s="19"/>
      <c r="Q1415" s="19"/>
      <c r="R1415" s="19"/>
      <c r="S1415" s="19"/>
      <c r="T1415" s="19"/>
      <c r="U1415" s="19"/>
      <c r="V1415" s="19"/>
      <c r="W1415" s="19"/>
      <c r="X1415" s="19"/>
      <c r="Y1415" s="19"/>
      <c r="Z1415" s="19"/>
      <c r="AA1415" s="19"/>
    </row>
    <row r="1416" spans="1:27" s="1" customFormat="1" ht="11.1" customHeight="1" outlineLevel="2" x14ac:dyDescent="0.2">
      <c r="A1416" s="17">
        <v>12164</v>
      </c>
      <c r="B1416" s="17"/>
      <c r="C1416" s="17"/>
      <c r="D1416" s="18" t="s">
        <v>716</v>
      </c>
      <c r="E1416" s="18"/>
      <c r="F1416" s="18"/>
      <c r="G1416" s="18"/>
      <c r="H1416" s="18"/>
      <c r="I1416" s="18"/>
      <c r="J1416" s="18"/>
      <c r="K1416" s="18"/>
      <c r="L1416" s="18"/>
      <c r="M1416" s="18"/>
      <c r="N1416" s="18"/>
      <c r="O1416" s="18"/>
      <c r="P1416" s="19">
        <v>120</v>
      </c>
      <c r="Q1416" s="19"/>
      <c r="R1416" s="19"/>
      <c r="S1416" s="19"/>
      <c r="T1416" s="19">
        <v>80</v>
      </c>
      <c r="U1416" s="19"/>
      <c r="V1416" s="19"/>
      <c r="W1416" s="19"/>
      <c r="X1416" s="19">
        <v>2</v>
      </c>
      <c r="Y1416" s="19"/>
      <c r="Z1416" s="19"/>
      <c r="AA1416" s="19"/>
    </row>
    <row r="1417" spans="1:27" s="1" customFormat="1" ht="11.1" customHeight="1" outlineLevel="2" x14ac:dyDescent="0.2">
      <c r="A1417" s="17"/>
      <c r="B1417" s="17"/>
      <c r="C1417" s="17"/>
      <c r="D1417" s="18"/>
      <c r="E1417" s="18"/>
      <c r="F1417" s="18"/>
      <c r="G1417" s="18"/>
      <c r="H1417" s="18"/>
      <c r="I1417" s="18"/>
      <c r="J1417" s="18"/>
      <c r="K1417" s="18"/>
      <c r="L1417" s="18"/>
      <c r="M1417" s="18"/>
      <c r="N1417" s="18"/>
      <c r="O1417" s="18"/>
      <c r="P1417" s="19"/>
      <c r="Q1417" s="19"/>
      <c r="R1417" s="19"/>
      <c r="S1417" s="19"/>
      <c r="T1417" s="19"/>
      <c r="U1417" s="19"/>
      <c r="V1417" s="19"/>
      <c r="W1417" s="19"/>
      <c r="X1417" s="19"/>
      <c r="Y1417" s="19"/>
      <c r="Z1417" s="19"/>
      <c r="AA1417" s="19"/>
    </row>
    <row r="1418" spans="1:27" s="1" customFormat="1" ht="11.1" customHeight="1" outlineLevel="2" x14ac:dyDescent="0.2">
      <c r="A1418" s="17">
        <v>6460</v>
      </c>
      <c r="B1418" s="17"/>
      <c r="C1418" s="17"/>
      <c r="D1418" s="18" t="s">
        <v>717</v>
      </c>
      <c r="E1418" s="18"/>
      <c r="F1418" s="18"/>
      <c r="G1418" s="18"/>
      <c r="H1418" s="18"/>
      <c r="I1418" s="18"/>
      <c r="J1418" s="18"/>
      <c r="K1418" s="18"/>
      <c r="L1418" s="18"/>
      <c r="M1418" s="18"/>
      <c r="N1418" s="18"/>
      <c r="O1418" s="18"/>
      <c r="P1418" s="19">
        <v>470</v>
      </c>
      <c r="Q1418" s="19"/>
      <c r="R1418" s="19"/>
      <c r="S1418" s="19"/>
      <c r="T1418" s="19">
        <v>400</v>
      </c>
      <c r="U1418" s="19"/>
      <c r="V1418" s="19"/>
      <c r="W1418" s="19"/>
      <c r="X1418" s="19">
        <v>1</v>
      </c>
      <c r="Y1418" s="19"/>
      <c r="Z1418" s="19"/>
      <c r="AA1418" s="19"/>
    </row>
    <row r="1419" spans="1:27" s="1" customFormat="1" ht="11.1" customHeight="1" outlineLevel="2" x14ac:dyDescent="0.2">
      <c r="A1419" s="17"/>
      <c r="B1419" s="17"/>
      <c r="C1419" s="17"/>
      <c r="D1419" s="18"/>
      <c r="E1419" s="18"/>
      <c r="F1419" s="18"/>
      <c r="G1419" s="18"/>
      <c r="H1419" s="18"/>
      <c r="I1419" s="18"/>
      <c r="J1419" s="18"/>
      <c r="K1419" s="18"/>
      <c r="L1419" s="18"/>
      <c r="M1419" s="18"/>
      <c r="N1419" s="18"/>
      <c r="O1419" s="18"/>
      <c r="P1419" s="19"/>
      <c r="Q1419" s="19"/>
      <c r="R1419" s="19"/>
      <c r="S1419" s="19"/>
      <c r="T1419" s="19"/>
      <c r="U1419" s="19"/>
      <c r="V1419" s="19"/>
      <c r="W1419" s="19"/>
      <c r="X1419" s="19"/>
      <c r="Y1419" s="19"/>
      <c r="Z1419" s="19"/>
      <c r="AA1419" s="19"/>
    </row>
    <row r="1420" spans="1:27" s="1" customFormat="1" ht="11.1" customHeight="1" outlineLevel="2" x14ac:dyDescent="0.2">
      <c r="A1420" s="17">
        <v>10396</v>
      </c>
      <c r="B1420" s="17"/>
      <c r="C1420" s="17"/>
      <c r="D1420" s="18" t="s">
        <v>718</v>
      </c>
      <c r="E1420" s="18"/>
      <c r="F1420" s="18"/>
      <c r="G1420" s="18"/>
      <c r="H1420" s="18"/>
      <c r="I1420" s="18"/>
      <c r="J1420" s="18"/>
      <c r="K1420" s="18"/>
      <c r="L1420" s="18"/>
      <c r="M1420" s="18"/>
      <c r="N1420" s="18"/>
      <c r="O1420" s="18"/>
      <c r="P1420" s="19">
        <v>750</v>
      </c>
      <c r="Q1420" s="19"/>
      <c r="R1420" s="19"/>
      <c r="S1420" s="19"/>
      <c r="T1420" s="19">
        <v>530</v>
      </c>
      <c r="U1420" s="19"/>
      <c r="V1420" s="19"/>
      <c r="W1420" s="19"/>
      <c r="X1420" s="19">
        <v>2</v>
      </c>
      <c r="Y1420" s="19"/>
      <c r="Z1420" s="19"/>
      <c r="AA1420" s="19"/>
    </row>
    <row r="1421" spans="1:27" s="1" customFormat="1" ht="11.1" customHeight="1" outlineLevel="2" x14ac:dyDescent="0.2">
      <c r="A1421" s="17"/>
      <c r="B1421" s="17"/>
      <c r="C1421" s="17"/>
      <c r="D1421" s="18"/>
      <c r="E1421" s="18"/>
      <c r="F1421" s="18"/>
      <c r="G1421" s="18"/>
      <c r="H1421" s="18"/>
      <c r="I1421" s="18"/>
      <c r="J1421" s="18"/>
      <c r="K1421" s="18"/>
      <c r="L1421" s="18"/>
      <c r="M1421" s="18"/>
      <c r="N1421" s="18"/>
      <c r="O1421" s="18"/>
      <c r="P1421" s="19"/>
      <c r="Q1421" s="19"/>
      <c r="R1421" s="19"/>
      <c r="S1421" s="19"/>
      <c r="T1421" s="19"/>
      <c r="U1421" s="19"/>
      <c r="V1421" s="19"/>
      <c r="W1421" s="19"/>
      <c r="X1421" s="19"/>
      <c r="Y1421" s="19"/>
      <c r="Z1421" s="19"/>
      <c r="AA1421" s="19"/>
    </row>
    <row r="1422" spans="1:27" s="1" customFormat="1" ht="14.1" customHeight="1" outlineLevel="2" x14ac:dyDescent="0.2">
      <c r="A1422" s="17">
        <v>9359</v>
      </c>
      <c r="B1422" s="17"/>
      <c r="C1422" s="17"/>
      <c r="D1422" s="18" t="s">
        <v>719</v>
      </c>
      <c r="E1422" s="18"/>
      <c r="F1422" s="18"/>
      <c r="G1422" s="18"/>
      <c r="H1422" s="18"/>
      <c r="I1422" s="18"/>
      <c r="J1422" s="18"/>
      <c r="K1422" s="18"/>
      <c r="L1422" s="18"/>
      <c r="M1422" s="18"/>
      <c r="N1422" s="18"/>
      <c r="O1422" s="18"/>
      <c r="P1422" s="19">
        <v>500</v>
      </c>
      <c r="Q1422" s="19"/>
      <c r="R1422" s="19"/>
      <c r="S1422" s="19"/>
      <c r="T1422" s="19">
        <v>450</v>
      </c>
      <c r="U1422" s="19"/>
      <c r="V1422" s="19"/>
      <c r="W1422" s="19"/>
      <c r="X1422" s="19">
        <v>5</v>
      </c>
      <c r="Y1422" s="19"/>
      <c r="Z1422" s="19"/>
      <c r="AA1422" s="19"/>
    </row>
    <row r="1423" spans="1:27" s="1" customFormat="1" ht="14.1" customHeight="1" outlineLevel="2" x14ac:dyDescent="0.2">
      <c r="A1423" s="17"/>
      <c r="B1423" s="17"/>
      <c r="C1423" s="17"/>
      <c r="D1423" s="18"/>
      <c r="E1423" s="18"/>
      <c r="F1423" s="18"/>
      <c r="G1423" s="18"/>
      <c r="H1423" s="18"/>
      <c r="I1423" s="18"/>
      <c r="J1423" s="18"/>
      <c r="K1423" s="18"/>
      <c r="L1423" s="18"/>
      <c r="M1423" s="18"/>
      <c r="N1423" s="18"/>
      <c r="O1423" s="18"/>
      <c r="P1423" s="19"/>
      <c r="Q1423" s="19"/>
      <c r="R1423" s="19"/>
      <c r="S1423" s="19"/>
      <c r="T1423" s="19"/>
      <c r="U1423" s="19"/>
      <c r="V1423" s="19"/>
      <c r="W1423" s="19"/>
      <c r="X1423" s="19"/>
      <c r="Y1423" s="19"/>
      <c r="Z1423" s="19"/>
      <c r="AA1423" s="19"/>
    </row>
    <row r="1424" spans="1:27" s="1" customFormat="1" ht="11.1" customHeight="1" outlineLevel="2" x14ac:dyDescent="0.2">
      <c r="A1424" s="17">
        <v>12163</v>
      </c>
      <c r="B1424" s="17"/>
      <c r="C1424" s="17"/>
      <c r="D1424" s="18" t="s">
        <v>720</v>
      </c>
      <c r="E1424" s="18"/>
      <c r="F1424" s="18"/>
      <c r="G1424" s="18"/>
      <c r="H1424" s="18"/>
      <c r="I1424" s="18"/>
      <c r="J1424" s="18"/>
      <c r="K1424" s="18"/>
      <c r="L1424" s="18"/>
      <c r="M1424" s="18"/>
      <c r="N1424" s="18"/>
      <c r="O1424" s="18"/>
      <c r="P1424" s="19">
        <v>80</v>
      </c>
      <c r="Q1424" s="19"/>
      <c r="R1424" s="19"/>
      <c r="S1424" s="19"/>
      <c r="T1424" s="19">
        <v>50</v>
      </c>
      <c r="U1424" s="19"/>
      <c r="V1424" s="19"/>
      <c r="W1424" s="19"/>
      <c r="X1424" s="19">
        <v>2</v>
      </c>
      <c r="Y1424" s="19"/>
      <c r="Z1424" s="19"/>
      <c r="AA1424" s="19"/>
    </row>
    <row r="1425" spans="1:27" s="1" customFormat="1" ht="11.1" customHeight="1" outlineLevel="2" x14ac:dyDescent="0.2">
      <c r="A1425" s="17"/>
      <c r="B1425" s="17"/>
      <c r="C1425" s="17"/>
      <c r="D1425" s="18"/>
      <c r="E1425" s="18"/>
      <c r="F1425" s="18"/>
      <c r="G1425" s="18"/>
      <c r="H1425" s="18"/>
      <c r="I1425" s="18"/>
      <c r="J1425" s="18"/>
      <c r="K1425" s="18"/>
      <c r="L1425" s="18"/>
      <c r="M1425" s="18"/>
      <c r="N1425" s="18"/>
      <c r="O1425" s="18"/>
      <c r="P1425" s="19"/>
      <c r="Q1425" s="19"/>
      <c r="R1425" s="19"/>
      <c r="S1425" s="19"/>
      <c r="T1425" s="19"/>
      <c r="U1425" s="19"/>
      <c r="V1425" s="19"/>
      <c r="W1425" s="19"/>
      <c r="X1425" s="19"/>
      <c r="Y1425" s="19"/>
      <c r="Z1425" s="19"/>
      <c r="AA1425" s="19"/>
    </row>
    <row r="1426" spans="1:27" s="1" customFormat="1" ht="11.1" customHeight="1" outlineLevel="2" x14ac:dyDescent="0.2">
      <c r="A1426" s="17">
        <v>9734</v>
      </c>
      <c r="B1426" s="17"/>
      <c r="C1426" s="17"/>
      <c r="D1426" s="18" t="s">
        <v>721</v>
      </c>
      <c r="E1426" s="18"/>
      <c r="F1426" s="18"/>
      <c r="G1426" s="18"/>
      <c r="H1426" s="18"/>
      <c r="I1426" s="18"/>
      <c r="J1426" s="18"/>
      <c r="K1426" s="18"/>
      <c r="L1426" s="18"/>
      <c r="M1426" s="18"/>
      <c r="N1426" s="18"/>
      <c r="O1426" s="18"/>
      <c r="P1426" s="19">
        <v>45</v>
      </c>
      <c r="Q1426" s="19"/>
      <c r="R1426" s="19"/>
      <c r="S1426" s="19"/>
      <c r="T1426" s="19">
        <v>25</v>
      </c>
      <c r="U1426" s="19"/>
      <c r="V1426" s="19"/>
      <c r="W1426" s="19"/>
      <c r="X1426" s="19">
        <v>7</v>
      </c>
      <c r="Y1426" s="19"/>
      <c r="Z1426" s="19"/>
      <c r="AA1426" s="19"/>
    </row>
    <row r="1427" spans="1:27" s="1" customFormat="1" ht="11.1" customHeight="1" outlineLevel="2" x14ac:dyDescent="0.2">
      <c r="A1427" s="17"/>
      <c r="B1427" s="17"/>
      <c r="C1427" s="17"/>
      <c r="D1427" s="18"/>
      <c r="E1427" s="18"/>
      <c r="F1427" s="18"/>
      <c r="G1427" s="18"/>
      <c r="H1427" s="18"/>
      <c r="I1427" s="18"/>
      <c r="J1427" s="18"/>
      <c r="K1427" s="18"/>
      <c r="L1427" s="18"/>
      <c r="M1427" s="18"/>
      <c r="N1427" s="18"/>
      <c r="O1427" s="18"/>
      <c r="P1427" s="19"/>
      <c r="Q1427" s="19"/>
      <c r="R1427" s="19"/>
      <c r="S1427" s="19"/>
      <c r="T1427" s="19"/>
      <c r="U1427" s="19"/>
      <c r="V1427" s="19"/>
      <c r="W1427" s="19"/>
      <c r="X1427" s="19"/>
      <c r="Y1427" s="19"/>
      <c r="Z1427" s="19"/>
      <c r="AA1427" s="19"/>
    </row>
    <row r="1428" spans="1:27" s="1" customFormat="1" ht="14.1" customHeight="1" outlineLevel="2" x14ac:dyDescent="0.2">
      <c r="A1428" s="17">
        <v>5899</v>
      </c>
      <c r="B1428" s="17"/>
      <c r="C1428" s="17"/>
      <c r="D1428" s="18" t="s">
        <v>722</v>
      </c>
      <c r="E1428" s="18"/>
      <c r="F1428" s="18"/>
      <c r="G1428" s="18"/>
      <c r="H1428" s="18"/>
      <c r="I1428" s="18"/>
      <c r="J1428" s="18"/>
      <c r="K1428" s="18"/>
      <c r="L1428" s="18"/>
      <c r="M1428" s="18"/>
      <c r="N1428" s="18"/>
      <c r="O1428" s="18"/>
      <c r="P1428" s="20">
        <v>1290</v>
      </c>
      <c r="Q1428" s="20"/>
      <c r="R1428" s="20"/>
      <c r="S1428" s="20"/>
      <c r="T1428" s="20">
        <v>1150</v>
      </c>
      <c r="U1428" s="20"/>
      <c r="V1428" s="20"/>
      <c r="W1428" s="20"/>
      <c r="X1428" s="19">
        <v>1</v>
      </c>
      <c r="Y1428" s="19"/>
      <c r="Z1428" s="19"/>
      <c r="AA1428" s="19"/>
    </row>
    <row r="1429" spans="1:27" s="1" customFormat="1" ht="14.1" customHeight="1" outlineLevel="2" x14ac:dyDescent="0.2">
      <c r="A1429" s="17"/>
      <c r="B1429" s="17"/>
      <c r="C1429" s="17"/>
      <c r="D1429" s="18"/>
      <c r="E1429" s="18"/>
      <c r="F1429" s="18"/>
      <c r="G1429" s="18"/>
      <c r="H1429" s="18"/>
      <c r="I1429" s="18"/>
      <c r="J1429" s="18"/>
      <c r="K1429" s="18"/>
      <c r="L1429" s="18"/>
      <c r="M1429" s="18"/>
      <c r="N1429" s="18"/>
      <c r="O1429" s="18"/>
      <c r="P1429" s="20"/>
      <c r="Q1429" s="20"/>
      <c r="R1429" s="20"/>
      <c r="S1429" s="20"/>
      <c r="T1429" s="20"/>
      <c r="U1429" s="20"/>
      <c r="V1429" s="20"/>
      <c r="W1429" s="20"/>
      <c r="X1429" s="19"/>
      <c r="Y1429" s="19"/>
      <c r="Z1429" s="19"/>
      <c r="AA1429" s="19"/>
    </row>
    <row r="1430" spans="1:27" s="1" customFormat="1" ht="14.1" customHeight="1" outlineLevel="2" x14ac:dyDescent="0.2">
      <c r="A1430" s="17">
        <v>9510</v>
      </c>
      <c r="B1430" s="17"/>
      <c r="C1430" s="17"/>
      <c r="D1430" s="18" t="s">
        <v>723</v>
      </c>
      <c r="E1430" s="18"/>
      <c r="F1430" s="18"/>
      <c r="G1430" s="18"/>
      <c r="H1430" s="18"/>
      <c r="I1430" s="18"/>
      <c r="J1430" s="18"/>
      <c r="K1430" s="18"/>
      <c r="L1430" s="18"/>
      <c r="M1430" s="18"/>
      <c r="N1430" s="18"/>
      <c r="O1430" s="18"/>
      <c r="P1430" s="20">
        <v>1100</v>
      </c>
      <c r="Q1430" s="20"/>
      <c r="R1430" s="20"/>
      <c r="S1430" s="20"/>
      <c r="T1430" s="19">
        <v>990</v>
      </c>
      <c r="U1430" s="19"/>
      <c r="V1430" s="19"/>
      <c r="W1430" s="19"/>
      <c r="X1430" s="19">
        <v>2</v>
      </c>
      <c r="Y1430" s="19"/>
      <c r="Z1430" s="19"/>
      <c r="AA1430" s="19"/>
    </row>
    <row r="1431" spans="1:27" s="1" customFormat="1" ht="14.1" customHeight="1" outlineLevel="2" x14ac:dyDescent="0.2">
      <c r="A1431" s="17"/>
      <c r="B1431" s="17"/>
      <c r="C1431" s="17"/>
      <c r="D1431" s="18"/>
      <c r="E1431" s="18"/>
      <c r="F1431" s="18"/>
      <c r="G1431" s="18"/>
      <c r="H1431" s="18"/>
      <c r="I1431" s="18"/>
      <c r="J1431" s="18"/>
      <c r="K1431" s="18"/>
      <c r="L1431" s="18"/>
      <c r="M1431" s="18"/>
      <c r="N1431" s="18"/>
      <c r="O1431" s="18"/>
      <c r="P1431" s="20"/>
      <c r="Q1431" s="20"/>
      <c r="R1431" s="20"/>
      <c r="S1431" s="20"/>
      <c r="T1431" s="19"/>
      <c r="U1431" s="19"/>
      <c r="V1431" s="19"/>
      <c r="W1431" s="19"/>
      <c r="X1431" s="19"/>
      <c r="Y1431" s="19"/>
      <c r="Z1431" s="19"/>
      <c r="AA1431" s="19"/>
    </row>
    <row r="1432" spans="1:27" s="1" customFormat="1" ht="14.1" customHeight="1" outlineLevel="2" x14ac:dyDescent="0.2">
      <c r="A1432" s="17">
        <v>14672</v>
      </c>
      <c r="B1432" s="17"/>
      <c r="C1432" s="17"/>
      <c r="D1432" s="18" t="s">
        <v>724</v>
      </c>
      <c r="E1432" s="18"/>
      <c r="F1432" s="18"/>
      <c r="G1432" s="18"/>
      <c r="H1432" s="18"/>
      <c r="I1432" s="18"/>
      <c r="J1432" s="18"/>
      <c r="K1432" s="18"/>
      <c r="L1432" s="18"/>
      <c r="M1432" s="18"/>
      <c r="N1432" s="18"/>
      <c r="O1432" s="18"/>
      <c r="P1432" s="19">
        <v>990</v>
      </c>
      <c r="Q1432" s="19"/>
      <c r="R1432" s="19"/>
      <c r="S1432" s="19"/>
      <c r="T1432" s="19">
        <v>900</v>
      </c>
      <c r="U1432" s="19"/>
      <c r="V1432" s="19"/>
      <c r="W1432" s="19"/>
      <c r="X1432" s="19">
        <v>1</v>
      </c>
      <c r="Y1432" s="19"/>
      <c r="Z1432" s="19"/>
      <c r="AA1432" s="19"/>
    </row>
    <row r="1433" spans="1:27" s="1" customFormat="1" ht="14.1" customHeight="1" outlineLevel="2" x14ac:dyDescent="0.2">
      <c r="A1433" s="17"/>
      <c r="B1433" s="17"/>
      <c r="C1433" s="17"/>
      <c r="D1433" s="18"/>
      <c r="E1433" s="18"/>
      <c r="F1433" s="18"/>
      <c r="G1433" s="18"/>
      <c r="H1433" s="18"/>
      <c r="I1433" s="18"/>
      <c r="J1433" s="18"/>
      <c r="K1433" s="18"/>
      <c r="L1433" s="18"/>
      <c r="M1433" s="18"/>
      <c r="N1433" s="18"/>
      <c r="O1433" s="18"/>
      <c r="P1433" s="19"/>
      <c r="Q1433" s="19"/>
      <c r="R1433" s="19"/>
      <c r="S1433" s="19"/>
      <c r="T1433" s="19"/>
      <c r="U1433" s="19"/>
      <c r="V1433" s="19"/>
      <c r="W1433" s="19"/>
      <c r="X1433" s="19"/>
      <c r="Y1433" s="19"/>
      <c r="Z1433" s="19"/>
      <c r="AA1433" s="19"/>
    </row>
    <row r="1434" spans="1:27" s="1" customFormat="1" ht="11.1" customHeight="1" outlineLevel="2" x14ac:dyDescent="0.2">
      <c r="A1434" s="17">
        <v>9996</v>
      </c>
      <c r="B1434" s="17"/>
      <c r="C1434" s="17"/>
      <c r="D1434" s="18" t="s">
        <v>725</v>
      </c>
      <c r="E1434" s="18"/>
      <c r="F1434" s="18"/>
      <c r="G1434" s="18"/>
      <c r="H1434" s="18"/>
      <c r="I1434" s="18"/>
      <c r="J1434" s="18"/>
      <c r="K1434" s="18"/>
      <c r="L1434" s="18"/>
      <c r="M1434" s="18"/>
      <c r="N1434" s="18"/>
      <c r="O1434" s="18"/>
      <c r="P1434" s="19">
        <v>770</v>
      </c>
      <c r="Q1434" s="19"/>
      <c r="R1434" s="19"/>
      <c r="S1434" s="19"/>
      <c r="T1434" s="19">
        <v>720</v>
      </c>
      <c r="U1434" s="19"/>
      <c r="V1434" s="19"/>
      <c r="W1434" s="19"/>
      <c r="X1434" s="19">
        <v>1</v>
      </c>
      <c r="Y1434" s="19"/>
      <c r="Z1434" s="19"/>
      <c r="AA1434" s="19"/>
    </row>
    <row r="1435" spans="1:27" s="1" customFormat="1" ht="11.1" customHeight="1" outlineLevel="2" x14ac:dyDescent="0.2">
      <c r="A1435" s="17"/>
      <c r="B1435" s="17"/>
      <c r="C1435" s="17"/>
      <c r="D1435" s="18"/>
      <c r="E1435" s="18"/>
      <c r="F1435" s="18"/>
      <c r="G1435" s="18"/>
      <c r="H1435" s="18"/>
      <c r="I1435" s="18"/>
      <c r="J1435" s="18"/>
      <c r="K1435" s="18"/>
      <c r="L1435" s="18"/>
      <c r="M1435" s="18"/>
      <c r="N1435" s="18"/>
      <c r="O1435" s="18"/>
      <c r="P1435" s="19"/>
      <c r="Q1435" s="19"/>
      <c r="R1435" s="19"/>
      <c r="S1435" s="19"/>
      <c r="T1435" s="19"/>
      <c r="U1435" s="19"/>
      <c r="V1435" s="19"/>
      <c r="W1435" s="19"/>
      <c r="X1435" s="19"/>
      <c r="Y1435" s="19"/>
      <c r="Z1435" s="19"/>
      <c r="AA1435" s="19"/>
    </row>
    <row r="1436" spans="1:27" s="1" customFormat="1" ht="14.1" customHeight="1" outlineLevel="2" x14ac:dyDescent="0.2">
      <c r="A1436" s="17">
        <v>12162</v>
      </c>
      <c r="B1436" s="17"/>
      <c r="C1436" s="17"/>
      <c r="D1436" s="18" t="s">
        <v>726</v>
      </c>
      <c r="E1436" s="18"/>
      <c r="F1436" s="18"/>
      <c r="G1436" s="18"/>
      <c r="H1436" s="18"/>
      <c r="I1436" s="18"/>
      <c r="J1436" s="18"/>
      <c r="K1436" s="18"/>
      <c r="L1436" s="18"/>
      <c r="M1436" s="18"/>
      <c r="N1436" s="18"/>
      <c r="O1436" s="18"/>
      <c r="P1436" s="19">
        <v>850</v>
      </c>
      <c r="Q1436" s="19"/>
      <c r="R1436" s="19"/>
      <c r="S1436" s="19"/>
      <c r="T1436" s="19">
        <v>750</v>
      </c>
      <c r="U1436" s="19"/>
      <c r="V1436" s="19"/>
      <c r="W1436" s="19"/>
      <c r="X1436" s="19">
        <v>1</v>
      </c>
      <c r="Y1436" s="19"/>
      <c r="Z1436" s="19"/>
      <c r="AA1436" s="19"/>
    </row>
    <row r="1437" spans="1:27" s="1" customFormat="1" ht="14.1" customHeight="1" outlineLevel="2" x14ac:dyDescent="0.2">
      <c r="A1437" s="17"/>
      <c r="B1437" s="17"/>
      <c r="C1437" s="17"/>
      <c r="D1437" s="18"/>
      <c r="E1437" s="18"/>
      <c r="F1437" s="18"/>
      <c r="G1437" s="18"/>
      <c r="H1437" s="18"/>
      <c r="I1437" s="18"/>
      <c r="J1437" s="18"/>
      <c r="K1437" s="18"/>
      <c r="L1437" s="18"/>
      <c r="M1437" s="18"/>
      <c r="N1437" s="18"/>
      <c r="O1437" s="18"/>
      <c r="P1437" s="19"/>
      <c r="Q1437" s="19"/>
      <c r="R1437" s="19"/>
      <c r="S1437" s="19"/>
      <c r="T1437" s="19"/>
      <c r="U1437" s="19"/>
      <c r="V1437" s="19"/>
      <c r="W1437" s="19"/>
      <c r="X1437" s="19"/>
      <c r="Y1437" s="19"/>
      <c r="Z1437" s="19"/>
      <c r="AA1437" s="19"/>
    </row>
    <row r="1438" spans="1:27" s="1" customFormat="1" ht="14.1" customHeight="1" outlineLevel="2" x14ac:dyDescent="0.2">
      <c r="A1438" s="17">
        <v>9999</v>
      </c>
      <c r="B1438" s="17"/>
      <c r="C1438" s="17"/>
      <c r="D1438" s="18" t="s">
        <v>727</v>
      </c>
      <c r="E1438" s="18"/>
      <c r="F1438" s="18"/>
      <c r="G1438" s="18"/>
      <c r="H1438" s="18"/>
      <c r="I1438" s="18"/>
      <c r="J1438" s="18"/>
      <c r="K1438" s="18"/>
      <c r="L1438" s="18"/>
      <c r="M1438" s="18"/>
      <c r="N1438" s="18"/>
      <c r="O1438" s="18"/>
      <c r="P1438" s="19">
        <v>820</v>
      </c>
      <c r="Q1438" s="19"/>
      <c r="R1438" s="19"/>
      <c r="S1438" s="19"/>
      <c r="T1438" s="19">
        <v>760</v>
      </c>
      <c r="U1438" s="19"/>
      <c r="V1438" s="19"/>
      <c r="W1438" s="19"/>
      <c r="X1438" s="19">
        <v>1</v>
      </c>
      <c r="Y1438" s="19"/>
      <c r="Z1438" s="19"/>
      <c r="AA1438" s="19"/>
    </row>
    <row r="1439" spans="1:27" s="1" customFormat="1" ht="14.1" customHeight="1" outlineLevel="2" x14ac:dyDescent="0.2">
      <c r="A1439" s="17"/>
      <c r="B1439" s="17"/>
      <c r="C1439" s="17"/>
      <c r="D1439" s="18"/>
      <c r="E1439" s="18"/>
      <c r="F1439" s="18"/>
      <c r="G1439" s="18"/>
      <c r="H1439" s="18"/>
      <c r="I1439" s="18"/>
      <c r="J1439" s="18"/>
      <c r="K1439" s="18"/>
      <c r="L1439" s="18"/>
      <c r="M1439" s="18"/>
      <c r="N1439" s="18"/>
      <c r="O1439" s="18"/>
      <c r="P1439" s="19"/>
      <c r="Q1439" s="19"/>
      <c r="R1439" s="19"/>
      <c r="S1439" s="19"/>
      <c r="T1439" s="19"/>
      <c r="U1439" s="19"/>
      <c r="V1439" s="19"/>
      <c r="W1439" s="19"/>
      <c r="X1439" s="19"/>
      <c r="Y1439" s="19"/>
      <c r="Z1439" s="19"/>
      <c r="AA1439" s="19"/>
    </row>
    <row r="1440" spans="1:27" s="1" customFormat="1" ht="14.1" customHeight="1" outlineLevel="2" x14ac:dyDescent="0.2">
      <c r="A1440" s="17">
        <v>10001</v>
      </c>
      <c r="B1440" s="17"/>
      <c r="C1440" s="17"/>
      <c r="D1440" s="18" t="s">
        <v>728</v>
      </c>
      <c r="E1440" s="18"/>
      <c r="F1440" s="18"/>
      <c r="G1440" s="18"/>
      <c r="H1440" s="18"/>
      <c r="I1440" s="18"/>
      <c r="J1440" s="18"/>
      <c r="K1440" s="18"/>
      <c r="L1440" s="18"/>
      <c r="M1440" s="18"/>
      <c r="N1440" s="18"/>
      <c r="O1440" s="18"/>
      <c r="P1440" s="19">
        <v>820</v>
      </c>
      <c r="Q1440" s="19"/>
      <c r="R1440" s="19"/>
      <c r="S1440" s="19"/>
      <c r="T1440" s="19">
        <v>760</v>
      </c>
      <c r="U1440" s="19"/>
      <c r="V1440" s="19"/>
      <c r="W1440" s="19"/>
      <c r="X1440" s="19">
        <v>1</v>
      </c>
      <c r="Y1440" s="19"/>
      <c r="Z1440" s="19"/>
      <c r="AA1440" s="19"/>
    </row>
    <row r="1441" spans="1:27" s="1" customFormat="1" ht="14.1" customHeight="1" outlineLevel="2" x14ac:dyDescent="0.2">
      <c r="A1441" s="17"/>
      <c r="B1441" s="17"/>
      <c r="C1441" s="17"/>
      <c r="D1441" s="18"/>
      <c r="E1441" s="18"/>
      <c r="F1441" s="18"/>
      <c r="G1441" s="18"/>
      <c r="H1441" s="18"/>
      <c r="I1441" s="18"/>
      <c r="J1441" s="18"/>
      <c r="K1441" s="18"/>
      <c r="L1441" s="18"/>
      <c r="M1441" s="18"/>
      <c r="N1441" s="18"/>
      <c r="O1441" s="18"/>
      <c r="P1441" s="19"/>
      <c r="Q1441" s="19"/>
      <c r="R1441" s="19"/>
      <c r="S1441" s="19"/>
      <c r="T1441" s="19"/>
      <c r="U1441" s="19"/>
      <c r="V1441" s="19"/>
      <c r="W1441" s="19"/>
      <c r="X1441" s="19"/>
      <c r="Y1441" s="19"/>
      <c r="Z1441" s="19"/>
      <c r="AA1441" s="19"/>
    </row>
    <row r="1442" spans="1:27" s="1" customFormat="1" ht="14.1" customHeight="1" outlineLevel="2" x14ac:dyDescent="0.2">
      <c r="A1442" s="17">
        <v>10002</v>
      </c>
      <c r="B1442" s="17"/>
      <c r="C1442" s="17"/>
      <c r="D1442" s="18" t="s">
        <v>729</v>
      </c>
      <c r="E1442" s="18"/>
      <c r="F1442" s="18"/>
      <c r="G1442" s="18"/>
      <c r="H1442" s="18"/>
      <c r="I1442" s="18"/>
      <c r="J1442" s="18"/>
      <c r="K1442" s="18"/>
      <c r="L1442" s="18"/>
      <c r="M1442" s="18"/>
      <c r="N1442" s="18"/>
      <c r="O1442" s="18"/>
      <c r="P1442" s="19">
        <v>820</v>
      </c>
      <c r="Q1442" s="19"/>
      <c r="R1442" s="19"/>
      <c r="S1442" s="19"/>
      <c r="T1442" s="19">
        <v>760</v>
      </c>
      <c r="U1442" s="19"/>
      <c r="V1442" s="19"/>
      <c r="W1442" s="19"/>
      <c r="X1442" s="19">
        <v>1</v>
      </c>
      <c r="Y1442" s="19"/>
      <c r="Z1442" s="19"/>
      <c r="AA1442" s="19"/>
    </row>
    <row r="1443" spans="1:27" s="1" customFormat="1" ht="14.1" customHeight="1" outlineLevel="2" x14ac:dyDescent="0.2">
      <c r="A1443" s="17"/>
      <c r="B1443" s="17"/>
      <c r="C1443" s="17"/>
      <c r="D1443" s="18"/>
      <c r="E1443" s="18"/>
      <c r="F1443" s="18"/>
      <c r="G1443" s="18"/>
      <c r="H1443" s="18"/>
      <c r="I1443" s="18"/>
      <c r="J1443" s="18"/>
      <c r="K1443" s="18"/>
      <c r="L1443" s="18"/>
      <c r="M1443" s="18"/>
      <c r="N1443" s="18"/>
      <c r="O1443" s="18"/>
      <c r="P1443" s="19"/>
      <c r="Q1443" s="19"/>
      <c r="R1443" s="19"/>
      <c r="S1443" s="19"/>
      <c r="T1443" s="19"/>
      <c r="U1443" s="19"/>
      <c r="V1443" s="19"/>
      <c r="W1443" s="19"/>
      <c r="X1443" s="19"/>
      <c r="Y1443" s="19"/>
      <c r="Z1443" s="19"/>
      <c r="AA1443" s="19"/>
    </row>
    <row r="1444" spans="1:27" s="1" customFormat="1" ht="14.1" customHeight="1" outlineLevel="2" x14ac:dyDescent="0.2">
      <c r="A1444" s="17">
        <v>10003</v>
      </c>
      <c r="B1444" s="17"/>
      <c r="C1444" s="17"/>
      <c r="D1444" s="18" t="s">
        <v>730</v>
      </c>
      <c r="E1444" s="18"/>
      <c r="F1444" s="18"/>
      <c r="G1444" s="18"/>
      <c r="H1444" s="18"/>
      <c r="I1444" s="18"/>
      <c r="J1444" s="18"/>
      <c r="K1444" s="18"/>
      <c r="L1444" s="18"/>
      <c r="M1444" s="18"/>
      <c r="N1444" s="18"/>
      <c r="O1444" s="18"/>
      <c r="P1444" s="19">
        <v>820</v>
      </c>
      <c r="Q1444" s="19"/>
      <c r="R1444" s="19"/>
      <c r="S1444" s="19"/>
      <c r="T1444" s="19">
        <v>760</v>
      </c>
      <c r="U1444" s="19"/>
      <c r="V1444" s="19"/>
      <c r="W1444" s="19"/>
      <c r="X1444" s="19">
        <v>1</v>
      </c>
      <c r="Y1444" s="19"/>
      <c r="Z1444" s="19"/>
      <c r="AA1444" s="19"/>
    </row>
    <row r="1445" spans="1:27" s="1" customFormat="1" ht="14.1" customHeight="1" outlineLevel="2" x14ac:dyDescent="0.2">
      <c r="A1445" s="17"/>
      <c r="B1445" s="17"/>
      <c r="C1445" s="17"/>
      <c r="D1445" s="18"/>
      <c r="E1445" s="18"/>
      <c r="F1445" s="18"/>
      <c r="G1445" s="18"/>
      <c r="H1445" s="18"/>
      <c r="I1445" s="18"/>
      <c r="J1445" s="18"/>
      <c r="K1445" s="18"/>
      <c r="L1445" s="18"/>
      <c r="M1445" s="18"/>
      <c r="N1445" s="18"/>
      <c r="O1445" s="18"/>
      <c r="P1445" s="19"/>
      <c r="Q1445" s="19"/>
      <c r="R1445" s="19"/>
      <c r="S1445" s="19"/>
      <c r="T1445" s="19"/>
      <c r="U1445" s="19"/>
      <c r="V1445" s="19"/>
      <c r="W1445" s="19"/>
      <c r="X1445" s="19"/>
      <c r="Y1445" s="19"/>
      <c r="Z1445" s="19"/>
      <c r="AA1445" s="19"/>
    </row>
    <row r="1446" spans="1:27" s="1" customFormat="1" ht="14.1" customHeight="1" outlineLevel="2" x14ac:dyDescent="0.2">
      <c r="A1446" s="17">
        <v>11297</v>
      </c>
      <c r="B1446" s="17"/>
      <c r="C1446" s="17"/>
      <c r="D1446" s="18" t="s">
        <v>731</v>
      </c>
      <c r="E1446" s="18"/>
      <c r="F1446" s="18"/>
      <c r="G1446" s="18"/>
      <c r="H1446" s="18"/>
      <c r="I1446" s="18"/>
      <c r="J1446" s="18"/>
      <c r="K1446" s="18"/>
      <c r="L1446" s="18"/>
      <c r="M1446" s="18"/>
      <c r="N1446" s="18"/>
      <c r="O1446" s="18"/>
      <c r="P1446" s="19">
        <v>150</v>
      </c>
      <c r="Q1446" s="19"/>
      <c r="R1446" s="19"/>
      <c r="S1446" s="19"/>
      <c r="T1446" s="19">
        <v>120</v>
      </c>
      <c r="U1446" s="19"/>
      <c r="V1446" s="19"/>
      <c r="W1446" s="19"/>
      <c r="X1446" s="19">
        <v>2</v>
      </c>
      <c r="Y1446" s="19"/>
      <c r="Z1446" s="19"/>
      <c r="AA1446" s="19"/>
    </row>
    <row r="1447" spans="1:27" s="1" customFormat="1" ht="14.1" customHeight="1" outlineLevel="2" x14ac:dyDescent="0.2">
      <c r="A1447" s="17"/>
      <c r="B1447" s="17"/>
      <c r="C1447" s="17"/>
      <c r="D1447" s="18"/>
      <c r="E1447" s="18"/>
      <c r="F1447" s="18"/>
      <c r="G1447" s="18"/>
      <c r="H1447" s="18"/>
      <c r="I1447" s="18"/>
      <c r="J1447" s="18"/>
      <c r="K1447" s="18"/>
      <c r="L1447" s="18"/>
      <c r="M1447" s="18"/>
      <c r="N1447" s="18"/>
      <c r="O1447" s="18"/>
      <c r="P1447" s="19"/>
      <c r="Q1447" s="19"/>
      <c r="R1447" s="19"/>
      <c r="S1447" s="19"/>
      <c r="T1447" s="19"/>
      <c r="U1447" s="19"/>
      <c r="V1447" s="19"/>
      <c r="W1447" s="19"/>
      <c r="X1447" s="19"/>
      <c r="Y1447" s="19"/>
      <c r="Z1447" s="19"/>
      <c r="AA1447" s="19"/>
    </row>
    <row r="1448" spans="1:27" s="1" customFormat="1" ht="11.1" customHeight="1" outlineLevel="2" x14ac:dyDescent="0.2">
      <c r="A1448" s="17">
        <v>9791</v>
      </c>
      <c r="B1448" s="17"/>
      <c r="C1448" s="17"/>
      <c r="D1448" s="18" t="s">
        <v>732</v>
      </c>
      <c r="E1448" s="18"/>
      <c r="F1448" s="18"/>
      <c r="G1448" s="18"/>
      <c r="H1448" s="18"/>
      <c r="I1448" s="18"/>
      <c r="J1448" s="18"/>
      <c r="K1448" s="18"/>
      <c r="L1448" s="18"/>
      <c r="M1448" s="18"/>
      <c r="N1448" s="18"/>
      <c r="O1448" s="18"/>
      <c r="P1448" s="19">
        <v>310</v>
      </c>
      <c r="Q1448" s="19"/>
      <c r="R1448" s="19"/>
      <c r="S1448" s="19"/>
      <c r="T1448" s="19">
        <v>270</v>
      </c>
      <c r="U1448" s="19"/>
      <c r="V1448" s="19"/>
      <c r="W1448" s="19"/>
      <c r="X1448" s="19">
        <v>2</v>
      </c>
      <c r="Y1448" s="19"/>
      <c r="Z1448" s="19"/>
      <c r="AA1448" s="19"/>
    </row>
    <row r="1449" spans="1:27" s="1" customFormat="1" ht="11.1" customHeight="1" outlineLevel="2" x14ac:dyDescent="0.2">
      <c r="A1449" s="17"/>
      <c r="B1449" s="17"/>
      <c r="C1449" s="17"/>
      <c r="D1449" s="18"/>
      <c r="E1449" s="18"/>
      <c r="F1449" s="18"/>
      <c r="G1449" s="18"/>
      <c r="H1449" s="18"/>
      <c r="I1449" s="18"/>
      <c r="J1449" s="18"/>
      <c r="K1449" s="18"/>
      <c r="L1449" s="18"/>
      <c r="M1449" s="18"/>
      <c r="N1449" s="18"/>
      <c r="O1449" s="18"/>
      <c r="P1449" s="19"/>
      <c r="Q1449" s="19"/>
      <c r="R1449" s="19"/>
      <c r="S1449" s="19"/>
      <c r="T1449" s="19"/>
      <c r="U1449" s="19"/>
      <c r="V1449" s="19"/>
      <c r="W1449" s="19"/>
      <c r="X1449" s="19"/>
      <c r="Y1449" s="19"/>
      <c r="Z1449" s="19"/>
      <c r="AA1449" s="19"/>
    </row>
    <row r="1450" spans="1:27" s="1" customFormat="1" ht="11.1" customHeight="1" outlineLevel="2" x14ac:dyDescent="0.2">
      <c r="A1450" s="17">
        <v>9792</v>
      </c>
      <c r="B1450" s="17"/>
      <c r="C1450" s="17"/>
      <c r="D1450" s="18" t="s">
        <v>733</v>
      </c>
      <c r="E1450" s="18"/>
      <c r="F1450" s="18"/>
      <c r="G1450" s="18"/>
      <c r="H1450" s="18"/>
      <c r="I1450" s="18"/>
      <c r="J1450" s="18"/>
      <c r="K1450" s="18"/>
      <c r="L1450" s="18"/>
      <c r="M1450" s="18"/>
      <c r="N1450" s="18"/>
      <c r="O1450" s="18"/>
      <c r="P1450" s="19">
        <v>410</v>
      </c>
      <c r="Q1450" s="19"/>
      <c r="R1450" s="19"/>
      <c r="S1450" s="19"/>
      <c r="T1450" s="19">
        <v>350</v>
      </c>
      <c r="U1450" s="19"/>
      <c r="V1450" s="19"/>
      <c r="W1450" s="19"/>
      <c r="X1450" s="19">
        <v>10</v>
      </c>
      <c r="Y1450" s="19"/>
      <c r="Z1450" s="19"/>
      <c r="AA1450" s="19"/>
    </row>
    <row r="1451" spans="1:27" s="1" customFormat="1" ht="11.1" customHeight="1" outlineLevel="2" x14ac:dyDescent="0.2">
      <c r="A1451" s="17"/>
      <c r="B1451" s="17"/>
      <c r="C1451" s="17"/>
      <c r="D1451" s="18"/>
      <c r="E1451" s="18"/>
      <c r="F1451" s="18"/>
      <c r="G1451" s="18"/>
      <c r="H1451" s="18"/>
      <c r="I1451" s="18"/>
      <c r="J1451" s="18"/>
      <c r="K1451" s="18"/>
      <c r="L1451" s="18"/>
      <c r="M1451" s="18"/>
      <c r="N1451" s="18"/>
      <c r="O1451" s="18"/>
      <c r="P1451" s="19"/>
      <c r="Q1451" s="19"/>
      <c r="R1451" s="19"/>
      <c r="S1451" s="19"/>
      <c r="T1451" s="19"/>
      <c r="U1451" s="19"/>
      <c r="V1451" s="19"/>
      <c r="W1451" s="19"/>
      <c r="X1451" s="19"/>
      <c r="Y1451" s="19"/>
      <c r="Z1451" s="19"/>
      <c r="AA1451" s="19"/>
    </row>
    <row r="1452" spans="1:27" s="1" customFormat="1" ht="11.1" customHeight="1" outlineLevel="2" x14ac:dyDescent="0.2">
      <c r="A1452" s="17">
        <v>10652</v>
      </c>
      <c r="B1452" s="17"/>
      <c r="C1452" s="17"/>
      <c r="D1452" s="18" t="s">
        <v>734</v>
      </c>
      <c r="E1452" s="18"/>
      <c r="F1452" s="18"/>
      <c r="G1452" s="18"/>
      <c r="H1452" s="18"/>
      <c r="I1452" s="18"/>
      <c r="J1452" s="18"/>
      <c r="K1452" s="18"/>
      <c r="L1452" s="18"/>
      <c r="M1452" s="18"/>
      <c r="N1452" s="18"/>
      <c r="O1452" s="18"/>
      <c r="P1452" s="19">
        <v>210</v>
      </c>
      <c r="Q1452" s="19"/>
      <c r="R1452" s="19"/>
      <c r="S1452" s="19"/>
      <c r="T1452" s="19">
        <v>175</v>
      </c>
      <c r="U1452" s="19"/>
      <c r="V1452" s="19"/>
      <c r="W1452" s="19"/>
      <c r="X1452" s="19">
        <v>19</v>
      </c>
      <c r="Y1452" s="19"/>
      <c r="Z1452" s="19"/>
      <c r="AA1452" s="19"/>
    </row>
    <row r="1453" spans="1:27" s="1" customFormat="1" ht="11.1" customHeight="1" outlineLevel="2" x14ac:dyDescent="0.2">
      <c r="A1453" s="17"/>
      <c r="B1453" s="17"/>
      <c r="C1453" s="17"/>
      <c r="D1453" s="18"/>
      <c r="E1453" s="18"/>
      <c r="F1453" s="18"/>
      <c r="G1453" s="18"/>
      <c r="H1453" s="18"/>
      <c r="I1453" s="18"/>
      <c r="J1453" s="18"/>
      <c r="K1453" s="18"/>
      <c r="L1453" s="18"/>
      <c r="M1453" s="18"/>
      <c r="N1453" s="18"/>
      <c r="O1453" s="18"/>
      <c r="P1453" s="19"/>
      <c r="Q1453" s="19"/>
      <c r="R1453" s="19"/>
      <c r="S1453" s="19"/>
      <c r="T1453" s="19"/>
      <c r="U1453" s="19"/>
      <c r="V1453" s="19"/>
      <c r="W1453" s="19"/>
      <c r="X1453" s="19"/>
      <c r="Y1453" s="19"/>
      <c r="Z1453" s="19"/>
      <c r="AA1453" s="19"/>
    </row>
    <row r="1454" spans="1:27" s="1" customFormat="1" ht="11.1" customHeight="1" outlineLevel="2" x14ac:dyDescent="0.2">
      <c r="A1454" s="17">
        <v>9486</v>
      </c>
      <c r="B1454" s="17"/>
      <c r="C1454" s="17"/>
      <c r="D1454" s="18" t="s">
        <v>735</v>
      </c>
      <c r="E1454" s="18"/>
      <c r="F1454" s="18"/>
      <c r="G1454" s="18"/>
      <c r="H1454" s="18"/>
      <c r="I1454" s="18"/>
      <c r="J1454" s="18"/>
      <c r="K1454" s="18"/>
      <c r="L1454" s="18"/>
      <c r="M1454" s="18"/>
      <c r="N1454" s="18"/>
      <c r="O1454" s="18"/>
      <c r="P1454" s="19">
        <v>210</v>
      </c>
      <c r="Q1454" s="19"/>
      <c r="R1454" s="19"/>
      <c r="S1454" s="19"/>
      <c r="T1454" s="19">
        <v>160</v>
      </c>
      <c r="U1454" s="19"/>
      <c r="V1454" s="19"/>
      <c r="W1454" s="19"/>
      <c r="X1454" s="19">
        <v>2</v>
      </c>
      <c r="Y1454" s="19"/>
      <c r="Z1454" s="19"/>
      <c r="AA1454" s="19"/>
    </row>
    <row r="1455" spans="1:27" s="1" customFormat="1" ht="11.1" customHeight="1" outlineLevel="2" x14ac:dyDescent="0.2">
      <c r="A1455" s="17"/>
      <c r="B1455" s="17"/>
      <c r="C1455" s="17"/>
      <c r="D1455" s="18"/>
      <c r="E1455" s="18"/>
      <c r="F1455" s="18"/>
      <c r="G1455" s="18"/>
      <c r="H1455" s="18"/>
      <c r="I1455" s="18"/>
      <c r="J1455" s="18"/>
      <c r="K1455" s="18"/>
      <c r="L1455" s="18"/>
      <c r="M1455" s="18"/>
      <c r="N1455" s="18"/>
      <c r="O1455" s="18"/>
      <c r="P1455" s="19"/>
      <c r="Q1455" s="19"/>
      <c r="R1455" s="19"/>
      <c r="S1455" s="19"/>
      <c r="T1455" s="19"/>
      <c r="U1455" s="19"/>
      <c r="V1455" s="19"/>
      <c r="W1455" s="19"/>
      <c r="X1455" s="19"/>
      <c r="Y1455" s="19"/>
      <c r="Z1455" s="19"/>
      <c r="AA1455" s="19"/>
    </row>
    <row r="1456" spans="1:27" s="1" customFormat="1" ht="14.1" customHeight="1" outlineLevel="2" x14ac:dyDescent="0.2">
      <c r="A1456" s="17">
        <v>10982</v>
      </c>
      <c r="B1456" s="17"/>
      <c r="C1456" s="17"/>
      <c r="D1456" s="18" t="s">
        <v>736</v>
      </c>
      <c r="E1456" s="18"/>
      <c r="F1456" s="18"/>
      <c r="G1456" s="18"/>
      <c r="H1456" s="18"/>
      <c r="I1456" s="18"/>
      <c r="J1456" s="18"/>
      <c r="K1456" s="18"/>
      <c r="L1456" s="18"/>
      <c r="M1456" s="18"/>
      <c r="N1456" s="18"/>
      <c r="O1456" s="18"/>
      <c r="P1456" s="19">
        <v>240</v>
      </c>
      <c r="Q1456" s="19"/>
      <c r="R1456" s="19"/>
      <c r="S1456" s="19"/>
      <c r="T1456" s="19">
        <v>180</v>
      </c>
      <c r="U1456" s="19"/>
      <c r="V1456" s="19"/>
      <c r="W1456" s="19"/>
      <c r="X1456" s="19">
        <v>24</v>
      </c>
      <c r="Y1456" s="19"/>
      <c r="Z1456" s="19"/>
      <c r="AA1456" s="19"/>
    </row>
    <row r="1457" spans="1:27" s="1" customFormat="1" ht="14.1" customHeight="1" outlineLevel="2" x14ac:dyDescent="0.2">
      <c r="A1457" s="17"/>
      <c r="B1457" s="17"/>
      <c r="C1457" s="17"/>
      <c r="D1457" s="18"/>
      <c r="E1457" s="18"/>
      <c r="F1457" s="18"/>
      <c r="G1457" s="18"/>
      <c r="H1457" s="18"/>
      <c r="I1457" s="18"/>
      <c r="J1457" s="18"/>
      <c r="K1457" s="18"/>
      <c r="L1457" s="18"/>
      <c r="M1457" s="18"/>
      <c r="N1457" s="18"/>
      <c r="O1457" s="18"/>
      <c r="P1457" s="19"/>
      <c r="Q1457" s="19"/>
      <c r="R1457" s="19"/>
      <c r="S1457" s="19"/>
      <c r="T1457" s="19"/>
      <c r="U1457" s="19"/>
      <c r="V1457" s="19"/>
      <c r="W1457" s="19"/>
      <c r="X1457" s="19"/>
      <c r="Y1457" s="19"/>
      <c r="Z1457" s="19"/>
      <c r="AA1457" s="19"/>
    </row>
    <row r="1458" spans="1:27" s="1" customFormat="1" ht="11.1" customHeight="1" outlineLevel="2" x14ac:dyDescent="0.2">
      <c r="A1458" s="17">
        <v>9485</v>
      </c>
      <c r="B1458" s="17"/>
      <c r="C1458" s="17"/>
      <c r="D1458" s="18" t="s">
        <v>737</v>
      </c>
      <c r="E1458" s="18"/>
      <c r="F1458" s="18"/>
      <c r="G1458" s="18"/>
      <c r="H1458" s="18"/>
      <c r="I1458" s="18"/>
      <c r="J1458" s="18"/>
      <c r="K1458" s="18"/>
      <c r="L1458" s="18"/>
      <c r="M1458" s="18"/>
      <c r="N1458" s="18"/>
      <c r="O1458" s="18"/>
      <c r="P1458" s="19">
        <v>210</v>
      </c>
      <c r="Q1458" s="19"/>
      <c r="R1458" s="19"/>
      <c r="S1458" s="19"/>
      <c r="T1458" s="19">
        <v>160</v>
      </c>
      <c r="U1458" s="19"/>
      <c r="V1458" s="19"/>
      <c r="W1458" s="19"/>
      <c r="X1458" s="19">
        <v>2</v>
      </c>
      <c r="Y1458" s="19"/>
      <c r="Z1458" s="19"/>
      <c r="AA1458" s="19"/>
    </row>
    <row r="1459" spans="1:27" s="1" customFormat="1" ht="11.1" customHeight="1" outlineLevel="2" x14ac:dyDescent="0.2">
      <c r="A1459" s="17"/>
      <c r="B1459" s="17"/>
      <c r="C1459" s="17"/>
      <c r="D1459" s="18"/>
      <c r="E1459" s="18"/>
      <c r="F1459" s="18"/>
      <c r="G1459" s="18"/>
      <c r="H1459" s="18"/>
      <c r="I1459" s="18"/>
      <c r="J1459" s="18"/>
      <c r="K1459" s="18"/>
      <c r="L1459" s="18"/>
      <c r="M1459" s="18"/>
      <c r="N1459" s="18"/>
      <c r="O1459" s="18"/>
      <c r="P1459" s="19"/>
      <c r="Q1459" s="19"/>
      <c r="R1459" s="19"/>
      <c r="S1459" s="19"/>
      <c r="T1459" s="19"/>
      <c r="U1459" s="19"/>
      <c r="V1459" s="19"/>
      <c r="W1459" s="19"/>
      <c r="X1459" s="19"/>
      <c r="Y1459" s="19"/>
      <c r="Z1459" s="19"/>
      <c r="AA1459" s="19"/>
    </row>
    <row r="1460" spans="1:27" s="1" customFormat="1" ht="14.1" customHeight="1" outlineLevel="2" x14ac:dyDescent="0.2">
      <c r="A1460" s="17">
        <v>10983</v>
      </c>
      <c r="B1460" s="17"/>
      <c r="C1460" s="17"/>
      <c r="D1460" s="18" t="s">
        <v>738</v>
      </c>
      <c r="E1460" s="18"/>
      <c r="F1460" s="18"/>
      <c r="G1460" s="18"/>
      <c r="H1460" s="18"/>
      <c r="I1460" s="18"/>
      <c r="J1460" s="18"/>
      <c r="K1460" s="18"/>
      <c r="L1460" s="18"/>
      <c r="M1460" s="18"/>
      <c r="N1460" s="18"/>
      <c r="O1460" s="18"/>
      <c r="P1460" s="19">
        <v>240</v>
      </c>
      <c r="Q1460" s="19"/>
      <c r="R1460" s="19"/>
      <c r="S1460" s="19"/>
      <c r="T1460" s="19">
        <v>180</v>
      </c>
      <c r="U1460" s="19"/>
      <c r="V1460" s="19"/>
      <c r="W1460" s="19"/>
      <c r="X1460" s="19">
        <v>18</v>
      </c>
      <c r="Y1460" s="19"/>
      <c r="Z1460" s="19"/>
      <c r="AA1460" s="19"/>
    </row>
    <row r="1461" spans="1:27" s="1" customFormat="1" ht="14.1" customHeight="1" outlineLevel="2" x14ac:dyDescent="0.2">
      <c r="A1461" s="17"/>
      <c r="B1461" s="17"/>
      <c r="C1461" s="17"/>
      <c r="D1461" s="18"/>
      <c r="E1461" s="18"/>
      <c r="F1461" s="18"/>
      <c r="G1461" s="18"/>
      <c r="H1461" s="18"/>
      <c r="I1461" s="18"/>
      <c r="J1461" s="18"/>
      <c r="K1461" s="18"/>
      <c r="L1461" s="18"/>
      <c r="M1461" s="18"/>
      <c r="N1461" s="18"/>
      <c r="O1461" s="18"/>
      <c r="P1461" s="19"/>
      <c r="Q1461" s="19"/>
      <c r="R1461" s="19"/>
      <c r="S1461" s="19"/>
      <c r="T1461" s="19"/>
      <c r="U1461" s="19"/>
      <c r="V1461" s="19"/>
      <c r="W1461" s="19"/>
      <c r="X1461" s="19"/>
      <c r="Y1461" s="19"/>
      <c r="Z1461" s="19"/>
      <c r="AA1461" s="19"/>
    </row>
    <row r="1462" spans="1:27" s="1" customFormat="1" ht="11.1" customHeight="1" outlineLevel="1" x14ac:dyDescent="0.2">
      <c r="A1462" s="16" t="s">
        <v>739</v>
      </c>
      <c r="B1462" s="16"/>
      <c r="C1462" s="16"/>
      <c r="D1462" s="16"/>
      <c r="E1462" s="16"/>
      <c r="F1462" s="16"/>
      <c r="G1462" s="16"/>
      <c r="H1462" s="16"/>
      <c r="I1462" s="16"/>
      <c r="J1462" s="16"/>
      <c r="K1462" s="16"/>
      <c r="L1462" s="16"/>
      <c r="M1462" s="16"/>
      <c r="N1462" s="16"/>
      <c r="O1462" s="16"/>
      <c r="P1462" s="16"/>
      <c r="Q1462" s="16"/>
      <c r="R1462" s="16"/>
      <c r="S1462" s="16"/>
      <c r="T1462" s="16"/>
      <c r="U1462" s="16"/>
      <c r="V1462" s="16"/>
      <c r="W1462" s="16"/>
      <c r="X1462" s="16"/>
      <c r="Y1462" s="16"/>
      <c r="Z1462" s="16"/>
      <c r="AA1462" s="16"/>
    </row>
    <row r="1463" spans="1:27" s="1" customFormat="1" ht="11.1" customHeight="1" outlineLevel="1" x14ac:dyDescent="0.2">
      <c r="A1463" s="16"/>
      <c r="B1463" s="16"/>
      <c r="C1463" s="16"/>
      <c r="D1463" s="16"/>
      <c r="E1463" s="16"/>
      <c r="F1463" s="16"/>
      <c r="G1463" s="16"/>
      <c r="H1463" s="16"/>
      <c r="I1463" s="16"/>
      <c r="J1463" s="16"/>
      <c r="K1463" s="16"/>
      <c r="L1463" s="16"/>
      <c r="M1463" s="16"/>
      <c r="N1463" s="16"/>
      <c r="O1463" s="16"/>
      <c r="P1463" s="16"/>
      <c r="Q1463" s="16"/>
      <c r="R1463" s="16"/>
      <c r="S1463" s="16"/>
      <c r="T1463" s="16"/>
      <c r="U1463" s="16"/>
      <c r="V1463" s="16"/>
      <c r="W1463" s="16"/>
      <c r="X1463" s="16"/>
      <c r="Y1463" s="16"/>
      <c r="Z1463" s="16"/>
      <c r="AA1463" s="16"/>
    </row>
    <row r="1464" spans="1:27" s="1" customFormat="1" ht="11.1" customHeight="1" outlineLevel="2" x14ac:dyDescent="0.2">
      <c r="A1464" s="17">
        <v>9950</v>
      </c>
      <c r="B1464" s="17"/>
      <c r="C1464" s="17"/>
      <c r="D1464" s="18" t="s">
        <v>740</v>
      </c>
      <c r="E1464" s="18"/>
      <c r="F1464" s="18"/>
      <c r="G1464" s="18"/>
      <c r="H1464" s="18"/>
      <c r="I1464" s="18"/>
      <c r="J1464" s="18"/>
      <c r="K1464" s="18"/>
      <c r="L1464" s="18"/>
      <c r="M1464" s="18"/>
      <c r="N1464" s="18"/>
      <c r="O1464" s="18"/>
      <c r="P1464" s="19">
        <v>90</v>
      </c>
      <c r="Q1464" s="19"/>
      <c r="R1464" s="19"/>
      <c r="S1464" s="19"/>
      <c r="T1464" s="19">
        <v>35</v>
      </c>
      <c r="U1464" s="19"/>
      <c r="V1464" s="19"/>
      <c r="W1464" s="19"/>
      <c r="X1464" s="19">
        <v>1</v>
      </c>
      <c r="Y1464" s="19"/>
      <c r="Z1464" s="19"/>
      <c r="AA1464" s="19"/>
    </row>
    <row r="1465" spans="1:27" s="1" customFormat="1" ht="11.1" customHeight="1" outlineLevel="2" x14ac:dyDescent="0.2">
      <c r="A1465" s="17"/>
      <c r="B1465" s="17"/>
      <c r="C1465" s="17"/>
      <c r="D1465" s="18"/>
      <c r="E1465" s="18"/>
      <c r="F1465" s="18"/>
      <c r="G1465" s="18"/>
      <c r="H1465" s="18"/>
      <c r="I1465" s="18"/>
      <c r="J1465" s="18"/>
      <c r="K1465" s="18"/>
      <c r="L1465" s="18"/>
      <c r="M1465" s="18"/>
      <c r="N1465" s="18"/>
      <c r="O1465" s="18"/>
      <c r="P1465" s="19"/>
      <c r="Q1465" s="19"/>
      <c r="R1465" s="19"/>
      <c r="S1465" s="19"/>
      <c r="T1465" s="19"/>
      <c r="U1465" s="19"/>
      <c r="V1465" s="19"/>
      <c r="W1465" s="19"/>
      <c r="X1465" s="19"/>
      <c r="Y1465" s="19"/>
      <c r="Z1465" s="19"/>
      <c r="AA1465" s="19"/>
    </row>
    <row r="1466" spans="1:27" s="1" customFormat="1" ht="11.1" customHeight="1" outlineLevel="2" x14ac:dyDescent="0.2">
      <c r="A1466" s="17">
        <v>12627</v>
      </c>
      <c r="B1466" s="17"/>
      <c r="C1466" s="17"/>
      <c r="D1466" s="18" t="s">
        <v>741</v>
      </c>
      <c r="E1466" s="18"/>
      <c r="F1466" s="18"/>
      <c r="G1466" s="18"/>
      <c r="H1466" s="18"/>
      <c r="I1466" s="18"/>
      <c r="J1466" s="18"/>
      <c r="K1466" s="18"/>
      <c r="L1466" s="18"/>
      <c r="M1466" s="18"/>
      <c r="N1466" s="18"/>
      <c r="O1466" s="18"/>
      <c r="P1466" s="19">
        <v>150</v>
      </c>
      <c r="Q1466" s="19"/>
      <c r="R1466" s="19"/>
      <c r="S1466" s="19"/>
      <c r="T1466" s="19">
        <v>120</v>
      </c>
      <c r="U1466" s="19"/>
      <c r="V1466" s="19"/>
      <c r="W1466" s="19"/>
      <c r="X1466" s="19">
        <v>2</v>
      </c>
      <c r="Y1466" s="19"/>
      <c r="Z1466" s="19"/>
      <c r="AA1466" s="19"/>
    </row>
    <row r="1467" spans="1:27" s="1" customFormat="1" ht="11.1" customHeight="1" outlineLevel="2" x14ac:dyDescent="0.2">
      <c r="A1467" s="17"/>
      <c r="B1467" s="17"/>
      <c r="C1467" s="17"/>
      <c r="D1467" s="18"/>
      <c r="E1467" s="18"/>
      <c r="F1467" s="18"/>
      <c r="G1467" s="18"/>
      <c r="H1467" s="18"/>
      <c r="I1467" s="18"/>
      <c r="J1467" s="18"/>
      <c r="K1467" s="18"/>
      <c r="L1467" s="18"/>
      <c r="M1467" s="18"/>
      <c r="N1467" s="18"/>
      <c r="O1467" s="18"/>
      <c r="P1467" s="19"/>
      <c r="Q1467" s="19"/>
      <c r="R1467" s="19"/>
      <c r="S1467" s="19"/>
      <c r="T1467" s="19"/>
      <c r="U1467" s="19"/>
      <c r="V1467" s="19"/>
      <c r="W1467" s="19"/>
      <c r="X1467" s="19"/>
      <c r="Y1467" s="19"/>
      <c r="Z1467" s="19"/>
      <c r="AA1467" s="19"/>
    </row>
    <row r="1468" spans="1:27" s="1" customFormat="1" ht="11.1" customHeight="1" outlineLevel="2" x14ac:dyDescent="0.2">
      <c r="A1468" s="17">
        <v>10082</v>
      </c>
      <c r="B1468" s="17"/>
      <c r="C1468" s="17"/>
      <c r="D1468" s="18" t="s">
        <v>742</v>
      </c>
      <c r="E1468" s="18"/>
      <c r="F1468" s="18"/>
      <c r="G1468" s="18"/>
      <c r="H1468" s="18"/>
      <c r="I1468" s="18"/>
      <c r="J1468" s="18"/>
      <c r="K1468" s="18"/>
      <c r="L1468" s="18"/>
      <c r="M1468" s="18"/>
      <c r="N1468" s="18"/>
      <c r="O1468" s="18"/>
      <c r="P1468" s="19">
        <v>650</v>
      </c>
      <c r="Q1468" s="19"/>
      <c r="R1468" s="19"/>
      <c r="S1468" s="19"/>
      <c r="T1468" s="19">
        <v>500</v>
      </c>
      <c r="U1468" s="19"/>
      <c r="V1468" s="19"/>
      <c r="W1468" s="19"/>
      <c r="X1468" s="19">
        <v>35</v>
      </c>
      <c r="Y1468" s="19"/>
      <c r="Z1468" s="19"/>
      <c r="AA1468" s="19"/>
    </row>
    <row r="1469" spans="1:27" s="1" customFormat="1" ht="11.1" customHeight="1" outlineLevel="2" x14ac:dyDescent="0.2">
      <c r="A1469" s="17"/>
      <c r="B1469" s="17"/>
      <c r="C1469" s="17"/>
      <c r="D1469" s="18"/>
      <c r="E1469" s="18"/>
      <c r="F1469" s="18"/>
      <c r="G1469" s="18"/>
      <c r="H1469" s="18"/>
      <c r="I1469" s="18"/>
      <c r="J1469" s="18"/>
      <c r="K1469" s="18"/>
      <c r="L1469" s="18"/>
      <c r="M1469" s="18"/>
      <c r="N1469" s="18"/>
      <c r="O1469" s="18"/>
      <c r="P1469" s="19"/>
      <c r="Q1469" s="19"/>
      <c r="R1469" s="19"/>
      <c r="S1469" s="19"/>
      <c r="T1469" s="19"/>
      <c r="U1469" s="19"/>
      <c r="V1469" s="19"/>
      <c r="W1469" s="19"/>
      <c r="X1469" s="19"/>
      <c r="Y1469" s="19"/>
      <c r="Z1469" s="19"/>
      <c r="AA1469" s="19"/>
    </row>
    <row r="1470" spans="1:27" s="1" customFormat="1" ht="11.1" customHeight="1" outlineLevel="2" x14ac:dyDescent="0.2">
      <c r="A1470" s="17">
        <v>10086</v>
      </c>
      <c r="B1470" s="17"/>
      <c r="C1470" s="17"/>
      <c r="D1470" s="18" t="s">
        <v>743</v>
      </c>
      <c r="E1470" s="18"/>
      <c r="F1470" s="18"/>
      <c r="G1470" s="18"/>
      <c r="H1470" s="18"/>
      <c r="I1470" s="18"/>
      <c r="J1470" s="18"/>
      <c r="K1470" s="18"/>
      <c r="L1470" s="18"/>
      <c r="M1470" s="18"/>
      <c r="N1470" s="18"/>
      <c r="O1470" s="18"/>
      <c r="P1470" s="19">
        <v>200</v>
      </c>
      <c r="Q1470" s="19"/>
      <c r="R1470" s="19"/>
      <c r="S1470" s="19"/>
      <c r="T1470" s="19">
        <v>160</v>
      </c>
      <c r="U1470" s="19"/>
      <c r="V1470" s="19"/>
      <c r="W1470" s="19"/>
      <c r="X1470" s="19">
        <v>3</v>
      </c>
      <c r="Y1470" s="19"/>
      <c r="Z1470" s="19"/>
      <c r="AA1470" s="19"/>
    </row>
    <row r="1471" spans="1:27" s="1" customFormat="1" ht="11.1" customHeight="1" outlineLevel="2" x14ac:dyDescent="0.2">
      <c r="A1471" s="17"/>
      <c r="B1471" s="17"/>
      <c r="C1471" s="17"/>
      <c r="D1471" s="18"/>
      <c r="E1471" s="18"/>
      <c r="F1471" s="18"/>
      <c r="G1471" s="18"/>
      <c r="H1471" s="18"/>
      <c r="I1471" s="18"/>
      <c r="J1471" s="18"/>
      <c r="K1471" s="18"/>
      <c r="L1471" s="18"/>
      <c r="M1471" s="18"/>
      <c r="N1471" s="18"/>
      <c r="O1471" s="18"/>
      <c r="P1471" s="19"/>
      <c r="Q1471" s="19"/>
      <c r="R1471" s="19"/>
      <c r="S1471" s="19"/>
      <c r="T1471" s="19"/>
      <c r="U1471" s="19"/>
      <c r="V1471" s="19"/>
      <c r="W1471" s="19"/>
      <c r="X1471" s="19"/>
      <c r="Y1471" s="19"/>
      <c r="Z1471" s="19"/>
      <c r="AA1471" s="19"/>
    </row>
    <row r="1472" spans="1:27" s="1" customFormat="1" ht="11.1" customHeight="1" outlineLevel="2" x14ac:dyDescent="0.2">
      <c r="A1472" s="17">
        <v>10122</v>
      </c>
      <c r="B1472" s="17"/>
      <c r="C1472" s="17"/>
      <c r="D1472" s="18" t="s">
        <v>744</v>
      </c>
      <c r="E1472" s="18"/>
      <c r="F1472" s="18"/>
      <c r="G1472" s="18"/>
      <c r="H1472" s="18"/>
      <c r="I1472" s="18"/>
      <c r="J1472" s="18"/>
      <c r="K1472" s="18"/>
      <c r="L1472" s="18"/>
      <c r="M1472" s="18"/>
      <c r="N1472" s="18"/>
      <c r="O1472" s="18"/>
      <c r="P1472" s="19">
        <v>20</v>
      </c>
      <c r="Q1472" s="19"/>
      <c r="R1472" s="19"/>
      <c r="S1472" s="19"/>
      <c r="T1472" s="19">
        <v>15</v>
      </c>
      <c r="U1472" s="19"/>
      <c r="V1472" s="19"/>
      <c r="W1472" s="19"/>
      <c r="X1472" s="19">
        <v>11</v>
      </c>
      <c r="Y1472" s="19"/>
      <c r="Z1472" s="19"/>
      <c r="AA1472" s="19"/>
    </row>
    <row r="1473" spans="1:27" s="1" customFormat="1" ht="11.1" customHeight="1" outlineLevel="2" x14ac:dyDescent="0.2">
      <c r="A1473" s="17"/>
      <c r="B1473" s="17"/>
      <c r="C1473" s="17"/>
      <c r="D1473" s="18"/>
      <c r="E1473" s="18"/>
      <c r="F1473" s="18"/>
      <c r="G1473" s="18"/>
      <c r="H1473" s="18"/>
      <c r="I1473" s="18"/>
      <c r="J1473" s="18"/>
      <c r="K1473" s="18"/>
      <c r="L1473" s="18"/>
      <c r="M1473" s="18"/>
      <c r="N1473" s="18"/>
      <c r="O1473" s="18"/>
      <c r="P1473" s="19"/>
      <c r="Q1473" s="19"/>
      <c r="R1473" s="19"/>
      <c r="S1473" s="19"/>
      <c r="T1473" s="19"/>
      <c r="U1473" s="19"/>
      <c r="V1473" s="19"/>
      <c r="W1473" s="19"/>
      <c r="X1473" s="19"/>
      <c r="Y1473" s="19"/>
      <c r="Z1473" s="19"/>
      <c r="AA1473" s="19"/>
    </row>
    <row r="1474" spans="1:27" s="1" customFormat="1" ht="11.1" customHeight="1" outlineLevel="2" x14ac:dyDescent="0.2">
      <c r="A1474" s="17">
        <v>10123</v>
      </c>
      <c r="B1474" s="17"/>
      <c r="C1474" s="17"/>
      <c r="D1474" s="18" t="s">
        <v>745</v>
      </c>
      <c r="E1474" s="18"/>
      <c r="F1474" s="18"/>
      <c r="G1474" s="18"/>
      <c r="H1474" s="18"/>
      <c r="I1474" s="18"/>
      <c r="J1474" s="18"/>
      <c r="K1474" s="18"/>
      <c r="L1474" s="18"/>
      <c r="M1474" s="18"/>
      <c r="N1474" s="18"/>
      <c r="O1474" s="18"/>
      <c r="P1474" s="19">
        <v>20</v>
      </c>
      <c r="Q1474" s="19"/>
      <c r="R1474" s="19"/>
      <c r="S1474" s="19"/>
      <c r="T1474" s="19">
        <v>15</v>
      </c>
      <c r="U1474" s="19"/>
      <c r="V1474" s="19"/>
      <c r="W1474" s="19"/>
      <c r="X1474" s="19">
        <v>19</v>
      </c>
      <c r="Y1474" s="19"/>
      <c r="Z1474" s="19"/>
      <c r="AA1474" s="19"/>
    </row>
    <row r="1475" spans="1:27" s="1" customFormat="1" ht="11.1" customHeight="1" outlineLevel="2" x14ac:dyDescent="0.2">
      <c r="A1475" s="17"/>
      <c r="B1475" s="17"/>
      <c r="C1475" s="17"/>
      <c r="D1475" s="18"/>
      <c r="E1475" s="18"/>
      <c r="F1475" s="18"/>
      <c r="G1475" s="18"/>
      <c r="H1475" s="18"/>
      <c r="I1475" s="18"/>
      <c r="J1475" s="18"/>
      <c r="K1475" s="18"/>
      <c r="L1475" s="18"/>
      <c r="M1475" s="18"/>
      <c r="N1475" s="18"/>
      <c r="O1475" s="18"/>
      <c r="P1475" s="19"/>
      <c r="Q1475" s="19"/>
      <c r="R1475" s="19"/>
      <c r="S1475" s="19"/>
      <c r="T1475" s="19"/>
      <c r="U1475" s="19"/>
      <c r="V1475" s="19"/>
      <c r="W1475" s="19"/>
      <c r="X1475" s="19"/>
      <c r="Y1475" s="19"/>
      <c r="Z1475" s="19"/>
      <c r="AA1475" s="19"/>
    </row>
    <row r="1476" spans="1:27" s="1" customFormat="1" ht="11.1" customHeight="1" outlineLevel="2" x14ac:dyDescent="0.2">
      <c r="A1476" s="17">
        <v>10124</v>
      </c>
      <c r="B1476" s="17"/>
      <c r="C1476" s="17"/>
      <c r="D1476" s="18" t="s">
        <v>746</v>
      </c>
      <c r="E1476" s="18"/>
      <c r="F1476" s="18"/>
      <c r="G1476" s="18"/>
      <c r="H1476" s="18"/>
      <c r="I1476" s="18"/>
      <c r="J1476" s="18"/>
      <c r="K1476" s="18"/>
      <c r="L1476" s="18"/>
      <c r="M1476" s="18"/>
      <c r="N1476" s="18"/>
      <c r="O1476" s="18"/>
      <c r="P1476" s="19">
        <v>20</v>
      </c>
      <c r="Q1476" s="19"/>
      <c r="R1476" s="19"/>
      <c r="S1476" s="19"/>
      <c r="T1476" s="19">
        <v>15</v>
      </c>
      <c r="U1476" s="19"/>
      <c r="V1476" s="19"/>
      <c r="W1476" s="19"/>
      <c r="X1476" s="19">
        <v>5</v>
      </c>
      <c r="Y1476" s="19"/>
      <c r="Z1476" s="19"/>
      <c r="AA1476" s="19"/>
    </row>
    <row r="1477" spans="1:27" s="1" customFormat="1" ht="11.1" customHeight="1" outlineLevel="2" x14ac:dyDescent="0.2">
      <c r="A1477" s="17"/>
      <c r="B1477" s="17"/>
      <c r="C1477" s="17"/>
      <c r="D1477" s="18"/>
      <c r="E1477" s="18"/>
      <c r="F1477" s="18"/>
      <c r="G1477" s="18"/>
      <c r="H1477" s="18"/>
      <c r="I1477" s="18"/>
      <c r="J1477" s="18"/>
      <c r="K1477" s="18"/>
      <c r="L1477" s="18"/>
      <c r="M1477" s="18"/>
      <c r="N1477" s="18"/>
      <c r="O1477" s="18"/>
      <c r="P1477" s="19"/>
      <c r="Q1477" s="19"/>
      <c r="R1477" s="19"/>
      <c r="S1477" s="19"/>
      <c r="T1477" s="19"/>
      <c r="U1477" s="19"/>
      <c r="V1477" s="19"/>
      <c r="W1477" s="19"/>
      <c r="X1477" s="19"/>
      <c r="Y1477" s="19"/>
      <c r="Z1477" s="19"/>
      <c r="AA1477" s="19"/>
    </row>
    <row r="1478" spans="1:27" s="1" customFormat="1" ht="11.1" customHeight="1" outlineLevel="2" x14ac:dyDescent="0.2">
      <c r="A1478" s="17">
        <v>16140</v>
      </c>
      <c r="B1478" s="17"/>
      <c r="C1478" s="17"/>
      <c r="D1478" s="18" t="s">
        <v>747</v>
      </c>
      <c r="E1478" s="18"/>
      <c r="F1478" s="18"/>
      <c r="G1478" s="18"/>
      <c r="H1478" s="18"/>
      <c r="I1478" s="18"/>
      <c r="J1478" s="18"/>
      <c r="K1478" s="18"/>
      <c r="L1478" s="18"/>
      <c r="M1478" s="18"/>
      <c r="N1478" s="18"/>
      <c r="O1478" s="18"/>
      <c r="P1478" s="19">
        <v>90</v>
      </c>
      <c r="Q1478" s="19"/>
      <c r="R1478" s="19"/>
      <c r="S1478" s="19"/>
      <c r="T1478" s="19">
        <v>60</v>
      </c>
      <c r="U1478" s="19"/>
      <c r="V1478" s="19"/>
      <c r="W1478" s="19"/>
      <c r="X1478" s="19">
        <v>1</v>
      </c>
      <c r="Y1478" s="19"/>
      <c r="Z1478" s="19"/>
      <c r="AA1478" s="19"/>
    </row>
    <row r="1479" spans="1:27" s="1" customFormat="1" ht="11.1" customHeight="1" outlineLevel="2" x14ac:dyDescent="0.2">
      <c r="A1479" s="17"/>
      <c r="B1479" s="17"/>
      <c r="C1479" s="17"/>
      <c r="D1479" s="18"/>
      <c r="E1479" s="18"/>
      <c r="F1479" s="18"/>
      <c r="G1479" s="18"/>
      <c r="H1479" s="18"/>
      <c r="I1479" s="18"/>
      <c r="J1479" s="18"/>
      <c r="K1479" s="18"/>
      <c r="L1479" s="18"/>
      <c r="M1479" s="18"/>
      <c r="N1479" s="18"/>
      <c r="O1479" s="18"/>
      <c r="P1479" s="19"/>
      <c r="Q1479" s="19"/>
      <c r="R1479" s="19"/>
      <c r="S1479" s="19"/>
      <c r="T1479" s="19"/>
      <c r="U1479" s="19"/>
      <c r="V1479" s="19"/>
      <c r="W1479" s="19"/>
      <c r="X1479" s="19"/>
      <c r="Y1479" s="19"/>
      <c r="Z1479" s="19"/>
      <c r="AA1479" s="19"/>
    </row>
    <row r="1480" spans="1:27" s="1" customFormat="1" ht="11.1" customHeight="1" outlineLevel="2" x14ac:dyDescent="0.2">
      <c r="A1480" s="17">
        <v>6667</v>
      </c>
      <c r="B1480" s="17"/>
      <c r="C1480" s="17"/>
      <c r="D1480" s="18" t="s">
        <v>748</v>
      </c>
      <c r="E1480" s="18"/>
      <c r="F1480" s="18"/>
      <c r="G1480" s="18"/>
      <c r="H1480" s="18"/>
      <c r="I1480" s="18"/>
      <c r="J1480" s="18"/>
      <c r="K1480" s="18"/>
      <c r="L1480" s="18"/>
      <c r="M1480" s="18"/>
      <c r="N1480" s="18"/>
      <c r="O1480" s="18"/>
      <c r="P1480" s="19">
        <v>90</v>
      </c>
      <c r="Q1480" s="19"/>
      <c r="R1480" s="19"/>
      <c r="S1480" s="19"/>
      <c r="T1480" s="19">
        <v>60</v>
      </c>
      <c r="U1480" s="19"/>
      <c r="V1480" s="19"/>
      <c r="W1480" s="19"/>
      <c r="X1480" s="19">
        <v>1</v>
      </c>
      <c r="Y1480" s="19"/>
      <c r="Z1480" s="19"/>
      <c r="AA1480" s="19"/>
    </row>
    <row r="1481" spans="1:27" s="1" customFormat="1" ht="11.1" customHeight="1" outlineLevel="2" x14ac:dyDescent="0.2">
      <c r="A1481" s="17"/>
      <c r="B1481" s="17"/>
      <c r="C1481" s="17"/>
      <c r="D1481" s="18"/>
      <c r="E1481" s="18"/>
      <c r="F1481" s="18"/>
      <c r="G1481" s="18"/>
      <c r="H1481" s="18"/>
      <c r="I1481" s="18"/>
      <c r="J1481" s="18"/>
      <c r="K1481" s="18"/>
      <c r="L1481" s="18"/>
      <c r="M1481" s="18"/>
      <c r="N1481" s="18"/>
      <c r="O1481" s="18"/>
      <c r="P1481" s="19"/>
      <c r="Q1481" s="19"/>
      <c r="R1481" s="19"/>
      <c r="S1481" s="19"/>
      <c r="T1481" s="19"/>
      <c r="U1481" s="19"/>
      <c r="V1481" s="19"/>
      <c r="W1481" s="19"/>
      <c r="X1481" s="19"/>
      <c r="Y1481" s="19"/>
      <c r="Z1481" s="19"/>
      <c r="AA1481" s="19"/>
    </row>
    <row r="1482" spans="1:27" s="1" customFormat="1" ht="11.1" customHeight="1" outlineLevel="2" x14ac:dyDescent="0.2">
      <c r="A1482" s="17">
        <v>9736</v>
      </c>
      <c r="B1482" s="17"/>
      <c r="C1482" s="17"/>
      <c r="D1482" s="18" t="s">
        <v>749</v>
      </c>
      <c r="E1482" s="18"/>
      <c r="F1482" s="18"/>
      <c r="G1482" s="18"/>
      <c r="H1482" s="18"/>
      <c r="I1482" s="18"/>
      <c r="J1482" s="18"/>
      <c r="K1482" s="18"/>
      <c r="L1482" s="18"/>
      <c r="M1482" s="18"/>
      <c r="N1482" s="18"/>
      <c r="O1482" s="18"/>
      <c r="P1482" s="19">
        <v>90</v>
      </c>
      <c r="Q1482" s="19"/>
      <c r="R1482" s="19"/>
      <c r="S1482" s="19"/>
      <c r="T1482" s="19">
        <v>50</v>
      </c>
      <c r="U1482" s="19"/>
      <c r="V1482" s="19"/>
      <c r="W1482" s="19"/>
      <c r="X1482" s="19">
        <v>4</v>
      </c>
      <c r="Y1482" s="19"/>
      <c r="Z1482" s="19"/>
      <c r="AA1482" s="19"/>
    </row>
    <row r="1483" spans="1:27" s="1" customFormat="1" ht="11.1" customHeight="1" outlineLevel="2" x14ac:dyDescent="0.2">
      <c r="A1483" s="17"/>
      <c r="B1483" s="17"/>
      <c r="C1483" s="17"/>
      <c r="D1483" s="18"/>
      <c r="E1483" s="18"/>
      <c r="F1483" s="18"/>
      <c r="G1483" s="18"/>
      <c r="H1483" s="18"/>
      <c r="I1483" s="18"/>
      <c r="J1483" s="18"/>
      <c r="K1483" s="18"/>
      <c r="L1483" s="18"/>
      <c r="M1483" s="18"/>
      <c r="N1483" s="18"/>
      <c r="O1483" s="18"/>
      <c r="P1483" s="19"/>
      <c r="Q1483" s="19"/>
      <c r="R1483" s="19"/>
      <c r="S1483" s="19"/>
      <c r="T1483" s="19"/>
      <c r="U1483" s="19"/>
      <c r="V1483" s="19"/>
      <c r="W1483" s="19"/>
      <c r="X1483" s="19"/>
      <c r="Y1483" s="19"/>
      <c r="Z1483" s="19"/>
      <c r="AA1483" s="19"/>
    </row>
    <row r="1484" spans="1:27" s="1" customFormat="1" ht="11.1" customHeight="1" outlineLevel="2" x14ac:dyDescent="0.2">
      <c r="A1484" s="17">
        <v>17008</v>
      </c>
      <c r="B1484" s="17"/>
      <c r="C1484" s="17"/>
      <c r="D1484" s="18" t="s">
        <v>750</v>
      </c>
      <c r="E1484" s="18"/>
      <c r="F1484" s="18"/>
      <c r="G1484" s="18"/>
      <c r="H1484" s="18"/>
      <c r="I1484" s="18"/>
      <c r="J1484" s="18"/>
      <c r="K1484" s="18"/>
      <c r="L1484" s="18"/>
      <c r="M1484" s="18"/>
      <c r="N1484" s="18"/>
      <c r="O1484" s="18"/>
      <c r="P1484" s="19">
        <v>150</v>
      </c>
      <c r="Q1484" s="19"/>
      <c r="R1484" s="19"/>
      <c r="S1484" s="19"/>
      <c r="T1484" s="19">
        <v>80</v>
      </c>
      <c r="U1484" s="19"/>
      <c r="V1484" s="19"/>
      <c r="W1484" s="19"/>
      <c r="X1484" s="19">
        <v>1</v>
      </c>
      <c r="Y1484" s="19"/>
      <c r="Z1484" s="19"/>
      <c r="AA1484" s="19"/>
    </row>
    <row r="1485" spans="1:27" s="1" customFormat="1" ht="11.1" customHeight="1" outlineLevel="2" x14ac:dyDescent="0.2">
      <c r="A1485" s="17"/>
      <c r="B1485" s="17"/>
      <c r="C1485" s="17"/>
      <c r="D1485" s="18"/>
      <c r="E1485" s="18"/>
      <c r="F1485" s="18"/>
      <c r="G1485" s="18"/>
      <c r="H1485" s="18"/>
      <c r="I1485" s="18"/>
      <c r="J1485" s="18"/>
      <c r="K1485" s="18"/>
      <c r="L1485" s="18"/>
      <c r="M1485" s="18"/>
      <c r="N1485" s="18"/>
      <c r="O1485" s="18"/>
      <c r="P1485" s="19"/>
      <c r="Q1485" s="19"/>
      <c r="R1485" s="19"/>
      <c r="S1485" s="19"/>
      <c r="T1485" s="19"/>
      <c r="U1485" s="19"/>
      <c r="V1485" s="19"/>
      <c r="W1485" s="19"/>
      <c r="X1485" s="19"/>
      <c r="Y1485" s="19"/>
      <c r="Z1485" s="19"/>
      <c r="AA1485" s="19"/>
    </row>
    <row r="1486" spans="1:27" s="1" customFormat="1" ht="14.1" customHeight="1" outlineLevel="2" x14ac:dyDescent="0.2">
      <c r="A1486" s="17">
        <v>10456</v>
      </c>
      <c r="B1486" s="17"/>
      <c r="C1486" s="17"/>
      <c r="D1486" s="18" t="s">
        <v>751</v>
      </c>
      <c r="E1486" s="18"/>
      <c r="F1486" s="18"/>
      <c r="G1486" s="18"/>
      <c r="H1486" s="18"/>
      <c r="I1486" s="18"/>
      <c r="J1486" s="18"/>
      <c r="K1486" s="18"/>
      <c r="L1486" s="18"/>
      <c r="M1486" s="18"/>
      <c r="N1486" s="18"/>
      <c r="O1486" s="18"/>
      <c r="P1486" s="20">
        <v>2000</v>
      </c>
      <c r="Q1486" s="20"/>
      <c r="R1486" s="20"/>
      <c r="S1486" s="20"/>
      <c r="T1486" s="20">
        <v>1700</v>
      </c>
      <c r="U1486" s="20"/>
      <c r="V1486" s="20"/>
      <c r="W1486" s="20"/>
      <c r="X1486" s="19">
        <v>1</v>
      </c>
      <c r="Y1486" s="19"/>
      <c r="Z1486" s="19"/>
      <c r="AA1486" s="19"/>
    </row>
    <row r="1487" spans="1:27" s="1" customFormat="1" ht="14.1" customHeight="1" outlineLevel="2" x14ac:dyDescent="0.2">
      <c r="A1487" s="17"/>
      <c r="B1487" s="17"/>
      <c r="C1487" s="17"/>
      <c r="D1487" s="18"/>
      <c r="E1487" s="18"/>
      <c r="F1487" s="18"/>
      <c r="G1487" s="18"/>
      <c r="H1487" s="18"/>
      <c r="I1487" s="18"/>
      <c r="J1487" s="18"/>
      <c r="K1487" s="18"/>
      <c r="L1487" s="18"/>
      <c r="M1487" s="18"/>
      <c r="N1487" s="18"/>
      <c r="O1487" s="18"/>
      <c r="P1487" s="20"/>
      <c r="Q1487" s="20"/>
      <c r="R1487" s="20"/>
      <c r="S1487" s="20"/>
      <c r="T1487" s="20"/>
      <c r="U1487" s="20"/>
      <c r="V1487" s="20"/>
      <c r="W1487" s="20"/>
      <c r="X1487" s="19"/>
      <c r="Y1487" s="19"/>
      <c r="Z1487" s="19"/>
      <c r="AA1487" s="19"/>
    </row>
    <row r="1488" spans="1:27" s="1" customFormat="1" ht="14.1" customHeight="1" outlineLevel="2" x14ac:dyDescent="0.2">
      <c r="A1488" s="17">
        <v>9921</v>
      </c>
      <c r="B1488" s="17"/>
      <c r="C1488" s="17"/>
      <c r="D1488" s="18" t="s">
        <v>752</v>
      </c>
      <c r="E1488" s="18"/>
      <c r="F1488" s="18"/>
      <c r="G1488" s="18"/>
      <c r="H1488" s="18"/>
      <c r="I1488" s="18"/>
      <c r="J1488" s="18"/>
      <c r="K1488" s="18"/>
      <c r="L1488" s="18"/>
      <c r="M1488" s="18"/>
      <c r="N1488" s="18"/>
      <c r="O1488" s="18"/>
      <c r="P1488" s="20">
        <v>2300</v>
      </c>
      <c r="Q1488" s="20"/>
      <c r="R1488" s="20"/>
      <c r="S1488" s="20"/>
      <c r="T1488" s="20">
        <v>2100</v>
      </c>
      <c r="U1488" s="20"/>
      <c r="V1488" s="20"/>
      <c r="W1488" s="20"/>
      <c r="X1488" s="19">
        <v>4</v>
      </c>
      <c r="Y1488" s="19"/>
      <c r="Z1488" s="19"/>
      <c r="AA1488" s="19"/>
    </row>
    <row r="1489" spans="1:27" s="1" customFormat="1" ht="14.1" customHeight="1" outlineLevel="2" x14ac:dyDescent="0.2">
      <c r="A1489" s="17"/>
      <c r="B1489" s="17"/>
      <c r="C1489" s="17"/>
      <c r="D1489" s="18"/>
      <c r="E1489" s="18"/>
      <c r="F1489" s="18"/>
      <c r="G1489" s="18"/>
      <c r="H1489" s="18"/>
      <c r="I1489" s="18"/>
      <c r="J1489" s="18"/>
      <c r="K1489" s="18"/>
      <c r="L1489" s="18"/>
      <c r="M1489" s="18"/>
      <c r="N1489" s="18"/>
      <c r="O1489" s="18"/>
      <c r="P1489" s="20"/>
      <c r="Q1489" s="20"/>
      <c r="R1489" s="20"/>
      <c r="S1489" s="20"/>
      <c r="T1489" s="20"/>
      <c r="U1489" s="20"/>
      <c r="V1489" s="20"/>
      <c r="W1489" s="20"/>
      <c r="X1489" s="19"/>
      <c r="Y1489" s="19"/>
      <c r="Z1489" s="19"/>
      <c r="AA1489" s="19"/>
    </row>
    <row r="1490" spans="1:27" s="1" customFormat="1" ht="11.1" customHeight="1" outlineLevel="2" x14ac:dyDescent="0.2">
      <c r="A1490" s="17">
        <v>6130</v>
      </c>
      <c r="B1490" s="17"/>
      <c r="C1490" s="17"/>
      <c r="D1490" s="18" t="s">
        <v>753</v>
      </c>
      <c r="E1490" s="18"/>
      <c r="F1490" s="18"/>
      <c r="G1490" s="18"/>
      <c r="H1490" s="18"/>
      <c r="I1490" s="18"/>
      <c r="J1490" s="18"/>
      <c r="K1490" s="18"/>
      <c r="L1490" s="18"/>
      <c r="M1490" s="18"/>
      <c r="N1490" s="18"/>
      <c r="O1490" s="18"/>
      <c r="P1490" s="19">
        <v>900</v>
      </c>
      <c r="Q1490" s="19"/>
      <c r="R1490" s="19"/>
      <c r="S1490" s="19"/>
      <c r="T1490" s="19">
        <v>690</v>
      </c>
      <c r="U1490" s="19"/>
      <c r="V1490" s="19"/>
      <c r="W1490" s="19"/>
      <c r="X1490" s="19">
        <v>15</v>
      </c>
      <c r="Y1490" s="19"/>
      <c r="Z1490" s="19"/>
      <c r="AA1490" s="19"/>
    </row>
    <row r="1491" spans="1:27" s="1" customFormat="1" ht="11.1" customHeight="1" outlineLevel="2" x14ac:dyDescent="0.2">
      <c r="A1491" s="17"/>
      <c r="B1491" s="17"/>
      <c r="C1491" s="17"/>
      <c r="D1491" s="18"/>
      <c r="E1491" s="18"/>
      <c r="F1491" s="18"/>
      <c r="G1491" s="18"/>
      <c r="H1491" s="18"/>
      <c r="I1491" s="18"/>
      <c r="J1491" s="18"/>
      <c r="K1491" s="18"/>
      <c r="L1491" s="18"/>
      <c r="M1491" s="18"/>
      <c r="N1491" s="18"/>
      <c r="O1491" s="18"/>
      <c r="P1491" s="19"/>
      <c r="Q1491" s="19"/>
      <c r="R1491" s="19"/>
      <c r="S1491" s="19"/>
      <c r="T1491" s="19"/>
      <c r="U1491" s="19"/>
      <c r="V1491" s="19"/>
      <c r="W1491" s="19"/>
      <c r="X1491" s="19"/>
      <c r="Y1491" s="19"/>
      <c r="Z1491" s="19"/>
      <c r="AA1491" s="19"/>
    </row>
    <row r="1492" spans="1:27" s="1" customFormat="1" ht="11.1" customHeight="1" outlineLevel="2" x14ac:dyDescent="0.2">
      <c r="A1492" s="17">
        <v>5900</v>
      </c>
      <c r="B1492" s="17"/>
      <c r="C1492" s="17"/>
      <c r="D1492" s="18" t="s">
        <v>754</v>
      </c>
      <c r="E1492" s="18"/>
      <c r="F1492" s="18"/>
      <c r="G1492" s="18"/>
      <c r="H1492" s="18"/>
      <c r="I1492" s="18"/>
      <c r="J1492" s="18"/>
      <c r="K1492" s="18"/>
      <c r="L1492" s="18"/>
      <c r="M1492" s="18"/>
      <c r="N1492" s="18"/>
      <c r="O1492" s="18"/>
      <c r="P1492" s="19">
        <v>900</v>
      </c>
      <c r="Q1492" s="19"/>
      <c r="R1492" s="19"/>
      <c r="S1492" s="19"/>
      <c r="T1492" s="19">
        <v>690</v>
      </c>
      <c r="U1492" s="19"/>
      <c r="V1492" s="19"/>
      <c r="W1492" s="19"/>
      <c r="X1492" s="19">
        <v>23</v>
      </c>
      <c r="Y1492" s="19"/>
      <c r="Z1492" s="19"/>
      <c r="AA1492" s="19"/>
    </row>
    <row r="1493" spans="1:27" s="1" customFormat="1" ht="11.1" customHeight="1" outlineLevel="2" x14ac:dyDescent="0.2">
      <c r="A1493" s="17"/>
      <c r="B1493" s="17"/>
      <c r="C1493" s="17"/>
      <c r="D1493" s="18"/>
      <c r="E1493" s="18"/>
      <c r="F1493" s="18"/>
      <c r="G1493" s="18"/>
      <c r="H1493" s="18"/>
      <c r="I1493" s="18"/>
      <c r="J1493" s="18"/>
      <c r="K1493" s="18"/>
      <c r="L1493" s="18"/>
      <c r="M1493" s="18"/>
      <c r="N1493" s="18"/>
      <c r="O1493" s="18"/>
      <c r="P1493" s="19"/>
      <c r="Q1493" s="19"/>
      <c r="R1493" s="19"/>
      <c r="S1493" s="19"/>
      <c r="T1493" s="19"/>
      <c r="U1493" s="19"/>
      <c r="V1493" s="19"/>
      <c r="W1493" s="19"/>
      <c r="X1493" s="19"/>
      <c r="Y1493" s="19"/>
      <c r="Z1493" s="19"/>
      <c r="AA1493" s="19"/>
    </row>
    <row r="1494" spans="1:27" s="1" customFormat="1" ht="14.1" customHeight="1" outlineLevel="2" x14ac:dyDescent="0.2">
      <c r="A1494" s="17">
        <v>18150</v>
      </c>
      <c r="B1494" s="17"/>
      <c r="C1494" s="17"/>
      <c r="D1494" s="18" t="s">
        <v>755</v>
      </c>
      <c r="E1494" s="18"/>
      <c r="F1494" s="18"/>
      <c r="G1494" s="18"/>
      <c r="H1494" s="18"/>
      <c r="I1494" s="18"/>
      <c r="J1494" s="18"/>
      <c r="K1494" s="18"/>
      <c r="L1494" s="18"/>
      <c r="M1494" s="18"/>
      <c r="N1494" s="18"/>
      <c r="O1494" s="18"/>
      <c r="P1494" s="19">
        <v>800</v>
      </c>
      <c r="Q1494" s="19"/>
      <c r="R1494" s="19"/>
      <c r="S1494" s="19"/>
      <c r="T1494" s="19">
        <v>700</v>
      </c>
      <c r="U1494" s="19"/>
      <c r="V1494" s="19"/>
      <c r="W1494" s="19"/>
      <c r="X1494" s="19">
        <v>1</v>
      </c>
      <c r="Y1494" s="19"/>
      <c r="Z1494" s="19"/>
      <c r="AA1494" s="19"/>
    </row>
    <row r="1495" spans="1:27" s="1" customFormat="1" ht="14.1" customHeight="1" outlineLevel="2" x14ac:dyDescent="0.2">
      <c r="A1495" s="17"/>
      <c r="B1495" s="17"/>
      <c r="C1495" s="17"/>
      <c r="D1495" s="18"/>
      <c r="E1495" s="18"/>
      <c r="F1495" s="18"/>
      <c r="G1495" s="18"/>
      <c r="H1495" s="18"/>
      <c r="I1495" s="18"/>
      <c r="J1495" s="18"/>
      <c r="K1495" s="18"/>
      <c r="L1495" s="18"/>
      <c r="M1495" s="18"/>
      <c r="N1495" s="18"/>
      <c r="O1495" s="18"/>
      <c r="P1495" s="19"/>
      <c r="Q1495" s="19"/>
      <c r="R1495" s="19"/>
      <c r="S1495" s="19"/>
      <c r="T1495" s="19"/>
      <c r="U1495" s="19"/>
      <c r="V1495" s="19"/>
      <c r="W1495" s="19"/>
      <c r="X1495" s="19"/>
      <c r="Y1495" s="19"/>
      <c r="Z1495" s="19"/>
      <c r="AA1495" s="19"/>
    </row>
    <row r="1496" spans="1:27" s="1" customFormat="1" ht="11.1" customHeight="1" outlineLevel="2" x14ac:dyDescent="0.2">
      <c r="A1496" s="17">
        <v>9752</v>
      </c>
      <c r="B1496" s="17"/>
      <c r="C1496" s="17"/>
      <c r="D1496" s="18" t="s">
        <v>756</v>
      </c>
      <c r="E1496" s="18"/>
      <c r="F1496" s="18"/>
      <c r="G1496" s="18"/>
      <c r="H1496" s="18"/>
      <c r="I1496" s="18"/>
      <c r="J1496" s="18"/>
      <c r="K1496" s="18"/>
      <c r="L1496" s="18"/>
      <c r="M1496" s="18"/>
      <c r="N1496" s="18"/>
      <c r="O1496" s="18"/>
      <c r="P1496" s="20">
        <v>1100</v>
      </c>
      <c r="Q1496" s="20"/>
      <c r="R1496" s="20"/>
      <c r="S1496" s="20"/>
      <c r="T1496" s="19">
        <v>800</v>
      </c>
      <c r="U1496" s="19"/>
      <c r="V1496" s="19"/>
      <c r="W1496" s="19"/>
      <c r="X1496" s="19">
        <v>8</v>
      </c>
      <c r="Y1496" s="19"/>
      <c r="Z1496" s="19"/>
      <c r="AA1496" s="19"/>
    </row>
    <row r="1497" spans="1:27" s="1" customFormat="1" ht="11.1" customHeight="1" outlineLevel="2" x14ac:dyDescent="0.2">
      <c r="A1497" s="17"/>
      <c r="B1497" s="17"/>
      <c r="C1497" s="17"/>
      <c r="D1497" s="18"/>
      <c r="E1497" s="18"/>
      <c r="F1497" s="18"/>
      <c r="G1497" s="18"/>
      <c r="H1497" s="18"/>
      <c r="I1497" s="18"/>
      <c r="J1497" s="18"/>
      <c r="K1497" s="18"/>
      <c r="L1497" s="18"/>
      <c r="M1497" s="18"/>
      <c r="N1497" s="18"/>
      <c r="O1497" s="18"/>
      <c r="P1497" s="20"/>
      <c r="Q1497" s="20"/>
      <c r="R1497" s="20"/>
      <c r="S1497" s="20"/>
      <c r="T1497" s="19"/>
      <c r="U1497" s="19"/>
      <c r="V1497" s="19"/>
      <c r="W1497" s="19"/>
      <c r="X1497" s="19"/>
      <c r="Y1497" s="19"/>
      <c r="Z1497" s="19"/>
      <c r="AA1497" s="19"/>
    </row>
    <row r="1498" spans="1:27" s="1" customFormat="1" ht="11.1" customHeight="1" outlineLevel="2" x14ac:dyDescent="0.2">
      <c r="A1498" s="17">
        <v>17481</v>
      </c>
      <c r="B1498" s="17"/>
      <c r="C1498" s="17"/>
      <c r="D1498" s="18" t="s">
        <v>757</v>
      </c>
      <c r="E1498" s="18"/>
      <c r="F1498" s="18"/>
      <c r="G1498" s="18"/>
      <c r="H1498" s="18"/>
      <c r="I1498" s="18"/>
      <c r="J1498" s="18"/>
      <c r="K1498" s="18"/>
      <c r="L1498" s="18"/>
      <c r="M1498" s="18"/>
      <c r="N1498" s="18"/>
      <c r="O1498" s="18"/>
      <c r="P1498" s="19">
        <v>600</v>
      </c>
      <c r="Q1498" s="19"/>
      <c r="R1498" s="19"/>
      <c r="S1498" s="19"/>
      <c r="T1498" s="19">
        <v>500</v>
      </c>
      <c r="U1498" s="19"/>
      <c r="V1498" s="19"/>
      <c r="W1498" s="19"/>
      <c r="X1498" s="19">
        <v>1</v>
      </c>
      <c r="Y1498" s="19"/>
      <c r="Z1498" s="19"/>
      <c r="AA1498" s="19"/>
    </row>
    <row r="1499" spans="1:27" s="1" customFormat="1" ht="11.1" customHeight="1" outlineLevel="2" x14ac:dyDescent="0.2">
      <c r="A1499" s="17"/>
      <c r="B1499" s="17"/>
      <c r="C1499" s="17"/>
      <c r="D1499" s="18"/>
      <c r="E1499" s="18"/>
      <c r="F1499" s="18"/>
      <c r="G1499" s="18"/>
      <c r="H1499" s="18"/>
      <c r="I1499" s="18"/>
      <c r="J1499" s="18"/>
      <c r="K1499" s="18"/>
      <c r="L1499" s="18"/>
      <c r="M1499" s="18"/>
      <c r="N1499" s="18"/>
      <c r="O1499" s="18"/>
      <c r="P1499" s="19"/>
      <c r="Q1499" s="19"/>
      <c r="R1499" s="19"/>
      <c r="S1499" s="19"/>
      <c r="T1499" s="19"/>
      <c r="U1499" s="19"/>
      <c r="V1499" s="19"/>
      <c r="W1499" s="19"/>
      <c r="X1499" s="19"/>
      <c r="Y1499" s="19"/>
      <c r="Z1499" s="19"/>
      <c r="AA1499" s="19"/>
    </row>
    <row r="1500" spans="1:27" s="1" customFormat="1" ht="11.1" customHeight="1" outlineLevel="2" x14ac:dyDescent="0.2">
      <c r="A1500" s="17">
        <v>10674</v>
      </c>
      <c r="B1500" s="17"/>
      <c r="C1500" s="17"/>
      <c r="D1500" s="18" t="s">
        <v>758</v>
      </c>
      <c r="E1500" s="18"/>
      <c r="F1500" s="18"/>
      <c r="G1500" s="18"/>
      <c r="H1500" s="18"/>
      <c r="I1500" s="18"/>
      <c r="J1500" s="18"/>
      <c r="K1500" s="18"/>
      <c r="L1500" s="18"/>
      <c r="M1500" s="18"/>
      <c r="N1500" s="18"/>
      <c r="O1500" s="18"/>
      <c r="P1500" s="19">
        <v>150</v>
      </c>
      <c r="Q1500" s="19"/>
      <c r="R1500" s="19"/>
      <c r="S1500" s="19"/>
      <c r="T1500" s="19">
        <v>130</v>
      </c>
      <c r="U1500" s="19"/>
      <c r="V1500" s="19"/>
      <c r="W1500" s="19"/>
      <c r="X1500" s="19">
        <v>2</v>
      </c>
      <c r="Y1500" s="19"/>
      <c r="Z1500" s="19"/>
      <c r="AA1500" s="19"/>
    </row>
    <row r="1501" spans="1:27" s="1" customFormat="1" ht="11.1" customHeight="1" outlineLevel="2" x14ac:dyDescent="0.2">
      <c r="A1501" s="17"/>
      <c r="B1501" s="17"/>
      <c r="C1501" s="17"/>
      <c r="D1501" s="18"/>
      <c r="E1501" s="18"/>
      <c r="F1501" s="18"/>
      <c r="G1501" s="18"/>
      <c r="H1501" s="18"/>
      <c r="I1501" s="18"/>
      <c r="J1501" s="18"/>
      <c r="K1501" s="18"/>
      <c r="L1501" s="18"/>
      <c r="M1501" s="18"/>
      <c r="N1501" s="18"/>
      <c r="O1501" s="18"/>
      <c r="P1501" s="19"/>
      <c r="Q1501" s="19"/>
      <c r="R1501" s="19"/>
      <c r="S1501" s="19"/>
      <c r="T1501" s="19"/>
      <c r="U1501" s="19"/>
      <c r="V1501" s="19"/>
      <c r="W1501" s="19"/>
      <c r="X1501" s="19"/>
      <c r="Y1501" s="19"/>
      <c r="Z1501" s="19"/>
      <c r="AA1501" s="19"/>
    </row>
    <row r="1502" spans="1:27" s="1" customFormat="1" ht="11.1" customHeight="1" outlineLevel="2" x14ac:dyDescent="0.2">
      <c r="A1502" s="17">
        <v>9745</v>
      </c>
      <c r="B1502" s="17"/>
      <c r="C1502" s="17"/>
      <c r="D1502" s="18" t="s">
        <v>759</v>
      </c>
      <c r="E1502" s="18"/>
      <c r="F1502" s="18"/>
      <c r="G1502" s="18"/>
      <c r="H1502" s="18"/>
      <c r="I1502" s="18"/>
      <c r="J1502" s="18"/>
      <c r="K1502" s="18"/>
      <c r="L1502" s="18"/>
      <c r="M1502" s="18"/>
      <c r="N1502" s="18"/>
      <c r="O1502" s="18"/>
      <c r="P1502" s="19">
        <v>110</v>
      </c>
      <c r="Q1502" s="19"/>
      <c r="R1502" s="19"/>
      <c r="S1502" s="19"/>
      <c r="T1502" s="19">
        <v>60</v>
      </c>
      <c r="U1502" s="19"/>
      <c r="V1502" s="19"/>
      <c r="W1502" s="19"/>
      <c r="X1502" s="19">
        <v>2</v>
      </c>
      <c r="Y1502" s="19"/>
      <c r="Z1502" s="19"/>
      <c r="AA1502" s="19"/>
    </row>
    <row r="1503" spans="1:27" s="1" customFormat="1" ht="11.1" customHeight="1" outlineLevel="2" x14ac:dyDescent="0.2">
      <c r="A1503" s="17"/>
      <c r="B1503" s="17"/>
      <c r="C1503" s="17"/>
      <c r="D1503" s="18"/>
      <c r="E1503" s="18"/>
      <c r="F1503" s="18"/>
      <c r="G1503" s="18"/>
      <c r="H1503" s="18"/>
      <c r="I1503" s="18"/>
      <c r="J1503" s="18"/>
      <c r="K1503" s="18"/>
      <c r="L1503" s="18"/>
      <c r="M1503" s="18"/>
      <c r="N1503" s="18"/>
      <c r="O1503" s="18"/>
      <c r="P1503" s="19"/>
      <c r="Q1503" s="19"/>
      <c r="R1503" s="19"/>
      <c r="S1503" s="19"/>
      <c r="T1503" s="19"/>
      <c r="U1503" s="19"/>
      <c r="V1503" s="19"/>
      <c r="W1503" s="19"/>
      <c r="X1503" s="19"/>
      <c r="Y1503" s="19"/>
      <c r="Z1503" s="19"/>
      <c r="AA1503" s="19"/>
    </row>
    <row r="1504" spans="1:27" s="1" customFormat="1" ht="11.1" customHeight="1" outlineLevel="2" x14ac:dyDescent="0.2">
      <c r="A1504" s="17">
        <v>10300</v>
      </c>
      <c r="B1504" s="17"/>
      <c r="C1504" s="17"/>
      <c r="D1504" s="18" t="s">
        <v>760</v>
      </c>
      <c r="E1504" s="18"/>
      <c r="F1504" s="18"/>
      <c r="G1504" s="18"/>
      <c r="H1504" s="18"/>
      <c r="I1504" s="18"/>
      <c r="J1504" s="18"/>
      <c r="K1504" s="18"/>
      <c r="L1504" s="18"/>
      <c r="M1504" s="18"/>
      <c r="N1504" s="18"/>
      <c r="O1504" s="18"/>
      <c r="P1504" s="19">
        <v>800</v>
      </c>
      <c r="Q1504" s="19"/>
      <c r="R1504" s="19"/>
      <c r="S1504" s="19"/>
      <c r="T1504" s="19">
        <v>700</v>
      </c>
      <c r="U1504" s="19"/>
      <c r="V1504" s="19"/>
      <c r="W1504" s="19"/>
      <c r="X1504" s="19">
        <v>1</v>
      </c>
      <c r="Y1504" s="19"/>
      <c r="Z1504" s="19"/>
      <c r="AA1504" s="19"/>
    </row>
    <row r="1505" spans="1:27" s="1" customFormat="1" ht="11.1" customHeight="1" outlineLevel="2" x14ac:dyDescent="0.2">
      <c r="A1505" s="17"/>
      <c r="B1505" s="17"/>
      <c r="C1505" s="17"/>
      <c r="D1505" s="18"/>
      <c r="E1505" s="18"/>
      <c r="F1505" s="18"/>
      <c r="G1505" s="18"/>
      <c r="H1505" s="18"/>
      <c r="I1505" s="18"/>
      <c r="J1505" s="18"/>
      <c r="K1505" s="18"/>
      <c r="L1505" s="18"/>
      <c r="M1505" s="18"/>
      <c r="N1505" s="18"/>
      <c r="O1505" s="18"/>
      <c r="P1505" s="19"/>
      <c r="Q1505" s="19"/>
      <c r="R1505" s="19"/>
      <c r="S1505" s="19"/>
      <c r="T1505" s="19"/>
      <c r="U1505" s="19"/>
      <c r="V1505" s="19"/>
      <c r="W1505" s="19"/>
      <c r="X1505" s="19"/>
      <c r="Y1505" s="19"/>
      <c r="Z1505" s="19"/>
      <c r="AA1505" s="19"/>
    </row>
    <row r="1506" spans="1:27" s="1" customFormat="1" ht="11.1" customHeight="1" outlineLevel="2" x14ac:dyDescent="0.2">
      <c r="A1506" s="17">
        <v>11302</v>
      </c>
      <c r="B1506" s="17"/>
      <c r="C1506" s="17"/>
      <c r="D1506" s="18" t="s">
        <v>761</v>
      </c>
      <c r="E1506" s="18"/>
      <c r="F1506" s="18"/>
      <c r="G1506" s="18"/>
      <c r="H1506" s="18"/>
      <c r="I1506" s="18"/>
      <c r="J1506" s="18"/>
      <c r="K1506" s="18"/>
      <c r="L1506" s="18"/>
      <c r="M1506" s="18"/>
      <c r="N1506" s="18"/>
      <c r="O1506" s="18"/>
      <c r="P1506" s="19">
        <v>700</v>
      </c>
      <c r="Q1506" s="19"/>
      <c r="R1506" s="19"/>
      <c r="S1506" s="19"/>
      <c r="T1506" s="19">
        <v>500</v>
      </c>
      <c r="U1506" s="19"/>
      <c r="V1506" s="19"/>
      <c r="W1506" s="19"/>
      <c r="X1506" s="19">
        <v>4</v>
      </c>
      <c r="Y1506" s="19"/>
      <c r="Z1506" s="19"/>
      <c r="AA1506" s="19"/>
    </row>
    <row r="1507" spans="1:27" s="1" customFormat="1" ht="11.1" customHeight="1" outlineLevel="2" x14ac:dyDescent="0.2">
      <c r="A1507" s="17"/>
      <c r="B1507" s="17"/>
      <c r="C1507" s="17"/>
      <c r="D1507" s="18"/>
      <c r="E1507" s="18"/>
      <c r="F1507" s="18"/>
      <c r="G1507" s="18"/>
      <c r="H1507" s="18"/>
      <c r="I1507" s="18"/>
      <c r="J1507" s="18"/>
      <c r="K1507" s="18"/>
      <c r="L1507" s="18"/>
      <c r="M1507" s="18"/>
      <c r="N1507" s="18"/>
      <c r="O1507" s="18"/>
      <c r="P1507" s="19"/>
      <c r="Q1507" s="19"/>
      <c r="R1507" s="19"/>
      <c r="S1507" s="19"/>
      <c r="T1507" s="19"/>
      <c r="U1507" s="19"/>
      <c r="V1507" s="19"/>
      <c r="W1507" s="19"/>
      <c r="X1507" s="19"/>
      <c r="Y1507" s="19"/>
      <c r="Z1507" s="19"/>
      <c r="AA1507" s="19"/>
    </row>
    <row r="1508" spans="1:27" s="1" customFormat="1" ht="11.1" customHeight="1" outlineLevel="2" x14ac:dyDescent="0.2">
      <c r="A1508" s="17">
        <v>10692</v>
      </c>
      <c r="B1508" s="17"/>
      <c r="C1508" s="17"/>
      <c r="D1508" s="18" t="s">
        <v>762</v>
      </c>
      <c r="E1508" s="18"/>
      <c r="F1508" s="18"/>
      <c r="G1508" s="18"/>
      <c r="H1508" s="18"/>
      <c r="I1508" s="18"/>
      <c r="J1508" s="18"/>
      <c r="K1508" s="18"/>
      <c r="L1508" s="18"/>
      <c r="M1508" s="18"/>
      <c r="N1508" s="18"/>
      <c r="O1508" s="18"/>
      <c r="P1508" s="19">
        <v>30</v>
      </c>
      <c r="Q1508" s="19"/>
      <c r="R1508" s="19"/>
      <c r="S1508" s="19"/>
      <c r="T1508" s="19">
        <v>20</v>
      </c>
      <c r="U1508" s="19"/>
      <c r="V1508" s="19"/>
      <c r="W1508" s="19"/>
      <c r="X1508" s="19">
        <v>2</v>
      </c>
      <c r="Y1508" s="19"/>
      <c r="Z1508" s="19"/>
      <c r="AA1508" s="19"/>
    </row>
    <row r="1509" spans="1:27" s="1" customFormat="1" ht="11.1" customHeight="1" outlineLevel="2" x14ac:dyDescent="0.2">
      <c r="A1509" s="17"/>
      <c r="B1509" s="17"/>
      <c r="C1509" s="17"/>
      <c r="D1509" s="18"/>
      <c r="E1509" s="18"/>
      <c r="F1509" s="18"/>
      <c r="G1509" s="18"/>
      <c r="H1509" s="18"/>
      <c r="I1509" s="18"/>
      <c r="J1509" s="18"/>
      <c r="K1509" s="18"/>
      <c r="L1509" s="18"/>
      <c r="M1509" s="18"/>
      <c r="N1509" s="18"/>
      <c r="O1509" s="18"/>
      <c r="P1509" s="19"/>
      <c r="Q1509" s="19"/>
      <c r="R1509" s="19"/>
      <c r="S1509" s="19"/>
      <c r="T1509" s="19"/>
      <c r="U1509" s="19"/>
      <c r="V1509" s="19"/>
      <c r="W1509" s="19"/>
      <c r="X1509" s="19"/>
      <c r="Y1509" s="19"/>
      <c r="Z1509" s="19"/>
      <c r="AA1509" s="19"/>
    </row>
    <row r="1510" spans="1:27" s="1" customFormat="1" ht="11.1" customHeight="1" outlineLevel="2" x14ac:dyDescent="0.2">
      <c r="A1510" s="17">
        <v>9556</v>
      </c>
      <c r="B1510" s="17"/>
      <c r="C1510" s="17"/>
      <c r="D1510" s="18" t="s">
        <v>763</v>
      </c>
      <c r="E1510" s="18"/>
      <c r="F1510" s="18"/>
      <c r="G1510" s="18"/>
      <c r="H1510" s="18"/>
      <c r="I1510" s="18"/>
      <c r="J1510" s="18"/>
      <c r="K1510" s="18"/>
      <c r="L1510" s="18"/>
      <c r="M1510" s="18"/>
      <c r="N1510" s="18"/>
      <c r="O1510" s="18"/>
      <c r="P1510" s="19">
        <v>30</v>
      </c>
      <c r="Q1510" s="19"/>
      <c r="R1510" s="19"/>
      <c r="S1510" s="19"/>
      <c r="T1510" s="19">
        <v>20</v>
      </c>
      <c r="U1510" s="19"/>
      <c r="V1510" s="19"/>
      <c r="W1510" s="19"/>
      <c r="X1510" s="19">
        <v>8</v>
      </c>
      <c r="Y1510" s="19"/>
      <c r="Z1510" s="19"/>
      <c r="AA1510" s="19"/>
    </row>
    <row r="1511" spans="1:27" s="1" customFormat="1" ht="11.1" customHeight="1" outlineLevel="2" x14ac:dyDescent="0.2">
      <c r="A1511" s="17"/>
      <c r="B1511" s="17"/>
      <c r="C1511" s="17"/>
      <c r="D1511" s="18"/>
      <c r="E1511" s="18"/>
      <c r="F1511" s="18"/>
      <c r="G1511" s="18"/>
      <c r="H1511" s="18"/>
      <c r="I1511" s="18"/>
      <c r="J1511" s="18"/>
      <c r="K1511" s="18"/>
      <c r="L1511" s="18"/>
      <c r="M1511" s="18"/>
      <c r="N1511" s="18"/>
      <c r="O1511" s="18"/>
      <c r="P1511" s="19"/>
      <c r="Q1511" s="19"/>
      <c r="R1511" s="19"/>
      <c r="S1511" s="19"/>
      <c r="T1511" s="19"/>
      <c r="U1511" s="19"/>
      <c r="V1511" s="19"/>
      <c r="W1511" s="19"/>
      <c r="X1511" s="19"/>
      <c r="Y1511" s="19"/>
      <c r="Z1511" s="19"/>
      <c r="AA1511" s="19"/>
    </row>
    <row r="1512" spans="1:27" s="1" customFormat="1" ht="11.1" customHeight="1" outlineLevel="2" x14ac:dyDescent="0.2">
      <c r="A1512" s="17">
        <v>9545</v>
      </c>
      <c r="B1512" s="17"/>
      <c r="C1512" s="17"/>
      <c r="D1512" s="18" t="s">
        <v>764</v>
      </c>
      <c r="E1512" s="18"/>
      <c r="F1512" s="18"/>
      <c r="G1512" s="18"/>
      <c r="H1512" s="18"/>
      <c r="I1512" s="18"/>
      <c r="J1512" s="18"/>
      <c r="K1512" s="18"/>
      <c r="L1512" s="18"/>
      <c r="M1512" s="18"/>
      <c r="N1512" s="18"/>
      <c r="O1512" s="18"/>
      <c r="P1512" s="19">
        <v>50</v>
      </c>
      <c r="Q1512" s="19"/>
      <c r="R1512" s="19"/>
      <c r="S1512" s="19"/>
      <c r="T1512" s="19">
        <v>30</v>
      </c>
      <c r="U1512" s="19"/>
      <c r="V1512" s="19"/>
      <c r="W1512" s="19"/>
      <c r="X1512" s="19">
        <v>7</v>
      </c>
      <c r="Y1512" s="19"/>
      <c r="Z1512" s="19"/>
      <c r="AA1512" s="19"/>
    </row>
    <row r="1513" spans="1:27" s="1" customFormat="1" ht="11.1" customHeight="1" outlineLevel="2" x14ac:dyDescent="0.2">
      <c r="A1513" s="17"/>
      <c r="B1513" s="17"/>
      <c r="C1513" s="17"/>
      <c r="D1513" s="18"/>
      <c r="E1513" s="18"/>
      <c r="F1513" s="18"/>
      <c r="G1513" s="18"/>
      <c r="H1513" s="18"/>
      <c r="I1513" s="18"/>
      <c r="J1513" s="18"/>
      <c r="K1513" s="18"/>
      <c r="L1513" s="18"/>
      <c r="M1513" s="18"/>
      <c r="N1513" s="18"/>
      <c r="O1513" s="18"/>
      <c r="P1513" s="19"/>
      <c r="Q1513" s="19"/>
      <c r="R1513" s="19"/>
      <c r="S1513" s="19"/>
      <c r="T1513" s="19"/>
      <c r="U1513" s="19"/>
      <c r="V1513" s="19"/>
      <c r="W1513" s="19"/>
      <c r="X1513" s="19"/>
      <c r="Y1513" s="19"/>
      <c r="Z1513" s="19"/>
      <c r="AA1513" s="19"/>
    </row>
    <row r="1514" spans="1:27" s="1" customFormat="1" ht="14.1" customHeight="1" outlineLevel="2" x14ac:dyDescent="0.2">
      <c r="A1514" s="17">
        <v>10449</v>
      </c>
      <c r="B1514" s="17"/>
      <c r="C1514" s="17"/>
      <c r="D1514" s="18" t="s">
        <v>765</v>
      </c>
      <c r="E1514" s="18"/>
      <c r="F1514" s="18"/>
      <c r="G1514" s="18"/>
      <c r="H1514" s="18"/>
      <c r="I1514" s="18"/>
      <c r="J1514" s="18"/>
      <c r="K1514" s="18"/>
      <c r="L1514" s="18"/>
      <c r="M1514" s="18"/>
      <c r="N1514" s="18"/>
      <c r="O1514" s="18"/>
      <c r="P1514" s="19">
        <v>260</v>
      </c>
      <c r="Q1514" s="19"/>
      <c r="R1514" s="19"/>
      <c r="S1514" s="19"/>
      <c r="T1514" s="19">
        <v>190</v>
      </c>
      <c r="U1514" s="19"/>
      <c r="V1514" s="19"/>
      <c r="W1514" s="19"/>
      <c r="X1514" s="19">
        <v>17</v>
      </c>
      <c r="Y1514" s="19"/>
      <c r="Z1514" s="19"/>
      <c r="AA1514" s="19"/>
    </row>
    <row r="1515" spans="1:27" s="1" customFormat="1" ht="14.1" customHeight="1" outlineLevel="2" x14ac:dyDescent="0.2">
      <c r="A1515" s="17"/>
      <c r="B1515" s="17"/>
      <c r="C1515" s="17"/>
      <c r="D1515" s="18"/>
      <c r="E1515" s="18"/>
      <c r="F1515" s="18"/>
      <c r="G1515" s="18"/>
      <c r="H1515" s="18"/>
      <c r="I1515" s="18"/>
      <c r="J1515" s="18"/>
      <c r="K1515" s="18"/>
      <c r="L1515" s="18"/>
      <c r="M1515" s="18"/>
      <c r="N1515" s="18"/>
      <c r="O1515" s="18"/>
      <c r="P1515" s="19"/>
      <c r="Q1515" s="19"/>
      <c r="R1515" s="19"/>
      <c r="S1515" s="19"/>
      <c r="T1515" s="19"/>
      <c r="U1515" s="19"/>
      <c r="V1515" s="19"/>
      <c r="W1515" s="19"/>
      <c r="X1515" s="19"/>
      <c r="Y1515" s="19"/>
      <c r="Z1515" s="19"/>
      <c r="AA1515" s="19"/>
    </row>
    <row r="1516" spans="1:27" s="1" customFormat="1" ht="14.1" customHeight="1" outlineLevel="2" x14ac:dyDescent="0.2">
      <c r="A1516" s="17">
        <v>15674</v>
      </c>
      <c r="B1516" s="17"/>
      <c r="C1516" s="17"/>
      <c r="D1516" s="18" t="s">
        <v>766</v>
      </c>
      <c r="E1516" s="18"/>
      <c r="F1516" s="18"/>
      <c r="G1516" s="18"/>
      <c r="H1516" s="18"/>
      <c r="I1516" s="18"/>
      <c r="J1516" s="18"/>
      <c r="K1516" s="18"/>
      <c r="L1516" s="18"/>
      <c r="M1516" s="18"/>
      <c r="N1516" s="18"/>
      <c r="O1516" s="18"/>
      <c r="P1516" s="19">
        <v>350</v>
      </c>
      <c r="Q1516" s="19"/>
      <c r="R1516" s="19"/>
      <c r="S1516" s="19"/>
      <c r="T1516" s="19">
        <v>260</v>
      </c>
      <c r="U1516" s="19"/>
      <c r="V1516" s="19"/>
      <c r="W1516" s="19"/>
      <c r="X1516" s="19">
        <v>7</v>
      </c>
      <c r="Y1516" s="19"/>
      <c r="Z1516" s="19"/>
      <c r="AA1516" s="19"/>
    </row>
    <row r="1517" spans="1:27" s="1" customFormat="1" ht="14.1" customHeight="1" outlineLevel="2" x14ac:dyDescent="0.2">
      <c r="A1517" s="17"/>
      <c r="B1517" s="17"/>
      <c r="C1517" s="17"/>
      <c r="D1517" s="18"/>
      <c r="E1517" s="18"/>
      <c r="F1517" s="18"/>
      <c r="G1517" s="18"/>
      <c r="H1517" s="18"/>
      <c r="I1517" s="18"/>
      <c r="J1517" s="18"/>
      <c r="K1517" s="18"/>
      <c r="L1517" s="18"/>
      <c r="M1517" s="18"/>
      <c r="N1517" s="18"/>
      <c r="O1517" s="18"/>
      <c r="P1517" s="19"/>
      <c r="Q1517" s="19"/>
      <c r="R1517" s="19"/>
      <c r="S1517" s="19"/>
      <c r="T1517" s="19"/>
      <c r="U1517" s="19"/>
      <c r="V1517" s="19"/>
      <c r="W1517" s="19"/>
      <c r="X1517" s="19"/>
      <c r="Y1517" s="19"/>
      <c r="Z1517" s="19"/>
      <c r="AA1517" s="19"/>
    </row>
    <row r="1518" spans="1:27" s="1" customFormat="1" ht="14.1" customHeight="1" outlineLevel="2" x14ac:dyDescent="0.2">
      <c r="A1518" s="17">
        <v>10447</v>
      </c>
      <c r="B1518" s="17"/>
      <c r="C1518" s="17"/>
      <c r="D1518" s="18" t="s">
        <v>767</v>
      </c>
      <c r="E1518" s="18"/>
      <c r="F1518" s="18"/>
      <c r="G1518" s="18"/>
      <c r="H1518" s="18"/>
      <c r="I1518" s="18"/>
      <c r="J1518" s="18"/>
      <c r="K1518" s="18"/>
      <c r="L1518" s="18"/>
      <c r="M1518" s="18"/>
      <c r="N1518" s="18"/>
      <c r="O1518" s="18"/>
      <c r="P1518" s="19">
        <v>260</v>
      </c>
      <c r="Q1518" s="19"/>
      <c r="R1518" s="19"/>
      <c r="S1518" s="19"/>
      <c r="T1518" s="19">
        <v>190</v>
      </c>
      <c r="U1518" s="19"/>
      <c r="V1518" s="19"/>
      <c r="W1518" s="19"/>
      <c r="X1518" s="19">
        <v>44</v>
      </c>
      <c r="Y1518" s="19"/>
      <c r="Z1518" s="19"/>
      <c r="AA1518" s="19"/>
    </row>
    <row r="1519" spans="1:27" s="1" customFormat="1" ht="14.1" customHeight="1" outlineLevel="2" x14ac:dyDescent="0.2">
      <c r="A1519" s="17"/>
      <c r="B1519" s="17"/>
      <c r="C1519" s="17"/>
      <c r="D1519" s="18"/>
      <c r="E1519" s="18"/>
      <c r="F1519" s="18"/>
      <c r="G1519" s="18"/>
      <c r="H1519" s="18"/>
      <c r="I1519" s="18"/>
      <c r="J1519" s="18"/>
      <c r="K1519" s="18"/>
      <c r="L1519" s="18"/>
      <c r="M1519" s="18"/>
      <c r="N1519" s="18"/>
      <c r="O1519" s="18"/>
      <c r="P1519" s="19"/>
      <c r="Q1519" s="19"/>
      <c r="R1519" s="19"/>
      <c r="S1519" s="19"/>
      <c r="T1519" s="19"/>
      <c r="U1519" s="19"/>
      <c r="V1519" s="19"/>
      <c r="W1519" s="19"/>
      <c r="X1519" s="19"/>
      <c r="Y1519" s="19"/>
      <c r="Z1519" s="19"/>
      <c r="AA1519" s="19"/>
    </row>
    <row r="1520" spans="1:27" s="1" customFormat="1" ht="14.1" customHeight="1" outlineLevel="2" x14ac:dyDescent="0.2">
      <c r="A1520" s="17">
        <v>15673</v>
      </c>
      <c r="B1520" s="17"/>
      <c r="C1520" s="17"/>
      <c r="D1520" s="18" t="s">
        <v>768</v>
      </c>
      <c r="E1520" s="18"/>
      <c r="F1520" s="18"/>
      <c r="G1520" s="18"/>
      <c r="H1520" s="18"/>
      <c r="I1520" s="18"/>
      <c r="J1520" s="18"/>
      <c r="K1520" s="18"/>
      <c r="L1520" s="18"/>
      <c r="M1520" s="18"/>
      <c r="N1520" s="18"/>
      <c r="O1520" s="18"/>
      <c r="P1520" s="19">
        <v>350</v>
      </c>
      <c r="Q1520" s="19"/>
      <c r="R1520" s="19"/>
      <c r="S1520" s="19"/>
      <c r="T1520" s="19">
        <v>260</v>
      </c>
      <c r="U1520" s="19"/>
      <c r="V1520" s="19"/>
      <c r="W1520" s="19"/>
      <c r="X1520" s="19">
        <v>9</v>
      </c>
      <c r="Y1520" s="19"/>
      <c r="Z1520" s="19"/>
      <c r="AA1520" s="19"/>
    </row>
    <row r="1521" spans="1:27" s="1" customFormat="1" ht="14.1" customHeight="1" outlineLevel="2" x14ac:dyDescent="0.2">
      <c r="A1521" s="17"/>
      <c r="B1521" s="17"/>
      <c r="C1521" s="17"/>
      <c r="D1521" s="18"/>
      <c r="E1521" s="18"/>
      <c r="F1521" s="18"/>
      <c r="G1521" s="18"/>
      <c r="H1521" s="18"/>
      <c r="I1521" s="18"/>
      <c r="J1521" s="18"/>
      <c r="K1521" s="18"/>
      <c r="L1521" s="18"/>
      <c r="M1521" s="18"/>
      <c r="N1521" s="18"/>
      <c r="O1521" s="18"/>
      <c r="P1521" s="19"/>
      <c r="Q1521" s="19"/>
      <c r="R1521" s="19"/>
      <c r="S1521" s="19"/>
      <c r="T1521" s="19"/>
      <c r="U1521" s="19"/>
      <c r="V1521" s="19"/>
      <c r="W1521" s="19"/>
      <c r="X1521" s="19"/>
      <c r="Y1521" s="19"/>
      <c r="Z1521" s="19"/>
      <c r="AA1521" s="19"/>
    </row>
    <row r="1522" spans="1:27" s="1" customFormat="1" ht="11.1" customHeight="1" outlineLevel="2" x14ac:dyDescent="0.2">
      <c r="A1522" s="17">
        <v>9726</v>
      </c>
      <c r="B1522" s="17"/>
      <c r="C1522" s="17"/>
      <c r="D1522" s="18" t="s">
        <v>769</v>
      </c>
      <c r="E1522" s="18"/>
      <c r="F1522" s="18"/>
      <c r="G1522" s="18"/>
      <c r="H1522" s="18"/>
      <c r="I1522" s="18"/>
      <c r="J1522" s="18"/>
      <c r="K1522" s="18"/>
      <c r="L1522" s="18"/>
      <c r="M1522" s="18"/>
      <c r="N1522" s="18"/>
      <c r="O1522" s="18"/>
      <c r="P1522" s="19">
        <v>50</v>
      </c>
      <c r="Q1522" s="19"/>
      <c r="R1522" s="19"/>
      <c r="S1522" s="19"/>
      <c r="T1522" s="19">
        <v>30</v>
      </c>
      <c r="U1522" s="19"/>
      <c r="V1522" s="19"/>
      <c r="W1522" s="19"/>
      <c r="X1522" s="19">
        <v>2</v>
      </c>
      <c r="Y1522" s="19"/>
      <c r="Z1522" s="19"/>
      <c r="AA1522" s="19"/>
    </row>
    <row r="1523" spans="1:27" s="1" customFormat="1" ht="11.1" customHeight="1" outlineLevel="2" x14ac:dyDescent="0.2">
      <c r="A1523" s="17"/>
      <c r="B1523" s="17"/>
      <c r="C1523" s="17"/>
      <c r="D1523" s="18"/>
      <c r="E1523" s="18"/>
      <c r="F1523" s="18"/>
      <c r="G1523" s="18"/>
      <c r="H1523" s="18"/>
      <c r="I1523" s="18"/>
      <c r="J1523" s="18"/>
      <c r="K1523" s="18"/>
      <c r="L1523" s="18"/>
      <c r="M1523" s="18"/>
      <c r="N1523" s="18"/>
      <c r="O1523" s="18"/>
      <c r="P1523" s="19"/>
      <c r="Q1523" s="19"/>
      <c r="R1523" s="19"/>
      <c r="S1523" s="19"/>
      <c r="T1523" s="19"/>
      <c r="U1523" s="19"/>
      <c r="V1523" s="19"/>
      <c r="W1523" s="19"/>
      <c r="X1523" s="19"/>
      <c r="Y1523" s="19"/>
      <c r="Z1523" s="19"/>
      <c r="AA1523" s="19"/>
    </row>
    <row r="1524" spans="1:27" s="1" customFormat="1" ht="14.1" customHeight="1" outlineLevel="2" x14ac:dyDescent="0.2">
      <c r="A1524" s="17">
        <v>9770</v>
      </c>
      <c r="B1524" s="17"/>
      <c r="C1524" s="17"/>
      <c r="D1524" s="18" t="s">
        <v>770</v>
      </c>
      <c r="E1524" s="18"/>
      <c r="F1524" s="18"/>
      <c r="G1524" s="18"/>
      <c r="H1524" s="18"/>
      <c r="I1524" s="18"/>
      <c r="J1524" s="18"/>
      <c r="K1524" s="18"/>
      <c r="L1524" s="18"/>
      <c r="M1524" s="18"/>
      <c r="N1524" s="18"/>
      <c r="O1524" s="18"/>
      <c r="P1524" s="19">
        <v>210</v>
      </c>
      <c r="Q1524" s="19"/>
      <c r="R1524" s="19"/>
      <c r="S1524" s="19"/>
      <c r="T1524" s="19">
        <v>170</v>
      </c>
      <c r="U1524" s="19"/>
      <c r="V1524" s="19"/>
      <c r="W1524" s="19"/>
      <c r="X1524" s="19">
        <v>2</v>
      </c>
      <c r="Y1524" s="19"/>
      <c r="Z1524" s="19"/>
      <c r="AA1524" s="19"/>
    </row>
    <row r="1525" spans="1:27" s="1" customFormat="1" ht="14.1" customHeight="1" outlineLevel="2" x14ac:dyDescent="0.2">
      <c r="A1525" s="17"/>
      <c r="B1525" s="17"/>
      <c r="C1525" s="17"/>
      <c r="D1525" s="18"/>
      <c r="E1525" s="18"/>
      <c r="F1525" s="18"/>
      <c r="G1525" s="18"/>
      <c r="H1525" s="18"/>
      <c r="I1525" s="18"/>
      <c r="J1525" s="18"/>
      <c r="K1525" s="18"/>
      <c r="L1525" s="18"/>
      <c r="M1525" s="18"/>
      <c r="N1525" s="18"/>
      <c r="O1525" s="18"/>
      <c r="P1525" s="19"/>
      <c r="Q1525" s="19"/>
      <c r="R1525" s="19"/>
      <c r="S1525" s="19"/>
      <c r="T1525" s="19"/>
      <c r="U1525" s="19"/>
      <c r="V1525" s="19"/>
      <c r="W1525" s="19"/>
      <c r="X1525" s="19"/>
      <c r="Y1525" s="19"/>
      <c r="Z1525" s="19"/>
      <c r="AA1525" s="19"/>
    </row>
    <row r="1526" spans="1:27" s="1" customFormat="1" ht="14.1" customHeight="1" outlineLevel="2" x14ac:dyDescent="0.2">
      <c r="A1526" s="17">
        <v>11172</v>
      </c>
      <c r="B1526" s="17"/>
      <c r="C1526" s="17"/>
      <c r="D1526" s="18" t="s">
        <v>771</v>
      </c>
      <c r="E1526" s="18"/>
      <c r="F1526" s="18"/>
      <c r="G1526" s="18"/>
      <c r="H1526" s="18"/>
      <c r="I1526" s="18"/>
      <c r="J1526" s="18"/>
      <c r="K1526" s="18"/>
      <c r="L1526" s="18"/>
      <c r="M1526" s="18"/>
      <c r="N1526" s="18"/>
      <c r="O1526" s="18"/>
      <c r="P1526" s="19">
        <v>330</v>
      </c>
      <c r="Q1526" s="19"/>
      <c r="R1526" s="19"/>
      <c r="S1526" s="19"/>
      <c r="T1526" s="19">
        <v>270</v>
      </c>
      <c r="U1526" s="19"/>
      <c r="V1526" s="19"/>
      <c r="W1526" s="19"/>
      <c r="X1526" s="19">
        <v>2</v>
      </c>
      <c r="Y1526" s="19"/>
      <c r="Z1526" s="19"/>
      <c r="AA1526" s="19"/>
    </row>
    <row r="1527" spans="1:27" s="1" customFormat="1" ht="14.1" customHeight="1" outlineLevel="2" x14ac:dyDescent="0.2">
      <c r="A1527" s="17"/>
      <c r="B1527" s="17"/>
      <c r="C1527" s="17"/>
      <c r="D1527" s="18"/>
      <c r="E1527" s="18"/>
      <c r="F1527" s="18"/>
      <c r="G1527" s="18"/>
      <c r="H1527" s="18"/>
      <c r="I1527" s="18"/>
      <c r="J1527" s="18"/>
      <c r="K1527" s="18"/>
      <c r="L1527" s="18"/>
      <c r="M1527" s="18"/>
      <c r="N1527" s="18"/>
      <c r="O1527" s="18"/>
      <c r="P1527" s="19"/>
      <c r="Q1527" s="19"/>
      <c r="R1527" s="19"/>
      <c r="S1527" s="19"/>
      <c r="T1527" s="19"/>
      <c r="U1527" s="19"/>
      <c r="V1527" s="19"/>
      <c r="W1527" s="19"/>
      <c r="X1527" s="19"/>
      <c r="Y1527" s="19"/>
      <c r="Z1527" s="19"/>
      <c r="AA1527" s="19"/>
    </row>
    <row r="1528" spans="1:27" s="1" customFormat="1" ht="11.1" customHeight="1" outlineLevel="1" x14ac:dyDescent="0.2">
      <c r="A1528" s="16" t="s">
        <v>772</v>
      </c>
      <c r="B1528" s="16"/>
      <c r="C1528" s="16"/>
      <c r="D1528" s="16"/>
      <c r="E1528" s="16"/>
      <c r="F1528" s="16"/>
      <c r="G1528" s="16"/>
      <c r="H1528" s="16"/>
      <c r="I1528" s="16"/>
      <c r="J1528" s="16"/>
      <c r="K1528" s="16"/>
      <c r="L1528" s="16"/>
      <c r="M1528" s="16"/>
      <c r="N1528" s="16"/>
      <c r="O1528" s="16"/>
      <c r="P1528" s="16"/>
      <c r="Q1528" s="16"/>
      <c r="R1528" s="16"/>
      <c r="S1528" s="16"/>
      <c r="T1528" s="16"/>
      <c r="U1528" s="16"/>
      <c r="V1528" s="16"/>
      <c r="W1528" s="16"/>
      <c r="X1528" s="16"/>
      <c r="Y1528" s="16"/>
      <c r="Z1528" s="16"/>
      <c r="AA1528" s="16"/>
    </row>
    <row r="1529" spans="1:27" s="1" customFormat="1" ht="11.1" customHeight="1" outlineLevel="1" x14ac:dyDescent="0.2">
      <c r="A1529" s="16"/>
      <c r="B1529" s="16"/>
      <c r="C1529" s="16"/>
      <c r="D1529" s="16"/>
      <c r="E1529" s="16"/>
      <c r="F1529" s="16"/>
      <c r="G1529" s="16"/>
      <c r="H1529" s="16"/>
      <c r="I1529" s="16"/>
      <c r="J1529" s="16"/>
      <c r="K1529" s="16"/>
      <c r="L1529" s="16"/>
      <c r="M1529" s="16"/>
      <c r="N1529" s="16"/>
      <c r="O1529" s="16"/>
      <c r="P1529" s="16"/>
      <c r="Q1529" s="16"/>
      <c r="R1529" s="16"/>
      <c r="S1529" s="16"/>
      <c r="T1529" s="16"/>
      <c r="U1529" s="16"/>
      <c r="V1529" s="16"/>
      <c r="W1529" s="16"/>
      <c r="X1529" s="16"/>
      <c r="Y1529" s="16"/>
      <c r="Z1529" s="16"/>
      <c r="AA1529" s="16"/>
    </row>
    <row r="1530" spans="1:27" s="1" customFormat="1" ht="11.1" customHeight="1" outlineLevel="2" x14ac:dyDescent="0.2">
      <c r="A1530" s="17">
        <v>12168</v>
      </c>
      <c r="B1530" s="17"/>
      <c r="C1530" s="17"/>
      <c r="D1530" s="18" t="s">
        <v>773</v>
      </c>
      <c r="E1530" s="18"/>
      <c r="F1530" s="18"/>
      <c r="G1530" s="18"/>
      <c r="H1530" s="18"/>
      <c r="I1530" s="18"/>
      <c r="J1530" s="18"/>
      <c r="K1530" s="18"/>
      <c r="L1530" s="18"/>
      <c r="M1530" s="18"/>
      <c r="N1530" s="18"/>
      <c r="O1530" s="18"/>
      <c r="P1530" s="19">
        <v>120</v>
      </c>
      <c r="Q1530" s="19"/>
      <c r="R1530" s="19"/>
      <c r="S1530" s="19"/>
      <c r="T1530" s="19">
        <v>80</v>
      </c>
      <c r="U1530" s="19"/>
      <c r="V1530" s="19"/>
      <c r="W1530" s="19"/>
      <c r="X1530" s="19">
        <v>2</v>
      </c>
      <c r="Y1530" s="19"/>
      <c r="Z1530" s="19"/>
      <c r="AA1530" s="19"/>
    </row>
    <row r="1531" spans="1:27" s="1" customFormat="1" ht="11.1" customHeight="1" outlineLevel="2" x14ac:dyDescent="0.2">
      <c r="A1531" s="17"/>
      <c r="B1531" s="17"/>
      <c r="C1531" s="17"/>
      <c r="D1531" s="18"/>
      <c r="E1531" s="18"/>
      <c r="F1531" s="18"/>
      <c r="G1531" s="18"/>
      <c r="H1531" s="18"/>
      <c r="I1531" s="18"/>
      <c r="J1531" s="18"/>
      <c r="K1531" s="18"/>
      <c r="L1531" s="18"/>
      <c r="M1531" s="18"/>
      <c r="N1531" s="18"/>
      <c r="O1531" s="18"/>
      <c r="P1531" s="19"/>
      <c r="Q1531" s="19"/>
      <c r="R1531" s="19"/>
      <c r="S1531" s="19"/>
      <c r="T1531" s="19"/>
      <c r="U1531" s="19"/>
      <c r="V1531" s="19"/>
      <c r="W1531" s="19"/>
      <c r="X1531" s="19"/>
      <c r="Y1531" s="19"/>
      <c r="Z1531" s="19"/>
      <c r="AA1531" s="19"/>
    </row>
    <row r="1532" spans="1:27" s="1" customFormat="1" ht="11.1" customHeight="1" outlineLevel="2" x14ac:dyDescent="0.2">
      <c r="A1532" s="17">
        <v>9951</v>
      </c>
      <c r="B1532" s="17"/>
      <c r="C1532" s="17"/>
      <c r="D1532" s="18" t="s">
        <v>774</v>
      </c>
      <c r="E1532" s="18"/>
      <c r="F1532" s="18"/>
      <c r="G1532" s="18"/>
      <c r="H1532" s="18"/>
      <c r="I1532" s="18"/>
      <c r="J1532" s="18"/>
      <c r="K1532" s="18"/>
      <c r="L1532" s="18"/>
      <c r="M1532" s="18"/>
      <c r="N1532" s="18"/>
      <c r="O1532" s="18"/>
      <c r="P1532" s="19">
        <v>40</v>
      </c>
      <c r="Q1532" s="19"/>
      <c r="R1532" s="19"/>
      <c r="S1532" s="19"/>
      <c r="T1532" s="19">
        <v>40</v>
      </c>
      <c r="U1532" s="19"/>
      <c r="V1532" s="19"/>
      <c r="W1532" s="19"/>
      <c r="X1532" s="19">
        <v>1</v>
      </c>
      <c r="Y1532" s="19"/>
      <c r="Z1532" s="19"/>
      <c r="AA1532" s="19"/>
    </row>
    <row r="1533" spans="1:27" s="1" customFormat="1" ht="11.1" customHeight="1" outlineLevel="2" x14ac:dyDescent="0.2">
      <c r="A1533" s="17"/>
      <c r="B1533" s="17"/>
      <c r="C1533" s="17"/>
      <c r="D1533" s="18"/>
      <c r="E1533" s="18"/>
      <c r="F1533" s="18"/>
      <c r="G1533" s="18"/>
      <c r="H1533" s="18"/>
      <c r="I1533" s="18"/>
      <c r="J1533" s="18"/>
      <c r="K1533" s="18"/>
      <c r="L1533" s="18"/>
      <c r="M1533" s="18"/>
      <c r="N1533" s="18"/>
      <c r="O1533" s="18"/>
      <c r="P1533" s="19"/>
      <c r="Q1533" s="19"/>
      <c r="R1533" s="19"/>
      <c r="S1533" s="19"/>
      <c r="T1533" s="19"/>
      <c r="U1533" s="19"/>
      <c r="V1533" s="19"/>
      <c r="W1533" s="19"/>
      <c r="X1533" s="19"/>
      <c r="Y1533" s="19"/>
      <c r="Z1533" s="19"/>
      <c r="AA1533" s="19"/>
    </row>
    <row r="1534" spans="1:27" s="1" customFormat="1" ht="11.1" customHeight="1" outlineLevel="2" x14ac:dyDescent="0.2">
      <c r="A1534" s="17">
        <v>12167</v>
      </c>
      <c r="B1534" s="17"/>
      <c r="C1534" s="17"/>
      <c r="D1534" s="18" t="s">
        <v>775</v>
      </c>
      <c r="E1534" s="18"/>
      <c r="F1534" s="18"/>
      <c r="G1534" s="18"/>
      <c r="H1534" s="18"/>
      <c r="I1534" s="18"/>
      <c r="J1534" s="18"/>
      <c r="K1534" s="18"/>
      <c r="L1534" s="18"/>
      <c r="M1534" s="18"/>
      <c r="N1534" s="18"/>
      <c r="O1534" s="18"/>
      <c r="P1534" s="19">
        <v>150</v>
      </c>
      <c r="Q1534" s="19"/>
      <c r="R1534" s="19"/>
      <c r="S1534" s="19"/>
      <c r="T1534" s="19">
        <v>120</v>
      </c>
      <c r="U1534" s="19"/>
      <c r="V1534" s="19"/>
      <c r="W1534" s="19"/>
      <c r="X1534" s="19">
        <v>2</v>
      </c>
      <c r="Y1534" s="19"/>
      <c r="Z1534" s="19"/>
      <c r="AA1534" s="19"/>
    </row>
    <row r="1535" spans="1:27" s="1" customFormat="1" ht="11.1" customHeight="1" outlineLevel="2" x14ac:dyDescent="0.2">
      <c r="A1535" s="17"/>
      <c r="B1535" s="17"/>
      <c r="C1535" s="17"/>
      <c r="D1535" s="18"/>
      <c r="E1535" s="18"/>
      <c r="F1535" s="18"/>
      <c r="G1535" s="18"/>
      <c r="H1535" s="18"/>
      <c r="I1535" s="18"/>
      <c r="J1535" s="18"/>
      <c r="K1535" s="18"/>
      <c r="L1535" s="18"/>
      <c r="M1535" s="18"/>
      <c r="N1535" s="18"/>
      <c r="O1535" s="18"/>
      <c r="P1535" s="19"/>
      <c r="Q1535" s="19"/>
      <c r="R1535" s="19"/>
      <c r="S1535" s="19"/>
      <c r="T1535" s="19"/>
      <c r="U1535" s="19"/>
      <c r="V1535" s="19"/>
      <c r="W1535" s="19"/>
      <c r="X1535" s="19"/>
      <c r="Y1535" s="19"/>
      <c r="Z1535" s="19"/>
      <c r="AA1535" s="19"/>
    </row>
    <row r="1536" spans="1:27" s="1" customFormat="1" ht="11.1" customHeight="1" outlineLevel="2" x14ac:dyDescent="0.2">
      <c r="A1536" s="17">
        <v>12489</v>
      </c>
      <c r="B1536" s="17"/>
      <c r="C1536" s="17"/>
      <c r="D1536" s="18" t="s">
        <v>776</v>
      </c>
      <c r="E1536" s="18"/>
      <c r="F1536" s="18"/>
      <c r="G1536" s="18"/>
      <c r="H1536" s="18"/>
      <c r="I1536" s="18"/>
      <c r="J1536" s="18"/>
      <c r="K1536" s="18"/>
      <c r="L1536" s="18"/>
      <c r="M1536" s="18"/>
      <c r="N1536" s="18"/>
      <c r="O1536" s="18"/>
      <c r="P1536" s="19">
        <v>950</v>
      </c>
      <c r="Q1536" s="19"/>
      <c r="R1536" s="19"/>
      <c r="S1536" s="19"/>
      <c r="T1536" s="19">
        <v>700</v>
      </c>
      <c r="U1536" s="19"/>
      <c r="V1536" s="19"/>
      <c r="W1536" s="19"/>
      <c r="X1536" s="19">
        <v>33</v>
      </c>
      <c r="Y1536" s="19"/>
      <c r="Z1536" s="19"/>
      <c r="AA1536" s="19"/>
    </row>
    <row r="1537" spans="1:27" s="1" customFormat="1" ht="11.1" customHeight="1" outlineLevel="2" x14ac:dyDescent="0.2">
      <c r="A1537" s="17"/>
      <c r="B1537" s="17"/>
      <c r="C1537" s="17"/>
      <c r="D1537" s="18"/>
      <c r="E1537" s="18"/>
      <c r="F1537" s="18"/>
      <c r="G1537" s="18"/>
      <c r="H1537" s="18"/>
      <c r="I1537" s="18"/>
      <c r="J1537" s="18"/>
      <c r="K1537" s="18"/>
      <c r="L1537" s="18"/>
      <c r="M1537" s="18"/>
      <c r="N1537" s="18"/>
      <c r="O1537" s="18"/>
      <c r="P1537" s="19"/>
      <c r="Q1537" s="19"/>
      <c r="R1537" s="19"/>
      <c r="S1537" s="19"/>
      <c r="T1537" s="19"/>
      <c r="U1537" s="19"/>
      <c r="V1537" s="19"/>
      <c r="W1537" s="19"/>
      <c r="X1537" s="19"/>
      <c r="Y1537" s="19"/>
      <c r="Z1537" s="19"/>
      <c r="AA1537" s="19"/>
    </row>
    <row r="1538" spans="1:27" s="1" customFormat="1" ht="11.1" customHeight="1" outlineLevel="2" x14ac:dyDescent="0.2">
      <c r="A1538" s="17">
        <v>12170</v>
      </c>
      <c r="B1538" s="17"/>
      <c r="C1538" s="17"/>
      <c r="D1538" s="18" t="s">
        <v>777</v>
      </c>
      <c r="E1538" s="18"/>
      <c r="F1538" s="18"/>
      <c r="G1538" s="18"/>
      <c r="H1538" s="18"/>
      <c r="I1538" s="18"/>
      <c r="J1538" s="18"/>
      <c r="K1538" s="18"/>
      <c r="L1538" s="18"/>
      <c r="M1538" s="18"/>
      <c r="N1538" s="18"/>
      <c r="O1538" s="18"/>
      <c r="P1538" s="19">
        <v>90</v>
      </c>
      <c r="Q1538" s="19"/>
      <c r="R1538" s="19"/>
      <c r="S1538" s="19"/>
      <c r="T1538" s="19">
        <v>50</v>
      </c>
      <c r="U1538" s="19"/>
      <c r="V1538" s="19"/>
      <c r="W1538" s="19"/>
      <c r="X1538" s="19">
        <v>1</v>
      </c>
      <c r="Y1538" s="19"/>
      <c r="Z1538" s="19"/>
      <c r="AA1538" s="19"/>
    </row>
    <row r="1539" spans="1:27" s="1" customFormat="1" ht="11.1" customHeight="1" outlineLevel="2" x14ac:dyDescent="0.2">
      <c r="A1539" s="17"/>
      <c r="B1539" s="17"/>
      <c r="C1539" s="17"/>
      <c r="D1539" s="18"/>
      <c r="E1539" s="18"/>
      <c r="F1539" s="18"/>
      <c r="G1539" s="18"/>
      <c r="H1539" s="18"/>
      <c r="I1539" s="18"/>
      <c r="J1539" s="18"/>
      <c r="K1539" s="18"/>
      <c r="L1539" s="18"/>
      <c r="M1539" s="18"/>
      <c r="N1539" s="18"/>
      <c r="O1539" s="18"/>
      <c r="P1539" s="19"/>
      <c r="Q1539" s="19"/>
      <c r="R1539" s="19"/>
      <c r="S1539" s="19"/>
      <c r="T1539" s="19"/>
      <c r="U1539" s="19"/>
      <c r="V1539" s="19"/>
      <c r="W1539" s="19"/>
      <c r="X1539" s="19"/>
      <c r="Y1539" s="19"/>
      <c r="Z1539" s="19"/>
      <c r="AA1539" s="19"/>
    </row>
    <row r="1540" spans="1:27" s="1" customFormat="1" ht="14.1" customHeight="1" outlineLevel="2" x14ac:dyDescent="0.2">
      <c r="A1540" s="17">
        <v>9922</v>
      </c>
      <c r="B1540" s="17"/>
      <c r="C1540" s="17"/>
      <c r="D1540" s="18" t="s">
        <v>778</v>
      </c>
      <c r="E1540" s="18"/>
      <c r="F1540" s="18"/>
      <c r="G1540" s="18"/>
      <c r="H1540" s="18"/>
      <c r="I1540" s="18"/>
      <c r="J1540" s="18"/>
      <c r="K1540" s="18"/>
      <c r="L1540" s="18"/>
      <c r="M1540" s="18"/>
      <c r="N1540" s="18"/>
      <c r="O1540" s="18"/>
      <c r="P1540" s="20">
        <v>2600</v>
      </c>
      <c r="Q1540" s="20"/>
      <c r="R1540" s="20"/>
      <c r="S1540" s="20"/>
      <c r="T1540" s="20">
        <v>2400</v>
      </c>
      <c r="U1540" s="20"/>
      <c r="V1540" s="20"/>
      <c r="W1540" s="20"/>
      <c r="X1540" s="19">
        <v>1</v>
      </c>
      <c r="Y1540" s="19"/>
      <c r="Z1540" s="19"/>
      <c r="AA1540" s="19"/>
    </row>
    <row r="1541" spans="1:27" s="1" customFormat="1" ht="14.1" customHeight="1" outlineLevel="2" x14ac:dyDescent="0.2">
      <c r="A1541" s="17"/>
      <c r="B1541" s="17"/>
      <c r="C1541" s="17"/>
      <c r="D1541" s="18"/>
      <c r="E1541" s="18"/>
      <c r="F1541" s="18"/>
      <c r="G1541" s="18"/>
      <c r="H1541" s="18"/>
      <c r="I1541" s="18"/>
      <c r="J1541" s="18"/>
      <c r="K1541" s="18"/>
      <c r="L1541" s="18"/>
      <c r="M1541" s="18"/>
      <c r="N1541" s="18"/>
      <c r="O1541" s="18"/>
      <c r="P1541" s="20"/>
      <c r="Q1541" s="20"/>
      <c r="R1541" s="20"/>
      <c r="S1541" s="20"/>
      <c r="T1541" s="20"/>
      <c r="U1541" s="20"/>
      <c r="V1541" s="20"/>
      <c r="W1541" s="20"/>
      <c r="X1541" s="19"/>
      <c r="Y1541" s="19"/>
      <c r="Z1541" s="19"/>
      <c r="AA1541" s="19"/>
    </row>
    <row r="1542" spans="1:27" s="1" customFormat="1" ht="14.1" customHeight="1" outlineLevel="2" x14ac:dyDescent="0.2">
      <c r="A1542" s="17">
        <v>10114</v>
      </c>
      <c r="B1542" s="17"/>
      <c r="C1542" s="17"/>
      <c r="D1542" s="18" t="s">
        <v>779</v>
      </c>
      <c r="E1542" s="18"/>
      <c r="F1542" s="18"/>
      <c r="G1542" s="18"/>
      <c r="H1542" s="18"/>
      <c r="I1542" s="18"/>
      <c r="J1542" s="18"/>
      <c r="K1542" s="18"/>
      <c r="L1542" s="18"/>
      <c r="M1542" s="18"/>
      <c r="N1542" s="18"/>
      <c r="O1542" s="18"/>
      <c r="P1542" s="20">
        <v>2600</v>
      </c>
      <c r="Q1542" s="20"/>
      <c r="R1542" s="20"/>
      <c r="S1542" s="20"/>
      <c r="T1542" s="20">
        <v>2400</v>
      </c>
      <c r="U1542" s="20"/>
      <c r="V1542" s="20"/>
      <c r="W1542" s="20"/>
      <c r="X1542" s="19">
        <v>1</v>
      </c>
      <c r="Y1542" s="19"/>
      <c r="Z1542" s="19"/>
      <c r="AA1542" s="19"/>
    </row>
    <row r="1543" spans="1:27" s="1" customFormat="1" ht="14.1" customHeight="1" outlineLevel="2" x14ac:dyDescent="0.2">
      <c r="A1543" s="17"/>
      <c r="B1543" s="17"/>
      <c r="C1543" s="17"/>
      <c r="D1543" s="18"/>
      <c r="E1543" s="18"/>
      <c r="F1543" s="18"/>
      <c r="G1543" s="18"/>
      <c r="H1543" s="18"/>
      <c r="I1543" s="18"/>
      <c r="J1543" s="18"/>
      <c r="K1543" s="18"/>
      <c r="L1543" s="18"/>
      <c r="M1543" s="18"/>
      <c r="N1543" s="18"/>
      <c r="O1543" s="18"/>
      <c r="P1543" s="20"/>
      <c r="Q1543" s="20"/>
      <c r="R1543" s="20"/>
      <c r="S1543" s="20"/>
      <c r="T1543" s="20"/>
      <c r="U1543" s="20"/>
      <c r="V1543" s="20"/>
      <c r="W1543" s="20"/>
      <c r="X1543" s="19"/>
      <c r="Y1543" s="19"/>
      <c r="Z1543" s="19"/>
      <c r="AA1543" s="19"/>
    </row>
    <row r="1544" spans="1:27" s="1" customFormat="1" ht="11.1" customHeight="1" outlineLevel="2" x14ac:dyDescent="0.2">
      <c r="A1544" s="17">
        <v>7693</v>
      </c>
      <c r="B1544" s="17"/>
      <c r="C1544" s="17"/>
      <c r="D1544" s="18" t="s">
        <v>780</v>
      </c>
      <c r="E1544" s="18"/>
      <c r="F1544" s="18"/>
      <c r="G1544" s="18"/>
      <c r="H1544" s="18"/>
      <c r="I1544" s="18"/>
      <c r="J1544" s="18"/>
      <c r="K1544" s="18"/>
      <c r="L1544" s="18"/>
      <c r="M1544" s="18"/>
      <c r="N1544" s="18"/>
      <c r="O1544" s="18"/>
      <c r="P1544" s="20">
        <v>1050</v>
      </c>
      <c r="Q1544" s="20"/>
      <c r="R1544" s="20"/>
      <c r="S1544" s="20"/>
      <c r="T1544" s="19">
        <v>890</v>
      </c>
      <c r="U1544" s="19"/>
      <c r="V1544" s="19"/>
      <c r="W1544" s="19"/>
      <c r="X1544" s="19">
        <v>16</v>
      </c>
      <c r="Y1544" s="19"/>
      <c r="Z1544" s="19"/>
      <c r="AA1544" s="19"/>
    </row>
    <row r="1545" spans="1:27" s="1" customFormat="1" ht="11.1" customHeight="1" outlineLevel="2" x14ac:dyDescent="0.2">
      <c r="A1545" s="17"/>
      <c r="B1545" s="17"/>
      <c r="C1545" s="17"/>
      <c r="D1545" s="18"/>
      <c r="E1545" s="18"/>
      <c r="F1545" s="18"/>
      <c r="G1545" s="18"/>
      <c r="H1545" s="18"/>
      <c r="I1545" s="18"/>
      <c r="J1545" s="18"/>
      <c r="K1545" s="18"/>
      <c r="L1545" s="18"/>
      <c r="M1545" s="18"/>
      <c r="N1545" s="18"/>
      <c r="O1545" s="18"/>
      <c r="P1545" s="20"/>
      <c r="Q1545" s="20"/>
      <c r="R1545" s="20"/>
      <c r="S1545" s="20"/>
      <c r="T1545" s="19"/>
      <c r="U1545" s="19"/>
      <c r="V1545" s="19"/>
      <c r="W1545" s="19"/>
      <c r="X1545" s="19"/>
      <c r="Y1545" s="19"/>
      <c r="Z1545" s="19"/>
      <c r="AA1545" s="19"/>
    </row>
    <row r="1546" spans="1:27" s="1" customFormat="1" ht="14.1" customHeight="1" outlineLevel="2" x14ac:dyDescent="0.2">
      <c r="A1546" s="17">
        <v>6129</v>
      </c>
      <c r="B1546" s="17"/>
      <c r="C1546" s="17"/>
      <c r="D1546" s="18" t="s">
        <v>781</v>
      </c>
      <c r="E1546" s="18"/>
      <c r="F1546" s="18"/>
      <c r="G1546" s="18"/>
      <c r="H1546" s="18"/>
      <c r="I1546" s="18"/>
      <c r="J1546" s="18"/>
      <c r="K1546" s="18"/>
      <c r="L1546" s="18"/>
      <c r="M1546" s="18"/>
      <c r="N1546" s="18"/>
      <c r="O1546" s="18"/>
      <c r="P1546" s="20">
        <v>1050</v>
      </c>
      <c r="Q1546" s="20"/>
      <c r="R1546" s="20"/>
      <c r="S1546" s="20"/>
      <c r="T1546" s="19">
        <v>890</v>
      </c>
      <c r="U1546" s="19"/>
      <c r="V1546" s="19"/>
      <c r="W1546" s="19"/>
      <c r="X1546" s="19">
        <v>11</v>
      </c>
      <c r="Y1546" s="19"/>
      <c r="Z1546" s="19"/>
      <c r="AA1546" s="19"/>
    </row>
    <row r="1547" spans="1:27" s="1" customFormat="1" ht="14.1" customHeight="1" outlineLevel="2" x14ac:dyDescent="0.2">
      <c r="A1547" s="17"/>
      <c r="B1547" s="17"/>
      <c r="C1547" s="17"/>
      <c r="D1547" s="18"/>
      <c r="E1547" s="18"/>
      <c r="F1547" s="18"/>
      <c r="G1547" s="18"/>
      <c r="H1547" s="18"/>
      <c r="I1547" s="18"/>
      <c r="J1547" s="18"/>
      <c r="K1547" s="18"/>
      <c r="L1547" s="18"/>
      <c r="M1547" s="18"/>
      <c r="N1547" s="18"/>
      <c r="O1547" s="18"/>
      <c r="P1547" s="20"/>
      <c r="Q1547" s="20"/>
      <c r="R1547" s="20"/>
      <c r="S1547" s="20"/>
      <c r="T1547" s="19"/>
      <c r="U1547" s="19"/>
      <c r="V1547" s="19"/>
      <c r="W1547" s="19"/>
      <c r="X1547" s="19"/>
      <c r="Y1547" s="19"/>
      <c r="Z1547" s="19"/>
      <c r="AA1547" s="19"/>
    </row>
    <row r="1548" spans="1:27" s="1" customFormat="1" ht="14.1" customHeight="1" outlineLevel="2" x14ac:dyDescent="0.2">
      <c r="A1548" s="17">
        <v>12166</v>
      </c>
      <c r="B1548" s="17"/>
      <c r="C1548" s="17"/>
      <c r="D1548" s="18" t="s">
        <v>782</v>
      </c>
      <c r="E1548" s="18"/>
      <c r="F1548" s="18"/>
      <c r="G1548" s="18"/>
      <c r="H1548" s="18"/>
      <c r="I1548" s="18"/>
      <c r="J1548" s="18"/>
      <c r="K1548" s="18"/>
      <c r="L1548" s="18"/>
      <c r="M1548" s="18"/>
      <c r="N1548" s="18"/>
      <c r="O1548" s="18"/>
      <c r="P1548" s="20">
        <v>2300</v>
      </c>
      <c r="Q1548" s="20"/>
      <c r="R1548" s="20"/>
      <c r="S1548" s="20"/>
      <c r="T1548" s="20">
        <v>2500</v>
      </c>
      <c r="U1548" s="20"/>
      <c r="V1548" s="20"/>
      <c r="W1548" s="20"/>
      <c r="X1548" s="19">
        <v>1</v>
      </c>
      <c r="Y1548" s="19"/>
      <c r="Z1548" s="19"/>
      <c r="AA1548" s="19"/>
    </row>
    <row r="1549" spans="1:27" s="1" customFormat="1" ht="14.1" customHeight="1" outlineLevel="2" x14ac:dyDescent="0.2">
      <c r="A1549" s="17"/>
      <c r="B1549" s="17"/>
      <c r="C1549" s="17"/>
      <c r="D1549" s="18"/>
      <c r="E1549" s="18"/>
      <c r="F1549" s="18"/>
      <c r="G1549" s="18"/>
      <c r="H1549" s="18"/>
      <c r="I1549" s="18"/>
      <c r="J1549" s="18"/>
      <c r="K1549" s="18"/>
      <c r="L1549" s="18"/>
      <c r="M1549" s="18"/>
      <c r="N1549" s="18"/>
      <c r="O1549" s="18"/>
      <c r="P1549" s="20"/>
      <c r="Q1549" s="20"/>
      <c r="R1549" s="20"/>
      <c r="S1549" s="20"/>
      <c r="T1549" s="20"/>
      <c r="U1549" s="20"/>
      <c r="V1549" s="20"/>
      <c r="W1549" s="20"/>
      <c r="X1549" s="19"/>
      <c r="Y1549" s="19"/>
      <c r="Z1549" s="19"/>
      <c r="AA1549" s="19"/>
    </row>
    <row r="1550" spans="1:27" s="1" customFormat="1" ht="11.1" customHeight="1" outlineLevel="2" x14ac:dyDescent="0.2">
      <c r="A1550" s="17">
        <v>17676</v>
      </c>
      <c r="B1550" s="17"/>
      <c r="C1550" s="17"/>
      <c r="D1550" s="18" t="s">
        <v>783</v>
      </c>
      <c r="E1550" s="18"/>
      <c r="F1550" s="18"/>
      <c r="G1550" s="18"/>
      <c r="H1550" s="18"/>
      <c r="I1550" s="18"/>
      <c r="J1550" s="18"/>
      <c r="K1550" s="18"/>
      <c r="L1550" s="18"/>
      <c r="M1550" s="18"/>
      <c r="N1550" s="18"/>
      <c r="O1550" s="18"/>
      <c r="P1550" s="19">
        <v>800</v>
      </c>
      <c r="Q1550" s="19"/>
      <c r="R1550" s="19"/>
      <c r="S1550" s="19"/>
      <c r="T1550" s="19">
        <v>700</v>
      </c>
      <c r="U1550" s="19"/>
      <c r="V1550" s="19"/>
      <c r="W1550" s="19"/>
      <c r="X1550" s="19">
        <v>1</v>
      </c>
      <c r="Y1550" s="19"/>
      <c r="Z1550" s="19"/>
      <c r="AA1550" s="19"/>
    </row>
    <row r="1551" spans="1:27" s="1" customFormat="1" ht="11.1" customHeight="1" outlineLevel="2" x14ac:dyDescent="0.2">
      <c r="A1551" s="17"/>
      <c r="B1551" s="17"/>
      <c r="C1551" s="17"/>
      <c r="D1551" s="18"/>
      <c r="E1551" s="18"/>
      <c r="F1551" s="18"/>
      <c r="G1551" s="18"/>
      <c r="H1551" s="18"/>
      <c r="I1551" s="18"/>
      <c r="J1551" s="18"/>
      <c r="K1551" s="18"/>
      <c r="L1551" s="18"/>
      <c r="M1551" s="18"/>
      <c r="N1551" s="18"/>
      <c r="O1551" s="18"/>
      <c r="P1551" s="19"/>
      <c r="Q1551" s="19"/>
      <c r="R1551" s="19"/>
      <c r="S1551" s="19"/>
      <c r="T1551" s="19"/>
      <c r="U1551" s="19"/>
      <c r="V1551" s="19"/>
      <c r="W1551" s="19"/>
      <c r="X1551" s="19"/>
      <c r="Y1551" s="19"/>
      <c r="Z1551" s="19"/>
      <c r="AA1551" s="19"/>
    </row>
    <row r="1552" spans="1:27" s="1" customFormat="1" ht="11.1" customHeight="1" outlineLevel="2" x14ac:dyDescent="0.2">
      <c r="A1552" s="17">
        <v>10675</v>
      </c>
      <c r="B1552" s="17"/>
      <c r="C1552" s="17"/>
      <c r="D1552" s="18" t="s">
        <v>784</v>
      </c>
      <c r="E1552" s="18"/>
      <c r="F1552" s="18"/>
      <c r="G1552" s="18"/>
      <c r="H1552" s="18"/>
      <c r="I1552" s="18"/>
      <c r="J1552" s="18"/>
      <c r="K1552" s="18"/>
      <c r="L1552" s="18"/>
      <c r="M1552" s="18"/>
      <c r="N1552" s="18"/>
      <c r="O1552" s="18"/>
      <c r="P1552" s="19">
        <v>180</v>
      </c>
      <c r="Q1552" s="19"/>
      <c r="R1552" s="19"/>
      <c r="S1552" s="19"/>
      <c r="T1552" s="19">
        <v>150</v>
      </c>
      <c r="U1552" s="19"/>
      <c r="V1552" s="19"/>
      <c r="W1552" s="19"/>
      <c r="X1552" s="19">
        <v>1</v>
      </c>
      <c r="Y1552" s="19"/>
      <c r="Z1552" s="19"/>
      <c r="AA1552" s="19"/>
    </row>
    <row r="1553" spans="1:27" s="1" customFormat="1" ht="11.1" customHeight="1" outlineLevel="2" x14ac:dyDescent="0.2">
      <c r="A1553" s="17"/>
      <c r="B1553" s="17"/>
      <c r="C1553" s="17"/>
      <c r="D1553" s="18"/>
      <c r="E1553" s="18"/>
      <c r="F1553" s="18"/>
      <c r="G1553" s="18"/>
      <c r="H1553" s="18"/>
      <c r="I1553" s="18"/>
      <c r="J1553" s="18"/>
      <c r="K1553" s="18"/>
      <c r="L1553" s="18"/>
      <c r="M1553" s="18"/>
      <c r="N1553" s="18"/>
      <c r="O1553" s="18"/>
      <c r="P1553" s="19"/>
      <c r="Q1553" s="19"/>
      <c r="R1553" s="19"/>
      <c r="S1553" s="19"/>
      <c r="T1553" s="19"/>
      <c r="U1553" s="19"/>
      <c r="V1553" s="19"/>
      <c r="W1553" s="19"/>
      <c r="X1553" s="19"/>
      <c r="Y1553" s="19"/>
      <c r="Z1553" s="19"/>
      <c r="AA1553" s="19"/>
    </row>
    <row r="1554" spans="1:27" s="1" customFormat="1" ht="11.1" customHeight="1" outlineLevel="2" x14ac:dyDescent="0.2">
      <c r="A1554" s="17">
        <v>9746</v>
      </c>
      <c r="B1554" s="17"/>
      <c r="C1554" s="17"/>
      <c r="D1554" s="18" t="s">
        <v>785</v>
      </c>
      <c r="E1554" s="18"/>
      <c r="F1554" s="18"/>
      <c r="G1554" s="18"/>
      <c r="H1554" s="18"/>
      <c r="I1554" s="18"/>
      <c r="J1554" s="18"/>
      <c r="K1554" s="18"/>
      <c r="L1554" s="18"/>
      <c r="M1554" s="18"/>
      <c r="N1554" s="18"/>
      <c r="O1554" s="18"/>
      <c r="P1554" s="19">
        <v>85</v>
      </c>
      <c r="Q1554" s="19"/>
      <c r="R1554" s="19"/>
      <c r="S1554" s="19"/>
      <c r="T1554" s="19">
        <v>48</v>
      </c>
      <c r="U1554" s="19"/>
      <c r="V1554" s="19"/>
      <c r="W1554" s="19"/>
      <c r="X1554" s="19">
        <v>1</v>
      </c>
      <c r="Y1554" s="19"/>
      <c r="Z1554" s="19"/>
      <c r="AA1554" s="19"/>
    </row>
    <row r="1555" spans="1:27" s="1" customFormat="1" ht="11.1" customHeight="1" outlineLevel="2" x14ac:dyDescent="0.2">
      <c r="A1555" s="17"/>
      <c r="B1555" s="17"/>
      <c r="C1555" s="17"/>
      <c r="D1555" s="18"/>
      <c r="E1555" s="18"/>
      <c r="F1555" s="18"/>
      <c r="G1555" s="18"/>
      <c r="H1555" s="18"/>
      <c r="I1555" s="18"/>
      <c r="J1555" s="18"/>
      <c r="K1555" s="18"/>
      <c r="L1555" s="18"/>
      <c r="M1555" s="18"/>
      <c r="N1555" s="18"/>
      <c r="O1555" s="18"/>
      <c r="P1555" s="19"/>
      <c r="Q1555" s="19"/>
      <c r="R1555" s="19"/>
      <c r="S1555" s="19"/>
      <c r="T1555" s="19"/>
      <c r="U1555" s="19"/>
      <c r="V1555" s="19"/>
      <c r="W1555" s="19"/>
      <c r="X1555" s="19"/>
      <c r="Y1555" s="19"/>
      <c r="Z1555" s="19"/>
      <c r="AA1555" s="19"/>
    </row>
    <row r="1556" spans="1:27" s="1" customFormat="1" ht="11.1" customHeight="1" outlineLevel="2" x14ac:dyDescent="0.2">
      <c r="A1556" s="17">
        <v>12169</v>
      </c>
      <c r="B1556" s="17"/>
      <c r="C1556" s="17"/>
      <c r="D1556" s="18" t="s">
        <v>786</v>
      </c>
      <c r="E1556" s="18"/>
      <c r="F1556" s="18"/>
      <c r="G1556" s="18"/>
      <c r="H1556" s="18"/>
      <c r="I1556" s="18"/>
      <c r="J1556" s="18"/>
      <c r="K1556" s="18"/>
      <c r="L1556" s="18"/>
      <c r="M1556" s="18"/>
      <c r="N1556" s="18"/>
      <c r="O1556" s="18"/>
      <c r="P1556" s="19">
        <v>190</v>
      </c>
      <c r="Q1556" s="19"/>
      <c r="R1556" s="19"/>
      <c r="S1556" s="19"/>
      <c r="T1556" s="19">
        <v>150</v>
      </c>
      <c r="U1556" s="19"/>
      <c r="V1556" s="19"/>
      <c r="W1556" s="19"/>
      <c r="X1556" s="19">
        <v>2</v>
      </c>
      <c r="Y1556" s="19"/>
      <c r="Z1556" s="19"/>
      <c r="AA1556" s="19"/>
    </row>
    <row r="1557" spans="1:27" s="1" customFormat="1" ht="11.1" customHeight="1" outlineLevel="2" x14ac:dyDescent="0.2">
      <c r="A1557" s="17"/>
      <c r="B1557" s="17"/>
      <c r="C1557" s="17"/>
      <c r="D1557" s="18"/>
      <c r="E1557" s="18"/>
      <c r="F1557" s="18"/>
      <c r="G1557" s="18"/>
      <c r="H1557" s="18"/>
      <c r="I1557" s="18"/>
      <c r="J1557" s="18"/>
      <c r="K1557" s="18"/>
      <c r="L1557" s="18"/>
      <c r="M1557" s="18"/>
      <c r="N1557" s="18"/>
      <c r="O1557" s="18"/>
      <c r="P1557" s="19"/>
      <c r="Q1557" s="19"/>
      <c r="R1557" s="19"/>
      <c r="S1557" s="19"/>
      <c r="T1557" s="19"/>
      <c r="U1557" s="19"/>
      <c r="V1557" s="19"/>
      <c r="W1557" s="19"/>
      <c r="X1557" s="19"/>
      <c r="Y1557" s="19"/>
      <c r="Z1557" s="19"/>
      <c r="AA1557" s="19"/>
    </row>
    <row r="1558" spans="1:27" s="1" customFormat="1" ht="11.1" customHeight="1" outlineLevel="2" x14ac:dyDescent="0.2">
      <c r="A1558" s="17">
        <v>9798</v>
      </c>
      <c r="B1558" s="17"/>
      <c r="C1558" s="17"/>
      <c r="D1558" s="18" t="s">
        <v>787</v>
      </c>
      <c r="E1558" s="18"/>
      <c r="F1558" s="18"/>
      <c r="G1558" s="18"/>
      <c r="H1558" s="18"/>
      <c r="I1558" s="18"/>
      <c r="J1558" s="18"/>
      <c r="K1558" s="18"/>
      <c r="L1558" s="18"/>
      <c r="M1558" s="18"/>
      <c r="N1558" s="18"/>
      <c r="O1558" s="18"/>
      <c r="P1558" s="19">
        <v>605</v>
      </c>
      <c r="Q1558" s="19"/>
      <c r="R1558" s="19"/>
      <c r="S1558" s="19"/>
      <c r="T1558" s="19">
        <v>540</v>
      </c>
      <c r="U1558" s="19"/>
      <c r="V1558" s="19"/>
      <c r="W1558" s="19"/>
      <c r="X1558" s="19">
        <v>2</v>
      </c>
      <c r="Y1558" s="19"/>
      <c r="Z1558" s="19"/>
      <c r="AA1558" s="19"/>
    </row>
    <row r="1559" spans="1:27" s="1" customFormat="1" ht="11.1" customHeight="1" outlineLevel="2" x14ac:dyDescent="0.2">
      <c r="A1559" s="17"/>
      <c r="B1559" s="17"/>
      <c r="C1559" s="17"/>
      <c r="D1559" s="18"/>
      <c r="E1559" s="18"/>
      <c r="F1559" s="18"/>
      <c r="G1559" s="18"/>
      <c r="H1559" s="18"/>
      <c r="I1559" s="18"/>
      <c r="J1559" s="18"/>
      <c r="K1559" s="18"/>
      <c r="L1559" s="18"/>
      <c r="M1559" s="18"/>
      <c r="N1559" s="18"/>
      <c r="O1559" s="18"/>
      <c r="P1559" s="19"/>
      <c r="Q1559" s="19"/>
      <c r="R1559" s="19"/>
      <c r="S1559" s="19"/>
      <c r="T1559" s="19"/>
      <c r="U1559" s="19"/>
      <c r="V1559" s="19"/>
      <c r="W1559" s="19"/>
      <c r="X1559" s="19"/>
      <c r="Y1559" s="19"/>
      <c r="Z1559" s="19"/>
      <c r="AA1559" s="19"/>
    </row>
    <row r="1560" spans="1:27" s="1" customFormat="1" ht="11.1" customHeight="1" outlineLevel="2" x14ac:dyDescent="0.2">
      <c r="A1560" s="17">
        <v>13540</v>
      </c>
      <c r="B1560" s="17"/>
      <c r="C1560" s="17"/>
      <c r="D1560" s="18" t="s">
        <v>788</v>
      </c>
      <c r="E1560" s="18"/>
      <c r="F1560" s="18"/>
      <c r="G1560" s="18"/>
      <c r="H1560" s="18"/>
      <c r="I1560" s="18"/>
      <c r="J1560" s="18"/>
      <c r="K1560" s="18"/>
      <c r="L1560" s="18"/>
      <c r="M1560" s="18"/>
      <c r="N1560" s="18"/>
      <c r="O1560" s="18"/>
      <c r="P1560" s="19">
        <v>290</v>
      </c>
      <c r="Q1560" s="19"/>
      <c r="R1560" s="19"/>
      <c r="S1560" s="19"/>
      <c r="T1560" s="19">
        <v>240</v>
      </c>
      <c r="U1560" s="19"/>
      <c r="V1560" s="19"/>
      <c r="W1560" s="19"/>
      <c r="X1560" s="19">
        <v>20</v>
      </c>
      <c r="Y1560" s="19"/>
      <c r="Z1560" s="19"/>
      <c r="AA1560" s="19"/>
    </row>
    <row r="1561" spans="1:27" s="1" customFormat="1" ht="11.1" customHeight="1" outlineLevel="2" x14ac:dyDescent="0.2">
      <c r="A1561" s="17"/>
      <c r="B1561" s="17"/>
      <c r="C1561" s="17"/>
      <c r="D1561" s="18"/>
      <c r="E1561" s="18"/>
      <c r="F1561" s="18"/>
      <c r="G1561" s="18"/>
      <c r="H1561" s="18"/>
      <c r="I1561" s="18"/>
      <c r="J1561" s="18"/>
      <c r="K1561" s="18"/>
      <c r="L1561" s="18"/>
      <c r="M1561" s="18"/>
      <c r="N1561" s="18"/>
      <c r="O1561" s="18"/>
      <c r="P1561" s="19"/>
      <c r="Q1561" s="19"/>
      <c r="R1561" s="19"/>
      <c r="S1561" s="19"/>
      <c r="T1561" s="19"/>
      <c r="U1561" s="19"/>
      <c r="V1561" s="19"/>
      <c r="W1561" s="19"/>
      <c r="X1561" s="19"/>
      <c r="Y1561" s="19"/>
      <c r="Z1561" s="19"/>
      <c r="AA1561" s="19"/>
    </row>
    <row r="1562" spans="1:27" s="1" customFormat="1" ht="11.1" customHeight="1" outlineLevel="2" x14ac:dyDescent="0.2">
      <c r="A1562" s="17">
        <v>10264</v>
      </c>
      <c r="B1562" s="17"/>
      <c r="C1562" s="17"/>
      <c r="D1562" s="18" t="s">
        <v>789</v>
      </c>
      <c r="E1562" s="18"/>
      <c r="F1562" s="18"/>
      <c r="G1562" s="18"/>
      <c r="H1562" s="18"/>
      <c r="I1562" s="18"/>
      <c r="J1562" s="18"/>
      <c r="K1562" s="18"/>
      <c r="L1562" s="18"/>
      <c r="M1562" s="18"/>
      <c r="N1562" s="18"/>
      <c r="O1562" s="18"/>
      <c r="P1562" s="19">
        <v>900</v>
      </c>
      <c r="Q1562" s="19"/>
      <c r="R1562" s="19"/>
      <c r="S1562" s="19"/>
      <c r="T1562" s="19">
        <v>800</v>
      </c>
      <c r="U1562" s="19"/>
      <c r="V1562" s="19"/>
      <c r="W1562" s="19"/>
      <c r="X1562" s="19">
        <v>1</v>
      </c>
      <c r="Y1562" s="19"/>
      <c r="Z1562" s="19"/>
      <c r="AA1562" s="19"/>
    </row>
    <row r="1563" spans="1:27" s="1" customFormat="1" ht="11.1" customHeight="1" outlineLevel="2" x14ac:dyDescent="0.2">
      <c r="A1563" s="17"/>
      <c r="B1563" s="17"/>
      <c r="C1563" s="17"/>
      <c r="D1563" s="18"/>
      <c r="E1563" s="18"/>
      <c r="F1563" s="18"/>
      <c r="G1563" s="18"/>
      <c r="H1563" s="18"/>
      <c r="I1563" s="18"/>
      <c r="J1563" s="18"/>
      <c r="K1563" s="18"/>
      <c r="L1563" s="18"/>
      <c r="M1563" s="18"/>
      <c r="N1563" s="18"/>
      <c r="O1563" s="18"/>
      <c r="P1563" s="19"/>
      <c r="Q1563" s="19"/>
      <c r="R1563" s="19"/>
      <c r="S1563" s="19"/>
      <c r="T1563" s="19"/>
      <c r="U1563" s="19"/>
      <c r="V1563" s="19"/>
      <c r="W1563" s="19"/>
      <c r="X1563" s="19"/>
      <c r="Y1563" s="19"/>
      <c r="Z1563" s="19"/>
      <c r="AA1563" s="19"/>
    </row>
    <row r="1564" spans="1:27" s="1" customFormat="1" ht="11.1" customHeight="1" outlineLevel="2" x14ac:dyDescent="0.2">
      <c r="A1564" s="17">
        <v>12173</v>
      </c>
      <c r="B1564" s="17"/>
      <c r="C1564" s="17"/>
      <c r="D1564" s="18" t="s">
        <v>790</v>
      </c>
      <c r="E1564" s="18"/>
      <c r="F1564" s="18"/>
      <c r="G1564" s="18"/>
      <c r="H1564" s="18"/>
      <c r="I1564" s="18"/>
      <c r="J1564" s="18"/>
      <c r="K1564" s="18"/>
      <c r="L1564" s="18"/>
      <c r="M1564" s="18"/>
      <c r="N1564" s="18"/>
      <c r="O1564" s="18"/>
      <c r="P1564" s="20">
        <v>1200</v>
      </c>
      <c r="Q1564" s="20"/>
      <c r="R1564" s="20"/>
      <c r="S1564" s="20"/>
      <c r="T1564" s="20">
        <v>1100</v>
      </c>
      <c r="U1564" s="20"/>
      <c r="V1564" s="20"/>
      <c r="W1564" s="20"/>
      <c r="X1564" s="19">
        <v>2</v>
      </c>
      <c r="Y1564" s="19"/>
      <c r="Z1564" s="19"/>
      <c r="AA1564" s="19"/>
    </row>
    <row r="1565" spans="1:27" s="1" customFormat="1" ht="11.1" customHeight="1" outlineLevel="2" x14ac:dyDescent="0.2">
      <c r="A1565" s="17"/>
      <c r="B1565" s="17"/>
      <c r="C1565" s="17"/>
      <c r="D1565" s="18"/>
      <c r="E1565" s="18"/>
      <c r="F1565" s="18"/>
      <c r="G1565" s="18"/>
      <c r="H1565" s="18"/>
      <c r="I1565" s="18"/>
      <c r="J1565" s="18"/>
      <c r="K1565" s="18"/>
      <c r="L1565" s="18"/>
      <c r="M1565" s="18"/>
      <c r="N1565" s="18"/>
      <c r="O1565" s="18"/>
      <c r="P1565" s="20"/>
      <c r="Q1565" s="20"/>
      <c r="R1565" s="20"/>
      <c r="S1565" s="20"/>
      <c r="T1565" s="20"/>
      <c r="U1565" s="20"/>
      <c r="V1565" s="20"/>
      <c r="W1565" s="20"/>
      <c r="X1565" s="19"/>
      <c r="Y1565" s="19"/>
      <c r="Z1565" s="19"/>
      <c r="AA1565" s="19"/>
    </row>
    <row r="1566" spans="1:27" s="1" customFormat="1" ht="11.1" customHeight="1" outlineLevel="2" x14ac:dyDescent="0.2">
      <c r="A1566" s="17">
        <v>17678</v>
      </c>
      <c r="B1566" s="17"/>
      <c r="C1566" s="17"/>
      <c r="D1566" s="18" t="s">
        <v>791</v>
      </c>
      <c r="E1566" s="18"/>
      <c r="F1566" s="18"/>
      <c r="G1566" s="18"/>
      <c r="H1566" s="18"/>
      <c r="I1566" s="18"/>
      <c r="J1566" s="18"/>
      <c r="K1566" s="18"/>
      <c r="L1566" s="18"/>
      <c r="M1566" s="18"/>
      <c r="N1566" s="18"/>
      <c r="O1566" s="18"/>
      <c r="P1566" s="19">
        <v>150</v>
      </c>
      <c r="Q1566" s="19"/>
      <c r="R1566" s="19"/>
      <c r="S1566" s="19"/>
      <c r="T1566" s="19">
        <v>110</v>
      </c>
      <c r="U1566" s="19"/>
      <c r="V1566" s="19"/>
      <c r="W1566" s="19"/>
      <c r="X1566" s="19">
        <v>1</v>
      </c>
      <c r="Y1566" s="19"/>
      <c r="Z1566" s="19"/>
      <c r="AA1566" s="19"/>
    </row>
    <row r="1567" spans="1:27" s="1" customFormat="1" ht="11.1" customHeight="1" outlineLevel="2" x14ac:dyDescent="0.2">
      <c r="A1567" s="17"/>
      <c r="B1567" s="17"/>
      <c r="C1567" s="17"/>
      <c r="D1567" s="18"/>
      <c r="E1567" s="18"/>
      <c r="F1567" s="18"/>
      <c r="G1567" s="18"/>
      <c r="H1567" s="18"/>
      <c r="I1567" s="18"/>
      <c r="J1567" s="18"/>
      <c r="K1567" s="18"/>
      <c r="L1567" s="18"/>
      <c r="M1567" s="18"/>
      <c r="N1567" s="18"/>
      <c r="O1567" s="18"/>
      <c r="P1567" s="19"/>
      <c r="Q1567" s="19"/>
      <c r="R1567" s="19"/>
      <c r="S1567" s="19"/>
      <c r="T1567" s="19"/>
      <c r="U1567" s="19"/>
      <c r="V1567" s="19"/>
      <c r="W1567" s="19"/>
      <c r="X1567" s="19"/>
      <c r="Y1567" s="19"/>
      <c r="Z1567" s="19"/>
      <c r="AA1567" s="19"/>
    </row>
    <row r="1568" spans="1:27" s="1" customFormat="1" ht="11.1" customHeight="1" outlineLevel="2" x14ac:dyDescent="0.2">
      <c r="A1568" s="17">
        <v>10693</v>
      </c>
      <c r="B1568" s="17"/>
      <c r="C1568" s="17"/>
      <c r="D1568" s="18" t="s">
        <v>792</v>
      </c>
      <c r="E1568" s="18"/>
      <c r="F1568" s="18"/>
      <c r="G1568" s="18"/>
      <c r="H1568" s="18"/>
      <c r="I1568" s="18"/>
      <c r="J1568" s="18"/>
      <c r="K1568" s="18"/>
      <c r="L1568" s="18"/>
      <c r="M1568" s="18"/>
      <c r="N1568" s="18"/>
      <c r="O1568" s="18"/>
      <c r="P1568" s="19">
        <v>40</v>
      </c>
      <c r="Q1568" s="19"/>
      <c r="R1568" s="19"/>
      <c r="S1568" s="19"/>
      <c r="T1568" s="19">
        <v>30</v>
      </c>
      <c r="U1568" s="19"/>
      <c r="V1568" s="19"/>
      <c r="W1568" s="19"/>
      <c r="X1568" s="19">
        <v>5</v>
      </c>
      <c r="Y1568" s="19"/>
      <c r="Z1568" s="19"/>
      <c r="AA1568" s="19"/>
    </row>
    <row r="1569" spans="1:27" s="1" customFormat="1" ht="11.1" customHeight="1" outlineLevel="2" x14ac:dyDescent="0.2">
      <c r="A1569" s="17"/>
      <c r="B1569" s="17"/>
      <c r="C1569" s="17"/>
      <c r="D1569" s="18"/>
      <c r="E1569" s="18"/>
      <c r="F1569" s="18"/>
      <c r="G1569" s="18"/>
      <c r="H1569" s="18"/>
      <c r="I1569" s="18"/>
      <c r="J1569" s="18"/>
      <c r="K1569" s="18"/>
      <c r="L1569" s="18"/>
      <c r="M1569" s="18"/>
      <c r="N1569" s="18"/>
      <c r="O1569" s="18"/>
      <c r="P1569" s="19"/>
      <c r="Q1569" s="19"/>
      <c r="R1569" s="19"/>
      <c r="S1569" s="19"/>
      <c r="T1569" s="19"/>
      <c r="U1569" s="19"/>
      <c r="V1569" s="19"/>
      <c r="W1569" s="19"/>
      <c r="X1569" s="19"/>
      <c r="Y1569" s="19"/>
      <c r="Z1569" s="19"/>
      <c r="AA1569" s="19"/>
    </row>
    <row r="1570" spans="1:27" s="1" customFormat="1" ht="11.1" customHeight="1" outlineLevel="2" x14ac:dyDescent="0.2">
      <c r="A1570" s="17">
        <v>9557</v>
      </c>
      <c r="B1570" s="17"/>
      <c r="C1570" s="17"/>
      <c r="D1570" s="18" t="s">
        <v>793</v>
      </c>
      <c r="E1570" s="18"/>
      <c r="F1570" s="18"/>
      <c r="G1570" s="18"/>
      <c r="H1570" s="18"/>
      <c r="I1570" s="18"/>
      <c r="J1570" s="18"/>
      <c r="K1570" s="18"/>
      <c r="L1570" s="18"/>
      <c r="M1570" s="18"/>
      <c r="N1570" s="18"/>
      <c r="O1570" s="18"/>
      <c r="P1570" s="19">
        <v>30</v>
      </c>
      <c r="Q1570" s="19"/>
      <c r="R1570" s="19"/>
      <c r="S1570" s="19"/>
      <c r="T1570" s="19">
        <v>20</v>
      </c>
      <c r="U1570" s="19"/>
      <c r="V1570" s="19"/>
      <c r="W1570" s="19"/>
      <c r="X1570" s="19">
        <v>9</v>
      </c>
      <c r="Y1570" s="19"/>
      <c r="Z1570" s="19"/>
      <c r="AA1570" s="19"/>
    </row>
    <row r="1571" spans="1:27" s="1" customFormat="1" ht="11.1" customHeight="1" outlineLevel="2" x14ac:dyDescent="0.2">
      <c r="A1571" s="17"/>
      <c r="B1571" s="17"/>
      <c r="C1571" s="17"/>
      <c r="D1571" s="18"/>
      <c r="E1571" s="18"/>
      <c r="F1571" s="18"/>
      <c r="G1571" s="18"/>
      <c r="H1571" s="18"/>
      <c r="I1571" s="18"/>
      <c r="J1571" s="18"/>
      <c r="K1571" s="18"/>
      <c r="L1571" s="18"/>
      <c r="M1571" s="18"/>
      <c r="N1571" s="18"/>
      <c r="O1571" s="18"/>
      <c r="P1571" s="19"/>
      <c r="Q1571" s="19"/>
      <c r="R1571" s="19"/>
      <c r="S1571" s="19"/>
      <c r="T1571" s="19"/>
      <c r="U1571" s="19"/>
      <c r="V1571" s="19"/>
      <c r="W1571" s="19"/>
      <c r="X1571" s="19"/>
      <c r="Y1571" s="19"/>
      <c r="Z1571" s="19"/>
      <c r="AA1571" s="19"/>
    </row>
    <row r="1572" spans="1:27" s="1" customFormat="1" ht="11.1" customHeight="1" outlineLevel="2" x14ac:dyDescent="0.2">
      <c r="A1572" s="17">
        <v>8825</v>
      </c>
      <c r="B1572" s="17"/>
      <c r="C1572" s="17"/>
      <c r="D1572" s="18" t="s">
        <v>794</v>
      </c>
      <c r="E1572" s="18"/>
      <c r="F1572" s="18"/>
      <c r="G1572" s="18"/>
      <c r="H1572" s="18"/>
      <c r="I1572" s="18"/>
      <c r="J1572" s="18"/>
      <c r="K1572" s="18"/>
      <c r="L1572" s="18"/>
      <c r="M1572" s="18"/>
      <c r="N1572" s="18"/>
      <c r="O1572" s="18"/>
      <c r="P1572" s="19">
        <v>210</v>
      </c>
      <c r="Q1572" s="19"/>
      <c r="R1572" s="19"/>
      <c r="S1572" s="19"/>
      <c r="T1572" s="19">
        <v>160</v>
      </c>
      <c r="U1572" s="19"/>
      <c r="V1572" s="19"/>
      <c r="W1572" s="19"/>
      <c r="X1572" s="19">
        <v>9</v>
      </c>
      <c r="Y1572" s="19"/>
      <c r="Z1572" s="19"/>
      <c r="AA1572" s="19"/>
    </row>
    <row r="1573" spans="1:27" s="1" customFormat="1" ht="11.1" customHeight="1" outlineLevel="2" x14ac:dyDescent="0.2">
      <c r="A1573" s="17"/>
      <c r="B1573" s="17"/>
      <c r="C1573" s="17"/>
      <c r="D1573" s="18"/>
      <c r="E1573" s="18"/>
      <c r="F1573" s="18"/>
      <c r="G1573" s="18"/>
      <c r="H1573" s="18"/>
      <c r="I1573" s="18"/>
      <c r="J1573" s="18"/>
      <c r="K1573" s="18"/>
      <c r="L1573" s="18"/>
      <c r="M1573" s="18"/>
      <c r="N1573" s="18"/>
      <c r="O1573" s="18"/>
      <c r="P1573" s="19"/>
      <c r="Q1573" s="19"/>
      <c r="R1573" s="19"/>
      <c r="S1573" s="19"/>
      <c r="T1573" s="19"/>
      <c r="U1573" s="19"/>
      <c r="V1573" s="19"/>
      <c r="W1573" s="19"/>
      <c r="X1573" s="19"/>
      <c r="Y1573" s="19"/>
      <c r="Z1573" s="19"/>
      <c r="AA1573" s="19"/>
    </row>
    <row r="1574" spans="1:27" s="1" customFormat="1" ht="14.1" customHeight="1" outlineLevel="2" x14ac:dyDescent="0.2">
      <c r="A1574" s="17">
        <v>10984</v>
      </c>
      <c r="B1574" s="17"/>
      <c r="C1574" s="17"/>
      <c r="D1574" s="18" t="s">
        <v>795</v>
      </c>
      <c r="E1574" s="18"/>
      <c r="F1574" s="18"/>
      <c r="G1574" s="18"/>
      <c r="H1574" s="18"/>
      <c r="I1574" s="18"/>
      <c r="J1574" s="18"/>
      <c r="K1574" s="18"/>
      <c r="L1574" s="18"/>
      <c r="M1574" s="18"/>
      <c r="N1574" s="18"/>
      <c r="O1574" s="18"/>
      <c r="P1574" s="19">
        <v>260</v>
      </c>
      <c r="Q1574" s="19"/>
      <c r="R1574" s="19"/>
      <c r="S1574" s="19"/>
      <c r="T1574" s="19">
        <v>190</v>
      </c>
      <c r="U1574" s="19"/>
      <c r="V1574" s="19"/>
      <c r="W1574" s="19"/>
      <c r="X1574" s="19">
        <v>7</v>
      </c>
      <c r="Y1574" s="19"/>
      <c r="Z1574" s="19"/>
      <c r="AA1574" s="19"/>
    </row>
    <row r="1575" spans="1:27" s="1" customFormat="1" ht="14.1" customHeight="1" outlineLevel="2" x14ac:dyDescent="0.2">
      <c r="A1575" s="17"/>
      <c r="B1575" s="17"/>
      <c r="C1575" s="17"/>
      <c r="D1575" s="18"/>
      <c r="E1575" s="18"/>
      <c r="F1575" s="18"/>
      <c r="G1575" s="18"/>
      <c r="H1575" s="18"/>
      <c r="I1575" s="18"/>
      <c r="J1575" s="18"/>
      <c r="K1575" s="18"/>
      <c r="L1575" s="18"/>
      <c r="M1575" s="18"/>
      <c r="N1575" s="18"/>
      <c r="O1575" s="18"/>
      <c r="P1575" s="19"/>
      <c r="Q1575" s="19"/>
      <c r="R1575" s="19"/>
      <c r="S1575" s="19"/>
      <c r="T1575" s="19"/>
      <c r="U1575" s="19"/>
      <c r="V1575" s="19"/>
      <c r="W1575" s="19"/>
      <c r="X1575" s="19"/>
      <c r="Y1575" s="19"/>
      <c r="Z1575" s="19"/>
      <c r="AA1575" s="19"/>
    </row>
    <row r="1576" spans="1:27" s="1" customFormat="1" ht="14.1" customHeight="1" outlineLevel="2" x14ac:dyDescent="0.2">
      <c r="A1576" s="17">
        <v>10985</v>
      </c>
      <c r="B1576" s="17"/>
      <c r="C1576" s="17"/>
      <c r="D1576" s="18" t="s">
        <v>796</v>
      </c>
      <c r="E1576" s="18"/>
      <c r="F1576" s="18"/>
      <c r="G1576" s="18"/>
      <c r="H1576" s="18"/>
      <c r="I1576" s="18"/>
      <c r="J1576" s="18"/>
      <c r="K1576" s="18"/>
      <c r="L1576" s="18"/>
      <c r="M1576" s="18"/>
      <c r="N1576" s="18"/>
      <c r="O1576" s="18"/>
      <c r="P1576" s="19">
        <v>260</v>
      </c>
      <c r="Q1576" s="19"/>
      <c r="R1576" s="19"/>
      <c r="S1576" s="19"/>
      <c r="T1576" s="19">
        <v>190</v>
      </c>
      <c r="U1576" s="19"/>
      <c r="V1576" s="19"/>
      <c r="W1576" s="19"/>
      <c r="X1576" s="19">
        <v>10</v>
      </c>
      <c r="Y1576" s="19"/>
      <c r="Z1576" s="19"/>
      <c r="AA1576" s="19"/>
    </row>
    <row r="1577" spans="1:27" s="1" customFormat="1" ht="14.1" customHeight="1" outlineLevel="2" x14ac:dyDescent="0.2">
      <c r="A1577" s="17"/>
      <c r="B1577" s="17"/>
      <c r="C1577" s="17"/>
      <c r="D1577" s="18"/>
      <c r="E1577" s="18"/>
      <c r="F1577" s="18"/>
      <c r="G1577" s="18"/>
      <c r="H1577" s="18"/>
      <c r="I1577" s="18"/>
      <c r="J1577" s="18"/>
      <c r="K1577" s="18"/>
      <c r="L1577" s="18"/>
      <c r="M1577" s="18"/>
      <c r="N1577" s="18"/>
      <c r="O1577" s="18"/>
      <c r="P1577" s="19"/>
      <c r="Q1577" s="19"/>
      <c r="R1577" s="19"/>
      <c r="S1577" s="19"/>
      <c r="T1577" s="19"/>
      <c r="U1577" s="19"/>
      <c r="V1577" s="19"/>
      <c r="W1577" s="19"/>
      <c r="X1577" s="19"/>
      <c r="Y1577" s="19"/>
      <c r="Z1577" s="19"/>
      <c r="AA1577" s="19"/>
    </row>
    <row r="1578" spans="1:27" s="1" customFormat="1" ht="14.1" customHeight="1" outlineLevel="2" x14ac:dyDescent="0.2">
      <c r="A1578" s="17">
        <v>8447</v>
      </c>
      <c r="B1578" s="17"/>
      <c r="C1578" s="17"/>
      <c r="D1578" s="18" t="s">
        <v>797</v>
      </c>
      <c r="E1578" s="18"/>
      <c r="F1578" s="18"/>
      <c r="G1578" s="18"/>
      <c r="H1578" s="18"/>
      <c r="I1578" s="18"/>
      <c r="J1578" s="18"/>
      <c r="K1578" s="18"/>
      <c r="L1578" s="18"/>
      <c r="M1578" s="18"/>
      <c r="N1578" s="18"/>
      <c r="O1578" s="18"/>
      <c r="P1578" s="20">
        <v>1050</v>
      </c>
      <c r="Q1578" s="20"/>
      <c r="R1578" s="20"/>
      <c r="S1578" s="20"/>
      <c r="T1578" s="19">
        <v>900</v>
      </c>
      <c r="U1578" s="19"/>
      <c r="V1578" s="19"/>
      <c r="W1578" s="19"/>
      <c r="X1578" s="19">
        <v>1</v>
      </c>
      <c r="Y1578" s="19"/>
      <c r="Z1578" s="19"/>
      <c r="AA1578" s="19"/>
    </row>
    <row r="1579" spans="1:27" s="1" customFormat="1" ht="14.1" customHeight="1" outlineLevel="2" x14ac:dyDescent="0.2">
      <c r="A1579" s="17"/>
      <c r="B1579" s="17"/>
      <c r="C1579" s="17"/>
      <c r="D1579" s="18"/>
      <c r="E1579" s="18"/>
      <c r="F1579" s="18"/>
      <c r="G1579" s="18"/>
      <c r="H1579" s="18"/>
      <c r="I1579" s="18"/>
      <c r="J1579" s="18"/>
      <c r="K1579" s="18"/>
      <c r="L1579" s="18"/>
      <c r="M1579" s="18"/>
      <c r="N1579" s="18"/>
      <c r="O1579" s="18"/>
      <c r="P1579" s="20"/>
      <c r="Q1579" s="20"/>
      <c r="R1579" s="20"/>
      <c r="S1579" s="20"/>
      <c r="T1579" s="19"/>
      <c r="U1579" s="19"/>
      <c r="V1579" s="19"/>
      <c r="W1579" s="19"/>
      <c r="X1579" s="19"/>
      <c r="Y1579" s="19"/>
      <c r="Z1579" s="19"/>
      <c r="AA1579" s="19"/>
    </row>
    <row r="1580" spans="1:27" s="1" customFormat="1" ht="11.1" customHeight="1" outlineLevel="1" x14ac:dyDescent="0.2">
      <c r="A1580" s="16" t="s">
        <v>798</v>
      </c>
      <c r="B1580" s="16"/>
      <c r="C1580" s="16"/>
      <c r="D1580" s="16"/>
      <c r="E1580" s="16"/>
      <c r="F1580" s="16"/>
      <c r="G1580" s="16"/>
      <c r="H1580" s="16"/>
      <c r="I1580" s="16"/>
      <c r="J1580" s="16"/>
      <c r="K1580" s="16"/>
      <c r="L1580" s="16"/>
      <c r="M1580" s="16"/>
      <c r="N1580" s="16"/>
      <c r="O1580" s="16"/>
      <c r="P1580" s="16"/>
      <c r="Q1580" s="16"/>
      <c r="R1580" s="16"/>
      <c r="S1580" s="16"/>
      <c r="T1580" s="16"/>
      <c r="U1580" s="16"/>
      <c r="V1580" s="16"/>
      <c r="W1580" s="16"/>
      <c r="X1580" s="16"/>
      <c r="Y1580" s="16"/>
      <c r="Z1580" s="16"/>
      <c r="AA1580" s="16"/>
    </row>
    <row r="1581" spans="1:27" s="1" customFormat="1" ht="11.1" customHeight="1" outlineLevel="1" x14ac:dyDescent="0.2">
      <c r="A1581" s="16"/>
      <c r="B1581" s="16"/>
      <c r="C1581" s="16"/>
      <c r="D1581" s="16"/>
      <c r="E1581" s="16"/>
      <c r="F1581" s="16"/>
      <c r="G1581" s="16"/>
      <c r="H1581" s="16"/>
      <c r="I1581" s="16"/>
      <c r="J1581" s="16"/>
      <c r="K1581" s="16"/>
      <c r="L1581" s="16"/>
      <c r="M1581" s="16"/>
      <c r="N1581" s="16"/>
      <c r="O1581" s="16"/>
      <c r="P1581" s="16"/>
      <c r="Q1581" s="16"/>
      <c r="R1581" s="16"/>
      <c r="S1581" s="16"/>
      <c r="T1581" s="16"/>
      <c r="U1581" s="16"/>
      <c r="V1581" s="16"/>
      <c r="W1581" s="16"/>
      <c r="X1581" s="16"/>
      <c r="Y1581" s="16"/>
      <c r="Z1581" s="16"/>
      <c r="AA1581" s="16"/>
    </row>
    <row r="1582" spans="1:27" s="1" customFormat="1" ht="11.1" customHeight="1" outlineLevel="2" x14ac:dyDescent="0.2">
      <c r="A1582" s="17">
        <v>12632</v>
      </c>
      <c r="B1582" s="17"/>
      <c r="C1582" s="17"/>
      <c r="D1582" s="18" t="s">
        <v>799</v>
      </c>
      <c r="E1582" s="18"/>
      <c r="F1582" s="18"/>
      <c r="G1582" s="18"/>
      <c r="H1582" s="18"/>
      <c r="I1582" s="18"/>
      <c r="J1582" s="18"/>
      <c r="K1582" s="18"/>
      <c r="L1582" s="18"/>
      <c r="M1582" s="18"/>
      <c r="N1582" s="18"/>
      <c r="O1582" s="18"/>
      <c r="P1582" s="19">
        <v>120</v>
      </c>
      <c r="Q1582" s="19"/>
      <c r="R1582" s="19"/>
      <c r="S1582" s="19"/>
      <c r="T1582" s="19">
        <v>90</v>
      </c>
      <c r="U1582" s="19"/>
      <c r="V1582" s="19"/>
      <c r="W1582" s="19"/>
      <c r="X1582" s="19">
        <v>1</v>
      </c>
      <c r="Y1582" s="19"/>
      <c r="Z1582" s="19"/>
      <c r="AA1582" s="19"/>
    </row>
    <row r="1583" spans="1:27" s="1" customFormat="1" ht="11.1" customHeight="1" outlineLevel="2" x14ac:dyDescent="0.2">
      <c r="A1583" s="17"/>
      <c r="B1583" s="17"/>
      <c r="C1583" s="17"/>
      <c r="D1583" s="18"/>
      <c r="E1583" s="18"/>
      <c r="F1583" s="18"/>
      <c r="G1583" s="18"/>
      <c r="H1583" s="18"/>
      <c r="I1583" s="18"/>
      <c r="J1583" s="18"/>
      <c r="K1583" s="18"/>
      <c r="L1583" s="18"/>
      <c r="M1583" s="18"/>
      <c r="N1583" s="18"/>
      <c r="O1583" s="18"/>
      <c r="P1583" s="19"/>
      <c r="Q1583" s="19"/>
      <c r="R1583" s="19"/>
      <c r="S1583" s="19"/>
      <c r="T1583" s="19"/>
      <c r="U1583" s="19"/>
      <c r="V1583" s="19"/>
      <c r="W1583" s="19"/>
      <c r="X1583" s="19"/>
      <c r="Y1583" s="19"/>
      <c r="Z1583" s="19"/>
      <c r="AA1583" s="19"/>
    </row>
    <row r="1584" spans="1:27" s="1" customFormat="1" ht="11.1" customHeight="1" outlineLevel="2" x14ac:dyDescent="0.2">
      <c r="A1584" s="17">
        <v>9952</v>
      </c>
      <c r="B1584" s="17"/>
      <c r="C1584" s="17"/>
      <c r="D1584" s="18" t="s">
        <v>800</v>
      </c>
      <c r="E1584" s="18"/>
      <c r="F1584" s="18"/>
      <c r="G1584" s="18"/>
      <c r="H1584" s="18"/>
      <c r="I1584" s="18"/>
      <c r="J1584" s="18"/>
      <c r="K1584" s="18"/>
      <c r="L1584" s="18"/>
      <c r="M1584" s="18"/>
      <c r="N1584" s="18"/>
      <c r="O1584" s="18"/>
      <c r="P1584" s="19">
        <v>30</v>
      </c>
      <c r="Q1584" s="19"/>
      <c r="R1584" s="19"/>
      <c r="S1584" s="19"/>
      <c r="T1584" s="19">
        <v>30</v>
      </c>
      <c r="U1584" s="19"/>
      <c r="V1584" s="19"/>
      <c r="W1584" s="19"/>
      <c r="X1584" s="19">
        <v>1</v>
      </c>
      <c r="Y1584" s="19"/>
      <c r="Z1584" s="19"/>
      <c r="AA1584" s="19"/>
    </row>
    <row r="1585" spans="1:27" s="1" customFormat="1" ht="11.1" customHeight="1" outlineLevel="2" x14ac:dyDescent="0.2">
      <c r="A1585" s="17"/>
      <c r="B1585" s="17"/>
      <c r="C1585" s="17"/>
      <c r="D1585" s="18"/>
      <c r="E1585" s="18"/>
      <c r="F1585" s="18"/>
      <c r="G1585" s="18"/>
      <c r="H1585" s="18"/>
      <c r="I1585" s="18"/>
      <c r="J1585" s="18"/>
      <c r="K1585" s="18"/>
      <c r="L1585" s="18"/>
      <c r="M1585" s="18"/>
      <c r="N1585" s="18"/>
      <c r="O1585" s="18"/>
      <c r="P1585" s="19"/>
      <c r="Q1585" s="19"/>
      <c r="R1585" s="19"/>
      <c r="S1585" s="19"/>
      <c r="T1585" s="19"/>
      <c r="U1585" s="19"/>
      <c r="V1585" s="19"/>
      <c r="W1585" s="19"/>
      <c r="X1585" s="19"/>
      <c r="Y1585" s="19"/>
      <c r="Z1585" s="19"/>
      <c r="AA1585" s="19"/>
    </row>
    <row r="1586" spans="1:27" s="1" customFormat="1" ht="14.1" customHeight="1" outlineLevel="2" x14ac:dyDescent="0.2">
      <c r="A1586" s="17">
        <v>12633</v>
      </c>
      <c r="B1586" s="17"/>
      <c r="C1586" s="17"/>
      <c r="D1586" s="18" t="s">
        <v>801</v>
      </c>
      <c r="E1586" s="18"/>
      <c r="F1586" s="18"/>
      <c r="G1586" s="18"/>
      <c r="H1586" s="18"/>
      <c r="I1586" s="18"/>
      <c r="J1586" s="18"/>
      <c r="K1586" s="18"/>
      <c r="L1586" s="18"/>
      <c r="M1586" s="18"/>
      <c r="N1586" s="18"/>
      <c r="O1586" s="18"/>
      <c r="P1586" s="19">
        <v>190</v>
      </c>
      <c r="Q1586" s="19"/>
      <c r="R1586" s="19"/>
      <c r="S1586" s="19"/>
      <c r="T1586" s="19">
        <v>150</v>
      </c>
      <c r="U1586" s="19"/>
      <c r="V1586" s="19"/>
      <c r="W1586" s="19"/>
      <c r="X1586" s="19">
        <v>1</v>
      </c>
      <c r="Y1586" s="19"/>
      <c r="Z1586" s="19"/>
      <c r="AA1586" s="19"/>
    </row>
    <row r="1587" spans="1:27" s="1" customFormat="1" ht="14.1" customHeight="1" outlineLevel="2" x14ac:dyDescent="0.2">
      <c r="A1587" s="17"/>
      <c r="B1587" s="17"/>
      <c r="C1587" s="17"/>
      <c r="D1587" s="18"/>
      <c r="E1587" s="18"/>
      <c r="F1587" s="18"/>
      <c r="G1587" s="18"/>
      <c r="H1587" s="18"/>
      <c r="I1587" s="18"/>
      <c r="J1587" s="18"/>
      <c r="K1587" s="18"/>
      <c r="L1587" s="18"/>
      <c r="M1587" s="18"/>
      <c r="N1587" s="18"/>
      <c r="O1587" s="18"/>
      <c r="P1587" s="19"/>
      <c r="Q1587" s="19"/>
      <c r="R1587" s="19"/>
      <c r="S1587" s="19"/>
      <c r="T1587" s="19"/>
      <c r="U1587" s="19"/>
      <c r="V1587" s="19"/>
      <c r="W1587" s="19"/>
      <c r="X1587" s="19"/>
      <c r="Y1587" s="19"/>
      <c r="Z1587" s="19"/>
      <c r="AA1587" s="19"/>
    </row>
    <row r="1588" spans="1:27" s="1" customFormat="1" ht="11.1" customHeight="1" outlineLevel="2" x14ac:dyDescent="0.2">
      <c r="A1588" s="17">
        <v>11699</v>
      </c>
      <c r="B1588" s="17"/>
      <c r="C1588" s="17"/>
      <c r="D1588" s="18" t="s">
        <v>802</v>
      </c>
      <c r="E1588" s="18"/>
      <c r="F1588" s="18"/>
      <c r="G1588" s="18"/>
      <c r="H1588" s="18"/>
      <c r="I1588" s="18"/>
      <c r="J1588" s="18"/>
      <c r="K1588" s="18"/>
      <c r="L1588" s="18"/>
      <c r="M1588" s="18"/>
      <c r="N1588" s="18"/>
      <c r="O1588" s="18"/>
      <c r="P1588" s="19">
        <v>850</v>
      </c>
      <c r="Q1588" s="19"/>
      <c r="R1588" s="19"/>
      <c r="S1588" s="19"/>
      <c r="T1588" s="19">
        <v>690</v>
      </c>
      <c r="U1588" s="19"/>
      <c r="V1588" s="19"/>
      <c r="W1588" s="19"/>
      <c r="X1588" s="19">
        <v>18</v>
      </c>
      <c r="Y1588" s="19"/>
      <c r="Z1588" s="19"/>
      <c r="AA1588" s="19"/>
    </row>
    <row r="1589" spans="1:27" s="1" customFormat="1" ht="11.1" customHeight="1" outlineLevel="2" x14ac:dyDescent="0.2">
      <c r="A1589" s="17"/>
      <c r="B1589" s="17"/>
      <c r="C1589" s="17"/>
      <c r="D1589" s="18"/>
      <c r="E1589" s="18"/>
      <c r="F1589" s="18"/>
      <c r="G1589" s="18"/>
      <c r="H1589" s="18"/>
      <c r="I1589" s="18"/>
      <c r="J1589" s="18"/>
      <c r="K1589" s="18"/>
      <c r="L1589" s="18"/>
      <c r="M1589" s="18"/>
      <c r="N1589" s="18"/>
      <c r="O1589" s="18"/>
      <c r="P1589" s="19"/>
      <c r="Q1589" s="19"/>
      <c r="R1589" s="19"/>
      <c r="S1589" s="19"/>
      <c r="T1589" s="19"/>
      <c r="U1589" s="19"/>
      <c r="V1589" s="19"/>
      <c r="W1589" s="19"/>
      <c r="X1589" s="19"/>
      <c r="Y1589" s="19"/>
      <c r="Z1589" s="19"/>
      <c r="AA1589" s="19"/>
    </row>
    <row r="1590" spans="1:27" s="1" customFormat="1" ht="11.1" customHeight="1" outlineLevel="2" x14ac:dyDescent="0.2">
      <c r="A1590" s="17">
        <v>12490</v>
      </c>
      <c r="B1590" s="17"/>
      <c r="C1590" s="17"/>
      <c r="D1590" s="18" t="s">
        <v>803</v>
      </c>
      <c r="E1590" s="18"/>
      <c r="F1590" s="18"/>
      <c r="G1590" s="18"/>
      <c r="H1590" s="18"/>
      <c r="I1590" s="18"/>
      <c r="J1590" s="18"/>
      <c r="K1590" s="18"/>
      <c r="L1590" s="18"/>
      <c r="M1590" s="18"/>
      <c r="N1590" s="18"/>
      <c r="O1590" s="18"/>
      <c r="P1590" s="19">
        <v>800</v>
      </c>
      <c r="Q1590" s="19"/>
      <c r="R1590" s="19"/>
      <c r="S1590" s="19"/>
      <c r="T1590" s="19">
        <v>630</v>
      </c>
      <c r="U1590" s="19"/>
      <c r="V1590" s="19"/>
      <c r="W1590" s="19"/>
      <c r="X1590" s="19">
        <v>26</v>
      </c>
      <c r="Y1590" s="19"/>
      <c r="Z1590" s="19"/>
      <c r="AA1590" s="19"/>
    </row>
    <row r="1591" spans="1:27" s="1" customFormat="1" ht="11.1" customHeight="1" outlineLevel="2" x14ac:dyDescent="0.2">
      <c r="A1591" s="17"/>
      <c r="B1591" s="17"/>
      <c r="C1591" s="17"/>
      <c r="D1591" s="18"/>
      <c r="E1591" s="18"/>
      <c r="F1591" s="18"/>
      <c r="G1591" s="18"/>
      <c r="H1591" s="18"/>
      <c r="I1591" s="18"/>
      <c r="J1591" s="18"/>
      <c r="K1591" s="18"/>
      <c r="L1591" s="18"/>
      <c r="M1591" s="18"/>
      <c r="N1591" s="18"/>
      <c r="O1591" s="18"/>
      <c r="P1591" s="19"/>
      <c r="Q1591" s="19"/>
      <c r="R1591" s="19"/>
      <c r="S1591" s="19"/>
      <c r="T1591" s="19"/>
      <c r="U1591" s="19"/>
      <c r="V1591" s="19"/>
      <c r="W1591" s="19"/>
      <c r="X1591" s="19"/>
      <c r="Y1591" s="19"/>
      <c r="Z1591" s="19"/>
      <c r="AA1591" s="19"/>
    </row>
    <row r="1592" spans="1:27" s="1" customFormat="1" ht="11.1" customHeight="1" outlineLevel="2" x14ac:dyDescent="0.2">
      <c r="A1592" s="17">
        <v>17480</v>
      </c>
      <c r="B1592" s="17"/>
      <c r="C1592" s="17"/>
      <c r="D1592" s="18" t="s">
        <v>804</v>
      </c>
      <c r="E1592" s="18"/>
      <c r="F1592" s="18"/>
      <c r="G1592" s="18"/>
      <c r="H1592" s="18"/>
      <c r="I1592" s="18"/>
      <c r="J1592" s="18"/>
      <c r="K1592" s="18"/>
      <c r="L1592" s="18"/>
      <c r="M1592" s="18"/>
      <c r="N1592" s="18"/>
      <c r="O1592" s="18"/>
      <c r="P1592" s="19">
        <v>190</v>
      </c>
      <c r="Q1592" s="19"/>
      <c r="R1592" s="19"/>
      <c r="S1592" s="19"/>
      <c r="T1592" s="19">
        <v>100</v>
      </c>
      <c r="U1592" s="19"/>
      <c r="V1592" s="19"/>
      <c r="W1592" s="19"/>
      <c r="X1592" s="19">
        <v>1</v>
      </c>
      <c r="Y1592" s="19"/>
      <c r="Z1592" s="19"/>
      <c r="AA1592" s="19"/>
    </row>
    <row r="1593" spans="1:27" s="1" customFormat="1" ht="11.1" customHeight="1" outlineLevel="2" x14ac:dyDescent="0.2">
      <c r="A1593" s="17"/>
      <c r="B1593" s="17"/>
      <c r="C1593" s="17"/>
      <c r="D1593" s="18"/>
      <c r="E1593" s="18"/>
      <c r="F1593" s="18"/>
      <c r="G1593" s="18"/>
      <c r="H1593" s="18"/>
      <c r="I1593" s="18"/>
      <c r="J1593" s="18"/>
      <c r="K1593" s="18"/>
      <c r="L1593" s="18"/>
      <c r="M1593" s="18"/>
      <c r="N1593" s="18"/>
      <c r="O1593" s="18"/>
      <c r="P1593" s="19"/>
      <c r="Q1593" s="19"/>
      <c r="R1593" s="19"/>
      <c r="S1593" s="19"/>
      <c r="T1593" s="19"/>
      <c r="U1593" s="19"/>
      <c r="V1593" s="19"/>
      <c r="W1593" s="19"/>
      <c r="X1593" s="19"/>
      <c r="Y1593" s="19"/>
      <c r="Z1593" s="19"/>
      <c r="AA1593" s="19"/>
    </row>
    <row r="1594" spans="1:27" s="1" customFormat="1" ht="11.1" customHeight="1" outlineLevel="2" x14ac:dyDescent="0.2">
      <c r="A1594" s="17">
        <v>10126</v>
      </c>
      <c r="B1594" s="17"/>
      <c r="C1594" s="17"/>
      <c r="D1594" s="18" t="s">
        <v>805</v>
      </c>
      <c r="E1594" s="18"/>
      <c r="F1594" s="18"/>
      <c r="G1594" s="18"/>
      <c r="H1594" s="18"/>
      <c r="I1594" s="18"/>
      <c r="J1594" s="18"/>
      <c r="K1594" s="18"/>
      <c r="L1594" s="18"/>
      <c r="M1594" s="18"/>
      <c r="N1594" s="18"/>
      <c r="O1594" s="18"/>
      <c r="P1594" s="19">
        <v>20</v>
      </c>
      <c r="Q1594" s="19"/>
      <c r="R1594" s="19"/>
      <c r="S1594" s="19"/>
      <c r="T1594" s="19">
        <v>15</v>
      </c>
      <c r="U1594" s="19"/>
      <c r="V1594" s="19"/>
      <c r="W1594" s="19"/>
      <c r="X1594" s="19">
        <v>15</v>
      </c>
      <c r="Y1594" s="19"/>
      <c r="Z1594" s="19"/>
      <c r="AA1594" s="19"/>
    </row>
    <row r="1595" spans="1:27" s="1" customFormat="1" ht="11.1" customHeight="1" outlineLevel="2" x14ac:dyDescent="0.2">
      <c r="A1595" s="17"/>
      <c r="B1595" s="17"/>
      <c r="C1595" s="17"/>
      <c r="D1595" s="18"/>
      <c r="E1595" s="18"/>
      <c r="F1595" s="18"/>
      <c r="G1595" s="18"/>
      <c r="H1595" s="18"/>
      <c r="I1595" s="18"/>
      <c r="J1595" s="18"/>
      <c r="K1595" s="18"/>
      <c r="L1595" s="18"/>
      <c r="M1595" s="18"/>
      <c r="N1595" s="18"/>
      <c r="O1595" s="18"/>
      <c r="P1595" s="19"/>
      <c r="Q1595" s="19"/>
      <c r="R1595" s="19"/>
      <c r="S1595" s="19"/>
      <c r="T1595" s="19"/>
      <c r="U1595" s="19"/>
      <c r="V1595" s="19"/>
      <c r="W1595" s="19"/>
      <c r="X1595" s="19"/>
      <c r="Y1595" s="19"/>
      <c r="Z1595" s="19"/>
      <c r="AA1595" s="19"/>
    </row>
    <row r="1596" spans="1:27" s="1" customFormat="1" ht="11.1" customHeight="1" outlineLevel="2" x14ac:dyDescent="0.2">
      <c r="A1596" s="17">
        <v>17479</v>
      </c>
      <c r="B1596" s="17"/>
      <c r="C1596" s="17"/>
      <c r="D1596" s="18" t="s">
        <v>806</v>
      </c>
      <c r="E1596" s="18"/>
      <c r="F1596" s="18"/>
      <c r="G1596" s="18"/>
      <c r="H1596" s="18"/>
      <c r="I1596" s="18"/>
      <c r="J1596" s="18"/>
      <c r="K1596" s="18"/>
      <c r="L1596" s="18"/>
      <c r="M1596" s="18"/>
      <c r="N1596" s="18"/>
      <c r="O1596" s="18"/>
      <c r="P1596" s="19">
        <v>350</v>
      </c>
      <c r="Q1596" s="19"/>
      <c r="R1596" s="19"/>
      <c r="S1596" s="19"/>
      <c r="T1596" s="19">
        <v>300</v>
      </c>
      <c r="U1596" s="19"/>
      <c r="V1596" s="19"/>
      <c r="W1596" s="19"/>
      <c r="X1596" s="19">
        <v>2</v>
      </c>
      <c r="Y1596" s="19"/>
      <c r="Z1596" s="19"/>
      <c r="AA1596" s="19"/>
    </row>
    <row r="1597" spans="1:27" s="1" customFormat="1" ht="11.1" customHeight="1" outlineLevel="2" x14ac:dyDescent="0.2">
      <c r="A1597" s="17"/>
      <c r="B1597" s="17"/>
      <c r="C1597" s="17"/>
      <c r="D1597" s="18"/>
      <c r="E1597" s="18"/>
      <c r="F1597" s="18"/>
      <c r="G1597" s="18"/>
      <c r="H1597" s="18"/>
      <c r="I1597" s="18"/>
      <c r="J1597" s="18"/>
      <c r="K1597" s="18"/>
      <c r="L1597" s="18"/>
      <c r="M1597" s="18"/>
      <c r="N1597" s="18"/>
      <c r="O1597" s="18"/>
      <c r="P1597" s="19"/>
      <c r="Q1597" s="19"/>
      <c r="R1597" s="19"/>
      <c r="S1597" s="19"/>
      <c r="T1597" s="19"/>
      <c r="U1597" s="19"/>
      <c r="V1597" s="19"/>
      <c r="W1597" s="19"/>
      <c r="X1597" s="19"/>
      <c r="Y1597" s="19"/>
      <c r="Z1597" s="19"/>
      <c r="AA1597" s="19"/>
    </row>
    <row r="1598" spans="1:27" s="1" customFormat="1" ht="11.1" customHeight="1" outlineLevel="2" x14ac:dyDescent="0.2">
      <c r="A1598" s="17">
        <v>8446</v>
      </c>
      <c r="B1598" s="17"/>
      <c r="C1598" s="17"/>
      <c r="D1598" s="18" t="s">
        <v>807</v>
      </c>
      <c r="E1598" s="18"/>
      <c r="F1598" s="18"/>
      <c r="G1598" s="18"/>
      <c r="H1598" s="18"/>
      <c r="I1598" s="18"/>
      <c r="J1598" s="18"/>
      <c r="K1598" s="18"/>
      <c r="L1598" s="18"/>
      <c r="M1598" s="18"/>
      <c r="N1598" s="18"/>
      <c r="O1598" s="18"/>
      <c r="P1598" s="19">
        <v>40</v>
      </c>
      <c r="Q1598" s="19"/>
      <c r="R1598" s="19"/>
      <c r="S1598" s="19"/>
      <c r="T1598" s="19">
        <v>25</v>
      </c>
      <c r="U1598" s="19"/>
      <c r="V1598" s="19"/>
      <c r="W1598" s="19"/>
      <c r="X1598" s="19">
        <v>1</v>
      </c>
      <c r="Y1598" s="19"/>
      <c r="Z1598" s="19"/>
      <c r="AA1598" s="19"/>
    </row>
    <row r="1599" spans="1:27" s="1" customFormat="1" ht="11.1" customHeight="1" outlineLevel="2" x14ac:dyDescent="0.2">
      <c r="A1599" s="17"/>
      <c r="B1599" s="17"/>
      <c r="C1599" s="17"/>
      <c r="D1599" s="18"/>
      <c r="E1599" s="18"/>
      <c r="F1599" s="18"/>
      <c r="G1599" s="18"/>
      <c r="H1599" s="18"/>
      <c r="I1599" s="18"/>
      <c r="J1599" s="18"/>
      <c r="K1599" s="18"/>
      <c r="L1599" s="18"/>
      <c r="M1599" s="18"/>
      <c r="N1599" s="18"/>
      <c r="O1599" s="18"/>
      <c r="P1599" s="19"/>
      <c r="Q1599" s="19"/>
      <c r="R1599" s="19"/>
      <c r="S1599" s="19"/>
      <c r="T1599" s="19"/>
      <c r="U1599" s="19"/>
      <c r="V1599" s="19"/>
      <c r="W1599" s="19"/>
      <c r="X1599" s="19"/>
      <c r="Y1599" s="19"/>
      <c r="Z1599" s="19"/>
      <c r="AA1599" s="19"/>
    </row>
    <row r="1600" spans="1:27" s="1" customFormat="1" ht="14.1" customHeight="1" outlineLevel="2" x14ac:dyDescent="0.2">
      <c r="A1600" s="17">
        <v>9511</v>
      </c>
      <c r="B1600" s="17"/>
      <c r="C1600" s="17"/>
      <c r="D1600" s="18" t="s">
        <v>808</v>
      </c>
      <c r="E1600" s="18"/>
      <c r="F1600" s="18"/>
      <c r="G1600" s="18"/>
      <c r="H1600" s="18"/>
      <c r="I1600" s="18"/>
      <c r="J1600" s="18"/>
      <c r="K1600" s="18"/>
      <c r="L1600" s="18"/>
      <c r="M1600" s="18"/>
      <c r="N1600" s="18"/>
      <c r="O1600" s="18"/>
      <c r="P1600" s="20">
        <v>1150</v>
      </c>
      <c r="Q1600" s="20"/>
      <c r="R1600" s="20"/>
      <c r="S1600" s="20"/>
      <c r="T1600" s="19">
        <v>820</v>
      </c>
      <c r="U1600" s="19"/>
      <c r="V1600" s="19"/>
      <c r="W1600" s="19"/>
      <c r="X1600" s="19">
        <v>3</v>
      </c>
      <c r="Y1600" s="19"/>
      <c r="Z1600" s="19"/>
      <c r="AA1600" s="19"/>
    </row>
    <row r="1601" spans="1:27" s="1" customFormat="1" ht="14.1" customHeight="1" outlineLevel="2" x14ac:dyDescent="0.2">
      <c r="A1601" s="17"/>
      <c r="B1601" s="17"/>
      <c r="C1601" s="17"/>
      <c r="D1601" s="18"/>
      <c r="E1601" s="18"/>
      <c r="F1601" s="18"/>
      <c r="G1601" s="18"/>
      <c r="H1601" s="18"/>
      <c r="I1601" s="18"/>
      <c r="J1601" s="18"/>
      <c r="K1601" s="18"/>
      <c r="L1601" s="18"/>
      <c r="M1601" s="18"/>
      <c r="N1601" s="18"/>
      <c r="O1601" s="18"/>
      <c r="P1601" s="20"/>
      <c r="Q1601" s="20"/>
      <c r="R1601" s="20"/>
      <c r="S1601" s="20"/>
      <c r="T1601" s="19"/>
      <c r="U1601" s="19"/>
      <c r="V1601" s="19"/>
      <c r="W1601" s="19"/>
      <c r="X1601" s="19"/>
      <c r="Y1601" s="19"/>
      <c r="Z1601" s="19"/>
      <c r="AA1601" s="19"/>
    </row>
    <row r="1602" spans="1:27" s="1" customFormat="1" ht="14.1" customHeight="1" outlineLevel="2" x14ac:dyDescent="0.2">
      <c r="A1602" s="17">
        <v>8344</v>
      </c>
      <c r="B1602" s="17"/>
      <c r="C1602" s="17"/>
      <c r="D1602" s="18" t="s">
        <v>809</v>
      </c>
      <c r="E1602" s="18"/>
      <c r="F1602" s="18"/>
      <c r="G1602" s="18"/>
      <c r="H1602" s="18"/>
      <c r="I1602" s="18"/>
      <c r="J1602" s="18"/>
      <c r="K1602" s="18"/>
      <c r="L1602" s="18"/>
      <c r="M1602" s="18"/>
      <c r="N1602" s="18"/>
      <c r="O1602" s="18"/>
      <c r="P1602" s="20">
        <v>1150</v>
      </c>
      <c r="Q1602" s="20"/>
      <c r="R1602" s="20"/>
      <c r="S1602" s="20"/>
      <c r="T1602" s="19">
        <v>820</v>
      </c>
      <c r="U1602" s="19"/>
      <c r="V1602" s="19"/>
      <c r="W1602" s="19"/>
      <c r="X1602" s="19">
        <v>1</v>
      </c>
      <c r="Y1602" s="19"/>
      <c r="Z1602" s="19"/>
      <c r="AA1602" s="19"/>
    </row>
    <row r="1603" spans="1:27" s="1" customFormat="1" ht="14.1" customHeight="1" outlineLevel="2" x14ac:dyDescent="0.2">
      <c r="A1603" s="17"/>
      <c r="B1603" s="17"/>
      <c r="C1603" s="17"/>
      <c r="D1603" s="18"/>
      <c r="E1603" s="18"/>
      <c r="F1603" s="18"/>
      <c r="G1603" s="18"/>
      <c r="H1603" s="18"/>
      <c r="I1603" s="18"/>
      <c r="J1603" s="18"/>
      <c r="K1603" s="18"/>
      <c r="L1603" s="18"/>
      <c r="M1603" s="18"/>
      <c r="N1603" s="18"/>
      <c r="O1603" s="18"/>
      <c r="P1603" s="20"/>
      <c r="Q1603" s="20"/>
      <c r="R1603" s="20"/>
      <c r="S1603" s="20"/>
      <c r="T1603" s="19"/>
      <c r="U1603" s="19"/>
      <c r="V1603" s="19"/>
      <c r="W1603" s="19"/>
      <c r="X1603" s="19"/>
      <c r="Y1603" s="19"/>
      <c r="Z1603" s="19"/>
      <c r="AA1603" s="19"/>
    </row>
    <row r="1604" spans="1:27" s="1" customFormat="1" ht="14.1" customHeight="1" outlineLevel="2" x14ac:dyDescent="0.2">
      <c r="A1604" s="17">
        <v>9512</v>
      </c>
      <c r="B1604" s="17"/>
      <c r="C1604" s="17"/>
      <c r="D1604" s="18" t="s">
        <v>810</v>
      </c>
      <c r="E1604" s="18"/>
      <c r="F1604" s="18"/>
      <c r="G1604" s="18"/>
      <c r="H1604" s="18"/>
      <c r="I1604" s="18"/>
      <c r="J1604" s="18"/>
      <c r="K1604" s="18"/>
      <c r="L1604" s="18"/>
      <c r="M1604" s="18"/>
      <c r="N1604" s="18"/>
      <c r="O1604" s="18"/>
      <c r="P1604" s="20">
        <v>1150</v>
      </c>
      <c r="Q1604" s="20"/>
      <c r="R1604" s="20"/>
      <c r="S1604" s="20"/>
      <c r="T1604" s="19">
        <v>820</v>
      </c>
      <c r="U1604" s="19"/>
      <c r="V1604" s="19"/>
      <c r="W1604" s="19"/>
      <c r="X1604" s="19">
        <v>12</v>
      </c>
      <c r="Y1604" s="19"/>
      <c r="Z1604" s="19"/>
      <c r="AA1604" s="19"/>
    </row>
    <row r="1605" spans="1:27" s="1" customFormat="1" ht="14.1" customHeight="1" outlineLevel="2" x14ac:dyDescent="0.2">
      <c r="A1605" s="17"/>
      <c r="B1605" s="17"/>
      <c r="C1605" s="17"/>
      <c r="D1605" s="18"/>
      <c r="E1605" s="18"/>
      <c r="F1605" s="18"/>
      <c r="G1605" s="18"/>
      <c r="H1605" s="18"/>
      <c r="I1605" s="18"/>
      <c r="J1605" s="18"/>
      <c r="K1605" s="18"/>
      <c r="L1605" s="18"/>
      <c r="M1605" s="18"/>
      <c r="N1605" s="18"/>
      <c r="O1605" s="18"/>
      <c r="P1605" s="20"/>
      <c r="Q1605" s="20"/>
      <c r="R1605" s="20"/>
      <c r="S1605" s="20"/>
      <c r="T1605" s="19"/>
      <c r="U1605" s="19"/>
      <c r="V1605" s="19"/>
      <c r="W1605" s="19"/>
      <c r="X1605" s="19"/>
      <c r="Y1605" s="19"/>
      <c r="Z1605" s="19"/>
      <c r="AA1605" s="19"/>
    </row>
    <row r="1606" spans="1:27" s="1" customFormat="1" ht="14.1" customHeight="1" outlineLevel="2" x14ac:dyDescent="0.2">
      <c r="A1606" s="17">
        <v>9924</v>
      </c>
      <c r="B1606" s="17"/>
      <c r="C1606" s="17"/>
      <c r="D1606" s="18" t="s">
        <v>811</v>
      </c>
      <c r="E1606" s="18"/>
      <c r="F1606" s="18"/>
      <c r="G1606" s="18"/>
      <c r="H1606" s="18"/>
      <c r="I1606" s="18"/>
      <c r="J1606" s="18"/>
      <c r="K1606" s="18"/>
      <c r="L1606" s="18"/>
      <c r="M1606" s="18"/>
      <c r="N1606" s="18"/>
      <c r="O1606" s="18"/>
      <c r="P1606" s="20">
        <v>2300</v>
      </c>
      <c r="Q1606" s="20"/>
      <c r="R1606" s="20"/>
      <c r="S1606" s="20"/>
      <c r="T1606" s="20">
        <v>2100</v>
      </c>
      <c r="U1606" s="20"/>
      <c r="V1606" s="20"/>
      <c r="W1606" s="20"/>
      <c r="X1606" s="19">
        <v>1</v>
      </c>
      <c r="Y1606" s="19"/>
      <c r="Z1606" s="19"/>
      <c r="AA1606" s="19"/>
    </row>
    <row r="1607" spans="1:27" s="1" customFormat="1" ht="14.1" customHeight="1" outlineLevel="2" x14ac:dyDescent="0.2">
      <c r="A1607" s="17"/>
      <c r="B1607" s="17"/>
      <c r="C1607" s="17"/>
      <c r="D1607" s="18"/>
      <c r="E1607" s="18"/>
      <c r="F1607" s="18"/>
      <c r="G1607" s="18"/>
      <c r="H1607" s="18"/>
      <c r="I1607" s="18"/>
      <c r="J1607" s="18"/>
      <c r="K1607" s="18"/>
      <c r="L1607" s="18"/>
      <c r="M1607" s="18"/>
      <c r="N1607" s="18"/>
      <c r="O1607" s="18"/>
      <c r="P1607" s="20"/>
      <c r="Q1607" s="20"/>
      <c r="R1607" s="20"/>
      <c r="S1607" s="20"/>
      <c r="T1607" s="20"/>
      <c r="U1607" s="20"/>
      <c r="V1607" s="20"/>
      <c r="W1607" s="20"/>
      <c r="X1607" s="19"/>
      <c r="Y1607" s="19"/>
      <c r="Z1607" s="19"/>
      <c r="AA1607" s="19"/>
    </row>
    <row r="1608" spans="1:27" s="1" customFormat="1" ht="14.1" customHeight="1" outlineLevel="2" x14ac:dyDescent="0.2">
      <c r="A1608" s="17">
        <v>17356</v>
      </c>
      <c r="B1608" s="17"/>
      <c r="C1608" s="17"/>
      <c r="D1608" s="18" t="s">
        <v>812</v>
      </c>
      <c r="E1608" s="18"/>
      <c r="F1608" s="18"/>
      <c r="G1608" s="18"/>
      <c r="H1608" s="18"/>
      <c r="I1608" s="18"/>
      <c r="J1608" s="18"/>
      <c r="K1608" s="18"/>
      <c r="L1608" s="18"/>
      <c r="M1608" s="18"/>
      <c r="N1608" s="18"/>
      <c r="O1608" s="18"/>
      <c r="P1608" s="20">
        <v>2100</v>
      </c>
      <c r="Q1608" s="20"/>
      <c r="R1608" s="20"/>
      <c r="S1608" s="20"/>
      <c r="T1608" s="20">
        <v>1800</v>
      </c>
      <c r="U1608" s="20"/>
      <c r="V1608" s="20"/>
      <c r="W1608" s="20"/>
      <c r="X1608" s="19">
        <v>1</v>
      </c>
      <c r="Y1608" s="19"/>
      <c r="Z1608" s="19"/>
      <c r="AA1608" s="19"/>
    </row>
    <row r="1609" spans="1:27" s="1" customFormat="1" ht="14.1" customHeight="1" outlineLevel="2" x14ac:dyDescent="0.2">
      <c r="A1609" s="17"/>
      <c r="B1609" s="17"/>
      <c r="C1609" s="17"/>
      <c r="D1609" s="18"/>
      <c r="E1609" s="18"/>
      <c r="F1609" s="18"/>
      <c r="G1609" s="18"/>
      <c r="H1609" s="18"/>
      <c r="I1609" s="18"/>
      <c r="J1609" s="18"/>
      <c r="K1609" s="18"/>
      <c r="L1609" s="18"/>
      <c r="M1609" s="18"/>
      <c r="N1609" s="18"/>
      <c r="O1609" s="18"/>
      <c r="P1609" s="20"/>
      <c r="Q1609" s="20"/>
      <c r="R1609" s="20"/>
      <c r="S1609" s="20"/>
      <c r="T1609" s="20"/>
      <c r="U1609" s="20"/>
      <c r="V1609" s="20"/>
      <c r="W1609" s="20"/>
      <c r="X1609" s="19"/>
      <c r="Y1609" s="19"/>
      <c r="Z1609" s="19"/>
      <c r="AA1609" s="19"/>
    </row>
    <row r="1610" spans="1:27" s="1" customFormat="1" ht="14.1" customHeight="1" outlineLevel="2" x14ac:dyDescent="0.2">
      <c r="A1610" s="17">
        <v>14318</v>
      </c>
      <c r="B1610" s="17"/>
      <c r="C1610" s="17"/>
      <c r="D1610" s="18" t="s">
        <v>813</v>
      </c>
      <c r="E1610" s="18"/>
      <c r="F1610" s="18"/>
      <c r="G1610" s="18"/>
      <c r="H1610" s="18"/>
      <c r="I1610" s="18"/>
      <c r="J1610" s="18"/>
      <c r="K1610" s="18"/>
      <c r="L1610" s="18"/>
      <c r="M1610" s="18"/>
      <c r="N1610" s="18"/>
      <c r="O1610" s="18"/>
      <c r="P1610" s="20">
        <v>2400</v>
      </c>
      <c r="Q1610" s="20"/>
      <c r="R1610" s="20"/>
      <c r="S1610" s="20"/>
      <c r="T1610" s="20">
        <v>2200</v>
      </c>
      <c r="U1610" s="20"/>
      <c r="V1610" s="20"/>
      <c r="W1610" s="20"/>
      <c r="X1610" s="19">
        <v>1</v>
      </c>
      <c r="Y1610" s="19"/>
      <c r="Z1610" s="19"/>
      <c r="AA1610" s="19"/>
    </row>
    <row r="1611" spans="1:27" s="1" customFormat="1" ht="14.1" customHeight="1" outlineLevel="2" x14ac:dyDescent="0.2">
      <c r="A1611" s="17"/>
      <c r="B1611" s="17"/>
      <c r="C1611" s="17"/>
      <c r="D1611" s="18"/>
      <c r="E1611" s="18"/>
      <c r="F1611" s="18"/>
      <c r="G1611" s="18"/>
      <c r="H1611" s="18"/>
      <c r="I1611" s="18"/>
      <c r="J1611" s="18"/>
      <c r="K1611" s="18"/>
      <c r="L1611" s="18"/>
      <c r="M1611" s="18"/>
      <c r="N1611" s="18"/>
      <c r="O1611" s="18"/>
      <c r="P1611" s="20"/>
      <c r="Q1611" s="20"/>
      <c r="R1611" s="20"/>
      <c r="S1611" s="20"/>
      <c r="T1611" s="20"/>
      <c r="U1611" s="20"/>
      <c r="V1611" s="20"/>
      <c r="W1611" s="20"/>
      <c r="X1611" s="19"/>
      <c r="Y1611" s="19"/>
      <c r="Z1611" s="19"/>
      <c r="AA1611" s="19"/>
    </row>
    <row r="1612" spans="1:27" s="1" customFormat="1" ht="14.1" customHeight="1" outlineLevel="2" x14ac:dyDescent="0.2">
      <c r="A1612" s="17">
        <v>14091</v>
      </c>
      <c r="B1612" s="17"/>
      <c r="C1612" s="17"/>
      <c r="D1612" s="18" t="s">
        <v>814</v>
      </c>
      <c r="E1612" s="18"/>
      <c r="F1612" s="18"/>
      <c r="G1612" s="18"/>
      <c r="H1612" s="18"/>
      <c r="I1612" s="18"/>
      <c r="J1612" s="18"/>
      <c r="K1612" s="18"/>
      <c r="L1612" s="18"/>
      <c r="M1612" s="18"/>
      <c r="N1612" s="18"/>
      <c r="O1612" s="18"/>
      <c r="P1612" s="19">
        <v>200</v>
      </c>
      <c r="Q1612" s="19"/>
      <c r="R1612" s="19"/>
      <c r="S1612" s="19"/>
      <c r="T1612" s="19">
        <v>180</v>
      </c>
      <c r="U1612" s="19"/>
      <c r="V1612" s="19"/>
      <c r="W1612" s="19"/>
      <c r="X1612" s="19">
        <v>14</v>
      </c>
      <c r="Y1612" s="19"/>
      <c r="Z1612" s="19"/>
      <c r="AA1612" s="19"/>
    </row>
    <row r="1613" spans="1:27" s="1" customFormat="1" ht="14.1" customHeight="1" outlineLevel="2" x14ac:dyDescent="0.2">
      <c r="A1613" s="17"/>
      <c r="B1613" s="17"/>
      <c r="C1613" s="17"/>
      <c r="D1613" s="18"/>
      <c r="E1613" s="18"/>
      <c r="F1613" s="18"/>
      <c r="G1613" s="18"/>
      <c r="H1613" s="18"/>
      <c r="I1613" s="18"/>
      <c r="J1613" s="18"/>
      <c r="K1613" s="18"/>
      <c r="L1613" s="18"/>
      <c r="M1613" s="18"/>
      <c r="N1613" s="18"/>
      <c r="O1613" s="18"/>
      <c r="P1613" s="19"/>
      <c r="Q1613" s="19"/>
      <c r="R1613" s="19"/>
      <c r="S1613" s="19"/>
      <c r="T1613" s="19"/>
      <c r="U1613" s="19"/>
      <c r="V1613" s="19"/>
      <c r="W1613" s="19"/>
      <c r="X1613" s="19"/>
      <c r="Y1613" s="19"/>
      <c r="Z1613" s="19"/>
      <c r="AA1613" s="19"/>
    </row>
    <row r="1614" spans="1:27" s="1" customFormat="1" ht="14.1" customHeight="1" outlineLevel="2" x14ac:dyDescent="0.2">
      <c r="A1614" s="17">
        <v>11071</v>
      </c>
      <c r="B1614" s="17"/>
      <c r="C1614" s="17"/>
      <c r="D1614" s="18" t="s">
        <v>815</v>
      </c>
      <c r="E1614" s="18"/>
      <c r="F1614" s="18"/>
      <c r="G1614" s="18"/>
      <c r="H1614" s="18"/>
      <c r="I1614" s="18"/>
      <c r="J1614" s="18"/>
      <c r="K1614" s="18"/>
      <c r="L1614" s="18"/>
      <c r="M1614" s="18"/>
      <c r="N1614" s="18"/>
      <c r="O1614" s="18"/>
      <c r="P1614" s="19">
        <v>230</v>
      </c>
      <c r="Q1614" s="19"/>
      <c r="R1614" s="19"/>
      <c r="S1614" s="19"/>
      <c r="T1614" s="19">
        <v>200</v>
      </c>
      <c r="U1614" s="19"/>
      <c r="V1614" s="19"/>
      <c r="W1614" s="19"/>
      <c r="X1614" s="19">
        <v>16</v>
      </c>
      <c r="Y1614" s="19"/>
      <c r="Z1614" s="19"/>
      <c r="AA1614" s="19"/>
    </row>
    <row r="1615" spans="1:27" s="1" customFormat="1" ht="14.1" customHeight="1" outlineLevel="2" x14ac:dyDescent="0.2">
      <c r="A1615" s="17"/>
      <c r="B1615" s="17"/>
      <c r="C1615" s="17"/>
      <c r="D1615" s="18"/>
      <c r="E1615" s="18"/>
      <c r="F1615" s="18"/>
      <c r="G1615" s="18"/>
      <c r="H1615" s="18"/>
      <c r="I1615" s="18"/>
      <c r="J1615" s="18"/>
      <c r="K1615" s="18"/>
      <c r="L1615" s="18"/>
      <c r="M1615" s="18"/>
      <c r="N1615" s="18"/>
      <c r="O1615" s="18"/>
      <c r="P1615" s="19"/>
      <c r="Q1615" s="19"/>
      <c r="R1615" s="19"/>
      <c r="S1615" s="19"/>
      <c r="T1615" s="19"/>
      <c r="U1615" s="19"/>
      <c r="V1615" s="19"/>
      <c r="W1615" s="19"/>
      <c r="X1615" s="19"/>
      <c r="Y1615" s="19"/>
      <c r="Z1615" s="19"/>
      <c r="AA1615" s="19"/>
    </row>
    <row r="1616" spans="1:27" s="1" customFormat="1" ht="11.1" customHeight="1" outlineLevel="2" x14ac:dyDescent="0.2">
      <c r="A1616" s="17">
        <v>11067</v>
      </c>
      <c r="B1616" s="17"/>
      <c r="C1616" s="17"/>
      <c r="D1616" s="18" t="s">
        <v>816</v>
      </c>
      <c r="E1616" s="18"/>
      <c r="F1616" s="18"/>
      <c r="G1616" s="18"/>
      <c r="H1616" s="18"/>
      <c r="I1616" s="18"/>
      <c r="J1616" s="18"/>
      <c r="K1616" s="18"/>
      <c r="L1616" s="18"/>
      <c r="M1616" s="18"/>
      <c r="N1616" s="18"/>
      <c r="O1616" s="18"/>
      <c r="P1616" s="19">
        <v>220</v>
      </c>
      <c r="Q1616" s="19"/>
      <c r="R1616" s="19"/>
      <c r="S1616" s="19"/>
      <c r="T1616" s="19">
        <v>190</v>
      </c>
      <c r="U1616" s="19"/>
      <c r="V1616" s="19"/>
      <c r="W1616" s="19"/>
      <c r="X1616" s="19">
        <v>3</v>
      </c>
      <c r="Y1616" s="19"/>
      <c r="Z1616" s="19"/>
      <c r="AA1616" s="19"/>
    </row>
    <row r="1617" spans="1:27" s="1" customFormat="1" ht="11.1" customHeight="1" outlineLevel="2" x14ac:dyDescent="0.2">
      <c r="A1617" s="17"/>
      <c r="B1617" s="17"/>
      <c r="C1617" s="17"/>
      <c r="D1617" s="18"/>
      <c r="E1617" s="18"/>
      <c r="F1617" s="18"/>
      <c r="G1617" s="18"/>
      <c r="H1617" s="18"/>
      <c r="I1617" s="18"/>
      <c r="J1617" s="18"/>
      <c r="K1617" s="18"/>
      <c r="L1617" s="18"/>
      <c r="M1617" s="18"/>
      <c r="N1617" s="18"/>
      <c r="O1617" s="18"/>
      <c r="P1617" s="19"/>
      <c r="Q1617" s="19"/>
      <c r="R1617" s="19"/>
      <c r="S1617" s="19"/>
      <c r="T1617" s="19"/>
      <c r="U1617" s="19"/>
      <c r="V1617" s="19"/>
      <c r="W1617" s="19"/>
      <c r="X1617" s="19"/>
      <c r="Y1617" s="19"/>
      <c r="Z1617" s="19"/>
      <c r="AA1617" s="19"/>
    </row>
    <row r="1618" spans="1:27" s="1" customFormat="1" ht="14.1" customHeight="1" outlineLevel="2" x14ac:dyDescent="0.2">
      <c r="A1618" s="17">
        <v>17251</v>
      </c>
      <c r="B1618" s="17"/>
      <c r="C1618" s="17"/>
      <c r="D1618" s="18" t="s">
        <v>817</v>
      </c>
      <c r="E1618" s="18"/>
      <c r="F1618" s="18"/>
      <c r="G1618" s="18"/>
      <c r="H1618" s="18"/>
      <c r="I1618" s="18"/>
      <c r="J1618" s="18"/>
      <c r="K1618" s="18"/>
      <c r="L1618" s="18"/>
      <c r="M1618" s="18"/>
      <c r="N1618" s="18"/>
      <c r="O1618" s="18"/>
      <c r="P1618" s="19">
        <v>200</v>
      </c>
      <c r="Q1618" s="19"/>
      <c r="R1618" s="19"/>
      <c r="S1618" s="19"/>
      <c r="T1618" s="19">
        <v>180</v>
      </c>
      <c r="U1618" s="19"/>
      <c r="V1618" s="19"/>
      <c r="W1618" s="19"/>
      <c r="X1618" s="19">
        <v>6</v>
      </c>
      <c r="Y1618" s="19"/>
      <c r="Z1618" s="19"/>
      <c r="AA1618" s="19"/>
    </row>
    <row r="1619" spans="1:27" s="1" customFormat="1" ht="14.1" customHeight="1" outlineLevel="2" x14ac:dyDescent="0.2">
      <c r="A1619" s="17"/>
      <c r="B1619" s="17"/>
      <c r="C1619" s="17"/>
      <c r="D1619" s="18"/>
      <c r="E1619" s="18"/>
      <c r="F1619" s="18"/>
      <c r="G1619" s="18"/>
      <c r="H1619" s="18"/>
      <c r="I1619" s="18"/>
      <c r="J1619" s="18"/>
      <c r="K1619" s="18"/>
      <c r="L1619" s="18"/>
      <c r="M1619" s="18"/>
      <c r="N1619" s="18"/>
      <c r="O1619" s="18"/>
      <c r="P1619" s="19"/>
      <c r="Q1619" s="19"/>
      <c r="R1619" s="19"/>
      <c r="S1619" s="19"/>
      <c r="T1619" s="19"/>
      <c r="U1619" s="19"/>
      <c r="V1619" s="19"/>
      <c r="W1619" s="19"/>
      <c r="X1619" s="19"/>
      <c r="Y1619" s="19"/>
      <c r="Z1619" s="19"/>
      <c r="AA1619" s="19"/>
    </row>
    <row r="1620" spans="1:27" s="1" customFormat="1" ht="14.1" customHeight="1" outlineLevel="2" x14ac:dyDescent="0.2">
      <c r="A1620" s="17">
        <v>11074</v>
      </c>
      <c r="B1620" s="17"/>
      <c r="C1620" s="17"/>
      <c r="D1620" s="18" t="s">
        <v>818</v>
      </c>
      <c r="E1620" s="18"/>
      <c r="F1620" s="18"/>
      <c r="G1620" s="18"/>
      <c r="H1620" s="18"/>
      <c r="I1620" s="18"/>
      <c r="J1620" s="18"/>
      <c r="K1620" s="18"/>
      <c r="L1620" s="18"/>
      <c r="M1620" s="18"/>
      <c r="N1620" s="18"/>
      <c r="O1620" s="18"/>
      <c r="P1620" s="19">
        <v>230</v>
      </c>
      <c r="Q1620" s="19"/>
      <c r="R1620" s="19"/>
      <c r="S1620" s="19"/>
      <c r="T1620" s="19">
        <v>200</v>
      </c>
      <c r="U1620" s="19"/>
      <c r="V1620" s="19"/>
      <c r="W1620" s="19"/>
      <c r="X1620" s="19">
        <v>1</v>
      </c>
      <c r="Y1620" s="19"/>
      <c r="Z1620" s="19"/>
      <c r="AA1620" s="19"/>
    </row>
    <row r="1621" spans="1:27" s="1" customFormat="1" ht="14.1" customHeight="1" outlineLevel="2" x14ac:dyDescent="0.2">
      <c r="A1621" s="17"/>
      <c r="B1621" s="17"/>
      <c r="C1621" s="17"/>
      <c r="D1621" s="18"/>
      <c r="E1621" s="18"/>
      <c r="F1621" s="18"/>
      <c r="G1621" s="18"/>
      <c r="H1621" s="18"/>
      <c r="I1621" s="18"/>
      <c r="J1621" s="18"/>
      <c r="K1621" s="18"/>
      <c r="L1621" s="18"/>
      <c r="M1621" s="18"/>
      <c r="N1621" s="18"/>
      <c r="O1621" s="18"/>
      <c r="P1621" s="19"/>
      <c r="Q1621" s="19"/>
      <c r="R1621" s="19"/>
      <c r="S1621" s="19"/>
      <c r="T1621" s="19"/>
      <c r="U1621" s="19"/>
      <c r="V1621" s="19"/>
      <c r="W1621" s="19"/>
      <c r="X1621" s="19"/>
      <c r="Y1621" s="19"/>
      <c r="Z1621" s="19"/>
      <c r="AA1621" s="19"/>
    </row>
    <row r="1622" spans="1:27" s="1" customFormat="1" ht="11.1" customHeight="1" outlineLevel="2" x14ac:dyDescent="0.2">
      <c r="A1622" s="17">
        <v>11070</v>
      </c>
      <c r="B1622" s="17"/>
      <c r="C1622" s="17"/>
      <c r="D1622" s="18" t="s">
        <v>819</v>
      </c>
      <c r="E1622" s="18"/>
      <c r="F1622" s="18"/>
      <c r="G1622" s="18"/>
      <c r="H1622" s="18"/>
      <c r="I1622" s="18"/>
      <c r="J1622" s="18"/>
      <c r="K1622" s="18"/>
      <c r="L1622" s="18"/>
      <c r="M1622" s="18"/>
      <c r="N1622" s="18"/>
      <c r="O1622" s="18"/>
      <c r="P1622" s="19">
        <v>220</v>
      </c>
      <c r="Q1622" s="19"/>
      <c r="R1622" s="19"/>
      <c r="S1622" s="19"/>
      <c r="T1622" s="19">
        <v>190</v>
      </c>
      <c r="U1622" s="19"/>
      <c r="V1622" s="19"/>
      <c r="W1622" s="19"/>
      <c r="X1622" s="19">
        <v>5</v>
      </c>
      <c r="Y1622" s="19"/>
      <c r="Z1622" s="19"/>
      <c r="AA1622" s="19"/>
    </row>
    <row r="1623" spans="1:27" s="1" customFormat="1" ht="11.1" customHeight="1" outlineLevel="2" x14ac:dyDescent="0.2">
      <c r="A1623" s="17"/>
      <c r="B1623" s="17"/>
      <c r="C1623" s="17"/>
      <c r="D1623" s="18"/>
      <c r="E1623" s="18"/>
      <c r="F1623" s="18"/>
      <c r="G1623" s="18"/>
      <c r="H1623" s="18"/>
      <c r="I1623" s="18"/>
      <c r="J1623" s="18"/>
      <c r="K1623" s="18"/>
      <c r="L1623" s="18"/>
      <c r="M1623" s="18"/>
      <c r="N1623" s="18"/>
      <c r="O1623" s="18"/>
      <c r="P1623" s="19"/>
      <c r="Q1623" s="19"/>
      <c r="R1623" s="19"/>
      <c r="S1623" s="19"/>
      <c r="T1623" s="19"/>
      <c r="U1623" s="19"/>
      <c r="V1623" s="19"/>
      <c r="W1623" s="19"/>
      <c r="X1623" s="19"/>
      <c r="Y1623" s="19"/>
      <c r="Z1623" s="19"/>
      <c r="AA1623" s="19"/>
    </row>
    <row r="1624" spans="1:27" s="1" customFormat="1" ht="14.1" customHeight="1" outlineLevel="2" x14ac:dyDescent="0.2">
      <c r="A1624" s="17">
        <v>14092</v>
      </c>
      <c r="B1624" s="17"/>
      <c r="C1624" s="17"/>
      <c r="D1624" s="18" t="s">
        <v>820</v>
      </c>
      <c r="E1624" s="18"/>
      <c r="F1624" s="18"/>
      <c r="G1624" s="18"/>
      <c r="H1624" s="18"/>
      <c r="I1624" s="18"/>
      <c r="J1624" s="18"/>
      <c r="K1624" s="18"/>
      <c r="L1624" s="18"/>
      <c r="M1624" s="18"/>
      <c r="N1624" s="18"/>
      <c r="O1624" s="18"/>
      <c r="P1624" s="19">
        <v>200</v>
      </c>
      <c r="Q1624" s="19"/>
      <c r="R1624" s="19"/>
      <c r="S1624" s="19"/>
      <c r="T1624" s="19">
        <v>180</v>
      </c>
      <c r="U1624" s="19"/>
      <c r="V1624" s="19"/>
      <c r="W1624" s="19"/>
      <c r="X1624" s="19">
        <v>15</v>
      </c>
      <c r="Y1624" s="19"/>
      <c r="Z1624" s="19"/>
      <c r="AA1624" s="19"/>
    </row>
    <row r="1625" spans="1:27" s="1" customFormat="1" ht="14.1" customHeight="1" outlineLevel="2" x14ac:dyDescent="0.2">
      <c r="A1625" s="17"/>
      <c r="B1625" s="17"/>
      <c r="C1625" s="17"/>
      <c r="D1625" s="18"/>
      <c r="E1625" s="18"/>
      <c r="F1625" s="18"/>
      <c r="G1625" s="18"/>
      <c r="H1625" s="18"/>
      <c r="I1625" s="18"/>
      <c r="J1625" s="18"/>
      <c r="K1625" s="18"/>
      <c r="L1625" s="18"/>
      <c r="M1625" s="18"/>
      <c r="N1625" s="18"/>
      <c r="O1625" s="18"/>
      <c r="P1625" s="19"/>
      <c r="Q1625" s="19"/>
      <c r="R1625" s="19"/>
      <c r="S1625" s="19"/>
      <c r="T1625" s="19"/>
      <c r="U1625" s="19"/>
      <c r="V1625" s="19"/>
      <c r="W1625" s="19"/>
      <c r="X1625" s="19"/>
      <c r="Y1625" s="19"/>
      <c r="Z1625" s="19"/>
      <c r="AA1625" s="19"/>
    </row>
    <row r="1626" spans="1:27" s="1" customFormat="1" ht="14.1" customHeight="1" outlineLevel="2" x14ac:dyDescent="0.2">
      <c r="A1626" s="17">
        <v>11073</v>
      </c>
      <c r="B1626" s="17"/>
      <c r="C1626" s="17"/>
      <c r="D1626" s="18" t="s">
        <v>821</v>
      </c>
      <c r="E1626" s="18"/>
      <c r="F1626" s="18"/>
      <c r="G1626" s="18"/>
      <c r="H1626" s="18"/>
      <c r="I1626" s="18"/>
      <c r="J1626" s="18"/>
      <c r="K1626" s="18"/>
      <c r="L1626" s="18"/>
      <c r="M1626" s="18"/>
      <c r="N1626" s="18"/>
      <c r="O1626" s="18"/>
      <c r="P1626" s="19">
        <v>230</v>
      </c>
      <c r="Q1626" s="19"/>
      <c r="R1626" s="19"/>
      <c r="S1626" s="19"/>
      <c r="T1626" s="19">
        <v>200</v>
      </c>
      <c r="U1626" s="19"/>
      <c r="V1626" s="19"/>
      <c r="W1626" s="19"/>
      <c r="X1626" s="19">
        <v>18</v>
      </c>
      <c r="Y1626" s="19"/>
      <c r="Z1626" s="19"/>
      <c r="AA1626" s="19"/>
    </row>
    <row r="1627" spans="1:27" s="1" customFormat="1" ht="14.1" customHeight="1" outlineLevel="2" x14ac:dyDescent="0.2">
      <c r="A1627" s="17"/>
      <c r="B1627" s="17"/>
      <c r="C1627" s="17"/>
      <c r="D1627" s="18"/>
      <c r="E1627" s="18"/>
      <c r="F1627" s="18"/>
      <c r="G1627" s="18"/>
      <c r="H1627" s="18"/>
      <c r="I1627" s="18"/>
      <c r="J1627" s="18"/>
      <c r="K1627" s="18"/>
      <c r="L1627" s="18"/>
      <c r="M1627" s="18"/>
      <c r="N1627" s="18"/>
      <c r="O1627" s="18"/>
      <c r="P1627" s="19"/>
      <c r="Q1627" s="19"/>
      <c r="R1627" s="19"/>
      <c r="S1627" s="19"/>
      <c r="T1627" s="19"/>
      <c r="U1627" s="19"/>
      <c r="V1627" s="19"/>
      <c r="W1627" s="19"/>
      <c r="X1627" s="19"/>
      <c r="Y1627" s="19"/>
      <c r="Z1627" s="19"/>
      <c r="AA1627" s="19"/>
    </row>
    <row r="1628" spans="1:27" s="1" customFormat="1" ht="11.1" customHeight="1" outlineLevel="2" x14ac:dyDescent="0.2">
      <c r="A1628" s="17">
        <v>11069</v>
      </c>
      <c r="B1628" s="17"/>
      <c r="C1628" s="17"/>
      <c r="D1628" s="18" t="s">
        <v>822</v>
      </c>
      <c r="E1628" s="18"/>
      <c r="F1628" s="18"/>
      <c r="G1628" s="18"/>
      <c r="H1628" s="18"/>
      <c r="I1628" s="18"/>
      <c r="J1628" s="18"/>
      <c r="K1628" s="18"/>
      <c r="L1628" s="18"/>
      <c r="M1628" s="18"/>
      <c r="N1628" s="18"/>
      <c r="O1628" s="18"/>
      <c r="P1628" s="19">
        <v>220</v>
      </c>
      <c r="Q1628" s="19"/>
      <c r="R1628" s="19"/>
      <c r="S1628" s="19"/>
      <c r="T1628" s="19">
        <v>190</v>
      </c>
      <c r="U1628" s="19"/>
      <c r="V1628" s="19"/>
      <c r="W1628" s="19"/>
      <c r="X1628" s="19">
        <v>4</v>
      </c>
      <c r="Y1628" s="19"/>
      <c r="Z1628" s="19"/>
      <c r="AA1628" s="19"/>
    </row>
    <row r="1629" spans="1:27" s="1" customFormat="1" ht="11.1" customHeight="1" outlineLevel="2" x14ac:dyDescent="0.2">
      <c r="A1629" s="17"/>
      <c r="B1629" s="17"/>
      <c r="C1629" s="17"/>
      <c r="D1629" s="18"/>
      <c r="E1629" s="18"/>
      <c r="F1629" s="18"/>
      <c r="G1629" s="18"/>
      <c r="H1629" s="18"/>
      <c r="I1629" s="18"/>
      <c r="J1629" s="18"/>
      <c r="K1629" s="18"/>
      <c r="L1629" s="18"/>
      <c r="M1629" s="18"/>
      <c r="N1629" s="18"/>
      <c r="O1629" s="18"/>
      <c r="P1629" s="19"/>
      <c r="Q1629" s="19"/>
      <c r="R1629" s="19"/>
      <c r="S1629" s="19"/>
      <c r="T1629" s="19"/>
      <c r="U1629" s="19"/>
      <c r="V1629" s="19"/>
      <c r="W1629" s="19"/>
      <c r="X1629" s="19"/>
      <c r="Y1629" s="19"/>
      <c r="Z1629" s="19"/>
      <c r="AA1629" s="19"/>
    </row>
    <row r="1630" spans="1:27" s="1" customFormat="1" ht="14.1" customHeight="1" outlineLevel="2" x14ac:dyDescent="0.2">
      <c r="A1630" s="17">
        <v>14093</v>
      </c>
      <c r="B1630" s="17"/>
      <c r="C1630" s="17"/>
      <c r="D1630" s="18" t="s">
        <v>823</v>
      </c>
      <c r="E1630" s="18"/>
      <c r="F1630" s="18"/>
      <c r="G1630" s="18"/>
      <c r="H1630" s="18"/>
      <c r="I1630" s="18"/>
      <c r="J1630" s="18"/>
      <c r="K1630" s="18"/>
      <c r="L1630" s="18"/>
      <c r="M1630" s="18"/>
      <c r="N1630" s="18"/>
      <c r="O1630" s="18"/>
      <c r="P1630" s="19">
        <v>200</v>
      </c>
      <c r="Q1630" s="19"/>
      <c r="R1630" s="19"/>
      <c r="S1630" s="19"/>
      <c r="T1630" s="19">
        <v>180</v>
      </c>
      <c r="U1630" s="19"/>
      <c r="V1630" s="19"/>
      <c r="W1630" s="19"/>
      <c r="X1630" s="19">
        <v>6</v>
      </c>
      <c r="Y1630" s="19"/>
      <c r="Z1630" s="19"/>
      <c r="AA1630" s="19"/>
    </row>
    <row r="1631" spans="1:27" s="1" customFormat="1" ht="14.1" customHeight="1" outlineLevel="2" x14ac:dyDescent="0.2">
      <c r="A1631" s="17"/>
      <c r="B1631" s="17"/>
      <c r="C1631" s="17"/>
      <c r="D1631" s="18"/>
      <c r="E1631" s="18"/>
      <c r="F1631" s="18"/>
      <c r="G1631" s="18"/>
      <c r="H1631" s="18"/>
      <c r="I1631" s="18"/>
      <c r="J1631" s="18"/>
      <c r="K1631" s="18"/>
      <c r="L1631" s="18"/>
      <c r="M1631" s="18"/>
      <c r="N1631" s="18"/>
      <c r="O1631" s="18"/>
      <c r="P1631" s="19"/>
      <c r="Q1631" s="19"/>
      <c r="R1631" s="19"/>
      <c r="S1631" s="19"/>
      <c r="T1631" s="19"/>
      <c r="U1631" s="19"/>
      <c r="V1631" s="19"/>
      <c r="W1631" s="19"/>
      <c r="X1631" s="19"/>
      <c r="Y1631" s="19"/>
      <c r="Z1631" s="19"/>
      <c r="AA1631" s="19"/>
    </row>
    <row r="1632" spans="1:27" s="1" customFormat="1" ht="14.1" customHeight="1" outlineLevel="2" x14ac:dyDescent="0.2">
      <c r="A1632" s="17">
        <v>11072</v>
      </c>
      <c r="B1632" s="17"/>
      <c r="C1632" s="17"/>
      <c r="D1632" s="18" t="s">
        <v>824</v>
      </c>
      <c r="E1632" s="18"/>
      <c r="F1632" s="18"/>
      <c r="G1632" s="18"/>
      <c r="H1632" s="18"/>
      <c r="I1632" s="18"/>
      <c r="J1632" s="18"/>
      <c r="K1632" s="18"/>
      <c r="L1632" s="18"/>
      <c r="M1632" s="18"/>
      <c r="N1632" s="18"/>
      <c r="O1632" s="18"/>
      <c r="P1632" s="19">
        <v>230</v>
      </c>
      <c r="Q1632" s="19"/>
      <c r="R1632" s="19"/>
      <c r="S1632" s="19"/>
      <c r="T1632" s="19">
        <v>200</v>
      </c>
      <c r="U1632" s="19"/>
      <c r="V1632" s="19"/>
      <c r="W1632" s="19"/>
      <c r="X1632" s="19">
        <v>21</v>
      </c>
      <c r="Y1632" s="19"/>
      <c r="Z1632" s="19"/>
      <c r="AA1632" s="19"/>
    </row>
    <row r="1633" spans="1:27" s="1" customFormat="1" ht="14.1" customHeight="1" outlineLevel="2" x14ac:dyDescent="0.2">
      <c r="A1633" s="17"/>
      <c r="B1633" s="17"/>
      <c r="C1633" s="17"/>
      <c r="D1633" s="18"/>
      <c r="E1633" s="18"/>
      <c r="F1633" s="18"/>
      <c r="G1633" s="18"/>
      <c r="H1633" s="18"/>
      <c r="I1633" s="18"/>
      <c r="J1633" s="18"/>
      <c r="K1633" s="18"/>
      <c r="L1633" s="18"/>
      <c r="M1633" s="18"/>
      <c r="N1633" s="18"/>
      <c r="O1633" s="18"/>
      <c r="P1633" s="19"/>
      <c r="Q1633" s="19"/>
      <c r="R1633" s="19"/>
      <c r="S1633" s="19"/>
      <c r="T1633" s="19"/>
      <c r="U1633" s="19"/>
      <c r="V1633" s="19"/>
      <c r="W1633" s="19"/>
      <c r="X1633" s="19"/>
      <c r="Y1633" s="19"/>
      <c r="Z1633" s="19"/>
      <c r="AA1633" s="19"/>
    </row>
    <row r="1634" spans="1:27" s="1" customFormat="1" ht="11.1" customHeight="1" outlineLevel="2" x14ac:dyDescent="0.2">
      <c r="A1634" s="17">
        <v>11068</v>
      </c>
      <c r="B1634" s="17"/>
      <c r="C1634" s="17"/>
      <c r="D1634" s="18" t="s">
        <v>825</v>
      </c>
      <c r="E1634" s="18"/>
      <c r="F1634" s="18"/>
      <c r="G1634" s="18"/>
      <c r="H1634" s="18"/>
      <c r="I1634" s="18"/>
      <c r="J1634" s="18"/>
      <c r="K1634" s="18"/>
      <c r="L1634" s="18"/>
      <c r="M1634" s="18"/>
      <c r="N1634" s="18"/>
      <c r="O1634" s="18"/>
      <c r="P1634" s="19">
        <v>220</v>
      </c>
      <c r="Q1634" s="19"/>
      <c r="R1634" s="19"/>
      <c r="S1634" s="19"/>
      <c r="T1634" s="19">
        <v>190</v>
      </c>
      <c r="U1634" s="19"/>
      <c r="V1634" s="19"/>
      <c r="W1634" s="19"/>
      <c r="X1634" s="19">
        <v>9</v>
      </c>
      <c r="Y1634" s="19"/>
      <c r="Z1634" s="19"/>
      <c r="AA1634" s="19"/>
    </row>
    <row r="1635" spans="1:27" s="1" customFormat="1" ht="11.1" customHeight="1" outlineLevel="2" x14ac:dyDescent="0.2">
      <c r="A1635" s="17"/>
      <c r="B1635" s="17"/>
      <c r="C1635" s="17"/>
      <c r="D1635" s="18"/>
      <c r="E1635" s="18"/>
      <c r="F1635" s="18"/>
      <c r="G1635" s="18"/>
      <c r="H1635" s="18"/>
      <c r="I1635" s="18"/>
      <c r="J1635" s="18"/>
      <c r="K1635" s="18"/>
      <c r="L1635" s="18"/>
      <c r="M1635" s="18"/>
      <c r="N1635" s="18"/>
      <c r="O1635" s="18"/>
      <c r="P1635" s="19"/>
      <c r="Q1635" s="19"/>
      <c r="R1635" s="19"/>
      <c r="S1635" s="19"/>
      <c r="T1635" s="19"/>
      <c r="U1635" s="19"/>
      <c r="V1635" s="19"/>
      <c r="W1635" s="19"/>
      <c r="X1635" s="19"/>
      <c r="Y1635" s="19"/>
      <c r="Z1635" s="19"/>
      <c r="AA1635" s="19"/>
    </row>
    <row r="1636" spans="1:27" s="1" customFormat="1" ht="14.1" customHeight="1" outlineLevel="2" x14ac:dyDescent="0.2">
      <c r="A1636" s="17">
        <v>9513</v>
      </c>
      <c r="B1636" s="17"/>
      <c r="C1636" s="17"/>
      <c r="D1636" s="18" t="s">
        <v>826</v>
      </c>
      <c r="E1636" s="18"/>
      <c r="F1636" s="18"/>
      <c r="G1636" s="18"/>
      <c r="H1636" s="18"/>
      <c r="I1636" s="18"/>
      <c r="J1636" s="18"/>
      <c r="K1636" s="18"/>
      <c r="L1636" s="18"/>
      <c r="M1636" s="18"/>
      <c r="N1636" s="18"/>
      <c r="O1636" s="18"/>
      <c r="P1636" s="19">
        <v>350</v>
      </c>
      <c r="Q1636" s="19"/>
      <c r="R1636" s="19"/>
      <c r="S1636" s="19"/>
      <c r="T1636" s="19">
        <v>320</v>
      </c>
      <c r="U1636" s="19"/>
      <c r="V1636" s="19"/>
      <c r="W1636" s="19"/>
      <c r="X1636" s="19">
        <v>5</v>
      </c>
      <c r="Y1636" s="19"/>
      <c r="Z1636" s="19"/>
      <c r="AA1636" s="19"/>
    </row>
    <row r="1637" spans="1:27" s="1" customFormat="1" ht="14.1" customHeight="1" outlineLevel="2" x14ac:dyDescent="0.2">
      <c r="A1637" s="17"/>
      <c r="B1637" s="17"/>
      <c r="C1637" s="17"/>
      <c r="D1637" s="18"/>
      <c r="E1637" s="18"/>
      <c r="F1637" s="18"/>
      <c r="G1637" s="18"/>
      <c r="H1637" s="18"/>
      <c r="I1637" s="18"/>
      <c r="J1637" s="18"/>
      <c r="K1637" s="18"/>
      <c r="L1637" s="18"/>
      <c r="M1637" s="18"/>
      <c r="N1637" s="18"/>
      <c r="O1637" s="18"/>
      <c r="P1637" s="19"/>
      <c r="Q1637" s="19"/>
      <c r="R1637" s="19"/>
      <c r="S1637" s="19"/>
      <c r="T1637" s="19"/>
      <c r="U1637" s="19"/>
      <c r="V1637" s="19"/>
      <c r="W1637" s="19"/>
      <c r="X1637" s="19"/>
      <c r="Y1637" s="19"/>
      <c r="Z1637" s="19"/>
      <c r="AA1637" s="19"/>
    </row>
    <row r="1638" spans="1:27" s="1" customFormat="1" ht="14.1" customHeight="1" outlineLevel="2" x14ac:dyDescent="0.2">
      <c r="A1638" s="17">
        <v>9515</v>
      </c>
      <c r="B1638" s="17"/>
      <c r="C1638" s="17"/>
      <c r="D1638" s="18" t="s">
        <v>827</v>
      </c>
      <c r="E1638" s="18"/>
      <c r="F1638" s="18"/>
      <c r="G1638" s="18"/>
      <c r="H1638" s="18"/>
      <c r="I1638" s="18"/>
      <c r="J1638" s="18"/>
      <c r="K1638" s="18"/>
      <c r="L1638" s="18"/>
      <c r="M1638" s="18"/>
      <c r="N1638" s="18"/>
      <c r="O1638" s="18"/>
      <c r="P1638" s="19">
        <v>350</v>
      </c>
      <c r="Q1638" s="19"/>
      <c r="R1638" s="19"/>
      <c r="S1638" s="19"/>
      <c r="T1638" s="19">
        <v>320</v>
      </c>
      <c r="U1638" s="19"/>
      <c r="V1638" s="19"/>
      <c r="W1638" s="19"/>
      <c r="X1638" s="19">
        <v>14</v>
      </c>
      <c r="Y1638" s="19"/>
      <c r="Z1638" s="19"/>
      <c r="AA1638" s="19"/>
    </row>
    <row r="1639" spans="1:27" s="1" customFormat="1" ht="14.1" customHeight="1" outlineLevel="2" x14ac:dyDescent="0.2">
      <c r="A1639" s="17"/>
      <c r="B1639" s="17"/>
      <c r="C1639" s="17"/>
      <c r="D1639" s="18"/>
      <c r="E1639" s="18"/>
      <c r="F1639" s="18"/>
      <c r="G1639" s="18"/>
      <c r="H1639" s="18"/>
      <c r="I1639" s="18"/>
      <c r="J1639" s="18"/>
      <c r="K1639" s="18"/>
      <c r="L1639" s="18"/>
      <c r="M1639" s="18"/>
      <c r="N1639" s="18"/>
      <c r="O1639" s="18"/>
      <c r="P1639" s="19"/>
      <c r="Q1639" s="19"/>
      <c r="R1639" s="19"/>
      <c r="S1639" s="19"/>
      <c r="T1639" s="19"/>
      <c r="U1639" s="19"/>
      <c r="V1639" s="19"/>
      <c r="W1639" s="19"/>
      <c r="X1639" s="19"/>
      <c r="Y1639" s="19"/>
      <c r="Z1639" s="19"/>
      <c r="AA1639" s="19"/>
    </row>
    <row r="1640" spans="1:27" s="1" customFormat="1" ht="14.1" customHeight="1" outlineLevel="2" x14ac:dyDescent="0.2">
      <c r="A1640" s="17">
        <v>14101</v>
      </c>
      <c r="B1640" s="17"/>
      <c r="C1640" s="17"/>
      <c r="D1640" s="18" t="s">
        <v>828</v>
      </c>
      <c r="E1640" s="18"/>
      <c r="F1640" s="18"/>
      <c r="G1640" s="18"/>
      <c r="H1640" s="18"/>
      <c r="I1640" s="18"/>
      <c r="J1640" s="18"/>
      <c r="K1640" s="18"/>
      <c r="L1640" s="18"/>
      <c r="M1640" s="18"/>
      <c r="N1640" s="18"/>
      <c r="O1640" s="18"/>
      <c r="P1640" s="19">
        <v>210</v>
      </c>
      <c r="Q1640" s="19"/>
      <c r="R1640" s="19"/>
      <c r="S1640" s="19"/>
      <c r="T1640" s="19">
        <v>180</v>
      </c>
      <c r="U1640" s="19"/>
      <c r="V1640" s="19"/>
      <c r="W1640" s="19"/>
      <c r="X1640" s="19">
        <v>10</v>
      </c>
      <c r="Y1640" s="19"/>
      <c r="Z1640" s="19"/>
      <c r="AA1640" s="19"/>
    </row>
    <row r="1641" spans="1:27" s="1" customFormat="1" ht="14.1" customHeight="1" outlineLevel="2" x14ac:dyDescent="0.2">
      <c r="A1641" s="17"/>
      <c r="B1641" s="17"/>
      <c r="C1641" s="17"/>
      <c r="D1641" s="18"/>
      <c r="E1641" s="18"/>
      <c r="F1641" s="18"/>
      <c r="G1641" s="18"/>
      <c r="H1641" s="18"/>
      <c r="I1641" s="18"/>
      <c r="J1641" s="18"/>
      <c r="K1641" s="18"/>
      <c r="L1641" s="18"/>
      <c r="M1641" s="18"/>
      <c r="N1641" s="18"/>
      <c r="O1641" s="18"/>
      <c r="P1641" s="19"/>
      <c r="Q1641" s="19"/>
      <c r="R1641" s="19"/>
      <c r="S1641" s="19"/>
      <c r="T1641" s="19"/>
      <c r="U1641" s="19"/>
      <c r="V1641" s="19"/>
      <c r="W1641" s="19"/>
      <c r="X1641" s="19"/>
      <c r="Y1641" s="19"/>
      <c r="Z1641" s="19"/>
      <c r="AA1641" s="19"/>
    </row>
    <row r="1642" spans="1:27" s="1" customFormat="1" ht="14.1" customHeight="1" outlineLevel="2" x14ac:dyDescent="0.2">
      <c r="A1642" s="17">
        <v>14099</v>
      </c>
      <c r="B1642" s="17"/>
      <c r="C1642" s="17"/>
      <c r="D1642" s="18" t="s">
        <v>829</v>
      </c>
      <c r="E1642" s="18"/>
      <c r="F1642" s="18"/>
      <c r="G1642" s="18"/>
      <c r="H1642" s="18"/>
      <c r="I1642" s="18"/>
      <c r="J1642" s="18"/>
      <c r="K1642" s="18"/>
      <c r="L1642" s="18"/>
      <c r="M1642" s="18"/>
      <c r="N1642" s="18"/>
      <c r="O1642" s="18"/>
      <c r="P1642" s="19">
        <v>230</v>
      </c>
      <c r="Q1642" s="19"/>
      <c r="R1642" s="19"/>
      <c r="S1642" s="19"/>
      <c r="T1642" s="19">
        <v>200</v>
      </c>
      <c r="U1642" s="19"/>
      <c r="V1642" s="19"/>
      <c r="W1642" s="19"/>
      <c r="X1642" s="19">
        <v>4</v>
      </c>
      <c r="Y1642" s="19"/>
      <c r="Z1642" s="19"/>
      <c r="AA1642" s="19"/>
    </row>
    <row r="1643" spans="1:27" s="1" customFormat="1" ht="14.1" customHeight="1" outlineLevel="2" x14ac:dyDescent="0.2">
      <c r="A1643" s="17"/>
      <c r="B1643" s="17"/>
      <c r="C1643" s="17"/>
      <c r="D1643" s="18"/>
      <c r="E1643" s="18"/>
      <c r="F1643" s="18"/>
      <c r="G1643" s="18"/>
      <c r="H1643" s="18"/>
      <c r="I1643" s="18"/>
      <c r="J1643" s="18"/>
      <c r="K1643" s="18"/>
      <c r="L1643" s="18"/>
      <c r="M1643" s="18"/>
      <c r="N1643" s="18"/>
      <c r="O1643" s="18"/>
      <c r="P1643" s="19"/>
      <c r="Q1643" s="19"/>
      <c r="R1643" s="19"/>
      <c r="S1643" s="19"/>
      <c r="T1643" s="19"/>
      <c r="U1643" s="19"/>
      <c r="V1643" s="19"/>
      <c r="W1643" s="19"/>
      <c r="X1643" s="19"/>
      <c r="Y1643" s="19"/>
      <c r="Z1643" s="19"/>
      <c r="AA1643" s="19"/>
    </row>
    <row r="1644" spans="1:27" s="1" customFormat="1" ht="14.1" customHeight="1" outlineLevel="2" x14ac:dyDescent="0.2">
      <c r="A1644" s="17">
        <v>11063</v>
      </c>
      <c r="B1644" s="17"/>
      <c r="C1644" s="17"/>
      <c r="D1644" s="18" t="s">
        <v>830</v>
      </c>
      <c r="E1644" s="18"/>
      <c r="F1644" s="18"/>
      <c r="G1644" s="18"/>
      <c r="H1644" s="18"/>
      <c r="I1644" s="18"/>
      <c r="J1644" s="18"/>
      <c r="K1644" s="18"/>
      <c r="L1644" s="18"/>
      <c r="M1644" s="18"/>
      <c r="N1644" s="18"/>
      <c r="O1644" s="18"/>
      <c r="P1644" s="19">
        <v>330</v>
      </c>
      <c r="Q1644" s="19"/>
      <c r="R1644" s="19"/>
      <c r="S1644" s="19"/>
      <c r="T1644" s="19">
        <v>300</v>
      </c>
      <c r="U1644" s="19"/>
      <c r="V1644" s="19"/>
      <c r="W1644" s="19"/>
      <c r="X1644" s="19">
        <v>1</v>
      </c>
      <c r="Y1644" s="19"/>
      <c r="Z1644" s="19"/>
      <c r="AA1644" s="19"/>
    </row>
    <row r="1645" spans="1:27" s="1" customFormat="1" ht="14.1" customHeight="1" outlineLevel="2" x14ac:dyDescent="0.2">
      <c r="A1645" s="17"/>
      <c r="B1645" s="17"/>
      <c r="C1645" s="17"/>
      <c r="D1645" s="18"/>
      <c r="E1645" s="18"/>
      <c r="F1645" s="18"/>
      <c r="G1645" s="18"/>
      <c r="H1645" s="18"/>
      <c r="I1645" s="18"/>
      <c r="J1645" s="18"/>
      <c r="K1645" s="18"/>
      <c r="L1645" s="18"/>
      <c r="M1645" s="18"/>
      <c r="N1645" s="18"/>
      <c r="O1645" s="18"/>
      <c r="P1645" s="19"/>
      <c r="Q1645" s="19"/>
      <c r="R1645" s="19"/>
      <c r="S1645" s="19"/>
      <c r="T1645" s="19"/>
      <c r="U1645" s="19"/>
      <c r="V1645" s="19"/>
      <c r="W1645" s="19"/>
      <c r="X1645" s="19"/>
      <c r="Y1645" s="19"/>
      <c r="Z1645" s="19"/>
      <c r="AA1645" s="19"/>
    </row>
    <row r="1646" spans="1:27" s="1" customFormat="1" ht="14.1" customHeight="1" outlineLevel="2" x14ac:dyDescent="0.2">
      <c r="A1646" s="17">
        <v>14100</v>
      </c>
      <c r="B1646" s="17"/>
      <c r="C1646" s="17"/>
      <c r="D1646" s="18" t="s">
        <v>831</v>
      </c>
      <c r="E1646" s="18"/>
      <c r="F1646" s="18"/>
      <c r="G1646" s="18"/>
      <c r="H1646" s="18"/>
      <c r="I1646" s="18"/>
      <c r="J1646" s="18"/>
      <c r="K1646" s="18"/>
      <c r="L1646" s="18"/>
      <c r="M1646" s="18"/>
      <c r="N1646" s="18"/>
      <c r="O1646" s="18"/>
      <c r="P1646" s="19">
        <v>210</v>
      </c>
      <c r="Q1646" s="19"/>
      <c r="R1646" s="19"/>
      <c r="S1646" s="19"/>
      <c r="T1646" s="19">
        <v>180</v>
      </c>
      <c r="U1646" s="19"/>
      <c r="V1646" s="19"/>
      <c r="W1646" s="19"/>
      <c r="X1646" s="19">
        <v>10</v>
      </c>
      <c r="Y1646" s="19"/>
      <c r="Z1646" s="19"/>
      <c r="AA1646" s="19"/>
    </row>
    <row r="1647" spans="1:27" s="1" customFormat="1" ht="14.1" customHeight="1" outlineLevel="2" x14ac:dyDescent="0.2">
      <c r="A1647" s="17"/>
      <c r="B1647" s="17"/>
      <c r="C1647" s="17"/>
      <c r="D1647" s="18"/>
      <c r="E1647" s="18"/>
      <c r="F1647" s="18"/>
      <c r="G1647" s="18"/>
      <c r="H1647" s="18"/>
      <c r="I1647" s="18"/>
      <c r="J1647" s="18"/>
      <c r="K1647" s="18"/>
      <c r="L1647" s="18"/>
      <c r="M1647" s="18"/>
      <c r="N1647" s="18"/>
      <c r="O1647" s="18"/>
      <c r="P1647" s="19"/>
      <c r="Q1647" s="19"/>
      <c r="R1647" s="19"/>
      <c r="S1647" s="19"/>
      <c r="T1647" s="19"/>
      <c r="U1647" s="19"/>
      <c r="V1647" s="19"/>
      <c r="W1647" s="19"/>
      <c r="X1647" s="19"/>
      <c r="Y1647" s="19"/>
      <c r="Z1647" s="19"/>
      <c r="AA1647" s="19"/>
    </row>
    <row r="1648" spans="1:27" s="1" customFormat="1" ht="14.1" customHeight="1" outlineLevel="2" x14ac:dyDescent="0.2">
      <c r="A1648" s="17">
        <v>14098</v>
      </c>
      <c r="B1648" s="17"/>
      <c r="C1648" s="17"/>
      <c r="D1648" s="18" t="s">
        <v>832</v>
      </c>
      <c r="E1648" s="18"/>
      <c r="F1648" s="18"/>
      <c r="G1648" s="18"/>
      <c r="H1648" s="18"/>
      <c r="I1648" s="18"/>
      <c r="J1648" s="18"/>
      <c r="K1648" s="18"/>
      <c r="L1648" s="18"/>
      <c r="M1648" s="18"/>
      <c r="N1648" s="18"/>
      <c r="O1648" s="18"/>
      <c r="P1648" s="19">
        <v>230</v>
      </c>
      <c r="Q1648" s="19"/>
      <c r="R1648" s="19"/>
      <c r="S1648" s="19"/>
      <c r="T1648" s="19">
        <v>200</v>
      </c>
      <c r="U1648" s="19"/>
      <c r="V1648" s="19"/>
      <c r="W1648" s="19"/>
      <c r="X1648" s="19">
        <v>8</v>
      </c>
      <c r="Y1648" s="19"/>
      <c r="Z1648" s="19"/>
      <c r="AA1648" s="19"/>
    </row>
    <row r="1649" spans="1:27" s="1" customFormat="1" ht="14.1" customHeight="1" outlineLevel="2" x14ac:dyDescent="0.2">
      <c r="A1649" s="17"/>
      <c r="B1649" s="17"/>
      <c r="C1649" s="17"/>
      <c r="D1649" s="18"/>
      <c r="E1649" s="18"/>
      <c r="F1649" s="18"/>
      <c r="G1649" s="18"/>
      <c r="H1649" s="18"/>
      <c r="I1649" s="18"/>
      <c r="J1649" s="18"/>
      <c r="K1649" s="18"/>
      <c r="L1649" s="18"/>
      <c r="M1649" s="18"/>
      <c r="N1649" s="18"/>
      <c r="O1649" s="18"/>
      <c r="P1649" s="19"/>
      <c r="Q1649" s="19"/>
      <c r="R1649" s="19"/>
      <c r="S1649" s="19"/>
      <c r="T1649" s="19"/>
      <c r="U1649" s="19"/>
      <c r="V1649" s="19"/>
      <c r="W1649" s="19"/>
      <c r="X1649" s="19"/>
      <c r="Y1649" s="19"/>
      <c r="Z1649" s="19"/>
      <c r="AA1649" s="19"/>
    </row>
    <row r="1650" spans="1:27" s="1" customFormat="1" ht="14.1" customHeight="1" outlineLevel="2" x14ac:dyDescent="0.2">
      <c r="A1650" s="17">
        <v>11065</v>
      </c>
      <c r="B1650" s="17"/>
      <c r="C1650" s="17"/>
      <c r="D1650" s="18" t="s">
        <v>833</v>
      </c>
      <c r="E1650" s="18"/>
      <c r="F1650" s="18"/>
      <c r="G1650" s="18"/>
      <c r="H1650" s="18"/>
      <c r="I1650" s="18"/>
      <c r="J1650" s="18"/>
      <c r="K1650" s="18"/>
      <c r="L1650" s="18"/>
      <c r="M1650" s="18"/>
      <c r="N1650" s="18"/>
      <c r="O1650" s="18"/>
      <c r="P1650" s="19">
        <v>330</v>
      </c>
      <c r="Q1650" s="19"/>
      <c r="R1650" s="19"/>
      <c r="S1650" s="19"/>
      <c r="T1650" s="19">
        <v>300</v>
      </c>
      <c r="U1650" s="19"/>
      <c r="V1650" s="19"/>
      <c r="W1650" s="19"/>
      <c r="X1650" s="19">
        <v>9</v>
      </c>
      <c r="Y1650" s="19"/>
      <c r="Z1650" s="19"/>
      <c r="AA1650" s="19"/>
    </row>
    <row r="1651" spans="1:27" s="1" customFormat="1" ht="14.1" customHeight="1" outlineLevel="2" x14ac:dyDescent="0.2">
      <c r="A1651" s="17"/>
      <c r="B1651" s="17"/>
      <c r="C1651" s="17"/>
      <c r="D1651" s="18"/>
      <c r="E1651" s="18"/>
      <c r="F1651" s="18"/>
      <c r="G1651" s="18"/>
      <c r="H1651" s="18"/>
      <c r="I1651" s="18"/>
      <c r="J1651" s="18"/>
      <c r="K1651" s="18"/>
      <c r="L1651" s="18"/>
      <c r="M1651" s="18"/>
      <c r="N1651" s="18"/>
      <c r="O1651" s="18"/>
      <c r="P1651" s="19"/>
      <c r="Q1651" s="19"/>
      <c r="R1651" s="19"/>
      <c r="S1651" s="19"/>
      <c r="T1651" s="19"/>
      <c r="U1651" s="19"/>
      <c r="V1651" s="19"/>
      <c r="W1651" s="19"/>
      <c r="X1651" s="19"/>
      <c r="Y1651" s="19"/>
      <c r="Z1651" s="19"/>
      <c r="AA1651" s="19"/>
    </row>
    <row r="1652" spans="1:27" s="1" customFormat="1" ht="11.1" customHeight="1" outlineLevel="2" x14ac:dyDescent="0.2">
      <c r="A1652" s="17">
        <v>11094</v>
      </c>
      <c r="B1652" s="17"/>
      <c r="C1652" s="17"/>
      <c r="D1652" s="18" t="s">
        <v>834</v>
      </c>
      <c r="E1652" s="18"/>
      <c r="F1652" s="18"/>
      <c r="G1652" s="18"/>
      <c r="H1652" s="18"/>
      <c r="I1652" s="18"/>
      <c r="J1652" s="18"/>
      <c r="K1652" s="18"/>
      <c r="L1652" s="18"/>
      <c r="M1652" s="18"/>
      <c r="N1652" s="18"/>
      <c r="O1652" s="18"/>
      <c r="P1652" s="20">
        <v>2600</v>
      </c>
      <c r="Q1652" s="20"/>
      <c r="R1652" s="20"/>
      <c r="S1652" s="20"/>
      <c r="T1652" s="20">
        <v>2400</v>
      </c>
      <c r="U1652" s="20"/>
      <c r="V1652" s="20"/>
      <c r="W1652" s="20"/>
      <c r="X1652" s="19">
        <v>5</v>
      </c>
      <c r="Y1652" s="19"/>
      <c r="Z1652" s="19"/>
      <c r="AA1652" s="19"/>
    </row>
    <row r="1653" spans="1:27" s="1" customFormat="1" ht="11.1" customHeight="1" outlineLevel="2" x14ac:dyDescent="0.2">
      <c r="A1653" s="17"/>
      <c r="B1653" s="17"/>
      <c r="C1653" s="17"/>
      <c r="D1653" s="18"/>
      <c r="E1653" s="18"/>
      <c r="F1653" s="18"/>
      <c r="G1653" s="18"/>
      <c r="H1653" s="18"/>
      <c r="I1653" s="18"/>
      <c r="J1653" s="18"/>
      <c r="K1653" s="18"/>
      <c r="L1653" s="18"/>
      <c r="M1653" s="18"/>
      <c r="N1653" s="18"/>
      <c r="O1653" s="18"/>
      <c r="P1653" s="20"/>
      <c r="Q1653" s="20"/>
      <c r="R1653" s="20"/>
      <c r="S1653" s="20"/>
      <c r="T1653" s="20"/>
      <c r="U1653" s="20"/>
      <c r="V1653" s="20"/>
      <c r="W1653" s="20"/>
      <c r="X1653" s="19"/>
      <c r="Y1653" s="19"/>
      <c r="Z1653" s="19"/>
      <c r="AA1653" s="19"/>
    </row>
    <row r="1654" spans="1:27" s="1" customFormat="1" ht="14.1" customHeight="1" outlineLevel="2" x14ac:dyDescent="0.2">
      <c r="A1654" s="17">
        <v>17683</v>
      </c>
      <c r="B1654" s="17"/>
      <c r="C1654" s="17"/>
      <c r="D1654" s="18" t="s">
        <v>835</v>
      </c>
      <c r="E1654" s="18"/>
      <c r="F1654" s="18"/>
      <c r="G1654" s="18"/>
      <c r="H1654" s="18"/>
      <c r="I1654" s="18"/>
      <c r="J1654" s="18"/>
      <c r="K1654" s="18"/>
      <c r="L1654" s="18"/>
      <c r="M1654" s="18"/>
      <c r="N1654" s="18"/>
      <c r="O1654" s="18"/>
      <c r="P1654" s="20">
        <v>1300</v>
      </c>
      <c r="Q1654" s="20"/>
      <c r="R1654" s="20"/>
      <c r="S1654" s="20"/>
      <c r="T1654" s="20">
        <v>1000</v>
      </c>
      <c r="U1654" s="20"/>
      <c r="V1654" s="20"/>
      <c r="W1654" s="20"/>
      <c r="X1654" s="19">
        <v>1</v>
      </c>
      <c r="Y1654" s="19"/>
      <c r="Z1654" s="19"/>
      <c r="AA1654" s="19"/>
    </row>
    <row r="1655" spans="1:27" s="1" customFormat="1" ht="14.1" customHeight="1" outlineLevel="2" x14ac:dyDescent="0.2">
      <c r="A1655" s="17"/>
      <c r="B1655" s="17"/>
      <c r="C1655" s="17"/>
      <c r="D1655" s="18"/>
      <c r="E1655" s="18"/>
      <c r="F1655" s="18"/>
      <c r="G1655" s="18"/>
      <c r="H1655" s="18"/>
      <c r="I1655" s="18"/>
      <c r="J1655" s="18"/>
      <c r="K1655" s="18"/>
      <c r="L1655" s="18"/>
      <c r="M1655" s="18"/>
      <c r="N1655" s="18"/>
      <c r="O1655" s="18"/>
      <c r="P1655" s="20"/>
      <c r="Q1655" s="20"/>
      <c r="R1655" s="20"/>
      <c r="S1655" s="20"/>
      <c r="T1655" s="20"/>
      <c r="U1655" s="20"/>
      <c r="V1655" s="20"/>
      <c r="W1655" s="20"/>
      <c r="X1655" s="19"/>
      <c r="Y1655" s="19"/>
      <c r="Z1655" s="19"/>
      <c r="AA1655" s="19"/>
    </row>
    <row r="1656" spans="1:27" s="1" customFormat="1" ht="14.1" customHeight="1" outlineLevel="2" x14ac:dyDescent="0.2">
      <c r="A1656" s="17">
        <v>17967</v>
      </c>
      <c r="B1656" s="17"/>
      <c r="C1656" s="17"/>
      <c r="D1656" s="18" t="s">
        <v>836</v>
      </c>
      <c r="E1656" s="18"/>
      <c r="F1656" s="18"/>
      <c r="G1656" s="18"/>
      <c r="H1656" s="18"/>
      <c r="I1656" s="18"/>
      <c r="J1656" s="18"/>
      <c r="K1656" s="18"/>
      <c r="L1656" s="18"/>
      <c r="M1656" s="18"/>
      <c r="N1656" s="18"/>
      <c r="O1656" s="18"/>
      <c r="P1656" s="20">
        <v>1200</v>
      </c>
      <c r="Q1656" s="20"/>
      <c r="R1656" s="20"/>
      <c r="S1656" s="20"/>
      <c r="T1656" s="20">
        <v>1000</v>
      </c>
      <c r="U1656" s="20"/>
      <c r="V1656" s="20"/>
      <c r="W1656" s="20"/>
      <c r="X1656" s="19">
        <v>1</v>
      </c>
      <c r="Y1656" s="19"/>
      <c r="Z1656" s="19"/>
      <c r="AA1656" s="19"/>
    </row>
    <row r="1657" spans="1:27" s="1" customFormat="1" ht="14.1" customHeight="1" outlineLevel="2" x14ac:dyDescent="0.2">
      <c r="A1657" s="17"/>
      <c r="B1657" s="17"/>
      <c r="C1657" s="17"/>
      <c r="D1657" s="18"/>
      <c r="E1657" s="18"/>
      <c r="F1657" s="18"/>
      <c r="G1657" s="18"/>
      <c r="H1657" s="18"/>
      <c r="I1657" s="18"/>
      <c r="J1657" s="18"/>
      <c r="K1657" s="18"/>
      <c r="L1657" s="18"/>
      <c r="M1657" s="18"/>
      <c r="N1657" s="18"/>
      <c r="O1657" s="18"/>
      <c r="P1657" s="20"/>
      <c r="Q1657" s="20"/>
      <c r="R1657" s="20"/>
      <c r="S1657" s="20"/>
      <c r="T1657" s="20"/>
      <c r="U1657" s="20"/>
      <c r="V1657" s="20"/>
      <c r="W1657" s="20"/>
      <c r="X1657" s="19"/>
      <c r="Y1657" s="19"/>
      <c r="Z1657" s="19"/>
      <c r="AA1657" s="19"/>
    </row>
    <row r="1658" spans="1:27" s="1" customFormat="1" ht="14.1" customHeight="1" outlineLevel="2" x14ac:dyDescent="0.2">
      <c r="A1658" s="17">
        <v>12608</v>
      </c>
      <c r="B1658" s="17"/>
      <c r="C1658" s="17"/>
      <c r="D1658" s="18" t="s">
        <v>837</v>
      </c>
      <c r="E1658" s="18"/>
      <c r="F1658" s="18"/>
      <c r="G1658" s="18"/>
      <c r="H1658" s="18"/>
      <c r="I1658" s="18"/>
      <c r="J1658" s="18"/>
      <c r="K1658" s="18"/>
      <c r="L1658" s="18"/>
      <c r="M1658" s="18"/>
      <c r="N1658" s="18"/>
      <c r="O1658" s="18"/>
      <c r="P1658" s="19">
        <v>250</v>
      </c>
      <c r="Q1658" s="19"/>
      <c r="R1658" s="19"/>
      <c r="S1658" s="19"/>
      <c r="T1658" s="19">
        <v>170</v>
      </c>
      <c r="U1658" s="19"/>
      <c r="V1658" s="19"/>
      <c r="W1658" s="19"/>
      <c r="X1658" s="19">
        <v>1</v>
      </c>
      <c r="Y1658" s="19"/>
      <c r="Z1658" s="19"/>
      <c r="AA1658" s="19"/>
    </row>
    <row r="1659" spans="1:27" s="1" customFormat="1" ht="14.1" customHeight="1" outlineLevel="2" x14ac:dyDescent="0.2">
      <c r="A1659" s="17"/>
      <c r="B1659" s="17"/>
      <c r="C1659" s="17"/>
      <c r="D1659" s="18"/>
      <c r="E1659" s="18"/>
      <c r="F1659" s="18"/>
      <c r="G1659" s="18"/>
      <c r="H1659" s="18"/>
      <c r="I1659" s="18"/>
      <c r="J1659" s="18"/>
      <c r="K1659" s="18"/>
      <c r="L1659" s="18"/>
      <c r="M1659" s="18"/>
      <c r="N1659" s="18"/>
      <c r="O1659" s="18"/>
      <c r="P1659" s="19"/>
      <c r="Q1659" s="19"/>
      <c r="R1659" s="19"/>
      <c r="S1659" s="19"/>
      <c r="T1659" s="19"/>
      <c r="U1659" s="19"/>
      <c r="V1659" s="19"/>
      <c r="W1659" s="19"/>
      <c r="X1659" s="19"/>
      <c r="Y1659" s="19"/>
      <c r="Z1659" s="19"/>
      <c r="AA1659" s="19"/>
    </row>
    <row r="1660" spans="1:27" s="1" customFormat="1" ht="14.1" customHeight="1" outlineLevel="2" x14ac:dyDescent="0.2">
      <c r="A1660" s="17">
        <v>12630</v>
      </c>
      <c r="B1660" s="17"/>
      <c r="C1660" s="17"/>
      <c r="D1660" s="18" t="s">
        <v>838</v>
      </c>
      <c r="E1660" s="18"/>
      <c r="F1660" s="18"/>
      <c r="G1660" s="18"/>
      <c r="H1660" s="18"/>
      <c r="I1660" s="18"/>
      <c r="J1660" s="18"/>
      <c r="K1660" s="18"/>
      <c r="L1660" s="18"/>
      <c r="M1660" s="18"/>
      <c r="N1660" s="18"/>
      <c r="O1660" s="18"/>
      <c r="P1660" s="19">
        <v>150</v>
      </c>
      <c r="Q1660" s="19"/>
      <c r="R1660" s="19"/>
      <c r="S1660" s="19"/>
      <c r="T1660" s="19">
        <v>120</v>
      </c>
      <c r="U1660" s="19"/>
      <c r="V1660" s="19"/>
      <c r="W1660" s="19"/>
      <c r="X1660" s="19">
        <v>2</v>
      </c>
      <c r="Y1660" s="19"/>
      <c r="Z1660" s="19"/>
      <c r="AA1660" s="19"/>
    </row>
    <row r="1661" spans="1:27" s="1" customFormat="1" ht="14.1" customHeight="1" outlineLevel="2" x14ac:dyDescent="0.2">
      <c r="A1661" s="17"/>
      <c r="B1661" s="17"/>
      <c r="C1661" s="17"/>
      <c r="D1661" s="18"/>
      <c r="E1661" s="18"/>
      <c r="F1661" s="18"/>
      <c r="G1661" s="18"/>
      <c r="H1661" s="18"/>
      <c r="I1661" s="18"/>
      <c r="J1661" s="18"/>
      <c r="K1661" s="18"/>
      <c r="L1661" s="18"/>
      <c r="M1661" s="18"/>
      <c r="N1661" s="18"/>
      <c r="O1661" s="18"/>
      <c r="P1661" s="19"/>
      <c r="Q1661" s="19"/>
      <c r="R1661" s="19"/>
      <c r="S1661" s="19"/>
      <c r="T1661" s="19"/>
      <c r="U1661" s="19"/>
      <c r="V1661" s="19"/>
      <c r="W1661" s="19"/>
      <c r="X1661" s="19"/>
      <c r="Y1661" s="19"/>
      <c r="Z1661" s="19"/>
      <c r="AA1661" s="19"/>
    </row>
    <row r="1662" spans="1:27" s="1" customFormat="1" ht="11.1" customHeight="1" outlineLevel="2" x14ac:dyDescent="0.2">
      <c r="A1662" s="17">
        <v>10676</v>
      </c>
      <c r="B1662" s="17"/>
      <c r="C1662" s="17"/>
      <c r="D1662" s="18" t="s">
        <v>839</v>
      </c>
      <c r="E1662" s="18"/>
      <c r="F1662" s="18"/>
      <c r="G1662" s="18"/>
      <c r="H1662" s="18"/>
      <c r="I1662" s="18"/>
      <c r="J1662" s="18"/>
      <c r="K1662" s="18"/>
      <c r="L1662" s="18"/>
      <c r="M1662" s="18"/>
      <c r="N1662" s="18"/>
      <c r="O1662" s="18"/>
      <c r="P1662" s="19">
        <v>175</v>
      </c>
      <c r="Q1662" s="19"/>
      <c r="R1662" s="19"/>
      <c r="S1662" s="19"/>
      <c r="T1662" s="19">
        <v>145</v>
      </c>
      <c r="U1662" s="19"/>
      <c r="V1662" s="19"/>
      <c r="W1662" s="19"/>
      <c r="X1662" s="19">
        <v>1</v>
      </c>
      <c r="Y1662" s="19"/>
      <c r="Z1662" s="19"/>
      <c r="AA1662" s="19"/>
    </row>
    <row r="1663" spans="1:27" s="1" customFormat="1" ht="11.1" customHeight="1" outlineLevel="2" x14ac:dyDescent="0.2">
      <c r="A1663" s="17"/>
      <c r="B1663" s="17"/>
      <c r="C1663" s="17"/>
      <c r="D1663" s="18"/>
      <c r="E1663" s="18"/>
      <c r="F1663" s="18"/>
      <c r="G1663" s="18"/>
      <c r="H1663" s="18"/>
      <c r="I1663" s="18"/>
      <c r="J1663" s="18"/>
      <c r="K1663" s="18"/>
      <c r="L1663" s="18"/>
      <c r="M1663" s="18"/>
      <c r="N1663" s="18"/>
      <c r="O1663" s="18"/>
      <c r="P1663" s="19"/>
      <c r="Q1663" s="19"/>
      <c r="R1663" s="19"/>
      <c r="S1663" s="19"/>
      <c r="T1663" s="19"/>
      <c r="U1663" s="19"/>
      <c r="V1663" s="19"/>
      <c r="W1663" s="19"/>
      <c r="X1663" s="19"/>
      <c r="Y1663" s="19"/>
      <c r="Z1663" s="19"/>
      <c r="AA1663" s="19"/>
    </row>
    <row r="1664" spans="1:27" s="1" customFormat="1" ht="11.1" customHeight="1" outlineLevel="2" x14ac:dyDescent="0.2">
      <c r="A1664" s="17">
        <v>9747</v>
      </c>
      <c r="B1664" s="17"/>
      <c r="C1664" s="17"/>
      <c r="D1664" s="18" t="s">
        <v>840</v>
      </c>
      <c r="E1664" s="18"/>
      <c r="F1664" s="18"/>
      <c r="G1664" s="18"/>
      <c r="H1664" s="18"/>
      <c r="I1664" s="18"/>
      <c r="J1664" s="18"/>
      <c r="K1664" s="18"/>
      <c r="L1664" s="18"/>
      <c r="M1664" s="18"/>
      <c r="N1664" s="18"/>
      <c r="O1664" s="18"/>
      <c r="P1664" s="19">
        <v>100</v>
      </c>
      <c r="Q1664" s="19"/>
      <c r="R1664" s="19"/>
      <c r="S1664" s="19"/>
      <c r="T1664" s="19">
        <v>60</v>
      </c>
      <c r="U1664" s="19"/>
      <c r="V1664" s="19"/>
      <c r="W1664" s="19"/>
      <c r="X1664" s="19">
        <v>4</v>
      </c>
      <c r="Y1664" s="19"/>
      <c r="Z1664" s="19"/>
      <c r="AA1664" s="19"/>
    </row>
    <row r="1665" spans="1:27" s="1" customFormat="1" ht="11.1" customHeight="1" outlineLevel="2" x14ac:dyDescent="0.2">
      <c r="A1665" s="17"/>
      <c r="B1665" s="17"/>
      <c r="C1665" s="17"/>
      <c r="D1665" s="18"/>
      <c r="E1665" s="18"/>
      <c r="F1665" s="18"/>
      <c r="G1665" s="18"/>
      <c r="H1665" s="18"/>
      <c r="I1665" s="18"/>
      <c r="J1665" s="18"/>
      <c r="K1665" s="18"/>
      <c r="L1665" s="18"/>
      <c r="M1665" s="18"/>
      <c r="N1665" s="18"/>
      <c r="O1665" s="18"/>
      <c r="P1665" s="19"/>
      <c r="Q1665" s="19"/>
      <c r="R1665" s="19"/>
      <c r="S1665" s="19"/>
      <c r="T1665" s="19"/>
      <c r="U1665" s="19"/>
      <c r="V1665" s="19"/>
      <c r="W1665" s="19"/>
      <c r="X1665" s="19"/>
      <c r="Y1665" s="19"/>
      <c r="Z1665" s="19"/>
      <c r="AA1665" s="19"/>
    </row>
    <row r="1666" spans="1:27" s="1" customFormat="1" ht="11.1" customHeight="1" outlineLevel="2" x14ac:dyDescent="0.2">
      <c r="A1666" s="17">
        <v>9801</v>
      </c>
      <c r="B1666" s="17"/>
      <c r="C1666" s="17"/>
      <c r="D1666" s="18" t="s">
        <v>841</v>
      </c>
      <c r="E1666" s="18"/>
      <c r="F1666" s="18"/>
      <c r="G1666" s="18"/>
      <c r="H1666" s="18"/>
      <c r="I1666" s="18"/>
      <c r="J1666" s="18"/>
      <c r="K1666" s="18"/>
      <c r="L1666" s="18"/>
      <c r="M1666" s="18"/>
      <c r="N1666" s="18"/>
      <c r="O1666" s="18"/>
      <c r="P1666" s="19">
        <v>410</v>
      </c>
      <c r="Q1666" s="19"/>
      <c r="R1666" s="19"/>
      <c r="S1666" s="19"/>
      <c r="T1666" s="19">
        <v>350</v>
      </c>
      <c r="U1666" s="19"/>
      <c r="V1666" s="19"/>
      <c r="W1666" s="19"/>
      <c r="X1666" s="19">
        <v>1</v>
      </c>
      <c r="Y1666" s="19"/>
      <c r="Z1666" s="19"/>
      <c r="AA1666" s="19"/>
    </row>
    <row r="1667" spans="1:27" s="1" customFormat="1" ht="11.1" customHeight="1" outlineLevel="2" x14ac:dyDescent="0.2">
      <c r="A1667" s="17"/>
      <c r="B1667" s="17"/>
      <c r="C1667" s="17"/>
      <c r="D1667" s="18"/>
      <c r="E1667" s="18"/>
      <c r="F1667" s="18"/>
      <c r="G1667" s="18"/>
      <c r="H1667" s="18"/>
      <c r="I1667" s="18"/>
      <c r="J1667" s="18"/>
      <c r="K1667" s="18"/>
      <c r="L1667" s="18"/>
      <c r="M1667" s="18"/>
      <c r="N1667" s="18"/>
      <c r="O1667" s="18"/>
      <c r="P1667" s="19"/>
      <c r="Q1667" s="19"/>
      <c r="R1667" s="19"/>
      <c r="S1667" s="19"/>
      <c r="T1667" s="19"/>
      <c r="U1667" s="19"/>
      <c r="V1667" s="19"/>
      <c r="W1667" s="19"/>
      <c r="X1667" s="19"/>
      <c r="Y1667" s="19"/>
      <c r="Z1667" s="19"/>
      <c r="AA1667" s="19"/>
    </row>
    <row r="1668" spans="1:27" s="1" customFormat="1" ht="11.1" customHeight="1" outlineLevel="2" x14ac:dyDescent="0.2">
      <c r="A1668" s="17">
        <v>9803</v>
      </c>
      <c r="B1668" s="17"/>
      <c r="C1668" s="17"/>
      <c r="D1668" s="18" t="s">
        <v>842</v>
      </c>
      <c r="E1668" s="18"/>
      <c r="F1668" s="18"/>
      <c r="G1668" s="18"/>
      <c r="H1668" s="18"/>
      <c r="I1668" s="18"/>
      <c r="J1668" s="18"/>
      <c r="K1668" s="18"/>
      <c r="L1668" s="18"/>
      <c r="M1668" s="18"/>
      <c r="N1668" s="18"/>
      <c r="O1668" s="18"/>
      <c r="P1668" s="19">
        <v>410</v>
      </c>
      <c r="Q1668" s="19"/>
      <c r="R1668" s="19"/>
      <c r="S1668" s="19"/>
      <c r="T1668" s="19">
        <v>350</v>
      </c>
      <c r="U1668" s="19"/>
      <c r="V1668" s="19"/>
      <c r="W1668" s="19"/>
      <c r="X1668" s="19">
        <v>1</v>
      </c>
      <c r="Y1668" s="19"/>
      <c r="Z1668" s="19"/>
      <c r="AA1668" s="19"/>
    </row>
    <row r="1669" spans="1:27" s="1" customFormat="1" ht="11.1" customHeight="1" outlineLevel="2" x14ac:dyDescent="0.2">
      <c r="A1669" s="17"/>
      <c r="B1669" s="17"/>
      <c r="C1669" s="17"/>
      <c r="D1669" s="18"/>
      <c r="E1669" s="18"/>
      <c r="F1669" s="18"/>
      <c r="G1669" s="18"/>
      <c r="H1669" s="18"/>
      <c r="I1669" s="18"/>
      <c r="J1669" s="18"/>
      <c r="K1669" s="18"/>
      <c r="L1669" s="18"/>
      <c r="M1669" s="18"/>
      <c r="N1669" s="18"/>
      <c r="O1669" s="18"/>
      <c r="P1669" s="19"/>
      <c r="Q1669" s="19"/>
      <c r="R1669" s="19"/>
      <c r="S1669" s="19"/>
      <c r="T1669" s="19"/>
      <c r="U1669" s="19"/>
      <c r="V1669" s="19"/>
      <c r="W1669" s="19"/>
      <c r="X1669" s="19"/>
      <c r="Y1669" s="19"/>
      <c r="Z1669" s="19"/>
      <c r="AA1669" s="19"/>
    </row>
    <row r="1670" spans="1:27" s="1" customFormat="1" ht="14.1" customHeight="1" outlineLevel="2" x14ac:dyDescent="0.2">
      <c r="A1670" s="17">
        <v>17966</v>
      </c>
      <c r="B1670" s="17"/>
      <c r="C1670" s="17"/>
      <c r="D1670" s="18" t="s">
        <v>843</v>
      </c>
      <c r="E1670" s="18"/>
      <c r="F1670" s="18"/>
      <c r="G1670" s="18"/>
      <c r="H1670" s="18"/>
      <c r="I1670" s="18"/>
      <c r="J1670" s="18"/>
      <c r="K1670" s="18"/>
      <c r="L1670" s="18"/>
      <c r="M1670" s="18"/>
      <c r="N1670" s="18"/>
      <c r="O1670" s="18"/>
      <c r="P1670" s="19">
        <v>900</v>
      </c>
      <c r="Q1670" s="19"/>
      <c r="R1670" s="19"/>
      <c r="S1670" s="19"/>
      <c r="T1670" s="19">
        <v>800</v>
      </c>
      <c r="U1670" s="19"/>
      <c r="V1670" s="19"/>
      <c r="W1670" s="19"/>
      <c r="X1670" s="19">
        <v>1</v>
      </c>
      <c r="Y1670" s="19"/>
      <c r="Z1670" s="19"/>
      <c r="AA1670" s="19"/>
    </row>
    <row r="1671" spans="1:27" s="1" customFormat="1" ht="14.1" customHeight="1" outlineLevel="2" x14ac:dyDescent="0.2">
      <c r="A1671" s="17"/>
      <c r="B1671" s="17"/>
      <c r="C1671" s="17"/>
      <c r="D1671" s="18"/>
      <c r="E1671" s="18"/>
      <c r="F1671" s="18"/>
      <c r="G1671" s="18"/>
      <c r="H1671" s="18"/>
      <c r="I1671" s="18"/>
      <c r="J1671" s="18"/>
      <c r="K1671" s="18"/>
      <c r="L1671" s="18"/>
      <c r="M1671" s="18"/>
      <c r="N1671" s="18"/>
      <c r="O1671" s="18"/>
      <c r="P1671" s="19"/>
      <c r="Q1671" s="19"/>
      <c r="R1671" s="19"/>
      <c r="S1671" s="19"/>
      <c r="T1671" s="19"/>
      <c r="U1671" s="19"/>
      <c r="V1671" s="19"/>
      <c r="W1671" s="19"/>
      <c r="X1671" s="19"/>
      <c r="Y1671" s="19"/>
      <c r="Z1671" s="19"/>
      <c r="AA1671" s="19"/>
    </row>
    <row r="1672" spans="1:27" s="1" customFormat="1" ht="11.1" customHeight="1" outlineLevel="2" x14ac:dyDescent="0.2">
      <c r="A1672" s="17">
        <v>10653</v>
      </c>
      <c r="B1672" s="17"/>
      <c r="C1672" s="17"/>
      <c r="D1672" s="18" t="s">
        <v>844</v>
      </c>
      <c r="E1672" s="18"/>
      <c r="F1672" s="18"/>
      <c r="G1672" s="18"/>
      <c r="H1672" s="18"/>
      <c r="I1672" s="18"/>
      <c r="J1672" s="18"/>
      <c r="K1672" s="18"/>
      <c r="L1672" s="18"/>
      <c r="M1672" s="18"/>
      <c r="N1672" s="18"/>
      <c r="O1672" s="18"/>
      <c r="P1672" s="19">
        <v>270</v>
      </c>
      <c r="Q1672" s="19"/>
      <c r="R1672" s="19"/>
      <c r="S1672" s="19"/>
      <c r="T1672" s="19">
        <v>225</v>
      </c>
      <c r="U1672" s="19"/>
      <c r="V1672" s="19"/>
      <c r="W1672" s="19"/>
      <c r="X1672" s="19">
        <v>12</v>
      </c>
      <c r="Y1672" s="19"/>
      <c r="Z1672" s="19"/>
      <c r="AA1672" s="19"/>
    </row>
    <row r="1673" spans="1:27" s="1" customFormat="1" ht="11.1" customHeight="1" outlineLevel="2" x14ac:dyDescent="0.2">
      <c r="A1673" s="17"/>
      <c r="B1673" s="17"/>
      <c r="C1673" s="17"/>
      <c r="D1673" s="18"/>
      <c r="E1673" s="18"/>
      <c r="F1673" s="18"/>
      <c r="G1673" s="18"/>
      <c r="H1673" s="18"/>
      <c r="I1673" s="18"/>
      <c r="J1673" s="18"/>
      <c r="K1673" s="18"/>
      <c r="L1673" s="18"/>
      <c r="M1673" s="18"/>
      <c r="N1673" s="18"/>
      <c r="O1673" s="18"/>
      <c r="P1673" s="19"/>
      <c r="Q1673" s="19"/>
      <c r="R1673" s="19"/>
      <c r="S1673" s="19"/>
      <c r="T1673" s="19"/>
      <c r="U1673" s="19"/>
      <c r="V1673" s="19"/>
      <c r="W1673" s="19"/>
      <c r="X1673" s="19"/>
      <c r="Y1673" s="19"/>
      <c r="Z1673" s="19"/>
      <c r="AA1673" s="19"/>
    </row>
    <row r="1674" spans="1:27" s="1" customFormat="1" ht="11.1" customHeight="1" outlineLevel="2" x14ac:dyDescent="0.2">
      <c r="A1674" s="17">
        <v>9558</v>
      </c>
      <c r="B1674" s="17"/>
      <c r="C1674" s="17"/>
      <c r="D1674" s="18" t="s">
        <v>845</v>
      </c>
      <c r="E1674" s="18"/>
      <c r="F1674" s="18"/>
      <c r="G1674" s="18"/>
      <c r="H1674" s="18"/>
      <c r="I1674" s="18"/>
      <c r="J1674" s="18"/>
      <c r="K1674" s="18"/>
      <c r="L1674" s="18"/>
      <c r="M1674" s="18"/>
      <c r="N1674" s="18"/>
      <c r="O1674" s="18"/>
      <c r="P1674" s="19">
        <v>30</v>
      </c>
      <c r="Q1674" s="19"/>
      <c r="R1674" s="19"/>
      <c r="S1674" s="19"/>
      <c r="T1674" s="19">
        <v>20</v>
      </c>
      <c r="U1674" s="19"/>
      <c r="V1674" s="19"/>
      <c r="W1674" s="19"/>
      <c r="X1674" s="19">
        <v>9</v>
      </c>
      <c r="Y1674" s="19"/>
      <c r="Z1674" s="19"/>
      <c r="AA1674" s="19"/>
    </row>
    <row r="1675" spans="1:27" s="1" customFormat="1" ht="11.1" customHeight="1" outlineLevel="2" x14ac:dyDescent="0.2">
      <c r="A1675" s="17"/>
      <c r="B1675" s="17"/>
      <c r="C1675" s="17"/>
      <c r="D1675" s="18"/>
      <c r="E1675" s="18"/>
      <c r="F1675" s="18"/>
      <c r="G1675" s="18"/>
      <c r="H1675" s="18"/>
      <c r="I1675" s="18"/>
      <c r="J1675" s="18"/>
      <c r="K1675" s="18"/>
      <c r="L1675" s="18"/>
      <c r="M1675" s="18"/>
      <c r="N1675" s="18"/>
      <c r="O1675" s="18"/>
      <c r="P1675" s="19"/>
      <c r="Q1675" s="19"/>
      <c r="R1675" s="19"/>
      <c r="S1675" s="19"/>
      <c r="T1675" s="19"/>
      <c r="U1675" s="19"/>
      <c r="V1675" s="19"/>
      <c r="W1675" s="19"/>
      <c r="X1675" s="19"/>
      <c r="Y1675" s="19"/>
      <c r="Z1675" s="19"/>
      <c r="AA1675" s="19"/>
    </row>
    <row r="1676" spans="1:27" s="1" customFormat="1" ht="11.1" customHeight="1" outlineLevel="2" x14ac:dyDescent="0.2">
      <c r="A1676" s="17">
        <v>8827</v>
      </c>
      <c r="B1676" s="17"/>
      <c r="C1676" s="17"/>
      <c r="D1676" s="18" t="s">
        <v>846</v>
      </c>
      <c r="E1676" s="18"/>
      <c r="F1676" s="18"/>
      <c r="G1676" s="18"/>
      <c r="H1676" s="18"/>
      <c r="I1676" s="18"/>
      <c r="J1676" s="18"/>
      <c r="K1676" s="18"/>
      <c r="L1676" s="18"/>
      <c r="M1676" s="18"/>
      <c r="N1676" s="18"/>
      <c r="O1676" s="18"/>
      <c r="P1676" s="19">
        <v>210</v>
      </c>
      <c r="Q1676" s="19"/>
      <c r="R1676" s="19"/>
      <c r="S1676" s="19"/>
      <c r="T1676" s="19">
        <v>160</v>
      </c>
      <c r="U1676" s="19"/>
      <c r="V1676" s="19"/>
      <c r="W1676" s="19"/>
      <c r="X1676" s="19">
        <v>6</v>
      </c>
      <c r="Y1676" s="19"/>
      <c r="Z1676" s="19"/>
      <c r="AA1676" s="19"/>
    </row>
    <row r="1677" spans="1:27" s="1" customFormat="1" ht="11.1" customHeight="1" outlineLevel="2" x14ac:dyDescent="0.2">
      <c r="A1677" s="17"/>
      <c r="B1677" s="17"/>
      <c r="C1677" s="17"/>
      <c r="D1677" s="18"/>
      <c r="E1677" s="18"/>
      <c r="F1677" s="18"/>
      <c r="G1677" s="18"/>
      <c r="H1677" s="18"/>
      <c r="I1677" s="18"/>
      <c r="J1677" s="18"/>
      <c r="K1677" s="18"/>
      <c r="L1677" s="18"/>
      <c r="M1677" s="18"/>
      <c r="N1677" s="18"/>
      <c r="O1677" s="18"/>
      <c r="P1677" s="19"/>
      <c r="Q1677" s="19"/>
      <c r="R1677" s="19"/>
      <c r="S1677" s="19"/>
      <c r="T1677" s="19"/>
      <c r="U1677" s="19"/>
      <c r="V1677" s="19"/>
      <c r="W1677" s="19"/>
      <c r="X1677" s="19"/>
      <c r="Y1677" s="19"/>
      <c r="Z1677" s="19"/>
      <c r="AA1677" s="19"/>
    </row>
    <row r="1678" spans="1:27" s="1" customFormat="1" ht="14.1" customHeight="1" outlineLevel="2" x14ac:dyDescent="0.2">
      <c r="A1678" s="17">
        <v>10451</v>
      </c>
      <c r="B1678" s="17"/>
      <c r="C1678" s="17"/>
      <c r="D1678" s="18" t="s">
        <v>847</v>
      </c>
      <c r="E1678" s="18"/>
      <c r="F1678" s="18"/>
      <c r="G1678" s="18"/>
      <c r="H1678" s="18"/>
      <c r="I1678" s="18"/>
      <c r="J1678" s="18"/>
      <c r="K1678" s="18"/>
      <c r="L1678" s="18"/>
      <c r="M1678" s="18"/>
      <c r="N1678" s="18"/>
      <c r="O1678" s="18"/>
      <c r="P1678" s="19">
        <v>260</v>
      </c>
      <c r="Q1678" s="19"/>
      <c r="R1678" s="19"/>
      <c r="S1678" s="19"/>
      <c r="T1678" s="19">
        <v>190</v>
      </c>
      <c r="U1678" s="19"/>
      <c r="V1678" s="19"/>
      <c r="W1678" s="19"/>
      <c r="X1678" s="19">
        <v>22</v>
      </c>
      <c r="Y1678" s="19"/>
      <c r="Z1678" s="19"/>
      <c r="AA1678" s="19"/>
    </row>
    <row r="1679" spans="1:27" s="1" customFormat="1" ht="14.1" customHeight="1" outlineLevel="2" x14ac:dyDescent="0.2">
      <c r="A1679" s="17"/>
      <c r="B1679" s="17"/>
      <c r="C1679" s="17"/>
      <c r="D1679" s="18"/>
      <c r="E1679" s="18"/>
      <c r="F1679" s="18"/>
      <c r="G1679" s="18"/>
      <c r="H1679" s="18"/>
      <c r="I1679" s="18"/>
      <c r="J1679" s="18"/>
      <c r="K1679" s="18"/>
      <c r="L1679" s="18"/>
      <c r="M1679" s="18"/>
      <c r="N1679" s="18"/>
      <c r="O1679" s="18"/>
      <c r="P1679" s="19"/>
      <c r="Q1679" s="19"/>
      <c r="R1679" s="19"/>
      <c r="S1679" s="19"/>
      <c r="T1679" s="19"/>
      <c r="U1679" s="19"/>
      <c r="V1679" s="19"/>
      <c r="W1679" s="19"/>
      <c r="X1679" s="19"/>
      <c r="Y1679" s="19"/>
      <c r="Z1679" s="19"/>
      <c r="AA1679" s="19"/>
    </row>
    <row r="1680" spans="1:27" s="1" customFormat="1" ht="14.1" customHeight="1" outlineLevel="2" x14ac:dyDescent="0.2">
      <c r="A1680" s="17">
        <v>10450</v>
      </c>
      <c r="B1680" s="17"/>
      <c r="C1680" s="17"/>
      <c r="D1680" s="18" t="s">
        <v>848</v>
      </c>
      <c r="E1680" s="18"/>
      <c r="F1680" s="18"/>
      <c r="G1680" s="18"/>
      <c r="H1680" s="18"/>
      <c r="I1680" s="18"/>
      <c r="J1680" s="18"/>
      <c r="K1680" s="18"/>
      <c r="L1680" s="18"/>
      <c r="M1680" s="18"/>
      <c r="N1680" s="18"/>
      <c r="O1680" s="18"/>
      <c r="P1680" s="19">
        <v>260</v>
      </c>
      <c r="Q1680" s="19"/>
      <c r="R1680" s="19"/>
      <c r="S1680" s="19"/>
      <c r="T1680" s="19">
        <v>190</v>
      </c>
      <c r="U1680" s="19"/>
      <c r="V1680" s="19"/>
      <c r="W1680" s="19"/>
      <c r="X1680" s="19">
        <v>5</v>
      </c>
      <c r="Y1680" s="19"/>
      <c r="Z1680" s="19"/>
      <c r="AA1680" s="19"/>
    </row>
    <row r="1681" spans="1:27" s="1" customFormat="1" ht="14.1" customHeight="1" outlineLevel="2" x14ac:dyDescent="0.2">
      <c r="A1681" s="17"/>
      <c r="B1681" s="17"/>
      <c r="C1681" s="17"/>
      <c r="D1681" s="18"/>
      <c r="E1681" s="18"/>
      <c r="F1681" s="18"/>
      <c r="G1681" s="18"/>
      <c r="H1681" s="18"/>
      <c r="I1681" s="18"/>
      <c r="J1681" s="18"/>
      <c r="K1681" s="18"/>
      <c r="L1681" s="18"/>
      <c r="M1681" s="18"/>
      <c r="N1681" s="18"/>
      <c r="O1681" s="18"/>
      <c r="P1681" s="19"/>
      <c r="Q1681" s="19"/>
      <c r="R1681" s="19"/>
      <c r="S1681" s="19"/>
      <c r="T1681" s="19"/>
      <c r="U1681" s="19"/>
      <c r="V1681" s="19"/>
      <c r="W1681" s="19"/>
      <c r="X1681" s="19"/>
      <c r="Y1681" s="19"/>
      <c r="Z1681" s="19"/>
      <c r="AA1681" s="19"/>
    </row>
    <row r="1682" spans="1:27" s="1" customFormat="1" ht="14.1" customHeight="1" outlineLevel="2" x14ac:dyDescent="0.2">
      <c r="A1682" s="17">
        <v>14319</v>
      </c>
      <c r="B1682" s="17"/>
      <c r="C1682" s="17"/>
      <c r="D1682" s="18" t="s">
        <v>849</v>
      </c>
      <c r="E1682" s="18"/>
      <c r="F1682" s="18"/>
      <c r="G1682" s="18"/>
      <c r="H1682" s="18"/>
      <c r="I1682" s="18"/>
      <c r="J1682" s="18"/>
      <c r="K1682" s="18"/>
      <c r="L1682" s="18"/>
      <c r="M1682" s="18"/>
      <c r="N1682" s="18"/>
      <c r="O1682" s="18"/>
      <c r="P1682" s="20">
        <v>1320</v>
      </c>
      <c r="Q1682" s="20"/>
      <c r="R1682" s="20"/>
      <c r="S1682" s="20"/>
      <c r="T1682" s="20">
        <v>1200</v>
      </c>
      <c r="U1682" s="20"/>
      <c r="V1682" s="20"/>
      <c r="W1682" s="20"/>
      <c r="X1682" s="19">
        <v>1</v>
      </c>
      <c r="Y1682" s="19"/>
      <c r="Z1682" s="19"/>
      <c r="AA1682" s="19"/>
    </row>
    <row r="1683" spans="1:27" s="1" customFormat="1" ht="14.1" customHeight="1" outlineLevel="2" x14ac:dyDescent="0.2">
      <c r="A1683" s="17"/>
      <c r="B1683" s="17"/>
      <c r="C1683" s="17"/>
      <c r="D1683" s="18"/>
      <c r="E1683" s="18"/>
      <c r="F1683" s="18"/>
      <c r="G1683" s="18"/>
      <c r="H1683" s="18"/>
      <c r="I1683" s="18"/>
      <c r="J1683" s="18"/>
      <c r="K1683" s="18"/>
      <c r="L1683" s="18"/>
      <c r="M1683" s="18"/>
      <c r="N1683" s="18"/>
      <c r="O1683" s="18"/>
      <c r="P1683" s="20"/>
      <c r="Q1683" s="20"/>
      <c r="R1683" s="20"/>
      <c r="S1683" s="20"/>
      <c r="T1683" s="20"/>
      <c r="U1683" s="20"/>
      <c r="V1683" s="20"/>
      <c r="W1683" s="20"/>
      <c r="X1683" s="19"/>
      <c r="Y1683" s="19"/>
      <c r="Z1683" s="19"/>
      <c r="AA1683" s="19"/>
    </row>
    <row r="1684" spans="1:27" s="1" customFormat="1" ht="14.1" customHeight="1" outlineLevel="2" x14ac:dyDescent="0.2">
      <c r="A1684" s="17">
        <v>9760</v>
      </c>
      <c r="B1684" s="17"/>
      <c r="C1684" s="17"/>
      <c r="D1684" s="18" t="s">
        <v>850</v>
      </c>
      <c r="E1684" s="18"/>
      <c r="F1684" s="18"/>
      <c r="G1684" s="18"/>
      <c r="H1684" s="18"/>
      <c r="I1684" s="18"/>
      <c r="J1684" s="18"/>
      <c r="K1684" s="18"/>
      <c r="L1684" s="18"/>
      <c r="M1684" s="18"/>
      <c r="N1684" s="18"/>
      <c r="O1684" s="18"/>
      <c r="P1684" s="19">
        <v>500</v>
      </c>
      <c r="Q1684" s="19"/>
      <c r="R1684" s="19"/>
      <c r="S1684" s="19"/>
      <c r="T1684" s="19">
        <v>393</v>
      </c>
      <c r="U1684" s="19"/>
      <c r="V1684" s="19"/>
      <c r="W1684" s="19"/>
      <c r="X1684" s="19">
        <v>3</v>
      </c>
      <c r="Y1684" s="19"/>
      <c r="Z1684" s="19"/>
      <c r="AA1684" s="19"/>
    </row>
    <row r="1685" spans="1:27" s="1" customFormat="1" ht="14.1" customHeight="1" outlineLevel="2" x14ac:dyDescent="0.2">
      <c r="A1685" s="17"/>
      <c r="B1685" s="17"/>
      <c r="C1685" s="17"/>
      <c r="D1685" s="18"/>
      <c r="E1685" s="18"/>
      <c r="F1685" s="18"/>
      <c r="G1685" s="18"/>
      <c r="H1685" s="18"/>
      <c r="I1685" s="18"/>
      <c r="J1685" s="18"/>
      <c r="K1685" s="18"/>
      <c r="L1685" s="18"/>
      <c r="M1685" s="18"/>
      <c r="N1685" s="18"/>
      <c r="O1685" s="18"/>
      <c r="P1685" s="19"/>
      <c r="Q1685" s="19"/>
      <c r="R1685" s="19"/>
      <c r="S1685" s="19"/>
      <c r="T1685" s="19"/>
      <c r="U1685" s="19"/>
      <c r="V1685" s="19"/>
      <c r="W1685" s="19"/>
      <c r="X1685" s="19"/>
      <c r="Y1685" s="19"/>
      <c r="Z1685" s="19"/>
      <c r="AA1685" s="19"/>
    </row>
    <row r="1686" spans="1:27" s="1" customFormat="1" ht="14.1" customHeight="1" outlineLevel="2" x14ac:dyDescent="0.2">
      <c r="A1686" s="17">
        <v>9772</v>
      </c>
      <c r="B1686" s="17"/>
      <c r="C1686" s="17"/>
      <c r="D1686" s="18" t="s">
        <v>851</v>
      </c>
      <c r="E1686" s="18"/>
      <c r="F1686" s="18"/>
      <c r="G1686" s="18"/>
      <c r="H1686" s="18"/>
      <c r="I1686" s="18"/>
      <c r="J1686" s="18"/>
      <c r="K1686" s="18"/>
      <c r="L1686" s="18"/>
      <c r="M1686" s="18"/>
      <c r="N1686" s="18"/>
      <c r="O1686" s="18"/>
      <c r="P1686" s="19">
        <v>360</v>
      </c>
      <c r="Q1686" s="19"/>
      <c r="R1686" s="19"/>
      <c r="S1686" s="19"/>
      <c r="T1686" s="19">
        <v>290</v>
      </c>
      <c r="U1686" s="19"/>
      <c r="V1686" s="19"/>
      <c r="W1686" s="19"/>
      <c r="X1686" s="19">
        <v>1</v>
      </c>
      <c r="Y1686" s="19"/>
      <c r="Z1686" s="19"/>
      <c r="AA1686" s="19"/>
    </row>
    <row r="1687" spans="1:27" s="1" customFormat="1" ht="14.1" customHeight="1" outlineLevel="2" x14ac:dyDescent="0.2">
      <c r="A1687" s="17"/>
      <c r="B1687" s="17"/>
      <c r="C1687" s="17"/>
      <c r="D1687" s="18"/>
      <c r="E1687" s="18"/>
      <c r="F1687" s="18"/>
      <c r="G1687" s="18"/>
      <c r="H1687" s="18"/>
      <c r="I1687" s="18"/>
      <c r="J1687" s="18"/>
      <c r="K1687" s="18"/>
      <c r="L1687" s="18"/>
      <c r="M1687" s="18"/>
      <c r="N1687" s="18"/>
      <c r="O1687" s="18"/>
      <c r="P1687" s="19"/>
      <c r="Q1687" s="19"/>
      <c r="R1687" s="19"/>
      <c r="S1687" s="19"/>
      <c r="T1687" s="19"/>
      <c r="U1687" s="19"/>
      <c r="V1687" s="19"/>
      <c r="W1687" s="19"/>
      <c r="X1687" s="19"/>
      <c r="Y1687" s="19"/>
      <c r="Z1687" s="19"/>
      <c r="AA1687" s="19"/>
    </row>
    <row r="1688" spans="1:27" s="1" customFormat="1" ht="21" customHeight="1" outlineLevel="2" x14ac:dyDescent="0.2">
      <c r="A1688" s="17">
        <v>16782</v>
      </c>
      <c r="B1688" s="17"/>
      <c r="C1688" s="17"/>
      <c r="D1688" s="18" t="s">
        <v>852</v>
      </c>
      <c r="E1688" s="18"/>
      <c r="F1688" s="18"/>
      <c r="G1688" s="18"/>
      <c r="H1688" s="18"/>
      <c r="I1688" s="18"/>
      <c r="J1688" s="18"/>
      <c r="K1688" s="18"/>
      <c r="L1688" s="18"/>
      <c r="M1688" s="18"/>
      <c r="N1688" s="18"/>
      <c r="O1688" s="18"/>
      <c r="P1688" s="19">
        <v>900</v>
      </c>
      <c r="Q1688" s="19"/>
      <c r="R1688" s="19"/>
      <c r="S1688" s="19"/>
      <c r="T1688" s="19">
        <v>800</v>
      </c>
      <c r="U1688" s="19"/>
      <c r="V1688" s="19"/>
      <c r="W1688" s="19"/>
      <c r="X1688" s="19">
        <v>1</v>
      </c>
      <c r="Y1688" s="19"/>
      <c r="Z1688" s="19"/>
      <c r="AA1688" s="19"/>
    </row>
    <row r="1689" spans="1:27" s="1" customFormat="1" ht="21" customHeight="1" outlineLevel="2" x14ac:dyDescent="0.2">
      <c r="A1689" s="17"/>
      <c r="B1689" s="17"/>
      <c r="C1689" s="17"/>
      <c r="D1689" s="18"/>
      <c r="E1689" s="18"/>
      <c r="F1689" s="18"/>
      <c r="G1689" s="18"/>
      <c r="H1689" s="18"/>
      <c r="I1689" s="18"/>
      <c r="J1689" s="18"/>
      <c r="K1689" s="18"/>
      <c r="L1689" s="18"/>
      <c r="M1689" s="18"/>
      <c r="N1689" s="18"/>
      <c r="O1689" s="18"/>
      <c r="P1689" s="19"/>
      <c r="Q1689" s="19"/>
      <c r="R1689" s="19"/>
      <c r="S1689" s="19"/>
      <c r="T1689" s="19"/>
      <c r="U1689" s="19"/>
      <c r="V1689" s="19"/>
      <c r="W1689" s="19"/>
      <c r="X1689" s="19"/>
      <c r="Y1689" s="19"/>
      <c r="Z1689" s="19"/>
      <c r="AA1689" s="19"/>
    </row>
    <row r="1690" spans="1:27" s="1" customFormat="1" ht="11.1" customHeight="1" outlineLevel="1" x14ac:dyDescent="0.2">
      <c r="A1690" s="16" t="s">
        <v>853</v>
      </c>
      <c r="B1690" s="16"/>
      <c r="C1690" s="16"/>
      <c r="D1690" s="16"/>
      <c r="E1690" s="16"/>
      <c r="F1690" s="16"/>
      <c r="G1690" s="16"/>
      <c r="H1690" s="16"/>
      <c r="I1690" s="16"/>
      <c r="J1690" s="16"/>
      <c r="K1690" s="16"/>
      <c r="L1690" s="16"/>
      <c r="M1690" s="16"/>
      <c r="N1690" s="16"/>
      <c r="O1690" s="16"/>
      <c r="P1690" s="16"/>
      <c r="Q1690" s="16"/>
      <c r="R1690" s="16"/>
      <c r="S1690" s="16"/>
      <c r="T1690" s="16"/>
      <c r="U1690" s="16"/>
      <c r="V1690" s="16"/>
      <c r="W1690" s="16"/>
      <c r="X1690" s="16"/>
      <c r="Y1690" s="16"/>
      <c r="Z1690" s="16"/>
      <c r="AA1690" s="16"/>
    </row>
    <row r="1691" spans="1:27" s="1" customFormat="1" ht="11.1" customHeight="1" outlineLevel="1" x14ac:dyDescent="0.2">
      <c r="A1691" s="16"/>
      <c r="B1691" s="16"/>
      <c r="C1691" s="16"/>
      <c r="D1691" s="16"/>
      <c r="E1691" s="16"/>
      <c r="F1691" s="16"/>
      <c r="G1691" s="16"/>
      <c r="H1691" s="16"/>
      <c r="I1691" s="16"/>
      <c r="J1691" s="16"/>
      <c r="K1691" s="16"/>
      <c r="L1691" s="16"/>
      <c r="M1691" s="16"/>
      <c r="N1691" s="16"/>
      <c r="O1691" s="16"/>
      <c r="P1691" s="16"/>
      <c r="Q1691" s="16"/>
      <c r="R1691" s="16"/>
      <c r="S1691" s="16"/>
      <c r="T1691" s="16"/>
      <c r="U1691" s="16"/>
      <c r="V1691" s="16"/>
      <c r="W1691" s="16"/>
      <c r="X1691" s="16"/>
      <c r="Y1691" s="16"/>
      <c r="Z1691" s="16"/>
      <c r="AA1691" s="16"/>
    </row>
    <row r="1692" spans="1:27" s="1" customFormat="1" ht="11.1" customHeight="1" outlineLevel="2" x14ac:dyDescent="0.2">
      <c r="A1692" s="17">
        <v>14665</v>
      </c>
      <c r="B1692" s="17"/>
      <c r="C1692" s="17"/>
      <c r="D1692" s="18" t="s">
        <v>854</v>
      </c>
      <c r="E1692" s="18"/>
      <c r="F1692" s="18"/>
      <c r="G1692" s="18"/>
      <c r="H1692" s="18"/>
      <c r="I1692" s="18"/>
      <c r="J1692" s="18"/>
      <c r="K1692" s="18"/>
      <c r="L1692" s="18"/>
      <c r="M1692" s="18"/>
      <c r="N1692" s="18"/>
      <c r="O1692" s="18"/>
      <c r="P1692" s="19">
        <v>80</v>
      </c>
      <c r="Q1692" s="19"/>
      <c r="R1692" s="19"/>
      <c r="S1692" s="19"/>
      <c r="T1692" s="19">
        <v>50</v>
      </c>
      <c r="U1692" s="19"/>
      <c r="V1692" s="19"/>
      <c r="W1692" s="19"/>
      <c r="X1692" s="19">
        <v>2</v>
      </c>
      <c r="Y1692" s="19"/>
      <c r="Z1692" s="19"/>
      <c r="AA1692" s="19"/>
    </row>
    <row r="1693" spans="1:27" s="1" customFormat="1" ht="11.1" customHeight="1" outlineLevel="2" x14ac:dyDescent="0.2">
      <c r="A1693" s="17"/>
      <c r="B1693" s="17"/>
      <c r="C1693" s="17"/>
      <c r="D1693" s="18"/>
      <c r="E1693" s="18"/>
      <c r="F1693" s="18"/>
      <c r="G1693" s="18"/>
      <c r="H1693" s="18"/>
      <c r="I1693" s="18"/>
      <c r="J1693" s="18"/>
      <c r="K1693" s="18"/>
      <c r="L1693" s="18"/>
      <c r="M1693" s="18"/>
      <c r="N1693" s="18"/>
      <c r="O1693" s="18"/>
      <c r="P1693" s="19"/>
      <c r="Q1693" s="19"/>
      <c r="R1693" s="19"/>
      <c r="S1693" s="19"/>
      <c r="T1693" s="19"/>
      <c r="U1693" s="19"/>
      <c r="V1693" s="19"/>
      <c r="W1693" s="19"/>
      <c r="X1693" s="19"/>
      <c r="Y1693" s="19"/>
      <c r="Z1693" s="19"/>
      <c r="AA1693" s="19"/>
    </row>
    <row r="1694" spans="1:27" s="1" customFormat="1" ht="11.1" customHeight="1" outlineLevel="2" x14ac:dyDescent="0.2">
      <c r="A1694" s="17">
        <v>9953</v>
      </c>
      <c r="B1694" s="17"/>
      <c r="C1694" s="17"/>
      <c r="D1694" s="18" t="s">
        <v>855</v>
      </c>
      <c r="E1694" s="18"/>
      <c r="F1694" s="18"/>
      <c r="G1694" s="18"/>
      <c r="H1694" s="18"/>
      <c r="I1694" s="18"/>
      <c r="J1694" s="18"/>
      <c r="K1694" s="18"/>
      <c r="L1694" s="18"/>
      <c r="M1694" s="18"/>
      <c r="N1694" s="18"/>
      <c r="O1694" s="18"/>
      <c r="P1694" s="19">
        <v>75</v>
      </c>
      <c r="Q1694" s="19"/>
      <c r="R1694" s="19"/>
      <c r="S1694" s="19"/>
      <c r="T1694" s="19">
        <v>60</v>
      </c>
      <c r="U1694" s="19"/>
      <c r="V1694" s="19"/>
      <c r="W1694" s="19"/>
      <c r="X1694" s="19">
        <v>1</v>
      </c>
      <c r="Y1694" s="19"/>
      <c r="Z1694" s="19"/>
      <c r="AA1694" s="19"/>
    </row>
    <row r="1695" spans="1:27" s="1" customFormat="1" ht="11.1" customHeight="1" outlineLevel="2" x14ac:dyDescent="0.2">
      <c r="A1695" s="17"/>
      <c r="B1695" s="17"/>
      <c r="C1695" s="17"/>
      <c r="D1695" s="18"/>
      <c r="E1695" s="18"/>
      <c r="F1695" s="18"/>
      <c r="G1695" s="18"/>
      <c r="H1695" s="18"/>
      <c r="I1695" s="18"/>
      <c r="J1695" s="18"/>
      <c r="K1695" s="18"/>
      <c r="L1695" s="18"/>
      <c r="M1695" s="18"/>
      <c r="N1695" s="18"/>
      <c r="O1695" s="18"/>
      <c r="P1695" s="19"/>
      <c r="Q1695" s="19"/>
      <c r="R1695" s="19"/>
      <c r="S1695" s="19"/>
      <c r="T1695" s="19"/>
      <c r="U1695" s="19"/>
      <c r="V1695" s="19"/>
      <c r="W1695" s="19"/>
      <c r="X1695" s="19"/>
      <c r="Y1695" s="19"/>
      <c r="Z1695" s="19"/>
      <c r="AA1695" s="19"/>
    </row>
    <row r="1696" spans="1:27" s="1" customFormat="1" ht="11.1" customHeight="1" outlineLevel="2" x14ac:dyDescent="0.2">
      <c r="A1696" s="17">
        <v>11659</v>
      </c>
      <c r="B1696" s="17"/>
      <c r="C1696" s="17"/>
      <c r="D1696" s="18" t="s">
        <v>856</v>
      </c>
      <c r="E1696" s="18"/>
      <c r="F1696" s="18"/>
      <c r="G1696" s="18"/>
      <c r="H1696" s="18"/>
      <c r="I1696" s="18"/>
      <c r="J1696" s="18"/>
      <c r="K1696" s="18"/>
      <c r="L1696" s="18"/>
      <c r="M1696" s="18"/>
      <c r="N1696" s="18"/>
      <c r="O1696" s="18"/>
      <c r="P1696" s="19">
        <v>990</v>
      </c>
      <c r="Q1696" s="19"/>
      <c r="R1696" s="19"/>
      <c r="S1696" s="19"/>
      <c r="T1696" s="19">
        <v>890</v>
      </c>
      <c r="U1696" s="19"/>
      <c r="V1696" s="19"/>
      <c r="W1696" s="19"/>
      <c r="X1696" s="19">
        <v>2</v>
      </c>
      <c r="Y1696" s="19"/>
      <c r="Z1696" s="19"/>
      <c r="AA1696" s="19"/>
    </row>
    <row r="1697" spans="1:27" s="1" customFormat="1" ht="11.1" customHeight="1" outlineLevel="2" x14ac:dyDescent="0.2">
      <c r="A1697" s="17"/>
      <c r="B1697" s="17"/>
      <c r="C1697" s="17"/>
      <c r="D1697" s="18"/>
      <c r="E1697" s="18"/>
      <c r="F1697" s="18"/>
      <c r="G1697" s="18"/>
      <c r="H1697" s="18"/>
      <c r="I1697" s="18"/>
      <c r="J1697" s="18"/>
      <c r="K1697" s="18"/>
      <c r="L1697" s="18"/>
      <c r="M1697" s="18"/>
      <c r="N1697" s="18"/>
      <c r="O1697" s="18"/>
      <c r="P1697" s="19"/>
      <c r="Q1697" s="19"/>
      <c r="R1697" s="19"/>
      <c r="S1697" s="19"/>
      <c r="T1697" s="19"/>
      <c r="U1697" s="19"/>
      <c r="V1697" s="19"/>
      <c r="W1697" s="19"/>
      <c r="X1697" s="19"/>
      <c r="Y1697" s="19"/>
      <c r="Z1697" s="19"/>
      <c r="AA1697" s="19"/>
    </row>
    <row r="1698" spans="1:27" s="1" customFormat="1" ht="11.1" customHeight="1" outlineLevel="2" x14ac:dyDescent="0.2">
      <c r="A1698" s="17">
        <v>14667</v>
      </c>
      <c r="B1698" s="17"/>
      <c r="C1698" s="17"/>
      <c r="D1698" s="18" t="s">
        <v>857</v>
      </c>
      <c r="E1698" s="18"/>
      <c r="F1698" s="18"/>
      <c r="G1698" s="18"/>
      <c r="H1698" s="18"/>
      <c r="I1698" s="18"/>
      <c r="J1698" s="18"/>
      <c r="K1698" s="18"/>
      <c r="L1698" s="18"/>
      <c r="M1698" s="18"/>
      <c r="N1698" s="18"/>
      <c r="O1698" s="18"/>
      <c r="P1698" s="19">
        <v>140</v>
      </c>
      <c r="Q1698" s="19"/>
      <c r="R1698" s="19"/>
      <c r="S1698" s="19"/>
      <c r="T1698" s="19">
        <v>100</v>
      </c>
      <c r="U1698" s="19"/>
      <c r="V1698" s="19"/>
      <c r="W1698" s="19"/>
      <c r="X1698" s="19">
        <v>2</v>
      </c>
      <c r="Y1698" s="19"/>
      <c r="Z1698" s="19"/>
      <c r="AA1698" s="19"/>
    </row>
    <row r="1699" spans="1:27" s="1" customFormat="1" ht="11.1" customHeight="1" outlineLevel="2" x14ac:dyDescent="0.2">
      <c r="A1699" s="17"/>
      <c r="B1699" s="17"/>
      <c r="C1699" s="17"/>
      <c r="D1699" s="18"/>
      <c r="E1699" s="18"/>
      <c r="F1699" s="18"/>
      <c r="G1699" s="18"/>
      <c r="H1699" s="18"/>
      <c r="I1699" s="18"/>
      <c r="J1699" s="18"/>
      <c r="K1699" s="18"/>
      <c r="L1699" s="18"/>
      <c r="M1699" s="18"/>
      <c r="N1699" s="18"/>
      <c r="O1699" s="18"/>
      <c r="P1699" s="19"/>
      <c r="Q1699" s="19"/>
      <c r="R1699" s="19"/>
      <c r="S1699" s="19"/>
      <c r="T1699" s="19"/>
      <c r="U1699" s="19"/>
      <c r="V1699" s="19"/>
      <c r="W1699" s="19"/>
      <c r="X1699" s="19"/>
      <c r="Y1699" s="19"/>
      <c r="Z1699" s="19"/>
      <c r="AA1699" s="19"/>
    </row>
    <row r="1700" spans="1:27" s="1" customFormat="1" ht="11.1" customHeight="1" outlineLevel="2" x14ac:dyDescent="0.2">
      <c r="A1700" s="17">
        <v>9737</v>
      </c>
      <c r="B1700" s="17"/>
      <c r="C1700" s="17"/>
      <c r="D1700" s="18" t="s">
        <v>858</v>
      </c>
      <c r="E1700" s="18"/>
      <c r="F1700" s="18"/>
      <c r="G1700" s="18"/>
      <c r="H1700" s="18"/>
      <c r="I1700" s="18"/>
      <c r="J1700" s="18"/>
      <c r="K1700" s="18"/>
      <c r="L1700" s="18"/>
      <c r="M1700" s="18"/>
      <c r="N1700" s="18"/>
      <c r="O1700" s="18"/>
      <c r="P1700" s="19">
        <v>140</v>
      </c>
      <c r="Q1700" s="19"/>
      <c r="R1700" s="19"/>
      <c r="S1700" s="19"/>
      <c r="T1700" s="19">
        <v>100</v>
      </c>
      <c r="U1700" s="19"/>
      <c r="V1700" s="19"/>
      <c r="W1700" s="19"/>
      <c r="X1700" s="19">
        <v>6</v>
      </c>
      <c r="Y1700" s="19"/>
      <c r="Z1700" s="19"/>
      <c r="AA1700" s="19"/>
    </row>
    <row r="1701" spans="1:27" s="1" customFormat="1" ht="11.1" customHeight="1" outlineLevel="2" x14ac:dyDescent="0.2">
      <c r="A1701" s="17"/>
      <c r="B1701" s="17"/>
      <c r="C1701" s="17"/>
      <c r="D1701" s="18"/>
      <c r="E1701" s="18"/>
      <c r="F1701" s="18"/>
      <c r="G1701" s="18"/>
      <c r="H1701" s="18"/>
      <c r="I1701" s="18"/>
      <c r="J1701" s="18"/>
      <c r="K1701" s="18"/>
      <c r="L1701" s="18"/>
      <c r="M1701" s="18"/>
      <c r="N1701" s="18"/>
      <c r="O1701" s="18"/>
      <c r="P1701" s="19"/>
      <c r="Q1701" s="19"/>
      <c r="R1701" s="19"/>
      <c r="S1701" s="19"/>
      <c r="T1701" s="19"/>
      <c r="U1701" s="19"/>
      <c r="V1701" s="19"/>
      <c r="W1701" s="19"/>
      <c r="X1701" s="19"/>
      <c r="Y1701" s="19"/>
      <c r="Z1701" s="19"/>
      <c r="AA1701" s="19"/>
    </row>
    <row r="1702" spans="1:27" s="1" customFormat="1" ht="14.1" customHeight="1" outlineLevel="2" x14ac:dyDescent="0.2">
      <c r="A1702" s="17">
        <v>11650</v>
      </c>
      <c r="B1702" s="17"/>
      <c r="C1702" s="17"/>
      <c r="D1702" s="18" t="s">
        <v>859</v>
      </c>
      <c r="E1702" s="18"/>
      <c r="F1702" s="18"/>
      <c r="G1702" s="18"/>
      <c r="H1702" s="18"/>
      <c r="I1702" s="18"/>
      <c r="J1702" s="18"/>
      <c r="K1702" s="18"/>
      <c r="L1702" s="18"/>
      <c r="M1702" s="18"/>
      <c r="N1702" s="18"/>
      <c r="O1702" s="18"/>
      <c r="P1702" s="20">
        <v>2100</v>
      </c>
      <c r="Q1702" s="20"/>
      <c r="R1702" s="20"/>
      <c r="S1702" s="20"/>
      <c r="T1702" s="20">
        <v>1900</v>
      </c>
      <c r="U1702" s="20"/>
      <c r="V1702" s="20"/>
      <c r="W1702" s="20"/>
      <c r="X1702" s="19">
        <v>2</v>
      </c>
      <c r="Y1702" s="19"/>
      <c r="Z1702" s="19"/>
      <c r="AA1702" s="19"/>
    </row>
    <row r="1703" spans="1:27" s="1" customFormat="1" ht="14.1" customHeight="1" outlineLevel="2" x14ac:dyDescent="0.2">
      <c r="A1703" s="17"/>
      <c r="B1703" s="17"/>
      <c r="C1703" s="17"/>
      <c r="D1703" s="18"/>
      <c r="E1703" s="18"/>
      <c r="F1703" s="18"/>
      <c r="G1703" s="18"/>
      <c r="H1703" s="18"/>
      <c r="I1703" s="18"/>
      <c r="J1703" s="18"/>
      <c r="K1703" s="18"/>
      <c r="L1703" s="18"/>
      <c r="M1703" s="18"/>
      <c r="N1703" s="18"/>
      <c r="O1703" s="18"/>
      <c r="P1703" s="20"/>
      <c r="Q1703" s="20"/>
      <c r="R1703" s="20"/>
      <c r="S1703" s="20"/>
      <c r="T1703" s="20"/>
      <c r="U1703" s="20"/>
      <c r="V1703" s="20"/>
      <c r="W1703" s="20"/>
      <c r="X1703" s="19"/>
      <c r="Y1703" s="19"/>
      <c r="Z1703" s="19"/>
      <c r="AA1703" s="19"/>
    </row>
    <row r="1704" spans="1:27" s="1" customFormat="1" ht="14.1" customHeight="1" outlineLevel="2" x14ac:dyDescent="0.2">
      <c r="A1704" s="17">
        <v>16284</v>
      </c>
      <c r="B1704" s="17"/>
      <c r="C1704" s="17"/>
      <c r="D1704" s="18" t="s">
        <v>860</v>
      </c>
      <c r="E1704" s="18"/>
      <c r="F1704" s="18"/>
      <c r="G1704" s="18"/>
      <c r="H1704" s="18"/>
      <c r="I1704" s="18"/>
      <c r="J1704" s="18"/>
      <c r="K1704" s="18"/>
      <c r="L1704" s="18"/>
      <c r="M1704" s="18"/>
      <c r="N1704" s="18"/>
      <c r="O1704" s="18"/>
      <c r="P1704" s="20">
        <v>1450</v>
      </c>
      <c r="Q1704" s="20"/>
      <c r="R1704" s="20"/>
      <c r="S1704" s="20"/>
      <c r="T1704" s="19">
        <v>961</v>
      </c>
      <c r="U1704" s="19"/>
      <c r="V1704" s="19"/>
      <c r="W1704" s="19"/>
      <c r="X1704" s="19">
        <v>1</v>
      </c>
      <c r="Y1704" s="19"/>
      <c r="Z1704" s="19"/>
      <c r="AA1704" s="19"/>
    </row>
    <row r="1705" spans="1:27" s="1" customFormat="1" ht="14.1" customHeight="1" outlineLevel="2" x14ac:dyDescent="0.2">
      <c r="A1705" s="17"/>
      <c r="B1705" s="17"/>
      <c r="C1705" s="17"/>
      <c r="D1705" s="18"/>
      <c r="E1705" s="18"/>
      <c r="F1705" s="18"/>
      <c r="G1705" s="18"/>
      <c r="H1705" s="18"/>
      <c r="I1705" s="18"/>
      <c r="J1705" s="18"/>
      <c r="K1705" s="18"/>
      <c r="L1705" s="18"/>
      <c r="M1705" s="18"/>
      <c r="N1705" s="18"/>
      <c r="O1705" s="18"/>
      <c r="P1705" s="20"/>
      <c r="Q1705" s="20"/>
      <c r="R1705" s="20"/>
      <c r="S1705" s="20"/>
      <c r="T1705" s="19"/>
      <c r="U1705" s="19"/>
      <c r="V1705" s="19"/>
      <c r="W1705" s="19"/>
      <c r="X1705" s="19"/>
      <c r="Y1705" s="19"/>
      <c r="Z1705" s="19"/>
      <c r="AA1705" s="19"/>
    </row>
    <row r="1706" spans="1:27" s="1" customFormat="1" ht="14.1" customHeight="1" outlineLevel="2" x14ac:dyDescent="0.2">
      <c r="A1706" s="17">
        <v>11656</v>
      </c>
      <c r="B1706" s="17"/>
      <c r="C1706" s="17"/>
      <c r="D1706" s="18" t="s">
        <v>861</v>
      </c>
      <c r="E1706" s="18"/>
      <c r="F1706" s="18"/>
      <c r="G1706" s="18"/>
      <c r="H1706" s="18"/>
      <c r="I1706" s="18"/>
      <c r="J1706" s="18"/>
      <c r="K1706" s="18"/>
      <c r="L1706" s="18"/>
      <c r="M1706" s="18"/>
      <c r="N1706" s="18"/>
      <c r="O1706" s="18"/>
      <c r="P1706" s="20">
        <v>1030</v>
      </c>
      <c r="Q1706" s="20"/>
      <c r="R1706" s="20"/>
      <c r="S1706" s="20"/>
      <c r="T1706" s="19">
        <v>900</v>
      </c>
      <c r="U1706" s="19"/>
      <c r="V1706" s="19"/>
      <c r="W1706" s="19"/>
      <c r="X1706" s="19">
        <v>7</v>
      </c>
      <c r="Y1706" s="19"/>
      <c r="Z1706" s="19"/>
      <c r="AA1706" s="19"/>
    </row>
    <row r="1707" spans="1:27" s="1" customFormat="1" ht="14.1" customHeight="1" outlineLevel="2" x14ac:dyDescent="0.2">
      <c r="A1707" s="17"/>
      <c r="B1707" s="17"/>
      <c r="C1707" s="17"/>
      <c r="D1707" s="18"/>
      <c r="E1707" s="18"/>
      <c r="F1707" s="18"/>
      <c r="G1707" s="18"/>
      <c r="H1707" s="18"/>
      <c r="I1707" s="18"/>
      <c r="J1707" s="18"/>
      <c r="K1707" s="18"/>
      <c r="L1707" s="18"/>
      <c r="M1707" s="18"/>
      <c r="N1707" s="18"/>
      <c r="O1707" s="18"/>
      <c r="P1707" s="20"/>
      <c r="Q1707" s="20"/>
      <c r="R1707" s="20"/>
      <c r="S1707" s="20"/>
      <c r="T1707" s="19"/>
      <c r="U1707" s="19"/>
      <c r="V1707" s="19"/>
      <c r="W1707" s="19"/>
      <c r="X1707" s="19"/>
      <c r="Y1707" s="19"/>
      <c r="Z1707" s="19"/>
      <c r="AA1707" s="19"/>
    </row>
    <row r="1708" spans="1:27" s="1" customFormat="1" ht="14.1" customHeight="1" outlineLevel="2" x14ac:dyDescent="0.2">
      <c r="A1708" s="17">
        <v>5902</v>
      </c>
      <c r="B1708" s="17"/>
      <c r="C1708" s="17"/>
      <c r="D1708" s="18" t="s">
        <v>862</v>
      </c>
      <c r="E1708" s="18"/>
      <c r="F1708" s="18"/>
      <c r="G1708" s="18"/>
      <c r="H1708" s="18"/>
      <c r="I1708" s="18"/>
      <c r="J1708" s="18"/>
      <c r="K1708" s="18"/>
      <c r="L1708" s="18"/>
      <c r="M1708" s="18"/>
      <c r="N1708" s="18"/>
      <c r="O1708" s="18"/>
      <c r="P1708" s="20">
        <v>1000</v>
      </c>
      <c r="Q1708" s="20"/>
      <c r="R1708" s="20"/>
      <c r="S1708" s="20"/>
      <c r="T1708" s="19">
        <v>900</v>
      </c>
      <c r="U1708" s="19"/>
      <c r="V1708" s="19"/>
      <c r="W1708" s="19"/>
      <c r="X1708" s="19">
        <v>21</v>
      </c>
      <c r="Y1708" s="19"/>
      <c r="Z1708" s="19"/>
      <c r="AA1708" s="19"/>
    </row>
    <row r="1709" spans="1:27" s="1" customFormat="1" ht="14.1" customHeight="1" outlineLevel="2" x14ac:dyDescent="0.2">
      <c r="A1709" s="17"/>
      <c r="B1709" s="17"/>
      <c r="C1709" s="17"/>
      <c r="D1709" s="18"/>
      <c r="E1709" s="18"/>
      <c r="F1709" s="18"/>
      <c r="G1709" s="18"/>
      <c r="H1709" s="18"/>
      <c r="I1709" s="18"/>
      <c r="J1709" s="18"/>
      <c r="K1709" s="18"/>
      <c r="L1709" s="18"/>
      <c r="M1709" s="18"/>
      <c r="N1709" s="18"/>
      <c r="O1709" s="18"/>
      <c r="P1709" s="20"/>
      <c r="Q1709" s="20"/>
      <c r="R1709" s="20"/>
      <c r="S1709" s="20"/>
      <c r="T1709" s="19"/>
      <c r="U1709" s="19"/>
      <c r="V1709" s="19"/>
      <c r="W1709" s="19"/>
      <c r="X1709" s="19"/>
      <c r="Y1709" s="19"/>
      <c r="Z1709" s="19"/>
      <c r="AA1709" s="19"/>
    </row>
    <row r="1710" spans="1:27" s="1" customFormat="1" ht="14.1" customHeight="1" outlineLevel="2" x14ac:dyDescent="0.2">
      <c r="A1710" s="17">
        <v>8317</v>
      </c>
      <c r="B1710" s="17"/>
      <c r="C1710" s="17"/>
      <c r="D1710" s="18" t="s">
        <v>863</v>
      </c>
      <c r="E1710" s="18"/>
      <c r="F1710" s="18"/>
      <c r="G1710" s="18"/>
      <c r="H1710" s="18"/>
      <c r="I1710" s="18"/>
      <c r="J1710" s="18"/>
      <c r="K1710" s="18"/>
      <c r="L1710" s="18"/>
      <c r="M1710" s="18"/>
      <c r="N1710" s="18"/>
      <c r="O1710" s="18"/>
      <c r="P1710" s="20">
        <v>1450</v>
      </c>
      <c r="Q1710" s="20"/>
      <c r="R1710" s="20"/>
      <c r="S1710" s="20"/>
      <c r="T1710" s="19">
        <v>961</v>
      </c>
      <c r="U1710" s="19"/>
      <c r="V1710" s="19"/>
      <c r="W1710" s="19"/>
      <c r="X1710" s="19">
        <v>1</v>
      </c>
      <c r="Y1710" s="19"/>
      <c r="Z1710" s="19"/>
      <c r="AA1710" s="19"/>
    </row>
    <row r="1711" spans="1:27" s="1" customFormat="1" ht="14.1" customHeight="1" outlineLevel="2" x14ac:dyDescent="0.2">
      <c r="A1711" s="17"/>
      <c r="B1711" s="17"/>
      <c r="C1711" s="17"/>
      <c r="D1711" s="18"/>
      <c r="E1711" s="18"/>
      <c r="F1711" s="18"/>
      <c r="G1711" s="18"/>
      <c r="H1711" s="18"/>
      <c r="I1711" s="18"/>
      <c r="J1711" s="18"/>
      <c r="K1711" s="18"/>
      <c r="L1711" s="18"/>
      <c r="M1711" s="18"/>
      <c r="N1711" s="18"/>
      <c r="O1711" s="18"/>
      <c r="P1711" s="20"/>
      <c r="Q1711" s="20"/>
      <c r="R1711" s="20"/>
      <c r="S1711" s="20"/>
      <c r="T1711" s="19"/>
      <c r="U1711" s="19"/>
      <c r="V1711" s="19"/>
      <c r="W1711" s="19"/>
      <c r="X1711" s="19"/>
      <c r="Y1711" s="19"/>
      <c r="Z1711" s="19"/>
      <c r="AA1711" s="19"/>
    </row>
    <row r="1712" spans="1:27" s="1" customFormat="1" ht="14.1" customHeight="1" outlineLevel="2" x14ac:dyDescent="0.2">
      <c r="A1712" s="17">
        <v>9848</v>
      </c>
      <c r="B1712" s="17"/>
      <c r="C1712" s="17"/>
      <c r="D1712" s="18" t="s">
        <v>864</v>
      </c>
      <c r="E1712" s="18"/>
      <c r="F1712" s="18"/>
      <c r="G1712" s="18"/>
      <c r="H1712" s="18"/>
      <c r="I1712" s="18"/>
      <c r="J1712" s="18"/>
      <c r="K1712" s="18"/>
      <c r="L1712" s="18"/>
      <c r="M1712" s="18"/>
      <c r="N1712" s="18"/>
      <c r="O1712" s="18"/>
      <c r="P1712" s="20">
        <v>2500</v>
      </c>
      <c r="Q1712" s="20"/>
      <c r="R1712" s="20"/>
      <c r="S1712" s="20"/>
      <c r="T1712" s="20">
        <v>2000</v>
      </c>
      <c r="U1712" s="20"/>
      <c r="V1712" s="20"/>
      <c r="W1712" s="20"/>
      <c r="X1712" s="19">
        <v>3</v>
      </c>
      <c r="Y1712" s="19"/>
      <c r="Z1712" s="19"/>
      <c r="AA1712" s="19"/>
    </row>
    <row r="1713" spans="1:27" s="1" customFormat="1" ht="14.1" customHeight="1" outlineLevel="2" x14ac:dyDescent="0.2">
      <c r="A1713" s="17"/>
      <c r="B1713" s="17"/>
      <c r="C1713" s="17"/>
      <c r="D1713" s="18"/>
      <c r="E1713" s="18"/>
      <c r="F1713" s="18"/>
      <c r="G1713" s="18"/>
      <c r="H1713" s="18"/>
      <c r="I1713" s="18"/>
      <c r="J1713" s="18"/>
      <c r="K1713" s="18"/>
      <c r="L1713" s="18"/>
      <c r="M1713" s="18"/>
      <c r="N1713" s="18"/>
      <c r="O1713" s="18"/>
      <c r="P1713" s="20"/>
      <c r="Q1713" s="20"/>
      <c r="R1713" s="20"/>
      <c r="S1713" s="20"/>
      <c r="T1713" s="20"/>
      <c r="U1713" s="20"/>
      <c r="V1713" s="20"/>
      <c r="W1713" s="20"/>
      <c r="X1713" s="19"/>
      <c r="Y1713" s="19"/>
      <c r="Z1713" s="19"/>
      <c r="AA1713" s="19"/>
    </row>
    <row r="1714" spans="1:27" s="1" customFormat="1" ht="14.1" customHeight="1" outlineLevel="2" x14ac:dyDescent="0.2">
      <c r="A1714" s="17">
        <v>14094</v>
      </c>
      <c r="B1714" s="17"/>
      <c r="C1714" s="17"/>
      <c r="D1714" s="18" t="s">
        <v>865</v>
      </c>
      <c r="E1714" s="18"/>
      <c r="F1714" s="18"/>
      <c r="G1714" s="18"/>
      <c r="H1714" s="18"/>
      <c r="I1714" s="18"/>
      <c r="J1714" s="18"/>
      <c r="K1714" s="18"/>
      <c r="L1714" s="18"/>
      <c r="M1714" s="18"/>
      <c r="N1714" s="18"/>
      <c r="O1714" s="18"/>
      <c r="P1714" s="19">
        <v>225</v>
      </c>
      <c r="Q1714" s="19"/>
      <c r="R1714" s="19"/>
      <c r="S1714" s="19"/>
      <c r="T1714" s="19">
        <v>190</v>
      </c>
      <c r="U1714" s="19"/>
      <c r="V1714" s="19"/>
      <c r="W1714" s="19"/>
      <c r="X1714" s="19">
        <v>14</v>
      </c>
      <c r="Y1714" s="19"/>
      <c r="Z1714" s="19"/>
      <c r="AA1714" s="19"/>
    </row>
    <row r="1715" spans="1:27" s="1" customFormat="1" ht="14.1" customHeight="1" outlineLevel="2" x14ac:dyDescent="0.2">
      <c r="A1715" s="17"/>
      <c r="B1715" s="17"/>
      <c r="C1715" s="17"/>
      <c r="D1715" s="18"/>
      <c r="E1715" s="18"/>
      <c r="F1715" s="18"/>
      <c r="G1715" s="18"/>
      <c r="H1715" s="18"/>
      <c r="I1715" s="18"/>
      <c r="J1715" s="18"/>
      <c r="K1715" s="18"/>
      <c r="L1715" s="18"/>
      <c r="M1715" s="18"/>
      <c r="N1715" s="18"/>
      <c r="O1715" s="18"/>
      <c r="P1715" s="19"/>
      <c r="Q1715" s="19"/>
      <c r="R1715" s="19"/>
      <c r="S1715" s="19"/>
      <c r="T1715" s="19"/>
      <c r="U1715" s="19"/>
      <c r="V1715" s="19"/>
      <c r="W1715" s="19"/>
      <c r="X1715" s="19"/>
      <c r="Y1715" s="19"/>
      <c r="Z1715" s="19"/>
      <c r="AA1715" s="19"/>
    </row>
    <row r="1716" spans="1:27" s="1" customFormat="1" ht="14.1" customHeight="1" outlineLevel="2" x14ac:dyDescent="0.2">
      <c r="A1716" s="17">
        <v>11084</v>
      </c>
      <c r="B1716" s="17"/>
      <c r="C1716" s="17"/>
      <c r="D1716" s="18" t="s">
        <v>866</v>
      </c>
      <c r="E1716" s="18"/>
      <c r="F1716" s="18"/>
      <c r="G1716" s="18"/>
      <c r="H1716" s="18"/>
      <c r="I1716" s="18"/>
      <c r="J1716" s="18"/>
      <c r="K1716" s="18"/>
      <c r="L1716" s="18"/>
      <c r="M1716" s="18"/>
      <c r="N1716" s="18"/>
      <c r="O1716" s="18"/>
      <c r="P1716" s="19">
        <v>250</v>
      </c>
      <c r="Q1716" s="19"/>
      <c r="R1716" s="19"/>
      <c r="S1716" s="19"/>
      <c r="T1716" s="19">
        <v>210</v>
      </c>
      <c r="U1716" s="19"/>
      <c r="V1716" s="19"/>
      <c r="W1716" s="19"/>
      <c r="X1716" s="19">
        <v>22</v>
      </c>
      <c r="Y1716" s="19"/>
      <c r="Z1716" s="19"/>
      <c r="AA1716" s="19"/>
    </row>
    <row r="1717" spans="1:27" s="1" customFormat="1" ht="14.1" customHeight="1" outlineLevel="2" x14ac:dyDescent="0.2">
      <c r="A1717" s="17"/>
      <c r="B1717" s="17"/>
      <c r="C1717" s="17"/>
      <c r="D1717" s="18"/>
      <c r="E1717" s="18"/>
      <c r="F1717" s="18"/>
      <c r="G1717" s="18"/>
      <c r="H1717" s="18"/>
      <c r="I1717" s="18"/>
      <c r="J1717" s="18"/>
      <c r="K1717" s="18"/>
      <c r="L1717" s="18"/>
      <c r="M1717" s="18"/>
      <c r="N1717" s="18"/>
      <c r="O1717" s="18"/>
      <c r="P1717" s="19"/>
      <c r="Q1717" s="19"/>
      <c r="R1717" s="19"/>
      <c r="S1717" s="19"/>
      <c r="T1717" s="19"/>
      <c r="U1717" s="19"/>
      <c r="V1717" s="19"/>
      <c r="W1717" s="19"/>
      <c r="X1717" s="19"/>
      <c r="Y1717" s="19"/>
      <c r="Z1717" s="19"/>
      <c r="AA1717" s="19"/>
    </row>
    <row r="1718" spans="1:27" s="1" customFormat="1" ht="14.1" customHeight="1" outlineLevel="2" x14ac:dyDescent="0.2">
      <c r="A1718" s="17">
        <v>14095</v>
      </c>
      <c r="B1718" s="17"/>
      <c r="C1718" s="17"/>
      <c r="D1718" s="18" t="s">
        <v>867</v>
      </c>
      <c r="E1718" s="18"/>
      <c r="F1718" s="18"/>
      <c r="G1718" s="18"/>
      <c r="H1718" s="18"/>
      <c r="I1718" s="18"/>
      <c r="J1718" s="18"/>
      <c r="K1718" s="18"/>
      <c r="L1718" s="18"/>
      <c r="M1718" s="18"/>
      <c r="N1718" s="18"/>
      <c r="O1718" s="18"/>
      <c r="P1718" s="19">
        <v>225</v>
      </c>
      <c r="Q1718" s="19"/>
      <c r="R1718" s="19"/>
      <c r="S1718" s="19"/>
      <c r="T1718" s="19">
        <v>190</v>
      </c>
      <c r="U1718" s="19"/>
      <c r="V1718" s="19"/>
      <c r="W1718" s="19"/>
      <c r="X1718" s="19">
        <v>16</v>
      </c>
      <c r="Y1718" s="19"/>
      <c r="Z1718" s="19"/>
      <c r="AA1718" s="19"/>
    </row>
    <row r="1719" spans="1:27" s="1" customFormat="1" ht="14.1" customHeight="1" outlineLevel="2" x14ac:dyDescent="0.2">
      <c r="A1719" s="17"/>
      <c r="B1719" s="17"/>
      <c r="C1719" s="17"/>
      <c r="D1719" s="18"/>
      <c r="E1719" s="18"/>
      <c r="F1719" s="18"/>
      <c r="G1719" s="18"/>
      <c r="H1719" s="18"/>
      <c r="I1719" s="18"/>
      <c r="J1719" s="18"/>
      <c r="K1719" s="18"/>
      <c r="L1719" s="18"/>
      <c r="M1719" s="18"/>
      <c r="N1719" s="18"/>
      <c r="O1719" s="18"/>
      <c r="P1719" s="19"/>
      <c r="Q1719" s="19"/>
      <c r="R1719" s="19"/>
      <c r="S1719" s="19"/>
      <c r="T1719" s="19"/>
      <c r="U1719" s="19"/>
      <c r="V1719" s="19"/>
      <c r="W1719" s="19"/>
      <c r="X1719" s="19"/>
      <c r="Y1719" s="19"/>
      <c r="Z1719" s="19"/>
      <c r="AA1719" s="19"/>
    </row>
    <row r="1720" spans="1:27" s="1" customFormat="1" ht="14.1" customHeight="1" outlineLevel="2" x14ac:dyDescent="0.2">
      <c r="A1720" s="17">
        <v>11083</v>
      </c>
      <c r="B1720" s="17"/>
      <c r="C1720" s="17"/>
      <c r="D1720" s="18" t="s">
        <v>868</v>
      </c>
      <c r="E1720" s="18"/>
      <c r="F1720" s="18"/>
      <c r="G1720" s="18"/>
      <c r="H1720" s="18"/>
      <c r="I1720" s="18"/>
      <c r="J1720" s="18"/>
      <c r="K1720" s="18"/>
      <c r="L1720" s="18"/>
      <c r="M1720" s="18"/>
      <c r="N1720" s="18"/>
      <c r="O1720" s="18"/>
      <c r="P1720" s="19">
        <v>250</v>
      </c>
      <c r="Q1720" s="19"/>
      <c r="R1720" s="19"/>
      <c r="S1720" s="19"/>
      <c r="T1720" s="19">
        <v>210</v>
      </c>
      <c r="U1720" s="19"/>
      <c r="V1720" s="19"/>
      <c r="W1720" s="19"/>
      <c r="X1720" s="19">
        <v>14</v>
      </c>
      <c r="Y1720" s="19"/>
      <c r="Z1720" s="19"/>
      <c r="AA1720" s="19"/>
    </row>
    <row r="1721" spans="1:27" s="1" customFormat="1" ht="14.1" customHeight="1" outlineLevel="2" x14ac:dyDescent="0.2">
      <c r="A1721" s="17"/>
      <c r="B1721" s="17"/>
      <c r="C1721" s="17"/>
      <c r="D1721" s="18"/>
      <c r="E1721" s="18"/>
      <c r="F1721" s="18"/>
      <c r="G1721" s="18"/>
      <c r="H1721" s="18"/>
      <c r="I1721" s="18"/>
      <c r="J1721" s="18"/>
      <c r="K1721" s="18"/>
      <c r="L1721" s="18"/>
      <c r="M1721" s="18"/>
      <c r="N1721" s="18"/>
      <c r="O1721" s="18"/>
      <c r="P1721" s="19"/>
      <c r="Q1721" s="19"/>
      <c r="R1721" s="19"/>
      <c r="S1721" s="19"/>
      <c r="T1721" s="19"/>
      <c r="U1721" s="19"/>
      <c r="V1721" s="19"/>
      <c r="W1721" s="19"/>
      <c r="X1721" s="19"/>
      <c r="Y1721" s="19"/>
      <c r="Z1721" s="19"/>
      <c r="AA1721" s="19"/>
    </row>
    <row r="1722" spans="1:27" s="1" customFormat="1" ht="14.1" customHeight="1" outlineLevel="2" x14ac:dyDescent="0.2">
      <c r="A1722" s="17">
        <v>14096</v>
      </c>
      <c r="B1722" s="17"/>
      <c r="C1722" s="17"/>
      <c r="D1722" s="18" t="s">
        <v>869</v>
      </c>
      <c r="E1722" s="18"/>
      <c r="F1722" s="18"/>
      <c r="G1722" s="18"/>
      <c r="H1722" s="18"/>
      <c r="I1722" s="18"/>
      <c r="J1722" s="18"/>
      <c r="K1722" s="18"/>
      <c r="L1722" s="18"/>
      <c r="M1722" s="18"/>
      <c r="N1722" s="18"/>
      <c r="O1722" s="18"/>
      <c r="P1722" s="19">
        <v>225</v>
      </c>
      <c r="Q1722" s="19"/>
      <c r="R1722" s="19"/>
      <c r="S1722" s="19"/>
      <c r="T1722" s="19">
        <v>190</v>
      </c>
      <c r="U1722" s="19"/>
      <c r="V1722" s="19"/>
      <c r="W1722" s="19"/>
      <c r="X1722" s="19">
        <v>15</v>
      </c>
      <c r="Y1722" s="19"/>
      <c r="Z1722" s="19"/>
      <c r="AA1722" s="19"/>
    </row>
    <row r="1723" spans="1:27" s="1" customFormat="1" ht="14.1" customHeight="1" outlineLevel="2" x14ac:dyDescent="0.2">
      <c r="A1723" s="17"/>
      <c r="B1723" s="17"/>
      <c r="C1723" s="17"/>
      <c r="D1723" s="18"/>
      <c r="E1723" s="18"/>
      <c r="F1723" s="18"/>
      <c r="G1723" s="18"/>
      <c r="H1723" s="18"/>
      <c r="I1723" s="18"/>
      <c r="J1723" s="18"/>
      <c r="K1723" s="18"/>
      <c r="L1723" s="18"/>
      <c r="M1723" s="18"/>
      <c r="N1723" s="18"/>
      <c r="O1723" s="18"/>
      <c r="P1723" s="19"/>
      <c r="Q1723" s="19"/>
      <c r="R1723" s="19"/>
      <c r="S1723" s="19"/>
      <c r="T1723" s="19"/>
      <c r="U1723" s="19"/>
      <c r="V1723" s="19"/>
      <c r="W1723" s="19"/>
      <c r="X1723" s="19"/>
      <c r="Y1723" s="19"/>
      <c r="Z1723" s="19"/>
      <c r="AA1723" s="19"/>
    </row>
    <row r="1724" spans="1:27" s="1" customFormat="1" ht="14.1" customHeight="1" outlineLevel="2" x14ac:dyDescent="0.2">
      <c r="A1724" s="17">
        <v>11080</v>
      </c>
      <c r="B1724" s="17"/>
      <c r="C1724" s="17"/>
      <c r="D1724" s="18" t="s">
        <v>870</v>
      </c>
      <c r="E1724" s="18"/>
      <c r="F1724" s="18"/>
      <c r="G1724" s="18"/>
      <c r="H1724" s="18"/>
      <c r="I1724" s="18"/>
      <c r="J1724" s="18"/>
      <c r="K1724" s="18"/>
      <c r="L1724" s="18"/>
      <c r="M1724" s="18"/>
      <c r="N1724" s="18"/>
      <c r="O1724" s="18"/>
      <c r="P1724" s="19">
        <v>250</v>
      </c>
      <c r="Q1724" s="19"/>
      <c r="R1724" s="19"/>
      <c r="S1724" s="19"/>
      <c r="T1724" s="19">
        <v>210</v>
      </c>
      <c r="U1724" s="19"/>
      <c r="V1724" s="19"/>
      <c r="W1724" s="19"/>
      <c r="X1724" s="19">
        <v>19</v>
      </c>
      <c r="Y1724" s="19"/>
      <c r="Z1724" s="19"/>
      <c r="AA1724" s="19"/>
    </row>
    <row r="1725" spans="1:27" s="1" customFormat="1" ht="14.1" customHeight="1" outlineLevel="2" x14ac:dyDescent="0.2">
      <c r="A1725" s="17"/>
      <c r="B1725" s="17"/>
      <c r="C1725" s="17"/>
      <c r="D1725" s="18"/>
      <c r="E1725" s="18"/>
      <c r="F1725" s="18"/>
      <c r="G1725" s="18"/>
      <c r="H1725" s="18"/>
      <c r="I1725" s="18"/>
      <c r="J1725" s="18"/>
      <c r="K1725" s="18"/>
      <c r="L1725" s="18"/>
      <c r="M1725" s="18"/>
      <c r="N1725" s="18"/>
      <c r="O1725" s="18"/>
      <c r="P1725" s="19"/>
      <c r="Q1725" s="19"/>
      <c r="R1725" s="19"/>
      <c r="S1725" s="19"/>
      <c r="T1725" s="19"/>
      <c r="U1725" s="19"/>
      <c r="V1725" s="19"/>
      <c r="W1725" s="19"/>
      <c r="X1725" s="19"/>
      <c r="Y1725" s="19"/>
      <c r="Z1725" s="19"/>
      <c r="AA1725" s="19"/>
    </row>
    <row r="1726" spans="1:27" s="1" customFormat="1" ht="14.1" customHeight="1" outlineLevel="2" x14ac:dyDescent="0.2">
      <c r="A1726" s="17">
        <v>14097</v>
      </c>
      <c r="B1726" s="17"/>
      <c r="C1726" s="17"/>
      <c r="D1726" s="18" t="s">
        <v>871</v>
      </c>
      <c r="E1726" s="18"/>
      <c r="F1726" s="18"/>
      <c r="G1726" s="18"/>
      <c r="H1726" s="18"/>
      <c r="I1726" s="18"/>
      <c r="J1726" s="18"/>
      <c r="K1726" s="18"/>
      <c r="L1726" s="18"/>
      <c r="M1726" s="18"/>
      <c r="N1726" s="18"/>
      <c r="O1726" s="18"/>
      <c r="P1726" s="19">
        <v>225</v>
      </c>
      <c r="Q1726" s="19"/>
      <c r="R1726" s="19"/>
      <c r="S1726" s="19"/>
      <c r="T1726" s="19">
        <v>190</v>
      </c>
      <c r="U1726" s="19"/>
      <c r="V1726" s="19"/>
      <c r="W1726" s="19"/>
      <c r="X1726" s="19">
        <v>12</v>
      </c>
      <c r="Y1726" s="19"/>
      <c r="Z1726" s="19"/>
      <c r="AA1726" s="19"/>
    </row>
    <row r="1727" spans="1:27" s="1" customFormat="1" ht="14.1" customHeight="1" outlineLevel="2" x14ac:dyDescent="0.2">
      <c r="A1727" s="17"/>
      <c r="B1727" s="17"/>
      <c r="C1727" s="17"/>
      <c r="D1727" s="18"/>
      <c r="E1727" s="18"/>
      <c r="F1727" s="18"/>
      <c r="G1727" s="18"/>
      <c r="H1727" s="18"/>
      <c r="I1727" s="18"/>
      <c r="J1727" s="18"/>
      <c r="K1727" s="18"/>
      <c r="L1727" s="18"/>
      <c r="M1727" s="18"/>
      <c r="N1727" s="18"/>
      <c r="O1727" s="18"/>
      <c r="P1727" s="19"/>
      <c r="Q1727" s="19"/>
      <c r="R1727" s="19"/>
      <c r="S1727" s="19"/>
      <c r="T1727" s="19"/>
      <c r="U1727" s="19"/>
      <c r="V1727" s="19"/>
      <c r="W1727" s="19"/>
      <c r="X1727" s="19"/>
      <c r="Y1727" s="19"/>
      <c r="Z1727" s="19"/>
      <c r="AA1727" s="19"/>
    </row>
    <row r="1728" spans="1:27" s="1" customFormat="1" ht="14.1" customHeight="1" outlineLevel="2" x14ac:dyDescent="0.2">
      <c r="A1728" s="17">
        <v>11082</v>
      </c>
      <c r="B1728" s="17"/>
      <c r="C1728" s="17"/>
      <c r="D1728" s="18" t="s">
        <v>872</v>
      </c>
      <c r="E1728" s="18"/>
      <c r="F1728" s="18"/>
      <c r="G1728" s="18"/>
      <c r="H1728" s="18"/>
      <c r="I1728" s="18"/>
      <c r="J1728" s="18"/>
      <c r="K1728" s="18"/>
      <c r="L1728" s="18"/>
      <c r="M1728" s="18"/>
      <c r="N1728" s="18"/>
      <c r="O1728" s="18"/>
      <c r="P1728" s="19">
        <v>250</v>
      </c>
      <c r="Q1728" s="19"/>
      <c r="R1728" s="19"/>
      <c r="S1728" s="19"/>
      <c r="T1728" s="19">
        <v>210</v>
      </c>
      <c r="U1728" s="19"/>
      <c r="V1728" s="19"/>
      <c r="W1728" s="19"/>
      <c r="X1728" s="19">
        <v>12</v>
      </c>
      <c r="Y1728" s="19"/>
      <c r="Z1728" s="19"/>
      <c r="AA1728" s="19"/>
    </row>
    <row r="1729" spans="1:27" s="1" customFormat="1" ht="14.1" customHeight="1" outlineLevel="2" x14ac:dyDescent="0.2">
      <c r="A1729" s="17"/>
      <c r="B1729" s="17"/>
      <c r="C1729" s="17"/>
      <c r="D1729" s="18"/>
      <c r="E1729" s="18"/>
      <c r="F1729" s="18"/>
      <c r="G1729" s="18"/>
      <c r="H1729" s="18"/>
      <c r="I1729" s="18"/>
      <c r="J1729" s="18"/>
      <c r="K1729" s="18"/>
      <c r="L1729" s="18"/>
      <c r="M1729" s="18"/>
      <c r="N1729" s="18"/>
      <c r="O1729" s="18"/>
      <c r="P1729" s="19"/>
      <c r="Q1729" s="19"/>
      <c r="R1729" s="19"/>
      <c r="S1729" s="19"/>
      <c r="T1729" s="19"/>
      <c r="U1729" s="19"/>
      <c r="V1729" s="19"/>
      <c r="W1729" s="19"/>
      <c r="X1729" s="19"/>
      <c r="Y1729" s="19"/>
      <c r="Z1729" s="19"/>
      <c r="AA1729" s="19"/>
    </row>
    <row r="1730" spans="1:27" s="1" customFormat="1" ht="11.1" customHeight="1" outlineLevel="2" x14ac:dyDescent="0.2">
      <c r="A1730" s="17">
        <v>11079</v>
      </c>
      <c r="B1730" s="17"/>
      <c r="C1730" s="17"/>
      <c r="D1730" s="18" t="s">
        <v>873</v>
      </c>
      <c r="E1730" s="18"/>
      <c r="F1730" s="18"/>
      <c r="G1730" s="18"/>
      <c r="H1730" s="18"/>
      <c r="I1730" s="18"/>
      <c r="J1730" s="18"/>
      <c r="K1730" s="18"/>
      <c r="L1730" s="18"/>
      <c r="M1730" s="18"/>
      <c r="N1730" s="18"/>
      <c r="O1730" s="18"/>
      <c r="P1730" s="19">
        <v>220</v>
      </c>
      <c r="Q1730" s="19"/>
      <c r="R1730" s="19"/>
      <c r="S1730" s="19"/>
      <c r="T1730" s="19">
        <v>190</v>
      </c>
      <c r="U1730" s="19"/>
      <c r="V1730" s="19"/>
      <c r="W1730" s="19"/>
      <c r="X1730" s="19">
        <v>10</v>
      </c>
      <c r="Y1730" s="19"/>
      <c r="Z1730" s="19"/>
      <c r="AA1730" s="19"/>
    </row>
    <row r="1731" spans="1:27" s="1" customFormat="1" ht="11.1" customHeight="1" outlineLevel="2" x14ac:dyDescent="0.2">
      <c r="A1731" s="17"/>
      <c r="B1731" s="17"/>
      <c r="C1731" s="17"/>
      <c r="D1731" s="18"/>
      <c r="E1731" s="18"/>
      <c r="F1731" s="18"/>
      <c r="G1731" s="18"/>
      <c r="H1731" s="18"/>
      <c r="I1731" s="18"/>
      <c r="J1731" s="18"/>
      <c r="K1731" s="18"/>
      <c r="L1731" s="18"/>
      <c r="M1731" s="18"/>
      <c r="N1731" s="18"/>
      <c r="O1731" s="18"/>
      <c r="P1731" s="19"/>
      <c r="Q1731" s="19"/>
      <c r="R1731" s="19"/>
      <c r="S1731" s="19"/>
      <c r="T1731" s="19"/>
      <c r="U1731" s="19"/>
      <c r="V1731" s="19"/>
      <c r="W1731" s="19"/>
      <c r="X1731" s="19"/>
      <c r="Y1731" s="19"/>
      <c r="Z1731" s="19"/>
      <c r="AA1731" s="19"/>
    </row>
    <row r="1732" spans="1:27" s="1" customFormat="1" ht="11.1" customHeight="1" outlineLevel="2" x14ac:dyDescent="0.2">
      <c r="A1732" s="17">
        <v>11078</v>
      </c>
      <c r="B1732" s="17"/>
      <c r="C1732" s="17"/>
      <c r="D1732" s="18" t="s">
        <v>874</v>
      </c>
      <c r="E1732" s="18"/>
      <c r="F1732" s="18"/>
      <c r="G1732" s="18"/>
      <c r="H1732" s="18"/>
      <c r="I1732" s="18"/>
      <c r="J1732" s="18"/>
      <c r="K1732" s="18"/>
      <c r="L1732" s="18"/>
      <c r="M1732" s="18"/>
      <c r="N1732" s="18"/>
      <c r="O1732" s="18"/>
      <c r="P1732" s="19">
        <v>220</v>
      </c>
      <c r="Q1732" s="19"/>
      <c r="R1732" s="19"/>
      <c r="S1732" s="19"/>
      <c r="T1732" s="19">
        <v>190</v>
      </c>
      <c r="U1732" s="19"/>
      <c r="V1732" s="19"/>
      <c r="W1732" s="19"/>
      <c r="X1732" s="19">
        <v>6</v>
      </c>
      <c r="Y1732" s="19"/>
      <c r="Z1732" s="19"/>
      <c r="AA1732" s="19"/>
    </row>
    <row r="1733" spans="1:27" s="1" customFormat="1" ht="11.1" customHeight="1" outlineLevel="2" x14ac:dyDescent="0.2">
      <c r="A1733" s="17"/>
      <c r="B1733" s="17"/>
      <c r="C1733" s="17"/>
      <c r="D1733" s="18"/>
      <c r="E1733" s="18"/>
      <c r="F1733" s="18"/>
      <c r="G1733" s="18"/>
      <c r="H1733" s="18"/>
      <c r="I1733" s="18"/>
      <c r="J1733" s="18"/>
      <c r="K1733" s="18"/>
      <c r="L1733" s="18"/>
      <c r="M1733" s="18"/>
      <c r="N1733" s="18"/>
      <c r="O1733" s="18"/>
      <c r="P1733" s="19"/>
      <c r="Q1733" s="19"/>
      <c r="R1733" s="19"/>
      <c r="S1733" s="19"/>
      <c r="T1733" s="19"/>
      <c r="U1733" s="19"/>
      <c r="V1733" s="19"/>
      <c r="W1733" s="19"/>
      <c r="X1733" s="19"/>
      <c r="Y1733" s="19"/>
      <c r="Z1733" s="19"/>
      <c r="AA1733" s="19"/>
    </row>
    <row r="1734" spans="1:27" s="1" customFormat="1" ht="11.1" customHeight="1" outlineLevel="2" x14ac:dyDescent="0.2">
      <c r="A1734" s="17">
        <v>9517</v>
      </c>
      <c r="B1734" s="17"/>
      <c r="C1734" s="17"/>
      <c r="D1734" s="18" t="s">
        <v>875</v>
      </c>
      <c r="E1734" s="18"/>
      <c r="F1734" s="18"/>
      <c r="G1734" s="18"/>
      <c r="H1734" s="18"/>
      <c r="I1734" s="18"/>
      <c r="J1734" s="18"/>
      <c r="K1734" s="18"/>
      <c r="L1734" s="18"/>
      <c r="M1734" s="18"/>
      <c r="N1734" s="18"/>
      <c r="O1734" s="18"/>
      <c r="P1734" s="19">
        <v>220</v>
      </c>
      <c r="Q1734" s="19"/>
      <c r="R1734" s="19"/>
      <c r="S1734" s="19"/>
      <c r="T1734" s="19">
        <v>190</v>
      </c>
      <c r="U1734" s="19"/>
      <c r="V1734" s="19"/>
      <c r="W1734" s="19"/>
      <c r="X1734" s="19">
        <v>11</v>
      </c>
      <c r="Y1734" s="19"/>
      <c r="Z1734" s="19"/>
      <c r="AA1734" s="19"/>
    </row>
    <row r="1735" spans="1:27" s="1" customFormat="1" ht="11.1" customHeight="1" outlineLevel="2" x14ac:dyDescent="0.2">
      <c r="A1735" s="17"/>
      <c r="B1735" s="17"/>
      <c r="C1735" s="17"/>
      <c r="D1735" s="18"/>
      <c r="E1735" s="18"/>
      <c r="F1735" s="18"/>
      <c r="G1735" s="18"/>
      <c r="H1735" s="18"/>
      <c r="I1735" s="18"/>
      <c r="J1735" s="18"/>
      <c r="K1735" s="18"/>
      <c r="L1735" s="18"/>
      <c r="M1735" s="18"/>
      <c r="N1735" s="18"/>
      <c r="O1735" s="18"/>
      <c r="P1735" s="19"/>
      <c r="Q1735" s="19"/>
      <c r="R1735" s="19"/>
      <c r="S1735" s="19"/>
      <c r="T1735" s="19"/>
      <c r="U1735" s="19"/>
      <c r="V1735" s="19"/>
      <c r="W1735" s="19"/>
      <c r="X1735" s="19"/>
      <c r="Y1735" s="19"/>
      <c r="Z1735" s="19"/>
      <c r="AA1735" s="19"/>
    </row>
    <row r="1736" spans="1:27" s="1" customFormat="1" ht="11.1" customHeight="1" outlineLevel="2" x14ac:dyDescent="0.2">
      <c r="A1736" s="17">
        <v>11081</v>
      </c>
      <c r="B1736" s="17"/>
      <c r="C1736" s="17"/>
      <c r="D1736" s="18" t="s">
        <v>876</v>
      </c>
      <c r="E1736" s="18"/>
      <c r="F1736" s="18"/>
      <c r="G1736" s="18"/>
      <c r="H1736" s="18"/>
      <c r="I1736" s="18"/>
      <c r="J1736" s="18"/>
      <c r="K1736" s="18"/>
      <c r="L1736" s="18"/>
      <c r="M1736" s="18"/>
      <c r="N1736" s="18"/>
      <c r="O1736" s="18"/>
      <c r="P1736" s="19">
        <v>220</v>
      </c>
      <c r="Q1736" s="19"/>
      <c r="R1736" s="19"/>
      <c r="S1736" s="19"/>
      <c r="T1736" s="19">
        <v>190</v>
      </c>
      <c r="U1736" s="19"/>
      <c r="V1736" s="19"/>
      <c r="W1736" s="19"/>
      <c r="X1736" s="19">
        <v>9</v>
      </c>
      <c r="Y1736" s="19"/>
      <c r="Z1736" s="19"/>
      <c r="AA1736" s="19"/>
    </row>
    <row r="1737" spans="1:27" s="1" customFormat="1" ht="11.1" customHeight="1" outlineLevel="2" x14ac:dyDescent="0.2">
      <c r="A1737" s="17"/>
      <c r="B1737" s="17"/>
      <c r="C1737" s="17"/>
      <c r="D1737" s="18"/>
      <c r="E1737" s="18"/>
      <c r="F1737" s="18"/>
      <c r="G1737" s="18"/>
      <c r="H1737" s="18"/>
      <c r="I1737" s="18"/>
      <c r="J1737" s="18"/>
      <c r="K1737" s="18"/>
      <c r="L1737" s="18"/>
      <c r="M1737" s="18"/>
      <c r="N1737" s="18"/>
      <c r="O1737" s="18"/>
      <c r="P1737" s="19"/>
      <c r="Q1737" s="19"/>
      <c r="R1737" s="19"/>
      <c r="S1737" s="19"/>
      <c r="T1737" s="19"/>
      <c r="U1737" s="19"/>
      <c r="V1737" s="19"/>
      <c r="W1737" s="19"/>
      <c r="X1737" s="19"/>
      <c r="Y1737" s="19"/>
      <c r="Z1737" s="19"/>
      <c r="AA1737" s="19"/>
    </row>
    <row r="1738" spans="1:27" s="1" customFormat="1" ht="14.1" customHeight="1" outlineLevel="2" x14ac:dyDescent="0.2">
      <c r="A1738" s="17">
        <v>11076</v>
      </c>
      <c r="B1738" s="17"/>
      <c r="C1738" s="17"/>
      <c r="D1738" s="18" t="s">
        <v>877</v>
      </c>
      <c r="E1738" s="18"/>
      <c r="F1738" s="18"/>
      <c r="G1738" s="18"/>
      <c r="H1738" s="18"/>
      <c r="I1738" s="18"/>
      <c r="J1738" s="18"/>
      <c r="K1738" s="18"/>
      <c r="L1738" s="18"/>
      <c r="M1738" s="18"/>
      <c r="N1738" s="18"/>
      <c r="O1738" s="18"/>
      <c r="P1738" s="19">
        <v>390</v>
      </c>
      <c r="Q1738" s="19"/>
      <c r="R1738" s="19"/>
      <c r="S1738" s="19"/>
      <c r="T1738" s="19">
        <v>350</v>
      </c>
      <c r="U1738" s="19"/>
      <c r="V1738" s="19"/>
      <c r="W1738" s="19"/>
      <c r="X1738" s="19">
        <v>17</v>
      </c>
      <c r="Y1738" s="19"/>
      <c r="Z1738" s="19"/>
      <c r="AA1738" s="19"/>
    </row>
    <row r="1739" spans="1:27" s="1" customFormat="1" ht="14.1" customHeight="1" outlineLevel="2" x14ac:dyDescent="0.2">
      <c r="A1739" s="17"/>
      <c r="B1739" s="17"/>
      <c r="C1739" s="17"/>
      <c r="D1739" s="18"/>
      <c r="E1739" s="18"/>
      <c r="F1739" s="18"/>
      <c r="G1739" s="18"/>
      <c r="H1739" s="18"/>
      <c r="I1739" s="18"/>
      <c r="J1739" s="18"/>
      <c r="K1739" s="18"/>
      <c r="L1739" s="18"/>
      <c r="M1739" s="18"/>
      <c r="N1739" s="18"/>
      <c r="O1739" s="18"/>
      <c r="P1739" s="19"/>
      <c r="Q1739" s="19"/>
      <c r="R1739" s="19"/>
      <c r="S1739" s="19"/>
      <c r="T1739" s="19"/>
      <c r="U1739" s="19"/>
      <c r="V1739" s="19"/>
      <c r="W1739" s="19"/>
      <c r="X1739" s="19"/>
      <c r="Y1739" s="19"/>
      <c r="Z1739" s="19"/>
      <c r="AA1739" s="19"/>
    </row>
    <row r="1740" spans="1:27" s="1" customFormat="1" ht="14.1" customHeight="1" outlineLevel="2" x14ac:dyDescent="0.2">
      <c r="A1740" s="17">
        <v>11075</v>
      </c>
      <c r="B1740" s="17"/>
      <c r="C1740" s="17"/>
      <c r="D1740" s="18" t="s">
        <v>878</v>
      </c>
      <c r="E1740" s="18"/>
      <c r="F1740" s="18"/>
      <c r="G1740" s="18"/>
      <c r="H1740" s="18"/>
      <c r="I1740" s="18"/>
      <c r="J1740" s="18"/>
      <c r="K1740" s="18"/>
      <c r="L1740" s="18"/>
      <c r="M1740" s="18"/>
      <c r="N1740" s="18"/>
      <c r="O1740" s="18"/>
      <c r="P1740" s="19">
        <v>390</v>
      </c>
      <c r="Q1740" s="19"/>
      <c r="R1740" s="19"/>
      <c r="S1740" s="19"/>
      <c r="T1740" s="19">
        <v>350</v>
      </c>
      <c r="U1740" s="19"/>
      <c r="V1740" s="19"/>
      <c r="W1740" s="19"/>
      <c r="X1740" s="19">
        <v>6</v>
      </c>
      <c r="Y1740" s="19"/>
      <c r="Z1740" s="19"/>
      <c r="AA1740" s="19"/>
    </row>
    <row r="1741" spans="1:27" s="1" customFormat="1" ht="14.1" customHeight="1" outlineLevel="2" x14ac:dyDescent="0.2">
      <c r="A1741" s="17"/>
      <c r="B1741" s="17"/>
      <c r="C1741" s="17"/>
      <c r="D1741" s="18"/>
      <c r="E1741" s="18"/>
      <c r="F1741" s="18"/>
      <c r="G1741" s="18"/>
      <c r="H1741" s="18"/>
      <c r="I1741" s="18"/>
      <c r="J1741" s="18"/>
      <c r="K1741" s="18"/>
      <c r="L1741" s="18"/>
      <c r="M1741" s="18"/>
      <c r="N1741" s="18"/>
      <c r="O1741" s="18"/>
      <c r="P1741" s="19"/>
      <c r="Q1741" s="19"/>
      <c r="R1741" s="19"/>
      <c r="S1741" s="19"/>
      <c r="T1741" s="19"/>
      <c r="U1741" s="19"/>
      <c r="V1741" s="19"/>
      <c r="W1741" s="19"/>
      <c r="X1741" s="19"/>
      <c r="Y1741" s="19"/>
      <c r="Z1741" s="19"/>
      <c r="AA1741" s="19"/>
    </row>
    <row r="1742" spans="1:27" s="1" customFormat="1" ht="14.1" customHeight="1" outlineLevel="2" x14ac:dyDescent="0.2">
      <c r="A1742" s="17">
        <v>11286</v>
      </c>
      <c r="B1742" s="17"/>
      <c r="C1742" s="17"/>
      <c r="D1742" s="18" t="s">
        <v>879</v>
      </c>
      <c r="E1742" s="18"/>
      <c r="F1742" s="18"/>
      <c r="G1742" s="18"/>
      <c r="H1742" s="18"/>
      <c r="I1742" s="18"/>
      <c r="J1742" s="18"/>
      <c r="K1742" s="18"/>
      <c r="L1742" s="18"/>
      <c r="M1742" s="18"/>
      <c r="N1742" s="18"/>
      <c r="O1742" s="18"/>
      <c r="P1742" s="19">
        <v>80</v>
      </c>
      <c r="Q1742" s="19"/>
      <c r="R1742" s="19"/>
      <c r="S1742" s="19"/>
      <c r="T1742" s="19">
        <v>50</v>
      </c>
      <c r="U1742" s="19"/>
      <c r="V1742" s="19"/>
      <c r="W1742" s="19"/>
      <c r="X1742" s="19">
        <v>2</v>
      </c>
      <c r="Y1742" s="19"/>
      <c r="Z1742" s="19"/>
      <c r="AA1742" s="19"/>
    </row>
    <row r="1743" spans="1:27" s="1" customFormat="1" ht="14.1" customHeight="1" outlineLevel="2" x14ac:dyDescent="0.2">
      <c r="A1743" s="17"/>
      <c r="B1743" s="17"/>
      <c r="C1743" s="17"/>
      <c r="D1743" s="18"/>
      <c r="E1743" s="18"/>
      <c r="F1743" s="18"/>
      <c r="G1743" s="18"/>
      <c r="H1743" s="18"/>
      <c r="I1743" s="18"/>
      <c r="J1743" s="18"/>
      <c r="K1743" s="18"/>
      <c r="L1743" s="18"/>
      <c r="M1743" s="18"/>
      <c r="N1743" s="18"/>
      <c r="O1743" s="18"/>
      <c r="P1743" s="19"/>
      <c r="Q1743" s="19"/>
      <c r="R1743" s="19"/>
      <c r="S1743" s="19"/>
      <c r="T1743" s="19"/>
      <c r="U1743" s="19"/>
      <c r="V1743" s="19"/>
      <c r="W1743" s="19"/>
      <c r="X1743" s="19"/>
      <c r="Y1743" s="19"/>
      <c r="Z1743" s="19"/>
      <c r="AA1743" s="19"/>
    </row>
    <row r="1744" spans="1:27" s="1" customFormat="1" ht="11.1" customHeight="1" outlineLevel="2" x14ac:dyDescent="0.2">
      <c r="A1744" s="17">
        <v>9748</v>
      </c>
      <c r="B1744" s="17"/>
      <c r="C1744" s="17"/>
      <c r="D1744" s="18" t="s">
        <v>880</v>
      </c>
      <c r="E1744" s="18"/>
      <c r="F1744" s="18"/>
      <c r="G1744" s="18"/>
      <c r="H1744" s="18"/>
      <c r="I1744" s="18"/>
      <c r="J1744" s="18"/>
      <c r="K1744" s="18"/>
      <c r="L1744" s="18"/>
      <c r="M1744" s="18"/>
      <c r="N1744" s="18"/>
      <c r="O1744" s="18"/>
      <c r="P1744" s="19">
        <v>250</v>
      </c>
      <c r="Q1744" s="19"/>
      <c r="R1744" s="19"/>
      <c r="S1744" s="19"/>
      <c r="T1744" s="19">
        <v>200</v>
      </c>
      <c r="U1744" s="19"/>
      <c r="V1744" s="19"/>
      <c r="W1744" s="19"/>
      <c r="X1744" s="19">
        <v>4</v>
      </c>
      <c r="Y1744" s="19"/>
      <c r="Z1744" s="19"/>
      <c r="AA1744" s="19"/>
    </row>
    <row r="1745" spans="1:27" s="1" customFormat="1" ht="11.1" customHeight="1" outlineLevel="2" x14ac:dyDescent="0.2">
      <c r="A1745" s="17"/>
      <c r="B1745" s="17"/>
      <c r="C1745" s="17"/>
      <c r="D1745" s="18"/>
      <c r="E1745" s="18"/>
      <c r="F1745" s="18"/>
      <c r="G1745" s="18"/>
      <c r="H1745" s="18"/>
      <c r="I1745" s="18"/>
      <c r="J1745" s="18"/>
      <c r="K1745" s="18"/>
      <c r="L1745" s="18"/>
      <c r="M1745" s="18"/>
      <c r="N1745" s="18"/>
      <c r="O1745" s="18"/>
      <c r="P1745" s="19"/>
      <c r="Q1745" s="19"/>
      <c r="R1745" s="19"/>
      <c r="S1745" s="19"/>
      <c r="T1745" s="19"/>
      <c r="U1745" s="19"/>
      <c r="V1745" s="19"/>
      <c r="W1745" s="19"/>
      <c r="X1745" s="19"/>
      <c r="Y1745" s="19"/>
      <c r="Z1745" s="19"/>
      <c r="AA1745" s="19"/>
    </row>
    <row r="1746" spans="1:27" s="1" customFormat="1" ht="14.1" customHeight="1" outlineLevel="2" x14ac:dyDescent="0.2">
      <c r="A1746" s="17">
        <v>16781</v>
      </c>
      <c r="B1746" s="17"/>
      <c r="C1746" s="17"/>
      <c r="D1746" s="18" t="s">
        <v>881</v>
      </c>
      <c r="E1746" s="18"/>
      <c r="F1746" s="18"/>
      <c r="G1746" s="18"/>
      <c r="H1746" s="18"/>
      <c r="I1746" s="18"/>
      <c r="J1746" s="18"/>
      <c r="K1746" s="18"/>
      <c r="L1746" s="18"/>
      <c r="M1746" s="18"/>
      <c r="N1746" s="18"/>
      <c r="O1746" s="18"/>
      <c r="P1746" s="19">
        <v>300</v>
      </c>
      <c r="Q1746" s="19"/>
      <c r="R1746" s="19"/>
      <c r="S1746" s="19"/>
      <c r="T1746" s="19">
        <v>200</v>
      </c>
      <c r="U1746" s="19"/>
      <c r="V1746" s="19"/>
      <c r="W1746" s="19"/>
      <c r="X1746" s="19">
        <v>1</v>
      </c>
      <c r="Y1746" s="19"/>
      <c r="Z1746" s="19"/>
      <c r="AA1746" s="19"/>
    </row>
    <row r="1747" spans="1:27" s="1" customFormat="1" ht="14.1" customHeight="1" outlineLevel="2" x14ac:dyDescent="0.2">
      <c r="A1747" s="17"/>
      <c r="B1747" s="17"/>
      <c r="C1747" s="17"/>
      <c r="D1747" s="18"/>
      <c r="E1747" s="18"/>
      <c r="F1747" s="18"/>
      <c r="G1747" s="18"/>
      <c r="H1747" s="18"/>
      <c r="I1747" s="18"/>
      <c r="J1747" s="18"/>
      <c r="K1747" s="18"/>
      <c r="L1747" s="18"/>
      <c r="M1747" s="18"/>
      <c r="N1747" s="18"/>
      <c r="O1747" s="18"/>
      <c r="P1747" s="19"/>
      <c r="Q1747" s="19"/>
      <c r="R1747" s="19"/>
      <c r="S1747" s="19"/>
      <c r="T1747" s="19"/>
      <c r="U1747" s="19"/>
      <c r="V1747" s="19"/>
      <c r="W1747" s="19"/>
      <c r="X1747" s="19"/>
      <c r="Y1747" s="19"/>
      <c r="Z1747" s="19"/>
      <c r="AA1747" s="19"/>
    </row>
    <row r="1748" spans="1:27" s="1" customFormat="1" ht="11.1" customHeight="1" outlineLevel="2" x14ac:dyDescent="0.2">
      <c r="A1748" s="17">
        <v>9808</v>
      </c>
      <c r="B1748" s="17"/>
      <c r="C1748" s="17"/>
      <c r="D1748" s="18" t="s">
        <v>882</v>
      </c>
      <c r="E1748" s="18"/>
      <c r="F1748" s="18"/>
      <c r="G1748" s="18"/>
      <c r="H1748" s="18"/>
      <c r="I1748" s="18"/>
      <c r="J1748" s="18"/>
      <c r="K1748" s="18"/>
      <c r="L1748" s="18"/>
      <c r="M1748" s="18"/>
      <c r="N1748" s="18"/>
      <c r="O1748" s="18"/>
      <c r="P1748" s="19">
        <v>590</v>
      </c>
      <c r="Q1748" s="19"/>
      <c r="R1748" s="19"/>
      <c r="S1748" s="19"/>
      <c r="T1748" s="19">
        <v>520</v>
      </c>
      <c r="U1748" s="19"/>
      <c r="V1748" s="19"/>
      <c r="W1748" s="19"/>
      <c r="X1748" s="19">
        <v>1</v>
      </c>
      <c r="Y1748" s="19"/>
      <c r="Z1748" s="19"/>
      <c r="AA1748" s="19"/>
    </row>
    <row r="1749" spans="1:27" s="1" customFormat="1" ht="11.1" customHeight="1" outlineLevel="2" x14ac:dyDescent="0.2">
      <c r="A1749" s="17"/>
      <c r="B1749" s="17"/>
      <c r="C1749" s="17"/>
      <c r="D1749" s="18"/>
      <c r="E1749" s="18"/>
      <c r="F1749" s="18"/>
      <c r="G1749" s="18"/>
      <c r="H1749" s="18"/>
      <c r="I1749" s="18"/>
      <c r="J1749" s="18"/>
      <c r="K1749" s="18"/>
      <c r="L1749" s="18"/>
      <c r="M1749" s="18"/>
      <c r="N1749" s="18"/>
      <c r="O1749" s="18"/>
      <c r="P1749" s="19"/>
      <c r="Q1749" s="19"/>
      <c r="R1749" s="19"/>
      <c r="S1749" s="19"/>
      <c r="T1749" s="19"/>
      <c r="U1749" s="19"/>
      <c r="V1749" s="19"/>
      <c r="W1749" s="19"/>
      <c r="X1749" s="19"/>
      <c r="Y1749" s="19"/>
      <c r="Z1749" s="19"/>
      <c r="AA1749" s="19"/>
    </row>
    <row r="1750" spans="1:27" s="1" customFormat="1" ht="14.1" customHeight="1" outlineLevel="2" x14ac:dyDescent="0.2">
      <c r="A1750" s="17">
        <v>16780</v>
      </c>
      <c r="B1750" s="17"/>
      <c r="C1750" s="17"/>
      <c r="D1750" s="18" t="s">
        <v>883</v>
      </c>
      <c r="E1750" s="18"/>
      <c r="F1750" s="18"/>
      <c r="G1750" s="18"/>
      <c r="H1750" s="18"/>
      <c r="I1750" s="18"/>
      <c r="J1750" s="18"/>
      <c r="K1750" s="18"/>
      <c r="L1750" s="18"/>
      <c r="M1750" s="18"/>
      <c r="N1750" s="18"/>
      <c r="O1750" s="18"/>
      <c r="P1750" s="19">
        <v>900</v>
      </c>
      <c r="Q1750" s="19"/>
      <c r="R1750" s="19"/>
      <c r="S1750" s="19"/>
      <c r="T1750" s="19">
        <v>800</v>
      </c>
      <c r="U1750" s="19"/>
      <c r="V1750" s="19"/>
      <c r="W1750" s="19"/>
      <c r="X1750" s="19">
        <v>1</v>
      </c>
      <c r="Y1750" s="19"/>
      <c r="Z1750" s="19"/>
      <c r="AA1750" s="19"/>
    </row>
    <row r="1751" spans="1:27" s="1" customFormat="1" ht="14.1" customHeight="1" outlineLevel="2" x14ac:dyDescent="0.2">
      <c r="A1751" s="17"/>
      <c r="B1751" s="17"/>
      <c r="C1751" s="17"/>
      <c r="D1751" s="18"/>
      <c r="E1751" s="18"/>
      <c r="F1751" s="18"/>
      <c r="G1751" s="18"/>
      <c r="H1751" s="18"/>
      <c r="I1751" s="18"/>
      <c r="J1751" s="18"/>
      <c r="K1751" s="18"/>
      <c r="L1751" s="18"/>
      <c r="M1751" s="18"/>
      <c r="N1751" s="18"/>
      <c r="O1751" s="18"/>
      <c r="P1751" s="19"/>
      <c r="Q1751" s="19"/>
      <c r="R1751" s="19"/>
      <c r="S1751" s="19"/>
      <c r="T1751" s="19"/>
      <c r="U1751" s="19"/>
      <c r="V1751" s="19"/>
      <c r="W1751" s="19"/>
      <c r="X1751" s="19"/>
      <c r="Y1751" s="19"/>
      <c r="Z1751" s="19"/>
      <c r="AA1751" s="19"/>
    </row>
    <row r="1752" spans="1:27" s="1" customFormat="1" ht="11.1" customHeight="1" outlineLevel="2" x14ac:dyDescent="0.2">
      <c r="A1752" s="17">
        <v>9806</v>
      </c>
      <c r="B1752" s="17"/>
      <c r="C1752" s="17"/>
      <c r="D1752" s="18" t="s">
        <v>884</v>
      </c>
      <c r="E1752" s="18"/>
      <c r="F1752" s="18"/>
      <c r="G1752" s="18"/>
      <c r="H1752" s="18"/>
      <c r="I1752" s="18"/>
      <c r="J1752" s="18"/>
      <c r="K1752" s="18"/>
      <c r="L1752" s="18"/>
      <c r="M1752" s="18"/>
      <c r="N1752" s="18"/>
      <c r="O1752" s="18"/>
      <c r="P1752" s="19">
        <v>590</v>
      </c>
      <c r="Q1752" s="19"/>
      <c r="R1752" s="19"/>
      <c r="S1752" s="19"/>
      <c r="T1752" s="19">
        <v>520</v>
      </c>
      <c r="U1752" s="19"/>
      <c r="V1752" s="19"/>
      <c r="W1752" s="19"/>
      <c r="X1752" s="19">
        <v>3</v>
      </c>
      <c r="Y1752" s="19"/>
      <c r="Z1752" s="19"/>
      <c r="AA1752" s="19"/>
    </row>
    <row r="1753" spans="1:27" s="1" customFormat="1" ht="11.1" customHeight="1" outlineLevel="2" x14ac:dyDescent="0.2">
      <c r="A1753" s="17"/>
      <c r="B1753" s="17"/>
      <c r="C1753" s="17"/>
      <c r="D1753" s="18"/>
      <c r="E1753" s="18"/>
      <c r="F1753" s="18"/>
      <c r="G1753" s="18"/>
      <c r="H1753" s="18"/>
      <c r="I1753" s="18"/>
      <c r="J1753" s="18"/>
      <c r="K1753" s="18"/>
      <c r="L1753" s="18"/>
      <c r="M1753" s="18"/>
      <c r="N1753" s="18"/>
      <c r="O1753" s="18"/>
      <c r="P1753" s="19"/>
      <c r="Q1753" s="19"/>
      <c r="R1753" s="19"/>
      <c r="S1753" s="19"/>
      <c r="T1753" s="19"/>
      <c r="U1753" s="19"/>
      <c r="V1753" s="19"/>
      <c r="W1753" s="19"/>
      <c r="X1753" s="19"/>
      <c r="Y1753" s="19"/>
      <c r="Z1753" s="19"/>
      <c r="AA1753" s="19"/>
    </row>
    <row r="1754" spans="1:27" s="1" customFormat="1" ht="11.1" customHeight="1" outlineLevel="2" x14ac:dyDescent="0.2">
      <c r="A1754" s="17">
        <v>10654</v>
      </c>
      <c r="B1754" s="17"/>
      <c r="C1754" s="17"/>
      <c r="D1754" s="18" t="s">
        <v>885</v>
      </c>
      <c r="E1754" s="18"/>
      <c r="F1754" s="18"/>
      <c r="G1754" s="18"/>
      <c r="H1754" s="18"/>
      <c r="I1754" s="18"/>
      <c r="J1754" s="18"/>
      <c r="K1754" s="18"/>
      <c r="L1754" s="18"/>
      <c r="M1754" s="18"/>
      <c r="N1754" s="18"/>
      <c r="O1754" s="18"/>
      <c r="P1754" s="19">
        <v>290</v>
      </c>
      <c r="Q1754" s="19"/>
      <c r="R1754" s="19"/>
      <c r="S1754" s="19"/>
      <c r="T1754" s="19">
        <v>240</v>
      </c>
      <c r="U1754" s="19"/>
      <c r="V1754" s="19"/>
      <c r="W1754" s="19"/>
      <c r="X1754" s="19">
        <v>12</v>
      </c>
      <c r="Y1754" s="19"/>
      <c r="Z1754" s="19"/>
      <c r="AA1754" s="19"/>
    </row>
    <row r="1755" spans="1:27" s="1" customFormat="1" ht="11.1" customHeight="1" outlineLevel="2" x14ac:dyDescent="0.2">
      <c r="A1755" s="17"/>
      <c r="B1755" s="17"/>
      <c r="C1755" s="17"/>
      <c r="D1755" s="18"/>
      <c r="E1755" s="18"/>
      <c r="F1755" s="18"/>
      <c r="G1755" s="18"/>
      <c r="H1755" s="18"/>
      <c r="I1755" s="18"/>
      <c r="J1755" s="18"/>
      <c r="K1755" s="18"/>
      <c r="L1755" s="18"/>
      <c r="M1755" s="18"/>
      <c r="N1755" s="18"/>
      <c r="O1755" s="18"/>
      <c r="P1755" s="19"/>
      <c r="Q1755" s="19"/>
      <c r="R1755" s="19"/>
      <c r="S1755" s="19"/>
      <c r="T1755" s="19"/>
      <c r="U1755" s="19"/>
      <c r="V1755" s="19"/>
      <c r="W1755" s="19"/>
      <c r="X1755" s="19"/>
      <c r="Y1755" s="19"/>
      <c r="Z1755" s="19"/>
      <c r="AA1755" s="19"/>
    </row>
    <row r="1756" spans="1:27" s="1" customFormat="1" ht="11.1" customHeight="1" outlineLevel="2" x14ac:dyDescent="0.2">
      <c r="A1756" s="17">
        <v>9559</v>
      </c>
      <c r="B1756" s="17"/>
      <c r="C1756" s="17"/>
      <c r="D1756" s="18" t="s">
        <v>886</v>
      </c>
      <c r="E1756" s="18"/>
      <c r="F1756" s="18"/>
      <c r="G1756" s="18"/>
      <c r="H1756" s="18"/>
      <c r="I1756" s="18"/>
      <c r="J1756" s="18"/>
      <c r="K1756" s="18"/>
      <c r="L1756" s="18"/>
      <c r="M1756" s="18"/>
      <c r="N1756" s="18"/>
      <c r="O1756" s="18"/>
      <c r="P1756" s="19">
        <v>30</v>
      </c>
      <c r="Q1756" s="19"/>
      <c r="R1756" s="19"/>
      <c r="S1756" s="19"/>
      <c r="T1756" s="19">
        <v>20</v>
      </c>
      <c r="U1756" s="19"/>
      <c r="V1756" s="19"/>
      <c r="W1756" s="19"/>
      <c r="X1756" s="19">
        <v>9</v>
      </c>
      <c r="Y1756" s="19"/>
      <c r="Z1756" s="19"/>
      <c r="AA1756" s="19"/>
    </row>
    <row r="1757" spans="1:27" s="1" customFormat="1" ht="11.1" customHeight="1" outlineLevel="2" x14ac:dyDescent="0.2">
      <c r="A1757" s="17"/>
      <c r="B1757" s="17"/>
      <c r="C1757" s="17"/>
      <c r="D1757" s="18"/>
      <c r="E1757" s="18"/>
      <c r="F1757" s="18"/>
      <c r="G1757" s="18"/>
      <c r="H1757" s="18"/>
      <c r="I1757" s="18"/>
      <c r="J1757" s="18"/>
      <c r="K1757" s="18"/>
      <c r="L1757" s="18"/>
      <c r="M1757" s="18"/>
      <c r="N1757" s="18"/>
      <c r="O1757" s="18"/>
      <c r="P1757" s="19"/>
      <c r="Q1757" s="19"/>
      <c r="R1757" s="19"/>
      <c r="S1757" s="19"/>
      <c r="T1757" s="19"/>
      <c r="U1757" s="19"/>
      <c r="V1757" s="19"/>
      <c r="W1757" s="19"/>
      <c r="X1757" s="19"/>
      <c r="Y1757" s="19"/>
      <c r="Z1757" s="19"/>
      <c r="AA1757" s="19"/>
    </row>
    <row r="1758" spans="1:27" s="1" customFormat="1" ht="14.1" customHeight="1" outlineLevel="2" x14ac:dyDescent="0.2">
      <c r="A1758" s="17">
        <v>10453</v>
      </c>
      <c r="B1758" s="17"/>
      <c r="C1758" s="17"/>
      <c r="D1758" s="18" t="s">
        <v>887</v>
      </c>
      <c r="E1758" s="18"/>
      <c r="F1758" s="18"/>
      <c r="G1758" s="18"/>
      <c r="H1758" s="18"/>
      <c r="I1758" s="18"/>
      <c r="J1758" s="18"/>
      <c r="K1758" s="18"/>
      <c r="L1758" s="18"/>
      <c r="M1758" s="18"/>
      <c r="N1758" s="18"/>
      <c r="O1758" s="18"/>
      <c r="P1758" s="19">
        <v>280</v>
      </c>
      <c r="Q1758" s="19"/>
      <c r="R1758" s="19"/>
      <c r="S1758" s="19"/>
      <c r="T1758" s="19">
        <v>200</v>
      </c>
      <c r="U1758" s="19"/>
      <c r="V1758" s="19"/>
      <c r="W1758" s="19"/>
      <c r="X1758" s="19">
        <v>10</v>
      </c>
      <c r="Y1758" s="19"/>
      <c r="Z1758" s="19"/>
      <c r="AA1758" s="19"/>
    </row>
    <row r="1759" spans="1:27" s="1" customFormat="1" ht="14.1" customHeight="1" outlineLevel="2" x14ac:dyDescent="0.2">
      <c r="A1759" s="17"/>
      <c r="B1759" s="17"/>
      <c r="C1759" s="17"/>
      <c r="D1759" s="18"/>
      <c r="E1759" s="18"/>
      <c r="F1759" s="18"/>
      <c r="G1759" s="18"/>
      <c r="H1759" s="18"/>
      <c r="I1759" s="18"/>
      <c r="J1759" s="18"/>
      <c r="K1759" s="18"/>
      <c r="L1759" s="18"/>
      <c r="M1759" s="18"/>
      <c r="N1759" s="18"/>
      <c r="O1759" s="18"/>
      <c r="P1759" s="19"/>
      <c r="Q1759" s="19"/>
      <c r="R1759" s="19"/>
      <c r="S1759" s="19"/>
      <c r="T1759" s="19"/>
      <c r="U1759" s="19"/>
      <c r="V1759" s="19"/>
      <c r="W1759" s="19"/>
      <c r="X1759" s="19"/>
      <c r="Y1759" s="19"/>
      <c r="Z1759" s="19"/>
      <c r="AA1759" s="19"/>
    </row>
    <row r="1760" spans="1:27" s="1" customFormat="1" ht="14.1" customHeight="1" outlineLevel="2" x14ac:dyDescent="0.2">
      <c r="A1760" s="17">
        <v>10452</v>
      </c>
      <c r="B1760" s="17"/>
      <c r="C1760" s="17"/>
      <c r="D1760" s="18" t="s">
        <v>888</v>
      </c>
      <c r="E1760" s="18"/>
      <c r="F1760" s="18"/>
      <c r="G1760" s="18"/>
      <c r="H1760" s="18"/>
      <c r="I1760" s="18"/>
      <c r="J1760" s="18"/>
      <c r="K1760" s="18"/>
      <c r="L1760" s="18"/>
      <c r="M1760" s="18"/>
      <c r="N1760" s="18"/>
      <c r="O1760" s="18"/>
      <c r="P1760" s="19">
        <v>280</v>
      </c>
      <c r="Q1760" s="19"/>
      <c r="R1760" s="19"/>
      <c r="S1760" s="19"/>
      <c r="T1760" s="19">
        <v>200</v>
      </c>
      <c r="U1760" s="19"/>
      <c r="V1760" s="19"/>
      <c r="W1760" s="19"/>
      <c r="X1760" s="19">
        <v>11</v>
      </c>
      <c r="Y1760" s="19"/>
      <c r="Z1760" s="19"/>
      <c r="AA1760" s="19"/>
    </row>
    <row r="1761" spans="1:27" s="1" customFormat="1" ht="14.1" customHeight="1" outlineLevel="2" x14ac:dyDescent="0.2">
      <c r="A1761" s="17"/>
      <c r="B1761" s="17"/>
      <c r="C1761" s="17"/>
      <c r="D1761" s="18"/>
      <c r="E1761" s="18"/>
      <c r="F1761" s="18"/>
      <c r="G1761" s="18"/>
      <c r="H1761" s="18"/>
      <c r="I1761" s="18"/>
      <c r="J1761" s="18"/>
      <c r="K1761" s="18"/>
      <c r="L1761" s="18"/>
      <c r="M1761" s="18"/>
      <c r="N1761" s="18"/>
      <c r="O1761" s="18"/>
      <c r="P1761" s="19"/>
      <c r="Q1761" s="19"/>
      <c r="R1761" s="19"/>
      <c r="S1761" s="19"/>
      <c r="T1761" s="19"/>
      <c r="U1761" s="19"/>
      <c r="V1761" s="19"/>
      <c r="W1761" s="19"/>
      <c r="X1761" s="19"/>
      <c r="Y1761" s="19"/>
      <c r="Z1761" s="19"/>
      <c r="AA1761" s="19"/>
    </row>
    <row r="1762" spans="1:27" s="1" customFormat="1" ht="14.1" customHeight="1" outlineLevel="2" x14ac:dyDescent="0.2">
      <c r="A1762" s="17">
        <v>17692</v>
      </c>
      <c r="B1762" s="17"/>
      <c r="C1762" s="17"/>
      <c r="D1762" s="18" t="s">
        <v>889</v>
      </c>
      <c r="E1762" s="18"/>
      <c r="F1762" s="18"/>
      <c r="G1762" s="18"/>
      <c r="H1762" s="18"/>
      <c r="I1762" s="18"/>
      <c r="J1762" s="18"/>
      <c r="K1762" s="18"/>
      <c r="L1762" s="18"/>
      <c r="M1762" s="18"/>
      <c r="N1762" s="18"/>
      <c r="O1762" s="18"/>
      <c r="P1762" s="19">
        <v>450</v>
      </c>
      <c r="Q1762" s="19"/>
      <c r="R1762" s="19"/>
      <c r="S1762" s="19"/>
      <c r="T1762" s="19">
        <v>350</v>
      </c>
      <c r="U1762" s="19"/>
      <c r="V1762" s="19"/>
      <c r="W1762" s="19"/>
      <c r="X1762" s="19">
        <v>1</v>
      </c>
      <c r="Y1762" s="19"/>
      <c r="Z1762" s="19"/>
      <c r="AA1762" s="19"/>
    </row>
    <row r="1763" spans="1:27" s="1" customFormat="1" ht="14.1" customHeight="1" outlineLevel="2" x14ac:dyDescent="0.2">
      <c r="A1763" s="17"/>
      <c r="B1763" s="17"/>
      <c r="C1763" s="17"/>
      <c r="D1763" s="18"/>
      <c r="E1763" s="18"/>
      <c r="F1763" s="18"/>
      <c r="G1763" s="18"/>
      <c r="H1763" s="18"/>
      <c r="I1763" s="18"/>
      <c r="J1763" s="18"/>
      <c r="K1763" s="18"/>
      <c r="L1763" s="18"/>
      <c r="M1763" s="18"/>
      <c r="N1763" s="18"/>
      <c r="O1763" s="18"/>
      <c r="P1763" s="19"/>
      <c r="Q1763" s="19"/>
      <c r="R1763" s="19"/>
      <c r="S1763" s="19"/>
      <c r="T1763" s="19"/>
      <c r="U1763" s="19"/>
      <c r="V1763" s="19"/>
      <c r="W1763" s="19"/>
      <c r="X1763" s="19"/>
      <c r="Y1763" s="19"/>
      <c r="Z1763" s="19"/>
      <c r="AA1763" s="19"/>
    </row>
    <row r="1764" spans="1:27" s="1" customFormat="1" ht="14.1" customHeight="1" outlineLevel="2" x14ac:dyDescent="0.2">
      <c r="A1764" s="17">
        <v>9773</v>
      </c>
      <c r="B1764" s="17"/>
      <c r="C1764" s="17"/>
      <c r="D1764" s="18" t="s">
        <v>890</v>
      </c>
      <c r="E1764" s="18"/>
      <c r="F1764" s="18"/>
      <c r="G1764" s="18"/>
      <c r="H1764" s="18"/>
      <c r="I1764" s="18"/>
      <c r="J1764" s="18"/>
      <c r="K1764" s="18"/>
      <c r="L1764" s="18"/>
      <c r="M1764" s="18"/>
      <c r="N1764" s="18"/>
      <c r="O1764" s="18"/>
      <c r="P1764" s="19">
        <v>370</v>
      </c>
      <c r="Q1764" s="19"/>
      <c r="R1764" s="19"/>
      <c r="S1764" s="19"/>
      <c r="T1764" s="19">
        <v>340</v>
      </c>
      <c r="U1764" s="19"/>
      <c r="V1764" s="19"/>
      <c r="W1764" s="19"/>
      <c r="X1764" s="19">
        <v>19</v>
      </c>
      <c r="Y1764" s="19"/>
      <c r="Z1764" s="19"/>
      <c r="AA1764" s="19"/>
    </row>
    <row r="1765" spans="1:27" s="1" customFormat="1" ht="14.1" customHeight="1" outlineLevel="2" x14ac:dyDescent="0.2">
      <c r="A1765" s="17"/>
      <c r="B1765" s="17"/>
      <c r="C1765" s="17"/>
      <c r="D1765" s="18"/>
      <c r="E1765" s="18"/>
      <c r="F1765" s="18"/>
      <c r="G1765" s="18"/>
      <c r="H1765" s="18"/>
      <c r="I1765" s="18"/>
      <c r="J1765" s="18"/>
      <c r="K1765" s="18"/>
      <c r="L1765" s="18"/>
      <c r="M1765" s="18"/>
      <c r="N1765" s="18"/>
      <c r="O1765" s="18"/>
      <c r="P1765" s="19"/>
      <c r="Q1765" s="19"/>
      <c r="R1765" s="19"/>
      <c r="S1765" s="19"/>
      <c r="T1765" s="19"/>
      <c r="U1765" s="19"/>
      <c r="V1765" s="19"/>
      <c r="W1765" s="19"/>
      <c r="X1765" s="19"/>
      <c r="Y1765" s="19"/>
      <c r="Z1765" s="19"/>
      <c r="AA1765" s="19"/>
    </row>
    <row r="1766" spans="1:27" s="1" customFormat="1" ht="11.1" customHeight="1" outlineLevel="1" x14ac:dyDescent="0.2">
      <c r="A1766" s="16" t="s">
        <v>891</v>
      </c>
      <c r="B1766" s="16"/>
      <c r="C1766" s="16"/>
      <c r="D1766" s="16"/>
      <c r="E1766" s="16"/>
      <c r="F1766" s="16"/>
      <c r="G1766" s="16"/>
      <c r="H1766" s="16"/>
      <c r="I1766" s="16"/>
      <c r="J1766" s="16"/>
      <c r="K1766" s="16"/>
      <c r="L1766" s="16"/>
      <c r="M1766" s="16"/>
      <c r="N1766" s="16"/>
      <c r="O1766" s="16"/>
      <c r="P1766" s="16"/>
      <c r="Q1766" s="16"/>
      <c r="R1766" s="16"/>
      <c r="S1766" s="16"/>
      <c r="T1766" s="16"/>
      <c r="U1766" s="16"/>
      <c r="V1766" s="16"/>
      <c r="W1766" s="16"/>
      <c r="X1766" s="16"/>
      <c r="Y1766" s="16"/>
      <c r="Z1766" s="16"/>
      <c r="AA1766" s="16"/>
    </row>
    <row r="1767" spans="1:27" s="1" customFormat="1" ht="11.1" customHeight="1" outlineLevel="1" x14ac:dyDescent="0.2">
      <c r="A1767" s="16"/>
      <c r="B1767" s="16"/>
      <c r="C1767" s="16"/>
      <c r="D1767" s="16"/>
      <c r="E1767" s="16"/>
      <c r="F1767" s="16"/>
      <c r="G1767" s="16"/>
      <c r="H1767" s="16"/>
      <c r="I1767" s="16"/>
      <c r="J1767" s="16"/>
      <c r="K1767" s="16"/>
      <c r="L1767" s="16"/>
      <c r="M1767" s="16"/>
      <c r="N1767" s="16"/>
      <c r="O1767" s="16"/>
      <c r="P1767" s="16"/>
      <c r="Q1767" s="16"/>
      <c r="R1767" s="16"/>
      <c r="S1767" s="16"/>
      <c r="T1767" s="16"/>
      <c r="U1767" s="16"/>
      <c r="V1767" s="16"/>
      <c r="W1767" s="16"/>
      <c r="X1767" s="16"/>
      <c r="Y1767" s="16"/>
      <c r="Z1767" s="16"/>
      <c r="AA1767" s="16"/>
    </row>
    <row r="1768" spans="1:27" s="1" customFormat="1" ht="11.1" customHeight="1" outlineLevel="2" x14ac:dyDescent="0.2">
      <c r="A1768" s="17">
        <v>9954</v>
      </c>
      <c r="B1768" s="17"/>
      <c r="C1768" s="17"/>
      <c r="D1768" s="18" t="s">
        <v>892</v>
      </c>
      <c r="E1768" s="18"/>
      <c r="F1768" s="18"/>
      <c r="G1768" s="18"/>
      <c r="H1768" s="18"/>
      <c r="I1768" s="18"/>
      <c r="J1768" s="18"/>
      <c r="K1768" s="18"/>
      <c r="L1768" s="18"/>
      <c r="M1768" s="18"/>
      <c r="N1768" s="18"/>
      <c r="O1768" s="18"/>
      <c r="P1768" s="19">
        <v>60</v>
      </c>
      <c r="Q1768" s="19"/>
      <c r="R1768" s="19"/>
      <c r="S1768" s="19"/>
      <c r="T1768" s="19">
        <v>60</v>
      </c>
      <c r="U1768" s="19"/>
      <c r="V1768" s="19"/>
      <c r="W1768" s="19"/>
      <c r="X1768" s="19">
        <v>2</v>
      </c>
      <c r="Y1768" s="19"/>
      <c r="Z1768" s="19"/>
      <c r="AA1768" s="19"/>
    </row>
    <row r="1769" spans="1:27" s="1" customFormat="1" ht="11.1" customHeight="1" outlineLevel="2" x14ac:dyDescent="0.2">
      <c r="A1769" s="17"/>
      <c r="B1769" s="17"/>
      <c r="C1769" s="17"/>
      <c r="D1769" s="18"/>
      <c r="E1769" s="18"/>
      <c r="F1769" s="18"/>
      <c r="G1769" s="18"/>
      <c r="H1769" s="18"/>
      <c r="I1769" s="18"/>
      <c r="J1769" s="18"/>
      <c r="K1769" s="18"/>
      <c r="L1769" s="18"/>
      <c r="M1769" s="18"/>
      <c r="N1769" s="18"/>
      <c r="O1769" s="18"/>
      <c r="P1769" s="19"/>
      <c r="Q1769" s="19"/>
      <c r="R1769" s="19"/>
      <c r="S1769" s="19"/>
      <c r="T1769" s="19"/>
      <c r="U1769" s="19"/>
      <c r="V1769" s="19"/>
      <c r="W1769" s="19"/>
      <c r="X1769" s="19"/>
      <c r="Y1769" s="19"/>
      <c r="Z1769" s="19"/>
      <c r="AA1769" s="19"/>
    </row>
    <row r="1770" spans="1:27" s="1" customFormat="1" ht="11.1" customHeight="1" outlineLevel="2" x14ac:dyDescent="0.2">
      <c r="A1770" s="17">
        <v>17957</v>
      </c>
      <c r="B1770" s="17"/>
      <c r="C1770" s="17"/>
      <c r="D1770" s="18" t="s">
        <v>893</v>
      </c>
      <c r="E1770" s="18"/>
      <c r="F1770" s="18"/>
      <c r="G1770" s="18"/>
      <c r="H1770" s="18"/>
      <c r="I1770" s="18"/>
      <c r="J1770" s="18"/>
      <c r="K1770" s="18"/>
      <c r="L1770" s="18"/>
      <c r="M1770" s="18"/>
      <c r="N1770" s="18"/>
      <c r="O1770" s="18"/>
      <c r="P1770" s="19">
        <v>300</v>
      </c>
      <c r="Q1770" s="19"/>
      <c r="R1770" s="19"/>
      <c r="S1770" s="19"/>
      <c r="T1770" s="19">
        <v>200</v>
      </c>
      <c r="U1770" s="19"/>
      <c r="V1770" s="19"/>
      <c r="W1770" s="19"/>
      <c r="X1770" s="19">
        <v>1</v>
      </c>
      <c r="Y1770" s="19"/>
      <c r="Z1770" s="19"/>
      <c r="AA1770" s="19"/>
    </row>
    <row r="1771" spans="1:27" s="1" customFormat="1" ht="11.1" customHeight="1" outlineLevel="2" x14ac:dyDescent="0.2">
      <c r="A1771" s="17"/>
      <c r="B1771" s="17"/>
      <c r="C1771" s="17"/>
      <c r="D1771" s="18"/>
      <c r="E1771" s="18"/>
      <c r="F1771" s="18"/>
      <c r="G1771" s="18"/>
      <c r="H1771" s="18"/>
      <c r="I1771" s="18"/>
      <c r="J1771" s="18"/>
      <c r="K1771" s="18"/>
      <c r="L1771" s="18"/>
      <c r="M1771" s="18"/>
      <c r="N1771" s="18"/>
      <c r="O1771" s="18"/>
      <c r="P1771" s="19"/>
      <c r="Q1771" s="19"/>
      <c r="R1771" s="19"/>
      <c r="S1771" s="19"/>
      <c r="T1771" s="19"/>
      <c r="U1771" s="19"/>
      <c r="V1771" s="19"/>
      <c r="W1771" s="19"/>
      <c r="X1771" s="19"/>
      <c r="Y1771" s="19"/>
      <c r="Z1771" s="19"/>
      <c r="AA1771" s="19"/>
    </row>
    <row r="1772" spans="1:27" s="1" customFormat="1" ht="11.1" customHeight="1" outlineLevel="2" x14ac:dyDescent="0.2">
      <c r="A1772" s="17">
        <v>9843</v>
      </c>
      <c r="B1772" s="17"/>
      <c r="C1772" s="17"/>
      <c r="D1772" s="18" t="s">
        <v>894</v>
      </c>
      <c r="E1772" s="18"/>
      <c r="F1772" s="18"/>
      <c r="G1772" s="18"/>
      <c r="H1772" s="18"/>
      <c r="I1772" s="18"/>
      <c r="J1772" s="18"/>
      <c r="K1772" s="18"/>
      <c r="L1772" s="18"/>
      <c r="M1772" s="18"/>
      <c r="N1772" s="18"/>
      <c r="O1772" s="18"/>
      <c r="P1772" s="20">
        <v>1150</v>
      </c>
      <c r="Q1772" s="20"/>
      <c r="R1772" s="20"/>
      <c r="S1772" s="20"/>
      <c r="T1772" s="19">
        <v>950</v>
      </c>
      <c r="U1772" s="19"/>
      <c r="V1772" s="19"/>
      <c r="W1772" s="19"/>
      <c r="X1772" s="19">
        <v>28</v>
      </c>
      <c r="Y1772" s="19"/>
      <c r="Z1772" s="19"/>
      <c r="AA1772" s="19"/>
    </row>
    <row r="1773" spans="1:27" s="1" customFormat="1" ht="11.1" customHeight="1" outlineLevel="2" x14ac:dyDescent="0.2">
      <c r="A1773" s="17"/>
      <c r="B1773" s="17"/>
      <c r="C1773" s="17"/>
      <c r="D1773" s="18"/>
      <c r="E1773" s="18"/>
      <c r="F1773" s="18"/>
      <c r="G1773" s="18"/>
      <c r="H1773" s="18"/>
      <c r="I1773" s="18"/>
      <c r="J1773" s="18"/>
      <c r="K1773" s="18"/>
      <c r="L1773" s="18"/>
      <c r="M1773" s="18"/>
      <c r="N1773" s="18"/>
      <c r="O1773" s="18"/>
      <c r="P1773" s="20"/>
      <c r="Q1773" s="20"/>
      <c r="R1773" s="20"/>
      <c r="S1773" s="20"/>
      <c r="T1773" s="19"/>
      <c r="U1773" s="19"/>
      <c r="V1773" s="19"/>
      <c r="W1773" s="19"/>
      <c r="X1773" s="19"/>
      <c r="Y1773" s="19"/>
      <c r="Z1773" s="19"/>
      <c r="AA1773" s="19"/>
    </row>
    <row r="1774" spans="1:27" s="1" customFormat="1" ht="11.1" customHeight="1" outlineLevel="2" x14ac:dyDescent="0.2">
      <c r="A1774" s="17">
        <v>12636</v>
      </c>
      <c r="B1774" s="17"/>
      <c r="C1774" s="17"/>
      <c r="D1774" s="18" t="s">
        <v>895</v>
      </c>
      <c r="E1774" s="18"/>
      <c r="F1774" s="18"/>
      <c r="G1774" s="18"/>
      <c r="H1774" s="18"/>
      <c r="I1774" s="18"/>
      <c r="J1774" s="18"/>
      <c r="K1774" s="18"/>
      <c r="L1774" s="18"/>
      <c r="M1774" s="18"/>
      <c r="N1774" s="18"/>
      <c r="O1774" s="18"/>
      <c r="P1774" s="19">
        <v>120</v>
      </c>
      <c r="Q1774" s="19"/>
      <c r="R1774" s="19"/>
      <c r="S1774" s="19"/>
      <c r="T1774" s="19">
        <v>90</v>
      </c>
      <c r="U1774" s="19"/>
      <c r="V1774" s="19"/>
      <c r="W1774" s="19"/>
      <c r="X1774" s="19">
        <v>5</v>
      </c>
      <c r="Y1774" s="19"/>
      <c r="Z1774" s="19"/>
      <c r="AA1774" s="19"/>
    </row>
    <row r="1775" spans="1:27" s="1" customFormat="1" ht="11.1" customHeight="1" outlineLevel="2" x14ac:dyDescent="0.2">
      <c r="A1775" s="17"/>
      <c r="B1775" s="17"/>
      <c r="C1775" s="17"/>
      <c r="D1775" s="18"/>
      <c r="E1775" s="18"/>
      <c r="F1775" s="18"/>
      <c r="G1775" s="18"/>
      <c r="H1775" s="18"/>
      <c r="I1775" s="18"/>
      <c r="J1775" s="18"/>
      <c r="K1775" s="18"/>
      <c r="L1775" s="18"/>
      <c r="M1775" s="18"/>
      <c r="N1775" s="18"/>
      <c r="O1775" s="18"/>
      <c r="P1775" s="19"/>
      <c r="Q1775" s="19"/>
      <c r="R1775" s="19"/>
      <c r="S1775" s="19"/>
      <c r="T1775" s="19"/>
      <c r="U1775" s="19"/>
      <c r="V1775" s="19"/>
      <c r="W1775" s="19"/>
      <c r="X1775" s="19"/>
      <c r="Y1775" s="19"/>
      <c r="Z1775" s="19"/>
      <c r="AA1775" s="19"/>
    </row>
    <row r="1776" spans="1:27" s="1" customFormat="1" ht="14.1" customHeight="1" outlineLevel="2" x14ac:dyDescent="0.2">
      <c r="A1776" s="17">
        <v>10129</v>
      </c>
      <c r="B1776" s="17"/>
      <c r="C1776" s="17"/>
      <c r="D1776" s="18" t="s">
        <v>896</v>
      </c>
      <c r="E1776" s="18"/>
      <c r="F1776" s="18"/>
      <c r="G1776" s="18"/>
      <c r="H1776" s="18"/>
      <c r="I1776" s="18"/>
      <c r="J1776" s="18"/>
      <c r="K1776" s="18"/>
      <c r="L1776" s="18"/>
      <c r="M1776" s="18"/>
      <c r="N1776" s="18"/>
      <c r="O1776" s="18"/>
      <c r="P1776" s="19">
        <v>20</v>
      </c>
      <c r="Q1776" s="19"/>
      <c r="R1776" s="19"/>
      <c r="S1776" s="19"/>
      <c r="T1776" s="19">
        <v>15</v>
      </c>
      <c r="U1776" s="19"/>
      <c r="V1776" s="19"/>
      <c r="W1776" s="19"/>
      <c r="X1776" s="19">
        <v>469</v>
      </c>
      <c r="Y1776" s="19"/>
      <c r="Z1776" s="19"/>
      <c r="AA1776" s="19"/>
    </row>
    <row r="1777" spans="1:27" s="1" customFormat="1" ht="14.1" customHeight="1" outlineLevel="2" x14ac:dyDescent="0.2">
      <c r="A1777" s="17"/>
      <c r="B1777" s="17"/>
      <c r="C1777" s="17"/>
      <c r="D1777" s="18"/>
      <c r="E1777" s="18"/>
      <c r="F1777" s="18"/>
      <c r="G1777" s="18"/>
      <c r="H1777" s="18"/>
      <c r="I1777" s="18"/>
      <c r="J1777" s="18"/>
      <c r="K1777" s="18"/>
      <c r="L1777" s="18"/>
      <c r="M1777" s="18"/>
      <c r="N1777" s="18"/>
      <c r="O1777" s="18"/>
      <c r="P1777" s="19"/>
      <c r="Q1777" s="19"/>
      <c r="R1777" s="19"/>
      <c r="S1777" s="19"/>
      <c r="T1777" s="19"/>
      <c r="U1777" s="19"/>
      <c r="V1777" s="19"/>
      <c r="W1777" s="19"/>
      <c r="X1777" s="19"/>
      <c r="Y1777" s="19"/>
      <c r="Z1777" s="19"/>
      <c r="AA1777" s="19"/>
    </row>
    <row r="1778" spans="1:27" s="1" customFormat="1" ht="14.1" customHeight="1" outlineLevel="2" x14ac:dyDescent="0.2">
      <c r="A1778" s="17">
        <v>15687</v>
      </c>
      <c r="B1778" s="17"/>
      <c r="C1778" s="17"/>
      <c r="D1778" s="18" t="s">
        <v>897</v>
      </c>
      <c r="E1778" s="18"/>
      <c r="F1778" s="18"/>
      <c r="G1778" s="18"/>
      <c r="H1778" s="18"/>
      <c r="I1778" s="18"/>
      <c r="J1778" s="18"/>
      <c r="K1778" s="18"/>
      <c r="L1778" s="18"/>
      <c r="M1778" s="18"/>
      <c r="N1778" s="18"/>
      <c r="O1778" s="18"/>
      <c r="P1778" s="19">
        <v>20</v>
      </c>
      <c r="Q1778" s="19"/>
      <c r="R1778" s="19"/>
      <c r="S1778" s="19"/>
      <c r="T1778" s="19">
        <v>15</v>
      </c>
      <c r="U1778" s="19"/>
      <c r="V1778" s="19"/>
      <c r="W1778" s="19"/>
      <c r="X1778" s="19">
        <v>494</v>
      </c>
      <c r="Y1778" s="19"/>
      <c r="Z1778" s="19"/>
      <c r="AA1778" s="19"/>
    </row>
    <row r="1779" spans="1:27" s="1" customFormat="1" ht="14.1" customHeight="1" outlineLevel="2" x14ac:dyDescent="0.2">
      <c r="A1779" s="17"/>
      <c r="B1779" s="17"/>
      <c r="C1779" s="17"/>
      <c r="D1779" s="18"/>
      <c r="E1779" s="18"/>
      <c r="F1779" s="18"/>
      <c r="G1779" s="18"/>
      <c r="H1779" s="18"/>
      <c r="I1779" s="18"/>
      <c r="J1779" s="18"/>
      <c r="K1779" s="18"/>
      <c r="L1779" s="18"/>
      <c r="M1779" s="18"/>
      <c r="N1779" s="18"/>
      <c r="O1779" s="18"/>
      <c r="P1779" s="19"/>
      <c r="Q1779" s="19"/>
      <c r="R1779" s="19"/>
      <c r="S1779" s="19"/>
      <c r="T1779" s="19"/>
      <c r="U1779" s="19"/>
      <c r="V1779" s="19"/>
      <c r="W1779" s="19"/>
      <c r="X1779" s="19"/>
      <c r="Y1779" s="19"/>
      <c r="Z1779" s="19"/>
      <c r="AA1779" s="19"/>
    </row>
    <row r="1780" spans="1:27" s="1" customFormat="1" ht="11.1" customHeight="1" outlineLevel="2" x14ac:dyDescent="0.2">
      <c r="A1780" s="17">
        <v>11578</v>
      </c>
      <c r="B1780" s="17"/>
      <c r="C1780" s="17"/>
      <c r="D1780" s="18" t="s">
        <v>898</v>
      </c>
      <c r="E1780" s="18"/>
      <c r="F1780" s="18"/>
      <c r="G1780" s="18"/>
      <c r="H1780" s="18"/>
      <c r="I1780" s="18"/>
      <c r="J1780" s="18"/>
      <c r="K1780" s="18"/>
      <c r="L1780" s="18"/>
      <c r="M1780" s="18"/>
      <c r="N1780" s="18"/>
      <c r="O1780" s="18"/>
      <c r="P1780" s="19">
        <v>140</v>
      </c>
      <c r="Q1780" s="19"/>
      <c r="R1780" s="19"/>
      <c r="S1780" s="19"/>
      <c r="T1780" s="19">
        <v>100</v>
      </c>
      <c r="U1780" s="19"/>
      <c r="V1780" s="19"/>
      <c r="W1780" s="19"/>
      <c r="X1780" s="19">
        <v>2</v>
      </c>
      <c r="Y1780" s="19"/>
      <c r="Z1780" s="19"/>
      <c r="AA1780" s="19"/>
    </row>
    <row r="1781" spans="1:27" s="1" customFormat="1" ht="11.1" customHeight="1" outlineLevel="2" x14ac:dyDescent="0.2">
      <c r="A1781" s="17"/>
      <c r="B1781" s="17"/>
      <c r="C1781" s="17"/>
      <c r="D1781" s="18"/>
      <c r="E1781" s="18"/>
      <c r="F1781" s="18"/>
      <c r="G1781" s="18"/>
      <c r="H1781" s="18"/>
      <c r="I1781" s="18"/>
      <c r="J1781" s="18"/>
      <c r="K1781" s="18"/>
      <c r="L1781" s="18"/>
      <c r="M1781" s="18"/>
      <c r="N1781" s="18"/>
      <c r="O1781" s="18"/>
      <c r="P1781" s="19"/>
      <c r="Q1781" s="19"/>
      <c r="R1781" s="19"/>
      <c r="S1781" s="19"/>
      <c r="T1781" s="19"/>
      <c r="U1781" s="19"/>
      <c r="V1781" s="19"/>
      <c r="W1781" s="19"/>
      <c r="X1781" s="19"/>
      <c r="Y1781" s="19"/>
      <c r="Z1781" s="19"/>
      <c r="AA1781" s="19"/>
    </row>
    <row r="1782" spans="1:27" s="1" customFormat="1" ht="11.1" customHeight="1" outlineLevel="2" x14ac:dyDescent="0.2">
      <c r="A1782" s="17">
        <v>9738</v>
      </c>
      <c r="B1782" s="17"/>
      <c r="C1782" s="17"/>
      <c r="D1782" s="18" t="s">
        <v>899</v>
      </c>
      <c r="E1782" s="18"/>
      <c r="F1782" s="18"/>
      <c r="G1782" s="18"/>
      <c r="H1782" s="18"/>
      <c r="I1782" s="18"/>
      <c r="J1782" s="18"/>
      <c r="K1782" s="18"/>
      <c r="L1782" s="18"/>
      <c r="M1782" s="18"/>
      <c r="N1782" s="18"/>
      <c r="O1782" s="18"/>
      <c r="P1782" s="19">
        <v>150</v>
      </c>
      <c r="Q1782" s="19"/>
      <c r="R1782" s="19"/>
      <c r="S1782" s="19"/>
      <c r="T1782" s="19">
        <v>110</v>
      </c>
      <c r="U1782" s="19"/>
      <c r="V1782" s="19"/>
      <c r="W1782" s="19"/>
      <c r="X1782" s="19">
        <v>1</v>
      </c>
      <c r="Y1782" s="19"/>
      <c r="Z1782" s="19"/>
      <c r="AA1782" s="19"/>
    </row>
    <row r="1783" spans="1:27" s="1" customFormat="1" ht="11.1" customHeight="1" outlineLevel="2" x14ac:dyDescent="0.2">
      <c r="A1783" s="17"/>
      <c r="B1783" s="17"/>
      <c r="C1783" s="17"/>
      <c r="D1783" s="18"/>
      <c r="E1783" s="18"/>
      <c r="F1783" s="18"/>
      <c r="G1783" s="18"/>
      <c r="H1783" s="18"/>
      <c r="I1783" s="18"/>
      <c r="J1783" s="18"/>
      <c r="K1783" s="18"/>
      <c r="L1783" s="18"/>
      <c r="M1783" s="18"/>
      <c r="N1783" s="18"/>
      <c r="O1783" s="18"/>
      <c r="P1783" s="19"/>
      <c r="Q1783" s="19"/>
      <c r="R1783" s="19"/>
      <c r="S1783" s="19"/>
      <c r="T1783" s="19"/>
      <c r="U1783" s="19"/>
      <c r="V1783" s="19"/>
      <c r="W1783" s="19"/>
      <c r="X1783" s="19"/>
      <c r="Y1783" s="19"/>
      <c r="Z1783" s="19"/>
      <c r="AA1783" s="19"/>
    </row>
    <row r="1784" spans="1:27" s="1" customFormat="1" ht="14.1" customHeight="1" outlineLevel="2" x14ac:dyDescent="0.2">
      <c r="A1784" s="17">
        <v>16396</v>
      </c>
      <c r="B1784" s="17"/>
      <c r="C1784" s="17"/>
      <c r="D1784" s="18" t="s">
        <v>900</v>
      </c>
      <c r="E1784" s="18"/>
      <c r="F1784" s="18"/>
      <c r="G1784" s="18"/>
      <c r="H1784" s="18"/>
      <c r="I1784" s="18"/>
      <c r="J1784" s="18"/>
      <c r="K1784" s="18"/>
      <c r="L1784" s="18"/>
      <c r="M1784" s="18"/>
      <c r="N1784" s="18"/>
      <c r="O1784" s="18"/>
      <c r="P1784" s="19">
        <v>900</v>
      </c>
      <c r="Q1784" s="19"/>
      <c r="R1784" s="19"/>
      <c r="S1784" s="19"/>
      <c r="T1784" s="19">
        <v>650</v>
      </c>
      <c r="U1784" s="19"/>
      <c r="V1784" s="19"/>
      <c r="W1784" s="19"/>
      <c r="X1784" s="19">
        <v>2</v>
      </c>
      <c r="Y1784" s="19"/>
      <c r="Z1784" s="19"/>
      <c r="AA1784" s="19"/>
    </row>
    <row r="1785" spans="1:27" s="1" customFormat="1" ht="14.1" customHeight="1" outlineLevel="2" x14ac:dyDescent="0.2">
      <c r="A1785" s="17"/>
      <c r="B1785" s="17"/>
      <c r="C1785" s="17"/>
      <c r="D1785" s="18"/>
      <c r="E1785" s="18"/>
      <c r="F1785" s="18"/>
      <c r="G1785" s="18"/>
      <c r="H1785" s="18"/>
      <c r="I1785" s="18"/>
      <c r="J1785" s="18"/>
      <c r="K1785" s="18"/>
      <c r="L1785" s="18"/>
      <c r="M1785" s="18"/>
      <c r="N1785" s="18"/>
      <c r="O1785" s="18"/>
      <c r="P1785" s="19"/>
      <c r="Q1785" s="19"/>
      <c r="R1785" s="19"/>
      <c r="S1785" s="19"/>
      <c r="T1785" s="19"/>
      <c r="U1785" s="19"/>
      <c r="V1785" s="19"/>
      <c r="W1785" s="19"/>
      <c r="X1785" s="19"/>
      <c r="Y1785" s="19"/>
      <c r="Z1785" s="19"/>
      <c r="AA1785" s="19"/>
    </row>
    <row r="1786" spans="1:27" s="1" customFormat="1" ht="11.1" customHeight="1" outlineLevel="2" x14ac:dyDescent="0.2">
      <c r="A1786" s="17">
        <v>13644</v>
      </c>
      <c r="B1786" s="17"/>
      <c r="C1786" s="17"/>
      <c r="D1786" s="18" t="s">
        <v>901</v>
      </c>
      <c r="E1786" s="18"/>
      <c r="F1786" s="18"/>
      <c r="G1786" s="18"/>
      <c r="H1786" s="18"/>
      <c r="I1786" s="18"/>
      <c r="J1786" s="18"/>
      <c r="K1786" s="18"/>
      <c r="L1786" s="18"/>
      <c r="M1786" s="18"/>
      <c r="N1786" s="18"/>
      <c r="O1786" s="18"/>
      <c r="P1786" s="20">
        <v>2700</v>
      </c>
      <c r="Q1786" s="20"/>
      <c r="R1786" s="20"/>
      <c r="S1786" s="20"/>
      <c r="T1786" s="20">
        <v>2400</v>
      </c>
      <c r="U1786" s="20"/>
      <c r="V1786" s="20"/>
      <c r="W1786" s="20"/>
      <c r="X1786" s="19">
        <v>1</v>
      </c>
      <c r="Y1786" s="19"/>
      <c r="Z1786" s="19"/>
      <c r="AA1786" s="19"/>
    </row>
    <row r="1787" spans="1:27" s="1" customFormat="1" ht="11.1" customHeight="1" outlineLevel="2" x14ac:dyDescent="0.2">
      <c r="A1787" s="17"/>
      <c r="B1787" s="17"/>
      <c r="C1787" s="17"/>
      <c r="D1787" s="18"/>
      <c r="E1787" s="18"/>
      <c r="F1787" s="18"/>
      <c r="G1787" s="18"/>
      <c r="H1787" s="18"/>
      <c r="I1787" s="18"/>
      <c r="J1787" s="18"/>
      <c r="K1787" s="18"/>
      <c r="L1787" s="18"/>
      <c r="M1787" s="18"/>
      <c r="N1787" s="18"/>
      <c r="O1787" s="18"/>
      <c r="P1787" s="20"/>
      <c r="Q1787" s="20"/>
      <c r="R1787" s="20"/>
      <c r="S1787" s="20"/>
      <c r="T1787" s="20"/>
      <c r="U1787" s="20"/>
      <c r="V1787" s="20"/>
      <c r="W1787" s="20"/>
      <c r="X1787" s="19"/>
      <c r="Y1787" s="19"/>
      <c r="Z1787" s="19"/>
      <c r="AA1787" s="19"/>
    </row>
    <row r="1788" spans="1:27" s="1" customFormat="1" ht="11.1" customHeight="1" outlineLevel="2" x14ac:dyDescent="0.2">
      <c r="A1788" s="17">
        <v>9384</v>
      </c>
      <c r="B1788" s="17"/>
      <c r="C1788" s="17"/>
      <c r="D1788" s="18" t="s">
        <v>902</v>
      </c>
      <c r="E1788" s="18"/>
      <c r="F1788" s="18"/>
      <c r="G1788" s="18"/>
      <c r="H1788" s="18"/>
      <c r="I1788" s="18"/>
      <c r="J1788" s="18"/>
      <c r="K1788" s="18"/>
      <c r="L1788" s="18"/>
      <c r="M1788" s="18"/>
      <c r="N1788" s="18"/>
      <c r="O1788" s="18"/>
      <c r="P1788" s="20">
        <v>1900</v>
      </c>
      <c r="Q1788" s="20"/>
      <c r="R1788" s="20"/>
      <c r="S1788" s="20"/>
      <c r="T1788" s="20">
        <v>1150</v>
      </c>
      <c r="U1788" s="20"/>
      <c r="V1788" s="20"/>
      <c r="W1788" s="20"/>
      <c r="X1788" s="19">
        <v>15</v>
      </c>
      <c r="Y1788" s="19"/>
      <c r="Z1788" s="19"/>
      <c r="AA1788" s="19"/>
    </row>
    <row r="1789" spans="1:27" s="1" customFormat="1" ht="11.1" customHeight="1" outlineLevel="2" x14ac:dyDescent="0.2">
      <c r="A1789" s="17"/>
      <c r="B1789" s="17"/>
      <c r="C1789" s="17"/>
      <c r="D1789" s="18"/>
      <c r="E1789" s="18"/>
      <c r="F1789" s="18"/>
      <c r="G1789" s="18"/>
      <c r="H1789" s="18"/>
      <c r="I1789" s="18"/>
      <c r="J1789" s="18"/>
      <c r="K1789" s="18"/>
      <c r="L1789" s="18"/>
      <c r="M1789" s="18"/>
      <c r="N1789" s="18"/>
      <c r="O1789" s="18"/>
      <c r="P1789" s="20"/>
      <c r="Q1789" s="20"/>
      <c r="R1789" s="20"/>
      <c r="S1789" s="20"/>
      <c r="T1789" s="20"/>
      <c r="U1789" s="20"/>
      <c r="V1789" s="20"/>
      <c r="W1789" s="20"/>
      <c r="X1789" s="19"/>
      <c r="Y1789" s="19"/>
      <c r="Z1789" s="19"/>
      <c r="AA1789" s="19"/>
    </row>
    <row r="1790" spans="1:27" s="1" customFormat="1" ht="14.1" customHeight="1" outlineLevel="2" x14ac:dyDescent="0.2">
      <c r="A1790" s="17">
        <v>16339</v>
      </c>
      <c r="B1790" s="17"/>
      <c r="C1790" s="17"/>
      <c r="D1790" s="18" t="s">
        <v>903</v>
      </c>
      <c r="E1790" s="18"/>
      <c r="F1790" s="18"/>
      <c r="G1790" s="18"/>
      <c r="H1790" s="18"/>
      <c r="I1790" s="18"/>
      <c r="J1790" s="18"/>
      <c r="K1790" s="18"/>
      <c r="L1790" s="18"/>
      <c r="M1790" s="18"/>
      <c r="N1790" s="18"/>
      <c r="O1790" s="18"/>
      <c r="P1790" s="20">
        <v>4900</v>
      </c>
      <c r="Q1790" s="20"/>
      <c r="R1790" s="20"/>
      <c r="S1790" s="20"/>
      <c r="T1790" s="20">
        <v>4500</v>
      </c>
      <c r="U1790" s="20"/>
      <c r="V1790" s="20"/>
      <c r="W1790" s="20"/>
      <c r="X1790" s="19">
        <v>1</v>
      </c>
      <c r="Y1790" s="19"/>
      <c r="Z1790" s="19"/>
      <c r="AA1790" s="19"/>
    </row>
    <row r="1791" spans="1:27" s="1" customFormat="1" ht="14.1" customHeight="1" outlineLevel="2" x14ac:dyDescent="0.2">
      <c r="A1791" s="17"/>
      <c r="B1791" s="17"/>
      <c r="C1791" s="17"/>
      <c r="D1791" s="18"/>
      <c r="E1791" s="18"/>
      <c r="F1791" s="18"/>
      <c r="G1791" s="18"/>
      <c r="H1791" s="18"/>
      <c r="I1791" s="18"/>
      <c r="J1791" s="18"/>
      <c r="K1791" s="18"/>
      <c r="L1791" s="18"/>
      <c r="M1791" s="18"/>
      <c r="N1791" s="18"/>
      <c r="O1791" s="18"/>
      <c r="P1791" s="20"/>
      <c r="Q1791" s="20"/>
      <c r="R1791" s="20"/>
      <c r="S1791" s="20"/>
      <c r="T1791" s="20"/>
      <c r="U1791" s="20"/>
      <c r="V1791" s="20"/>
      <c r="W1791" s="20"/>
      <c r="X1791" s="19"/>
      <c r="Y1791" s="19"/>
      <c r="Z1791" s="19"/>
      <c r="AA1791" s="19"/>
    </row>
    <row r="1792" spans="1:27" s="1" customFormat="1" ht="14.1" customHeight="1" outlineLevel="2" x14ac:dyDescent="0.2">
      <c r="A1792" s="17">
        <v>11447</v>
      </c>
      <c r="B1792" s="17"/>
      <c r="C1792" s="17"/>
      <c r="D1792" s="18" t="s">
        <v>904</v>
      </c>
      <c r="E1792" s="18"/>
      <c r="F1792" s="18"/>
      <c r="G1792" s="18"/>
      <c r="H1792" s="18"/>
      <c r="I1792" s="18"/>
      <c r="J1792" s="18"/>
      <c r="K1792" s="18"/>
      <c r="L1792" s="18"/>
      <c r="M1792" s="18"/>
      <c r="N1792" s="18"/>
      <c r="O1792" s="18"/>
      <c r="P1792" s="20">
        <v>5600</v>
      </c>
      <c r="Q1792" s="20"/>
      <c r="R1792" s="20"/>
      <c r="S1792" s="20"/>
      <c r="T1792" s="20">
        <v>5200</v>
      </c>
      <c r="U1792" s="20"/>
      <c r="V1792" s="20"/>
      <c r="W1792" s="20"/>
      <c r="X1792" s="19">
        <v>2</v>
      </c>
      <c r="Y1792" s="19"/>
      <c r="Z1792" s="19"/>
      <c r="AA1792" s="19"/>
    </row>
    <row r="1793" spans="1:27" s="1" customFormat="1" ht="14.1" customHeight="1" outlineLevel="2" x14ac:dyDescent="0.2">
      <c r="A1793" s="17"/>
      <c r="B1793" s="17"/>
      <c r="C1793" s="17"/>
      <c r="D1793" s="18"/>
      <c r="E1793" s="18"/>
      <c r="F1793" s="18"/>
      <c r="G1793" s="18"/>
      <c r="H1793" s="18"/>
      <c r="I1793" s="18"/>
      <c r="J1793" s="18"/>
      <c r="K1793" s="18"/>
      <c r="L1793" s="18"/>
      <c r="M1793" s="18"/>
      <c r="N1793" s="18"/>
      <c r="O1793" s="18"/>
      <c r="P1793" s="20"/>
      <c r="Q1793" s="20"/>
      <c r="R1793" s="20"/>
      <c r="S1793" s="20"/>
      <c r="T1793" s="20"/>
      <c r="U1793" s="20"/>
      <c r="V1793" s="20"/>
      <c r="W1793" s="20"/>
      <c r="X1793" s="19"/>
      <c r="Y1793" s="19"/>
      <c r="Z1793" s="19"/>
      <c r="AA1793" s="19"/>
    </row>
    <row r="1794" spans="1:27" s="1" customFormat="1" ht="14.1" customHeight="1" outlineLevel="2" x14ac:dyDescent="0.2">
      <c r="A1794" s="17">
        <v>17387</v>
      </c>
      <c r="B1794" s="17"/>
      <c r="C1794" s="17"/>
      <c r="D1794" s="18" t="s">
        <v>905</v>
      </c>
      <c r="E1794" s="18"/>
      <c r="F1794" s="18"/>
      <c r="G1794" s="18"/>
      <c r="H1794" s="18"/>
      <c r="I1794" s="18"/>
      <c r="J1794" s="18"/>
      <c r="K1794" s="18"/>
      <c r="L1794" s="18"/>
      <c r="M1794" s="18"/>
      <c r="N1794" s="18"/>
      <c r="O1794" s="18"/>
      <c r="P1794" s="20">
        <v>4800</v>
      </c>
      <c r="Q1794" s="20"/>
      <c r="R1794" s="20"/>
      <c r="S1794" s="20"/>
      <c r="T1794" s="20">
        <v>4500</v>
      </c>
      <c r="U1794" s="20"/>
      <c r="V1794" s="20"/>
      <c r="W1794" s="20"/>
      <c r="X1794" s="19">
        <v>1</v>
      </c>
      <c r="Y1794" s="19"/>
      <c r="Z1794" s="19"/>
      <c r="AA1794" s="19"/>
    </row>
    <row r="1795" spans="1:27" s="1" customFormat="1" ht="14.1" customHeight="1" outlineLevel="2" x14ac:dyDescent="0.2">
      <c r="A1795" s="17"/>
      <c r="B1795" s="17"/>
      <c r="C1795" s="17"/>
      <c r="D1795" s="18"/>
      <c r="E1795" s="18"/>
      <c r="F1795" s="18"/>
      <c r="G1795" s="18"/>
      <c r="H1795" s="18"/>
      <c r="I1795" s="18"/>
      <c r="J1795" s="18"/>
      <c r="K1795" s="18"/>
      <c r="L1795" s="18"/>
      <c r="M1795" s="18"/>
      <c r="N1795" s="18"/>
      <c r="O1795" s="18"/>
      <c r="P1795" s="20"/>
      <c r="Q1795" s="20"/>
      <c r="R1795" s="20"/>
      <c r="S1795" s="20"/>
      <c r="T1795" s="20"/>
      <c r="U1795" s="20"/>
      <c r="V1795" s="20"/>
      <c r="W1795" s="20"/>
      <c r="X1795" s="19"/>
      <c r="Y1795" s="19"/>
      <c r="Z1795" s="19"/>
      <c r="AA1795" s="19"/>
    </row>
    <row r="1796" spans="1:27" s="1" customFormat="1" ht="14.1" customHeight="1" outlineLevel="2" x14ac:dyDescent="0.2">
      <c r="A1796" s="17">
        <v>8394</v>
      </c>
      <c r="B1796" s="17"/>
      <c r="C1796" s="17"/>
      <c r="D1796" s="18" t="s">
        <v>906</v>
      </c>
      <c r="E1796" s="18"/>
      <c r="F1796" s="18"/>
      <c r="G1796" s="18"/>
      <c r="H1796" s="18"/>
      <c r="I1796" s="18"/>
      <c r="J1796" s="18"/>
      <c r="K1796" s="18"/>
      <c r="L1796" s="18"/>
      <c r="M1796" s="18"/>
      <c r="N1796" s="18"/>
      <c r="O1796" s="18"/>
      <c r="P1796" s="20">
        <v>2900</v>
      </c>
      <c r="Q1796" s="20"/>
      <c r="R1796" s="20"/>
      <c r="S1796" s="20"/>
      <c r="T1796" s="20">
        <v>2500</v>
      </c>
      <c r="U1796" s="20"/>
      <c r="V1796" s="20"/>
      <c r="W1796" s="20"/>
      <c r="X1796" s="19">
        <v>5</v>
      </c>
      <c r="Y1796" s="19"/>
      <c r="Z1796" s="19"/>
      <c r="AA1796" s="19"/>
    </row>
    <row r="1797" spans="1:27" s="1" customFormat="1" ht="14.1" customHeight="1" outlineLevel="2" x14ac:dyDescent="0.2">
      <c r="A1797" s="17"/>
      <c r="B1797" s="17"/>
      <c r="C1797" s="17"/>
      <c r="D1797" s="18"/>
      <c r="E1797" s="18"/>
      <c r="F1797" s="18"/>
      <c r="G1797" s="18"/>
      <c r="H1797" s="18"/>
      <c r="I1797" s="18"/>
      <c r="J1797" s="18"/>
      <c r="K1797" s="18"/>
      <c r="L1797" s="18"/>
      <c r="M1797" s="18"/>
      <c r="N1797" s="18"/>
      <c r="O1797" s="18"/>
      <c r="P1797" s="20"/>
      <c r="Q1797" s="20"/>
      <c r="R1797" s="20"/>
      <c r="S1797" s="20"/>
      <c r="T1797" s="20"/>
      <c r="U1797" s="20"/>
      <c r="V1797" s="20"/>
      <c r="W1797" s="20"/>
      <c r="X1797" s="19"/>
      <c r="Y1797" s="19"/>
      <c r="Z1797" s="19"/>
      <c r="AA1797" s="19"/>
    </row>
    <row r="1798" spans="1:27" s="1" customFormat="1" ht="14.1" customHeight="1" outlineLevel="2" x14ac:dyDescent="0.2">
      <c r="A1798" s="17">
        <v>14103</v>
      </c>
      <c r="B1798" s="17"/>
      <c r="C1798" s="17"/>
      <c r="D1798" s="18" t="s">
        <v>907</v>
      </c>
      <c r="E1798" s="18"/>
      <c r="F1798" s="18"/>
      <c r="G1798" s="18"/>
      <c r="H1798" s="18"/>
      <c r="I1798" s="18"/>
      <c r="J1798" s="18"/>
      <c r="K1798" s="18"/>
      <c r="L1798" s="18"/>
      <c r="M1798" s="18"/>
      <c r="N1798" s="18"/>
      <c r="O1798" s="18"/>
      <c r="P1798" s="19">
        <v>240</v>
      </c>
      <c r="Q1798" s="19"/>
      <c r="R1798" s="19"/>
      <c r="S1798" s="19"/>
      <c r="T1798" s="19">
        <v>200</v>
      </c>
      <c r="U1798" s="19"/>
      <c r="V1798" s="19"/>
      <c r="W1798" s="19"/>
      <c r="X1798" s="19">
        <v>4</v>
      </c>
      <c r="Y1798" s="19"/>
      <c r="Z1798" s="19"/>
      <c r="AA1798" s="19"/>
    </row>
    <row r="1799" spans="1:27" s="1" customFormat="1" ht="14.1" customHeight="1" outlineLevel="2" x14ac:dyDescent="0.2">
      <c r="A1799" s="17"/>
      <c r="B1799" s="17"/>
      <c r="C1799" s="17"/>
      <c r="D1799" s="18"/>
      <c r="E1799" s="18"/>
      <c r="F1799" s="18"/>
      <c r="G1799" s="18"/>
      <c r="H1799" s="18"/>
      <c r="I1799" s="18"/>
      <c r="J1799" s="18"/>
      <c r="K1799" s="18"/>
      <c r="L1799" s="18"/>
      <c r="M1799" s="18"/>
      <c r="N1799" s="18"/>
      <c r="O1799" s="18"/>
      <c r="P1799" s="19"/>
      <c r="Q1799" s="19"/>
      <c r="R1799" s="19"/>
      <c r="S1799" s="19"/>
      <c r="T1799" s="19"/>
      <c r="U1799" s="19"/>
      <c r="V1799" s="19"/>
      <c r="W1799" s="19"/>
      <c r="X1799" s="19"/>
      <c r="Y1799" s="19"/>
      <c r="Z1799" s="19"/>
      <c r="AA1799" s="19"/>
    </row>
    <row r="1800" spans="1:27" s="1" customFormat="1" ht="14.1" customHeight="1" outlineLevel="2" x14ac:dyDescent="0.2">
      <c r="A1800" s="17">
        <v>11060</v>
      </c>
      <c r="B1800" s="17"/>
      <c r="C1800" s="17"/>
      <c r="D1800" s="18" t="s">
        <v>908</v>
      </c>
      <c r="E1800" s="18"/>
      <c r="F1800" s="18"/>
      <c r="G1800" s="18"/>
      <c r="H1800" s="18"/>
      <c r="I1800" s="18"/>
      <c r="J1800" s="18"/>
      <c r="K1800" s="18"/>
      <c r="L1800" s="18"/>
      <c r="M1800" s="18"/>
      <c r="N1800" s="18"/>
      <c r="O1800" s="18"/>
      <c r="P1800" s="19">
        <v>270</v>
      </c>
      <c r="Q1800" s="19"/>
      <c r="R1800" s="19"/>
      <c r="S1800" s="19"/>
      <c r="T1800" s="19">
        <v>230</v>
      </c>
      <c r="U1800" s="19"/>
      <c r="V1800" s="19"/>
      <c r="W1800" s="19"/>
      <c r="X1800" s="19">
        <v>13</v>
      </c>
      <c r="Y1800" s="19"/>
      <c r="Z1800" s="19"/>
      <c r="AA1800" s="19"/>
    </row>
    <row r="1801" spans="1:27" s="1" customFormat="1" ht="14.1" customHeight="1" outlineLevel="2" x14ac:dyDescent="0.2">
      <c r="A1801" s="17"/>
      <c r="B1801" s="17"/>
      <c r="C1801" s="17"/>
      <c r="D1801" s="18"/>
      <c r="E1801" s="18"/>
      <c r="F1801" s="18"/>
      <c r="G1801" s="18"/>
      <c r="H1801" s="18"/>
      <c r="I1801" s="18"/>
      <c r="J1801" s="18"/>
      <c r="K1801" s="18"/>
      <c r="L1801" s="18"/>
      <c r="M1801" s="18"/>
      <c r="N1801" s="18"/>
      <c r="O1801" s="18"/>
      <c r="P1801" s="19"/>
      <c r="Q1801" s="19"/>
      <c r="R1801" s="19"/>
      <c r="S1801" s="19"/>
      <c r="T1801" s="19"/>
      <c r="U1801" s="19"/>
      <c r="V1801" s="19"/>
      <c r="W1801" s="19"/>
      <c r="X1801" s="19"/>
      <c r="Y1801" s="19"/>
      <c r="Z1801" s="19"/>
      <c r="AA1801" s="19"/>
    </row>
    <row r="1802" spans="1:27" s="1" customFormat="1" ht="11.1" customHeight="1" outlineLevel="2" x14ac:dyDescent="0.2">
      <c r="A1802" s="17">
        <v>10671</v>
      </c>
      <c r="B1802" s="17"/>
      <c r="C1802" s="17"/>
      <c r="D1802" s="18" t="s">
        <v>909</v>
      </c>
      <c r="E1802" s="18"/>
      <c r="F1802" s="18"/>
      <c r="G1802" s="18"/>
      <c r="H1802" s="18"/>
      <c r="I1802" s="18"/>
      <c r="J1802" s="18"/>
      <c r="K1802" s="18"/>
      <c r="L1802" s="18"/>
      <c r="M1802" s="18"/>
      <c r="N1802" s="18"/>
      <c r="O1802" s="18"/>
      <c r="P1802" s="19">
        <v>70</v>
      </c>
      <c r="Q1802" s="19"/>
      <c r="R1802" s="19"/>
      <c r="S1802" s="19"/>
      <c r="T1802" s="19">
        <v>50</v>
      </c>
      <c r="U1802" s="19"/>
      <c r="V1802" s="19"/>
      <c r="W1802" s="19"/>
      <c r="X1802" s="19">
        <v>1</v>
      </c>
      <c r="Y1802" s="19"/>
      <c r="Z1802" s="19"/>
      <c r="AA1802" s="19"/>
    </row>
    <row r="1803" spans="1:27" s="1" customFormat="1" ht="11.1" customHeight="1" outlineLevel="2" x14ac:dyDescent="0.2">
      <c r="A1803" s="17"/>
      <c r="B1803" s="17"/>
      <c r="C1803" s="17"/>
      <c r="D1803" s="18"/>
      <c r="E1803" s="18"/>
      <c r="F1803" s="18"/>
      <c r="G1803" s="18"/>
      <c r="H1803" s="18"/>
      <c r="I1803" s="18"/>
      <c r="J1803" s="18"/>
      <c r="K1803" s="18"/>
      <c r="L1803" s="18"/>
      <c r="M1803" s="18"/>
      <c r="N1803" s="18"/>
      <c r="O1803" s="18"/>
      <c r="P1803" s="19"/>
      <c r="Q1803" s="19"/>
      <c r="R1803" s="19"/>
      <c r="S1803" s="19"/>
      <c r="T1803" s="19"/>
      <c r="U1803" s="19"/>
      <c r="V1803" s="19"/>
      <c r="W1803" s="19"/>
      <c r="X1803" s="19"/>
      <c r="Y1803" s="19"/>
      <c r="Z1803" s="19"/>
      <c r="AA1803" s="19"/>
    </row>
    <row r="1804" spans="1:27" s="1" customFormat="1" ht="14.1" customHeight="1" outlineLevel="2" x14ac:dyDescent="0.2">
      <c r="A1804" s="17">
        <v>17576</v>
      </c>
      <c r="B1804" s="17"/>
      <c r="C1804" s="17"/>
      <c r="D1804" s="18" t="s">
        <v>910</v>
      </c>
      <c r="E1804" s="18"/>
      <c r="F1804" s="18"/>
      <c r="G1804" s="18"/>
      <c r="H1804" s="18"/>
      <c r="I1804" s="18"/>
      <c r="J1804" s="18"/>
      <c r="K1804" s="18"/>
      <c r="L1804" s="18"/>
      <c r="M1804" s="18"/>
      <c r="N1804" s="18"/>
      <c r="O1804" s="18"/>
      <c r="P1804" s="20">
        <v>2900</v>
      </c>
      <c r="Q1804" s="20"/>
      <c r="R1804" s="20"/>
      <c r="S1804" s="20"/>
      <c r="T1804" s="20">
        <v>2500</v>
      </c>
      <c r="U1804" s="20"/>
      <c r="V1804" s="20"/>
      <c r="W1804" s="20"/>
      <c r="X1804" s="19">
        <v>1</v>
      </c>
      <c r="Y1804" s="19"/>
      <c r="Z1804" s="19"/>
      <c r="AA1804" s="19"/>
    </row>
    <row r="1805" spans="1:27" s="1" customFormat="1" ht="14.1" customHeight="1" outlineLevel="2" x14ac:dyDescent="0.2">
      <c r="A1805" s="17"/>
      <c r="B1805" s="17"/>
      <c r="C1805" s="17"/>
      <c r="D1805" s="18"/>
      <c r="E1805" s="18"/>
      <c r="F1805" s="18"/>
      <c r="G1805" s="18"/>
      <c r="H1805" s="18"/>
      <c r="I1805" s="18"/>
      <c r="J1805" s="18"/>
      <c r="K1805" s="18"/>
      <c r="L1805" s="18"/>
      <c r="M1805" s="18"/>
      <c r="N1805" s="18"/>
      <c r="O1805" s="18"/>
      <c r="P1805" s="20"/>
      <c r="Q1805" s="20"/>
      <c r="R1805" s="20"/>
      <c r="S1805" s="20"/>
      <c r="T1805" s="20"/>
      <c r="U1805" s="20"/>
      <c r="V1805" s="20"/>
      <c r="W1805" s="20"/>
      <c r="X1805" s="19"/>
      <c r="Y1805" s="19"/>
      <c r="Z1805" s="19"/>
      <c r="AA1805" s="19"/>
    </row>
    <row r="1806" spans="1:27" s="1" customFormat="1" ht="11.1" customHeight="1" outlineLevel="2" x14ac:dyDescent="0.2">
      <c r="A1806" s="17">
        <v>17485</v>
      </c>
      <c r="B1806" s="17"/>
      <c r="C1806" s="17"/>
      <c r="D1806" s="18" t="s">
        <v>911</v>
      </c>
      <c r="E1806" s="18"/>
      <c r="F1806" s="18"/>
      <c r="G1806" s="18"/>
      <c r="H1806" s="18"/>
      <c r="I1806" s="18"/>
      <c r="J1806" s="18"/>
      <c r="K1806" s="18"/>
      <c r="L1806" s="18"/>
      <c r="M1806" s="18"/>
      <c r="N1806" s="18"/>
      <c r="O1806" s="18"/>
      <c r="P1806" s="20">
        <v>1600</v>
      </c>
      <c r="Q1806" s="20"/>
      <c r="R1806" s="20"/>
      <c r="S1806" s="20"/>
      <c r="T1806" s="20">
        <v>1500</v>
      </c>
      <c r="U1806" s="20"/>
      <c r="V1806" s="20"/>
      <c r="W1806" s="20"/>
      <c r="X1806" s="19">
        <v>2</v>
      </c>
      <c r="Y1806" s="19"/>
      <c r="Z1806" s="19"/>
      <c r="AA1806" s="19"/>
    </row>
    <row r="1807" spans="1:27" s="1" customFormat="1" ht="11.1" customHeight="1" outlineLevel="2" x14ac:dyDescent="0.2">
      <c r="A1807" s="17"/>
      <c r="B1807" s="17"/>
      <c r="C1807" s="17"/>
      <c r="D1807" s="18"/>
      <c r="E1807" s="18"/>
      <c r="F1807" s="18"/>
      <c r="G1807" s="18"/>
      <c r="H1807" s="18"/>
      <c r="I1807" s="18"/>
      <c r="J1807" s="18"/>
      <c r="K1807" s="18"/>
      <c r="L1807" s="18"/>
      <c r="M1807" s="18"/>
      <c r="N1807" s="18"/>
      <c r="O1807" s="18"/>
      <c r="P1807" s="20"/>
      <c r="Q1807" s="20"/>
      <c r="R1807" s="20"/>
      <c r="S1807" s="20"/>
      <c r="T1807" s="20"/>
      <c r="U1807" s="20"/>
      <c r="V1807" s="20"/>
      <c r="W1807" s="20"/>
      <c r="X1807" s="19"/>
      <c r="Y1807" s="19"/>
      <c r="Z1807" s="19"/>
      <c r="AA1807" s="19"/>
    </row>
    <row r="1808" spans="1:27" s="1" customFormat="1" ht="11.1" customHeight="1" outlineLevel="2" x14ac:dyDescent="0.2">
      <c r="A1808" s="17">
        <v>11173</v>
      </c>
      <c r="B1808" s="17"/>
      <c r="C1808" s="17"/>
      <c r="D1808" s="18" t="s">
        <v>912</v>
      </c>
      <c r="E1808" s="18"/>
      <c r="F1808" s="18"/>
      <c r="G1808" s="18"/>
      <c r="H1808" s="18"/>
      <c r="I1808" s="18"/>
      <c r="J1808" s="18"/>
      <c r="K1808" s="18"/>
      <c r="L1808" s="18"/>
      <c r="M1808" s="18"/>
      <c r="N1808" s="18"/>
      <c r="O1808" s="18"/>
      <c r="P1808" s="19">
        <v>260</v>
      </c>
      <c r="Q1808" s="19"/>
      <c r="R1808" s="19"/>
      <c r="S1808" s="19"/>
      <c r="T1808" s="19">
        <v>220</v>
      </c>
      <c r="U1808" s="19"/>
      <c r="V1808" s="19"/>
      <c r="W1808" s="19"/>
      <c r="X1808" s="19">
        <v>1</v>
      </c>
      <c r="Y1808" s="19"/>
      <c r="Z1808" s="19"/>
      <c r="AA1808" s="19"/>
    </row>
    <row r="1809" spans="1:27" s="1" customFormat="1" ht="11.1" customHeight="1" outlineLevel="2" x14ac:dyDescent="0.2">
      <c r="A1809" s="17"/>
      <c r="B1809" s="17"/>
      <c r="C1809" s="17"/>
      <c r="D1809" s="18"/>
      <c r="E1809" s="18"/>
      <c r="F1809" s="18"/>
      <c r="G1809" s="18"/>
      <c r="H1809" s="18"/>
      <c r="I1809" s="18"/>
      <c r="J1809" s="18"/>
      <c r="K1809" s="18"/>
      <c r="L1809" s="18"/>
      <c r="M1809" s="18"/>
      <c r="N1809" s="18"/>
      <c r="O1809" s="18"/>
      <c r="P1809" s="19"/>
      <c r="Q1809" s="19"/>
      <c r="R1809" s="19"/>
      <c r="S1809" s="19"/>
      <c r="T1809" s="19"/>
      <c r="U1809" s="19"/>
      <c r="V1809" s="19"/>
      <c r="W1809" s="19"/>
      <c r="X1809" s="19"/>
      <c r="Y1809" s="19"/>
      <c r="Z1809" s="19"/>
      <c r="AA1809" s="19"/>
    </row>
    <row r="1810" spans="1:27" s="1" customFormat="1" ht="11.1" customHeight="1" outlineLevel="2" x14ac:dyDescent="0.2">
      <c r="A1810" s="17">
        <v>9749</v>
      </c>
      <c r="B1810" s="17"/>
      <c r="C1810" s="17"/>
      <c r="D1810" s="18" t="s">
        <v>913</v>
      </c>
      <c r="E1810" s="18"/>
      <c r="F1810" s="18"/>
      <c r="G1810" s="18"/>
      <c r="H1810" s="18"/>
      <c r="I1810" s="18"/>
      <c r="J1810" s="18"/>
      <c r="K1810" s="18"/>
      <c r="L1810" s="18"/>
      <c r="M1810" s="18"/>
      <c r="N1810" s="18"/>
      <c r="O1810" s="18"/>
      <c r="P1810" s="19">
        <v>110</v>
      </c>
      <c r="Q1810" s="19"/>
      <c r="R1810" s="19"/>
      <c r="S1810" s="19"/>
      <c r="T1810" s="19">
        <v>70</v>
      </c>
      <c r="U1810" s="19"/>
      <c r="V1810" s="19"/>
      <c r="W1810" s="19"/>
      <c r="X1810" s="19">
        <v>5</v>
      </c>
      <c r="Y1810" s="19"/>
      <c r="Z1810" s="19"/>
      <c r="AA1810" s="19"/>
    </row>
    <row r="1811" spans="1:27" s="1" customFormat="1" ht="11.1" customHeight="1" outlineLevel="2" x14ac:dyDescent="0.2">
      <c r="A1811" s="17"/>
      <c r="B1811" s="17"/>
      <c r="C1811" s="17"/>
      <c r="D1811" s="18"/>
      <c r="E1811" s="18"/>
      <c r="F1811" s="18"/>
      <c r="G1811" s="18"/>
      <c r="H1811" s="18"/>
      <c r="I1811" s="18"/>
      <c r="J1811" s="18"/>
      <c r="K1811" s="18"/>
      <c r="L1811" s="18"/>
      <c r="M1811" s="18"/>
      <c r="N1811" s="18"/>
      <c r="O1811" s="18"/>
      <c r="P1811" s="19"/>
      <c r="Q1811" s="19"/>
      <c r="R1811" s="19"/>
      <c r="S1811" s="19"/>
      <c r="T1811" s="19"/>
      <c r="U1811" s="19"/>
      <c r="V1811" s="19"/>
      <c r="W1811" s="19"/>
      <c r="X1811" s="19"/>
      <c r="Y1811" s="19"/>
      <c r="Z1811" s="19"/>
      <c r="AA1811" s="19"/>
    </row>
    <row r="1812" spans="1:27" s="1" customFormat="1" ht="11.1" customHeight="1" outlineLevel="2" x14ac:dyDescent="0.2">
      <c r="A1812" s="17">
        <v>9560</v>
      </c>
      <c r="B1812" s="17"/>
      <c r="C1812" s="17"/>
      <c r="D1812" s="18" t="s">
        <v>914</v>
      </c>
      <c r="E1812" s="18"/>
      <c r="F1812" s="18"/>
      <c r="G1812" s="18"/>
      <c r="H1812" s="18"/>
      <c r="I1812" s="18"/>
      <c r="J1812" s="18"/>
      <c r="K1812" s="18"/>
      <c r="L1812" s="18"/>
      <c r="M1812" s="18"/>
      <c r="N1812" s="18"/>
      <c r="O1812" s="18"/>
      <c r="P1812" s="19">
        <v>30</v>
      </c>
      <c r="Q1812" s="19"/>
      <c r="R1812" s="19"/>
      <c r="S1812" s="19"/>
      <c r="T1812" s="19">
        <v>20</v>
      </c>
      <c r="U1812" s="19"/>
      <c r="V1812" s="19"/>
      <c r="W1812" s="19"/>
      <c r="X1812" s="19">
        <v>9</v>
      </c>
      <c r="Y1812" s="19"/>
      <c r="Z1812" s="19"/>
      <c r="AA1812" s="19"/>
    </row>
    <row r="1813" spans="1:27" s="1" customFormat="1" ht="11.1" customHeight="1" outlineLevel="2" x14ac:dyDescent="0.2">
      <c r="A1813" s="17"/>
      <c r="B1813" s="17"/>
      <c r="C1813" s="17"/>
      <c r="D1813" s="18"/>
      <c r="E1813" s="18"/>
      <c r="F1813" s="18"/>
      <c r="G1813" s="18"/>
      <c r="H1813" s="18"/>
      <c r="I1813" s="18"/>
      <c r="J1813" s="18"/>
      <c r="K1813" s="18"/>
      <c r="L1813" s="18"/>
      <c r="M1813" s="18"/>
      <c r="N1813" s="18"/>
      <c r="O1813" s="18"/>
      <c r="P1813" s="19"/>
      <c r="Q1813" s="19"/>
      <c r="R1813" s="19"/>
      <c r="S1813" s="19"/>
      <c r="T1813" s="19"/>
      <c r="U1813" s="19"/>
      <c r="V1813" s="19"/>
      <c r="W1813" s="19"/>
      <c r="X1813" s="19"/>
      <c r="Y1813" s="19"/>
      <c r="Z1813" s="19"/>
      <c r="AA1813" s="19"/>
    </row>
    <row r="1814" spans="1:27" s="1" customFormat="1" ht="11.1" customHeight="1" outlineLevel="2" x14ac:dyDescent="0.2">
      <c r="A1814" s="17">
        <v>9723</v>
      </c>
      <c r="B1814" s="17"/>
      <c r="C1814" s="17"/>
      <c r="D1814" s="18" t="s">
        <v>915</v>
      </c>
      <c r="E1814" s="18"/>
      <c r="F1814" s="18"/>
      <c r="G1814" s="18"/>
      <c r="H1814" s="18"/>
      <c r="I1814" s="18"/>
      <c r="J1814" s="18"/>
      <c r="K1814" s="18"/>
      <c r="L1814" s="18"/>
      <c r="M1814" s="18"/>
      <c r="N1814" s="18"/>
      <c r="O1814" s="18"/>
      <c r="P1814" s="19">
        <v>100</v>
      </c>
      <c r="Q1814" s="19"/>
      <c r="R1814" s="19"/>
      <c r="S1814" s="19"/>
      <c r="T1814" s="19">
        <v>75</v>
      </c>
      <c r="U1814" s="19"/>
      <c r="V1814" s="19"/>
      <c r="W1814" s="19"/>
      <c r="X1814" s="19">
        <v>2</v>
      </c>
      <c r="Y1814" s="19"/>
      <c r="Z1814" s="19"/>
      <c r="AA1814" s="19"/>
    </row>
    <row r="1815" spans="1:27" s="1" customFormat="1" ht="11.1" customHeight="1" outlineLevel="2" x14ac:dyDescent="0.2">
      <c r="A1815" s="17"/>
      <c r="B1815" s="17"/>
      <c r="C1815" s="17"/>
      <c r="D1815" s="18"/>
      <c r="E1815" s="18"/>
      <c r="F1815" s="18"/>
      <c r="G1815" s="18"/>
      <c r="H1815" s="18"/>
      <c r="I1815" s="18"/>
      <c r="J1815" s="18"/>
      <c r="K1815" s="18"/>
      <c r="L1815" s="18"/>
      <c r="M1815" s="18"/>
      <c r="N1815" s="18"/>
      <c r="O1815" s="18"/>
      <c r="P1815" s="19"/>
      <c r="Q1815" s="19"/>
      <c r="R1815" s="19"/>
      <c r="S1815" s="19"/>
      <c r="T1815" s="19"/>
      <c r="U1815" s="19"/>
      <c r="V1815" s="19"/>
      <c r="W1815" s="19"/>
      <c r="X1815" s="19"/>
      <c r="Y1815" s="19"/>
      <c r="Z1815" s="19"/>
      <c r="AA1815" s="19"/>
    </row>
    <row r="1816" spans="1:27" s="1" customFormat="1" ht="11.1" customHeight="1" outlineLevel="2" x14ac:dyDescent="0.2">
      <c r="A1816" s="17">
        <v>9724</v>
      </c>
      <c r="B1816" s="17"/>
      <c r="C1816" s="17"/>
      <c r="D1816" s="18" t="s">
        <v>916</v>
      </c>
      <c r="E1816" s="18"/>
      <c r="F1816" s="18"/>
      <c r="G1816" s="18"/>
      <c r="H1816" s="18"/>
      <c r="I1816" s="18"/>
      <c r="J1816" s="18"/>
      <c r="K1816" s="18"/>
      <c r="L1816" s="18"/>
      <c r="M1816" s="18"/>
      <c r="N1816" s="18"/>
      <c r="O1816" s="18"/>
      <c r="P1816" s="19">
        <v>100</v>
      </c>
      <c r="Q1816" s="19"/>
      <c r="R1816" s="19"/>
      <c r="S1816" s="19"/>
      <c r="T1816" s="19">
        <v>90</v>
      </c>
      <c r="U1816" s="19"/>
      <c r="V1816" s="19"/>
      <c r="W1816" s="19"/>
      <c r="X1816" s="19">
        <v>17</v>
      </c>
      <c r="Y1816" s="19"/>
      <c r="Z1816" s="19"/>
      <c r="AA1816" s="19"/>
    </row>
    <row r="1817" spans="1:27" s="1" customFormat="1" ht="11.1" customHeight="1" outlineLevel="2" x14ac:dyDescent="0.2">
      <c r="A1817" s="17"/>
      <c r="B1817" s="17"/>
      <c r="C1817" s="17"/>
      <c r="D1817" s="18"/>
      <c r="E1817" s="18"/>
      <c r="F1817" s="18"/>
      <c r="G1817" s="18"/>
      <c r="H1817" s="18"/>
      <c r="I1817" s="18"/>
      <c r="J1817" s="18"/>
      <c r="K1817" s="18"/>
      <c r="L1817" s="18"/>
      <c r="M1817" s="18"/>
      <c r="N1817" s="18"/>
      <c r="O1817" s="18"/>
      <c r="P1817" s="19"/>
      <c r="Q1817" s="19"/>
      <c r="R1817" s="19"/>
      <c r="S1817" s="19"/>
      <c r="T1817" s="19"/>
      <c r="U1817" s="19"/>
      <c r="V1817" s="19"/>
      <c r="W1817" s="19"/>
      <c r="X1817" s="19"/>
      <c r="Y1817" s="19"/>
      <c r="Z1817" s="19"/>
      <c r="AA1817" s="19"/>
    </row>
    <row r="1818" spans="1:27" s="1" customFormat="1" ht="14.1" customHeight="1" outlineLevel="2" x14ac:dyDescent="0.2">
      <c r="A1818" s="17">
        <v>10164</v>
      </c>
      <c r="B1818" s="17"/>
      <c r="C1818" s="17"/>
      <c r="D1818" s="18" t="s">
        <v>917</v>
      </c>
      <c r="E1818" s="18"/>
      <c r="F1818" s="18"/>
      <c r="G1818" s="18"/>
      <c r="H1818" s="18"/>
      <c r="I1818" s="18"/>
      <c r="J1818" s="18"/>
      <c r="K1818" s="18"/>
      <c r="L1818" s="18"/>
      <c r="M1818" s="18"/>
      <c r="N1818" s="18"/>
      <c r="O1818" s="18"/>
      <c r="P1818" s="19">
        <v>570</v>
      </c>
      <c r="Q1818" s="19"/>
      <c r="R1818" s="19"/>
      <c r="S1818" s="19"/>
      <c r="T1818" s="19">
        <v>500</v>
      </c>
      <c r="U1818" s="19"/>
      <c r="V1818" s="19"/>
      <c r="W1818" s="19"/>
      <c r="X1818" s="19">
        <v>4</v>
      </c>
      <c r="Y1818" s="19"/>
      <c r="Z1818" s="19"/>
      <c r="AA1818" s="19"/>
    </row>
    <row r="1819" spans="1:27" s="1" customFormat="1" ht="14.1" customHeight="1" outlineLevel="2" x14ac:dyDescent="0.2">
      <c r="A1819" s="17"/>
      <c r="B1819" s="17"/>
      <c r="C1819" s="17"/>
      <c r="D1819" s="18"/>
      <c r="E1819" s="18"/>
      <c r="F1819" s="18"/>
      <c r="G1819" s="18"/>
      <c r="H1819" s="18"/>
      <c r="I1819" s="18"/>
      <c r="J1819" s="18"/>
      <c r="K1819" s="18"/>
      <c r="L1819" s="18"/>
      <c r="M1819" s="18"/>
      <c r="N1819" s="18"/>
      <c r="O1819" s="18"/>
      <c r="P1819" s="19"/>
      <c r="Q1819" s="19"/>
      <c r="R1819" s="19"/>
      <c r="S1819" s="19"/>
      <c r="T1819" s="19"/>
      <c r="U1819" s="19"/>
      <c r="V1819" s="19"/>
      <c r="W1819" s="19"/>
      <c r="X1819" s="19"/>
      <c r="Y1819" s="19"/>
      <c r="Z1819" s="19"/>
      <c r="AA1819" s="19"/>
    </row>
    <row r="1820" spans="1:27" s="1" customFormat="1" ht="14.1" customHeight="1" outlineLevel="2" x14ac:dyDescent="0.2">
      <c r="A1820" s="17">
        <v>12637</v>
      </c>
      <c r="B1820" s="17"/>
      <c r="C1820" s="17"/>
      <c r="D1820" s="18" t="s">
        <v>918</v>
      </c>
      <c r="E1820" s="18"/>
      <c r="F1820" s="18"/>
      <c r="G1820" s="18"/>
      <c r="H1820" s="18"/>
      <c r="I1820" s="18"/>
      <c r="J1820" s="18"/>
      <c r="K1820" s="18"/>
      <c r="L1820" s="18"/>
      <c r="M1820" s="18"/>
      <c r="N1820" s="18"/>
      <c r="O1820" s="18"/>
      <c r="P1820" s="19">
        <v>120</v>
      </c>
      <c r="Q1820" s="19"/>
      <c r="R1820" s="19"/>
      <c r="S1820" s="19"/>
      <c r="T1820" s="19">
        <v>90</v>
      </c>
      <c r="U1820" s="19"/>
      <c r="V1820" s="19"/>
      <c r="W1820" s="19"/>
      <c r="X1820" s="19">
        <v>4</v>
      </c>
      <c r="Y1820" s="19"/>
      <c r="Z1820" s="19"/>
      <c r="AA1820" s="19"/>
    </row>
    <row r="1821" spans="1:27" s="1" customFormat="1" ht="14.1" customHeight="1" outlineLevel="2" x14ac:dyDescent="0.2">
      <c r="A1821" s="17"/>
      <c r="B1821" s="17"/>
      <c r="C1821" s="17"/>
      <c r="D1821" s="18"/>
      <c r="E1821" s="18"/>
      <c r="F1821" s="18"/>
      <c r="G1821" s="18"/>
      <c r="H1821" s="18"/>
      <c r="I1821" s="18"/>
      <c r="J1821" s="18"/>
      <c r="K1821" s="18"/>
      <c r="L1821" s="18"/>
      <c r="M1821" s="18"/>
      <c r="N1821" s="18"/>
      <c r="O1821" s="18"/>
      <c r="P1821" s="19"/>
      <c r="Q1821" s="19"/>
      <c r="R1821" s="19"/>
      <c r="S1821" s="19"/>
      <c r="T1821" s="19"/>
      <c r="U1821" s="19"/>
      <c r="V1821" s="19"/>
      <c r="W1821" s="19"/>
      <c r="X1821" s="19"/>
      <c r="Y1821" s="19"/>
      <c r="Z1821" s="19"/>
      <c r="AA1821" s="19"/>
    </row>
    <row r="1822" spans="1:27" s="1" customFormat="1" ht="11.1" customHeight="1" outlineLevel="2" x14ac:dyDescent="0.2">
      <c r="A1822" s="17">
        <v>17483</v>
      </c>
      <c r="B1822" s="17"/>
      <c r="C1822" s="17"/>
      <c r="D1822" s="18" t="s">
        <v>919</v>
      </c>
      <c r="E1822" s="18"/>
      <c r="F1822" s="18"/>
      <c r="G1822" s="18"/>
      <c r="H1822" s="18"/>
      <c r="I1822" s="18"/>
      <c r="J1822" s="18"/>
      <c r="K1822" s="18"/>
      <c r="L1822" s="18"/>
      <c r="M1822" s="18"/>
      <c r="N1822" s="18"/>
      <c r="O1822" s="18"/>
      <c r="P1822" s="19">
        <v>300</v>
      </c>
      <c r="Q1822" s="19"/>
      <c r="R1822" s="19"/>
      <c r="S1822" s="19"/>
      <c r="T1822" s="19">
        <v>200</v>
      </c>
      <c r="U1822" s="19"/>
      <c r="V1822" s="19"/>
      <c r="W1822" s="19"/>
      <c r="X1822" s="19">
        <v>1</v>
      </c>
      <c r="Y1822" s="19"/>
      <c r="Z1822" s="19"/>
      <c r="AA1822" s="19"/>
    </row>
    <row r="1823" spans="1:27" s="1" customFormat="1" ht="11.1" customHeight="1" outlineLevel="2" x14ac:dyDescent="0.2">
      <c r="A1823" s="17"/>
      <c r="B1823" s="17"/>
      <c r="C1823" s="17"/>
      <c r="D1823" s="18"/>
      <c r="E1823" s="18"/>
      <c r="F1823" s="18"/>
      <c r="G1823" s="18"/>
      <c r="H1823" s="18"/>
      <c r="I1823" s="18"/>
      <c r="J1823" s="18"/>
      <c r="K1823" s="18"/>
      <c r="L1823" s="18"/>
      <c r="M1823" s="18"/>
      <c r="N1823" s="18"/>
      <c r="O1823" s="18"/>
      <c r="P1823" s="19"/>
      <c r="Q1823" s="19"/>
      <c r="R1823" s="19"/>
      <c r="S1823" s="19"/>
      <c r="T1823" s="19"/>
      <c r="U1823" s="19"/>
      <c r="V1823" s="19"/>
      <c r="W1823" s="19"/>
      <c r="X1823" s="19"/>
      <c r="Y1823" s="19"/>
      <c r="Z1823" s="19"/>
      <c r="AA1823" s="19"/>
    </row>
    <row r="1824" spans="1:27" s="1" customFormat="1" ht="14.1" customHeight="1" outlineLevel="2" x14ac:dyDescent="0.2">
      <c r="A1824" s="17">
        <v>17484</v>
      </c>
      <c r="B1824" s="17"/>
      <c r="C1824" s="17"/>
      <c r="D1824" s="18" t="s">
        <v>920</v>
      </c>
      <c r="E1824" s="18"/>
      <c r="F1824" s="18"/>
      <c r="G1824" s="18"/>
      <c r="H1824" s="18"/>
      <c r="I1824" s="18"/>
      <c r="J1824" s="18"/>
      <c r="K1824" s="18"/>
      <c r="L1824" s="18"/>
      <c r="M1824" s="18"/>
      <c r="N1824" s="18"/>
      <c r="O1824" s="18"/>
      <c r="P1824" s="19">
        <v>700</v>
      </c>
      <c r="Q1824" s="19"/>
      <c r="R1824" s="19"/>
      <c r="S1824" s="19"/>
      <c r="T1824" s="19">
        <v>600</v>
      </c>
      <c r="U1824" s="19"/>
      <c r="V1824" s="19"/>
      <c r="W1824" s="19"/>
      <c r="X1824" s="19">
        <v>1</v>
      </c>
      <c r="Y1824" s="19"/>
      <c r="Z1824" s="19"/>
      <c r="AA1824" s="19"/>
    </row>
    <row r="1825" spans="1:27" s="1" customFormat="1" ht="14.1" customHeight="1" outlineLevel="2" x14ac:dyDescent="0.2">
      <c r="A1825" s="17"/>
      <c r="B1825" s="17"/>
      <c r="C1825" s="17"/>
      <c r="D1825" s="18"/>
      <c r="E1825" s="18"/>
      <c r="F1825" s="18"/>
      <c r="G1825" s="18"/>
      <c r="H1825" s="18"/>
      <c r="I1825" s="18"/>
      <c r="J1825" s="18"/>
      <c r="K1825" s="18"/>
      <c r="L1825" s="18"/>
      <c r="M1825" s="18"/>
      <c r="N1825" s="18"/>
      <c r="O1825" s="18"/>
      <c r="P1825" s="19"/>
      <c r="Q1825" s="19"/>
      <c r="R1825" s="19"/>
      <c r="S1825" s="19"/>
      <c r="T1825" s="19"/>
      <c r="U1825" s="19"/>
      <c r="V1825" s="19"/>
      <c r="W1825" s="19"/>
      <c r="X1825" s="19"/>
      <c r="Y1825" s="19"/>
      <c r="Z1825" s="19"/>
      <c r="AA1825" s="19"/>
    </row>
    <row r="1826" spans="1:27" s="1" customFormat="1" ht="14.1" customHeight="1" outlineLevel="2" x14ac:dyDescent="0.2">
      <c r="A1826" s="17">
        <v>9946</v>
      </c>
      <c r="B1826" s="17"/>
      <c r="C1826" s="17"/>
      <c r="D1826" s="18" t="s">
        <v>921</v>
      </c>
      <c r="E1826" s="18"/>
      <c r="F1826" s="18"/>
      <c r="G1826" s="18"/>
      <c r="H1826" s="18"/>
      <c r="I1826" s="18"/>
      <c r="J1826" s="18"/>
      <c r="K1826" s="18"/>
      <c r="L1826" s="18"/>
      <c r="M1826" s="18"/>
      <c r="N1826" s="18"/>
      <c r="O1826" s="18"/>
      <c r="P1826" s="19">
        <v>450</v>
      </c>
      <c r="Q1826" s="19"/>
      <c r="R1826" s="19"/>
      <c r="S1826" s="19"/>
      <c r="T1826" s="19">
        <v>350</v>
      </c>
      <c r="U1826" s="19"/>
      <c r="V1826" s="19"/>
      <c r="W1826" s="19"/>
      <c r="X1826" s="19">
        <v>8</v>
      </c>
      <c r="Y1826" s="19"/>
      <c r="Z1826" s="19"/>
      <c r="AA1826" s="19"/>
    </row>
    <row r="1827" spans="1:27" s="1" customFormat="1" ht="14.1" customHeight="1" outlineLevel="2" x14ac:dyDescent="0.2">
      <c r="A1827" s="17"/>
      <c r="B1827" s="17"/>
      <c r="C1827" s="17"/>
      <c r="D1827" s="18"/>
      <c r="E1827" s="18"/>
      <c r="F1827" s="18"/>
      <c r="G1827" s="18"/>
      <c r="H1827" s="18"/>
      <c r="I1827" s="18"/>
      <c r="J1827" s="18"/>
      <c r="K1827" s="18"/>
      <c r="L1827" s="18"/>
      <c r="M1827" s="18"/>
      <c r="N1827" s="18"/>
      <c r="O1827" s="18"/>
      <c r="P1827" s="19"/>
      <c r="Q1827" s="19"/>
      <c r="R1827" s="19"/>
      <c r="S1827" s="19"/>
      <c r="T1827" s="19"/>
      <c r="U1827" s="19"/>
      <c r="V1827" s="19"/>
      <c r="W1827" s="19"/>
      <c r="X1827" s="19"/>
      <c r="Y1827" s="19"/>
      <c r="Z1827" s="19"/>
      <c r="AA1827" s="19"/>
    </row>
    <row r="1828" spans="1:27" s="1" customFormat="1" ht="14.1" customHeight="1" outlineLevel="2" x14ac:dyDescent="0.2">
      <c r="A1828" s="17">
        <v>11175</v>
      </c>
      <c r="B1828" s="17"/>
      <c r="C1828" s="17"/>
      <c r="D1828" s="18" t="s">
        <v>922</v>
      </c>
      <c r="E1828" s="18"/>
      <c r="F1828" s="18"/>
      <c r="G1828" s="18"/>
      <c r="H1828" s="18"/>
      <c r="I1828" s="18"/>
      <c r="J1828" s="18"/>
      <c r="K1828" s="18"/>
      <c r="L1828" s="18"/>
      <c r="M1828" s="18"/>
      <c r="N1828" s="18"/>
      <c r="O1828" s="18"/>
      <c r="P1828" s="19">
        <v>900</v>
      </c>
      <c r="Q1828" s="19"/>
      <c r="R1828" s="19"/>
      <c r="S1828" s="19"/>
      <c r="T1828" s="19">
        <v>750</v>
      </c>
      <c r="U1828" s="19"/>
      <c r="V1828" s="19"/>
      <c r="W1828" s="19"/>
      <c r="X1828" s="19">
        <v>1</v>
      </c>
      <c r="Y1828" s="19"/>
      <c r="Z1828" s="19"/>
      <c r="AA1828" s="19"/>
    </row>
    <row r="1829" spans="1:27" s="1" customFormat="1" ht="14.1" customHeight="1" outlineLevel="2" x14ac:dyDescent="0.2">
      <c r="A1829" s="17"/>
      <c r="B1829" s="17"/>
      <c r="C1829" s="17"/>
      <c r="D1829" s="18"/>
      <c r="E1829" s="18"/>
      <c r="F1829" s="18"/>
      <c r="G1829" s="18"/>
      <c r="H1829" s="18"/>
      <c r="I1829" s="18"/>
      <c r="J1829" s="18"/>
      <c r="K1829" s="18"/>
      <c r="L1829" s="18"/>
      <c r="M1829" s="18"/>
      <c r="N1829" s="18"/>
      <c r="O1829" s="18"/>
      <c r="P1829" s="19"/>
      <c r="Q1829" s="19"/>
      <c r="R1829" s="19"/>
      <c r="S1829" s="19"/>
      <c r="T1829" s="19"/>
      <c r="U1829" s="19"/>
      <c r="V1829" s="19"/>
      <c r="W1829" s="19"/>
      <c r="X1829" s="19"/>
      <c r="Y1829" s="19"/>
      <c r="Z1829" s="19"/>
      <c r="AA1829" s="19"/>
    </row>
    <row r="1830" spans="1:27" s="1" customFormat="1" ht="14.1" customHeight="1" outlineLevel="2" x14ac:dyDescent="0.2">
      <c r="A1830" s="17">
        <v>9846</v>
      </c>
      <c r="B1830" s="17"/>
      <c r="C1830" s="17"/>
      <c r="D1830" s="18" t="s">
        <v>923</v>
      </c>
      <c r="E1830" s="18"/>
      <c r="F1830" s="18"/>
      <c r="G1830" s="18"/>
      <c r="H1830" s="18"/>
      <c r="I1830" s="18"/>
      <c r="J1830" s="18"/>
      <c r="K1830" s="18"/>
      <c r="L1830" s="18"/>
      <c r="M1830" s="18"/>
      <c r="N1830" s="18"/>
      <c r="O1830" s="18"/>
      <c r="P1830" s="19">
        <v>560</v>
      </c>
      <c r="Q1830" s="19"/>
      <c r="R1830" s="19"/>
      <c r="S1830" s="19"/>
      <c r="T1830" s="19">
        <v>500</v>
      </c>
      <c r="U1830" s="19"/>
      <c r="V1830" s="19"/>
      <c r="W1830" s="19"/>
      <c r="X1830" s="19">
        <v>6</v>
      </c>
      <c r="Y1830" s="19"/>
      <c r="Z1830" s="19"/>
      <c r="AA1830" s="19"/>
    </row>
    <row r="1831" spans="1:27" s="1" customFormat="1" ht="14.1" customHeight="1" outlineLevel="2" x14ac:dyDescent="0.2">
      <c r="A1831" s="17"/>
      <c r="B1831" s="17"/>
      <c r="C1831" s="17"/>
      <c r="D1831" s="18"/>
      <c r="E1831" s="18"/>
      <c r="F1831" s="18"/>
      <c r="G1831" s="18"/>
      <c r="H1831" s="18"/>
      <c r="I1831" s="18"/>
      <c r="J1831" s="18"/>
      <c r="K1831" s="18"/>
      <c r="L1831" s="18"/>
      <c r="M1831" s="18"/>
      <c r="N1831" s="18"/>
      <c r="O1831" s="18"/>
      <c r="P1831" s="19"/>
      <c r="Q1831" s="19"/>
      <c r="R1831" s="19"/>
      <c r="S1831" s="19"/>
      <c r="T1831" s="19"/>
      <c r="U1831" s="19"/>
      <c r="V1831" s="19"/>
      <c r="W1831" s="19"/>
      <c r="X1831" s="19"/>
      <c r="Y1831" s="19"/>
      <c r="Z1831" s="19"/>
      <c r="AA1831" s="19"/>
    </row>
    <row r="1832" spans="1:27" s="1" customFormat="1" ht="11.1" customHeight="1" outlineLevel="2" x14ac:dyDescent="0.2">
      <c r="A1832" s="17">
        <v>11174</v>
      </c>
      <c r="B1832" s="17"/>
      <c r="C1832" s="17"/>
      <c r="D1832" s="18" t="s">
        <v>924</v>
      </c>
      <c r="E1832" s="18"/>
      <c r="F1832" s="18"/>
      <c r="G1832" s="18"/>
      <c r="H1832" s="18"/>
      <c r="I1832" s="18"/>
      <c r="J1832" s="18"/>
      <c r="K1832" s="18"/>
      <c r="L1832" s="18"/>
      <c r="M1832" s="18"/>
      <c r="N1832" s="18"/>
      <c r="O1832" s="18"/>
      <c r="P1832" s="19">
        <v>580</v>
      </c>
      <c r="Q1832" s="19"/>
      <c r="R1832" s="19"/>
      <c r="S1832" s="19"/>
      <c r="T1832" s="19">
        <v>530</v>
      </c>
      <c r="U1832" s="19"/>
      <c r="V1832" s="19"/>
      <c r="W1832" s="19"/>
      <c r="X1832" s="19">
        <v>1</v>
      </c>
      <c r="Y1832" s="19"/>
      <c r="Z1832" s="19"/>
      <c r="AA1832" s="19"/>
    </row>
    <row r="1833" spans="1:27" s="1" customFormat="1" ht="11.1" customHeight="1" outlineLevel="2" x14ac:dyDescent="0.2">
      <c r="A1833" s="17"/>
      <c r="B1833" s="17"/>
      <c r="C1833" s="17"/>
      <c r="D1833" s="18"/>
      <c r="E1833" s="18"/>
      <c r="F1833" s="18"/>
      <c r="G1833" s="18"/>
      <c r="H1833" s="18"/>
      <c r="I1833" s="18"/>
      <c r="J1833" s="18"/>
      <c r="K1833" s="18"/>
      <c r="L1833" s="18"/>
      <c r="M1833" s="18"/>
      <c r="N1833" s="18"/>
      <c r="O1833" s="18"/>
      <c r="P1833" s="19"/>
      <c r="Q1833" s="19"/>
      <c r="R1833" s="19"/>
      <c r="S1833" s="19"/>
      <c r="T1833" s="19"/>
      <c r="U1833" s="19"/>
      <c r="V1833" s="19"/>
      <c r="W1833" s="19"/>
      <c r="X1833" s="19"/>
      <c r="Y1833" s="19"/>
      <c r="Z1833" s="19"/>
      <c r="AA1833" s="19"/>
    </row>
    <row r="1834" spans="1:27" s="1" customFormat="1" ht="11.1" customHeight="1" outlineLevel="2" x14ac:dyDescent="0.2">
      <c r="A1834" s="17">
        <v>9774</v>
      </c>
      <c r="B1834" s="17"/>
      <c r="C1834" s="17"/>
      <c r="D1834" s="18" t="s">
        <v>925</v>
      </c>
      <c r="E1834" s="18"/>
      <c r="F1834" s="18"/>
      <c r="G1834" s="18"/>
      <c r="H1834" s="18"/>
      <c r="I1834" s="18"/>
      <c r="J1834" s="18"/>
      <c r="K1834" s="18"/>
      <c r="L1834" s="18"/>
      <c r="M1834" s="18"/>
      <c r="N1834" s="18"/>
      <c r="O1834" s="18"/>
      <c r="P1834" s="19">
        <v>310</v>
      </c>
      <c r="Q1834" s="19"/>
      <c r="R1834" s="19"/>
      <c r="S1834" s="19"/>
      <c r="T1834" s="19">
        <v>270</v>
      </c>
      <c r="U1834" s="19"/>
      <c r="V1834" s="19"/>
      <c r="W1834" s="19"/>
      <c r="X1834" s="19">
        <v>1</v>
      </c>
      <c r="Y1834" s="19"/>
      <c r="Z1834" s="19"/>
      <c r="AA1834" s="19"/>
    </row>
    <row r="1835" spans="1:27" s="1" customFormat="1" ht="11.1" customHeight="1" outlineLevel="2" x14ac:dyDescent="0.2">
      <c r="A1835" s="17"/>
      <c r="B1835" s="17"/>
      <c r="C1835" s="17"/>
      <c r="D1835" s="18"/>
      <c r="E1835" s="18"/>
      <c r="F1835" s="18"/>
      <c r="G1835" s="18"/>
      <c r="H1835" s="18"/>
      <c r="I1835" s="18"/>
      <c r="J1835" s="18"/>
      <c r="K1835" s="18"/>
      <c r="L1835" s="18"/>
      <c r="M1835" s="18"/>
      <c r="N1835" s="18"/>
      <c r="O1835" s="18"/>
      <c r="P1835" s="19"/>
      <c r="Q1835" s="19"/>
      <c r="R1835" s="19"/>
      <c r="S1835" s="19"/>
      <c r="T1835" s="19"/>
      <c r="U1835" s="19"/>
      <c r="V1835" s="19"/>
      <c r="W1835" s="19"/>
      <c r="X1835" s="19"/>
      <c r="Y1835" s="19"/>
      <c r="Z1835" s="19"/>
      <c r="AA1835" s="19"/>
    </row>
    <row r="1836" spans="1:27" s="1" customFormat="1" ht="14.1" customHeight="1" outlineLevel="2" x14ac:dyDescent="0.2">
      <c r="A1836" s="17">
        <v>13942</v>
      </c>
      <c r="B1836" s="17"/>
      <c r="C1836" s="17"/>
      <c r="D1836" s="18" t="s">
        <v>926</v>
      </c>
      <c r="E1836" s="18"/>
      <c r="F1836" s="18"/>
      <c r="G1836" s="18"/>
      <c r="H1836" s="18"/>
      <c r="I1836" s="18"/>
      <c r="J1836" s="18"/>
      <c r="K1836" s="18"/>
      <c r="L1836" s="18"/>
      <c r="M1836" s="18"/>
      <c r="N1836" s="18"/>
      <c r="O1836" s="18"/>
      <c r="P1836" s="20">
        <v>1020</v>
      </c>
      <c r="Q1836" s="20"/>
      <c r="R1836" s="20"/>
      <c r="S1836" s="20"/>
      <c r="T1836" s="19">
        <v>770</v>
      </c>
      <c r="U1836" s="19"/>
      <c r="V1836" s="19"/>
      <c r="W1836" s="19"/>
      <c r="X1836" s="19">
        <v>3</v>
      </c>
      <c r="Y1836" s="19"/>
      <c r="Z1836" s="19"/>
      <c r="AA1836" s="19"/>
    </row>
    <row r="1837" spans="1:27" s="1" customFormat="1" ht="14.1" customHeight="1" outlineLevel="2" x14ac:dyDescent="0.2">
      <c r="A1837" s="17"/>
      <c r="B1837" s="17"/>
      <c r="C1837" s="17"/>
      <c r="D1837" s="18"/>
      <c r="E1837" s="18"/>
      <c r="F1837" s="18"/>
      <c r="G1837" s="18"/>
      <c r="H1837" s="18"/>
      <c r="I1837" s="18"/>
      <c r="J1837" s="18"/>
      <c r="K1837" s="18"/>
      <c r="L1837" s="18"/>
      <c r="M1837" s="18"/>
      <c r="N1837" s="18"/>
      <c r="O1837" s="18"/>
      <c r="P1837" s="20"/>
      <c r="Q1837" s="20"/>
      <c r="R1837" s="20"/>
      <c r="S1837" s="20"/>
      <c r="T1837" s="19"/>
      <c r="U1837" s="19"/>
      <c r="V1837" s="19"/>
      <c r="W1837" s="19"/>
      <c r="X1837" s="19"/>
      <c r="Y1837" s="19"/>
      <c r="Z1837" s="19"/>
      <c r="AA1837" s="19"/>
    </row>
    <row r="1838" spans="1:27" s="1" customFormat="1" ht="14.1" customHeight="1" outlineLevel="2" x14ac:dyDescent="0.2">
      <c r="A1838" s="17">
        <v>17482</v>
      </c>
      <c r="B1838" s="17"/>
      <c r="C1838" s="17"/>
      <c r="D1838" s="18" t="s">
        <v>927</v>
      </c>
      <c r="E1838" s="18"/>
      <c r="F1838" s="18"/>
      <c r="G1838" s="18"/>
      <c r="H1838" s="18"/>
      <c r="I1838" s="18"/>
      <c r="J1838" s="18"/>
      <c r="K1838" s="18"/>
      <c r="L1838" s="18"/>
      <c r="M1838" s="18"/>
      <c r="N1838" s="18"/>
      <c r="O1838" s="18"/>
      <c r="P1838" s="19">
        <v>400</v>
      </c>
      <c r="Q1838" s="19"/>
      <c r="R1838" s="19"/>
      <c r="S1838" s="19"/>
      <c r="T1838" s="19">
        <v>300</v>
      </c>
      <c r="U1838" s="19"/>
      <c r="V1838" s="19"/>
      <c r="W1838" s="19"/>
      <c r="X1838" s="19">
        <v>1</v>
      </c>
      <c r="Y1838" s="19"/>
      <c r="Z1838" s="19"/>
      <c r="AA1838" s="19"/>
    </row>
    <row r="1839" spans="1:27" s="1" customFormat="1" ht="14.1" customHeight="1" outlineLevel="2" x14ac:dyDescent="0.2">
      <c r="A1839" s="17"/>
      <c r="B1839" s="17"/>
      <c r="C1839" s="17"/>
      <c r="D1839" s="18"/>
      <c r="E1839" s="18"/>
      <c r="F1839" s="18"/>
      <c r="G1839" s="18"/>
      <c r="H1839" s="18"/>
      <c r="I1839" s="18"/>
      <c r="J1839" s="18"/>
      <c r="K1839" s="18"/>
      <c r="L1839" s="18"/>
      <c r="M1839" s="18"/>
      <c r="N1839" s="18"/>
      <c r="O1839" s="18"/>
      <c r="P1839" s="19"/>
      <c r="Q1839" s="19"/>
      <c r="R1839" s="19"/>
      <c r="S1839" s="19"/>
      <c r="T1839" s="19"/>
      <c r="U1839" s="19"/>
      <c r="V1839" s="19"/>
      <c r="W1839" s="19"/>
      <c r="X1839" s="19"/>
      <c r="Y1839" s="19"/>
      <c r="Z1839" s="19"/>
      <c r="AA1839" s="19"/>
    </row>
    <row r="1840" spans="1:27" s="1" customFormat="1" ht="11.1" customHeight="1" outlineLevel="1" x14ac:dyDescent="0.2">
      <c r="A1840" s="16" t="s">
        <v>928</v>
      </c>
      <c r="B1840" s="16"/>
      <c r="C1840" s="16"/>
      <c r="D1840" s="16"/>
      <c r="E1840" s="16"/>
      <c r="F1840" s="16"/>
      <c r="G1840" s="16"/>
      <c r="H1840" s="16"/>
      <c r="I1840" s="16"/>
      <c r="J1840" s="16"/>
      <c r="K1840" s="16"/>
      <c r="L1840" s="16"/>
      <c r="M1840" s="16"/>
      <c r="N1840" s="16"/>
      <c r="O1840" s="16"/>
      <c r="P1840" s="16"/>
      <c r="Q1840" s="16"/>
      <c r="R1840" s="16"/>
      <c r="S1840" s="16"/>
      <c r="T1840" s="16"/>
      <c r="U1840" s="16"/>
      <c r="V1840" s="16"/>
      <c r="W1840" s="16"/>
      <c r="X1840" s="16"/>
      <c r="Y1840" s="16"/>
      <c r="Z1840" s="16"/>
      <c r="AA1840" s="16"/>
    </row>
    <row r="1841" spans="1:27" s="1" customFormat="1" ht="11.1" customHeight="1" outlineLevel="1" x14ac:dyDescent="0.2">
      <c r="A1841" s="16"/>
      <c r="B1841" s="16"/>
      <c r="C1841" s="16"/>
      <c r="D1841" s="16"/>
      <c r="E1841" s="16"/>
      <c r="F1841" s="16"/>
      <c r="G1841" s="16"/>
      <c r="H1841" s="16"/>
      <c r="I1841" s="16"/>
      <c r="J1841" s="16"/>
      <c r="K1841" s="16"/>
      <c r="L1841" s="16"/>
      <c r="M1841" s="16"/>
      <c r="N1841" s="16"/>
      <c r="O1841" s="16"/>
      <c r="P1841" s="16"/>
      <c r="Q1841" s="16"/>
      <c r="R1841" s="16"/>
      <c r="S1841" s="16"/>
      <c r="T1841" s="16"/>
      <c r="U1841" s="16"/>
      <c r="V1841" s="16"/>
      <c r="W1841" s="16"/>
      <c r="X1841" s="16"/>
      <c r="Y1841" s="16"/>
      <c r="Z1841" s="16"/>
      <c r="AA1841" s="16"/>
    </row>
    <row r="1842" spans="1:27" s="1" customFormat="1" ht="11.1" customHeight="1" outlineLevel="2" x14ac:dyDescent="0.2">
      <c r="A1842" s="17">
        <v>9955</v>
      </c>
      <c r="B1842" s="17"/>
      <c r="C1842" s="17"/>
      <c r="D1842" s="18" t="s">
        <v>929</v>
      </c>
      <c r="E1842" s="18"/>
      <c r="F1842" s="18"/>
      <c r="G1842" s="18"/>
      <c r="H1842" s="18"/>
      <c r="I1842" s="18"/>
      <c r="J1842" s="18"/>
      <c r="K1842" s="18"/>
      <c r="L1842" s="18"/>
      <c r="M1842" s="18"/>
      <c r="N1842" s="18"/>
      <c r="O1842" s="18"/>
      <c r="P1842" s="19">
        <v>130</v>
      </c>
      <c r="Q1842" s="19"/>
      <c r="R1842" s="19"/>
      <c r="S1842" s="19"/>
      <c r="T1842" s="19">
        <v>130</v>
      </c>
      <c r="U1842" s="19"/>
      <c r="V1842" s="19"/>
      <c r="W1842" s="19"/>
      <c r="X1842" s="19">
        <v>1</v>
      </c>
      <c r="Y1842" s="19"/>
      <c r="Z1842" s="19"/>
      <c r="AA1842" s="19"/>
    </row>
    <row r="1843" spans="1:27" s="1" customFormat="1" ht="11.1" customHeight="1" outlineLevel="2" x14ac:dyDescent="0.2">
      <c r="A1843" s="17"/>
      <c r="B1843" s="17"/>
      <c r="C1843" s="17"/>
      <c r="D1843" s="18"/>
      <c r="E1843" s="18"/>
      <c r="F1843" s="18"/>
      <c r="G1843" s="18"/>
      <c r="H1843" s="18"/>
      <c r="I1843" s="18"/>
      <c r="J1843" s="18"/>
      <c r="K1843" s="18"/>
      <c r="L1843" s="18"/>
      <c r="M1843" s="18"/>
      <c r="N1843" s="18"/>
      <c r="O1843" s="18"/>
      <c r="P1843" s="19"/>
      <c r="Q1843" s="19"/>
      <c r="R1843" s="19"/>
      <c r="S1843" s="19"/>
      <c r="T1843" s="19"/>
      <c r="U1843" s="19"/>
      <c r="V1843" s="19"/>
      <c r="W1843" s="19"/>
      <c r="X1843" s="19"/>
      <c r="Y1843" s="19"/>
      <c r="Z1843" s="19"/>
      <c r="AA1843" s="19"/>
    </row>
    <row r="1844" spans="1:27" s="1" customFormat="1" ht="11.1" customHeight="1" outlineLevel="2" x14ac:dyDescent="0.2">
      <c r="A1844" s="17">
        <v>15547</v>
      </c>
      <c r="B1844" s="17"/>
      <c r="C1844" s="17"/>
      <c r="D1844" s="18" t="s">
        <v>930</v>
      </c>
      <c r="E1844" s="18"/>
      <c r="F1844" s="18"/>
      <c r="G1844" s="18"/>
      <c r="H1844" s="18"/>
      <c r="I1844" s="18"/>
      <c r="J1844" s="18"/>
      <c r="K1844" s="18"/>
      <c r="L1844" s="18"/>
      <c r="M1844" s="18"/>
      <c r="N1844" s="18"/>
      <c r="O1844" s="18"/>
      <c r="P1844" s="19">
        <v>210</v>
      </c>
      <c r="Q1844" s="19"/>
      <c r="R1844" s="19"/>
      <c r="S1844" s="19"/>
      <c r="T1844" s="19">
        <v>150</v>
      </c>
      <c r="U1844" s="19"/>
      <c r="V1844" s="19"/>
      <c r="W1844" s="19"/>
      <c r="X1844" s="19">
        <v>1</v>
      </c>
      <c r="Y1844" s="19"/>
      <c r="Z1844" s="19"/>
      <c r="AA1844" s="19"/>
    </row>
    <row r="1845" spans="1:27" s="1" customFormat="1" ht="11.1" customHeight="1" outlineLevel="2" x14ac:dyDescent="0.2">
      <c r="A1845" s="17"/>
      <c r="B1845" s="17"/>
      <c r="C1845" s="17"/>
      <c r="D1845" s="18"/>
      <c r="E1845" s="18"/>
      <c r="F1845" s="18"/>
      <c r="G1845" s="18"/>
      <c r="H1845" s="18"/>
      <c r="I1845" s="18"/>
      <c r="J1845" s="18"/>
      <c r="K1845" s="18"/>
      <c r="L1845" s="18"/>
      <c r="M1845" s="18"/>
      <c r="N1845" s="18"/>
      <c r="O1845" s="18"/>
      <c r="P1845" s="19"/>
      <c r="Q1845" s="19"/>
      <c r="R1845" s="19"/>
      <c r="S1845" s="19"/>
      <c r="T1845" s="19"/>
      <c r="U1845" s="19"/>
      <c r="V1845" s="19"/>
      <c r="W1845" s="19"/>
      <c r="X1845" s="19"/>
      <c r="Y1845" s="19"/>
      <c r="Z1845" s="19"/>
      <c r="AA1845" s="19"/>
    </row>
    <row r="1846" spans="1:27" s="1" customFormat="1" ht="11.1" customHeight="1" outlineLevel="2" x14ac:dyDescent="0.2">
      <c r="A1846" s="17">
        <v>10682</v>
      </c>
      <c r="B1846" s="17"/>
      <c r="C1846" s="17"/>
      <c r="D1846" s="18" t="s">
        <v>931</v>
      </c>
      <c r="E1846" s="18"/>
      <c r="F1846" s="18"/>
      <c r="G1846" s="18"/>
      <c r="H1846" s="18"/>
      <c r="I1846" s="18"/>
      <c r="J1846" s="18"/>
      <c r="K1846" s="18"/>
      <c r="L1846" s="18"/>
      <c r="M1846" s="18"/>
      <c r="N1846" s="18"/>
      <c r="O1846" s="18"/>
      <c r="P1846" s="19">
        <v>210</v>
      </c>
      <c r="Q1846" s="19"/>
      <c r="R1846" s="19"/>
      <c r="S1846" s="19"/>
      <c r="T1846" s="19">
        <v>150</v>
      </c>
      <c r="U1846" s="19"/>
      <c r="V1846" s="19"/>
      <c r="W1846" s="19"/>
      <c r="X1846" s="19">
        <v>4</v>
      </c>
      <c r="Y1846" s="19"/>
      <c r="Z1846" s="19"/>
      <c r="AA1846" s="19"/>
    </row>
    <row r="1847" spans="1:27" s="1" customFormat="1" ht="11.1" customHeight="1" outlineLevel="2" x14ac:dyDescent="0.2">
      <c r="A1847" s="17"/>
      <c r="B1847" s="17"/>
      <c r="C1847" s="17"/>
      <c r="D1847" s="18"/>
      <c r="E1847" s="18"/>
      <c r="F1847" s="18"/>
      <c r="G1847" s="18"/>
      <c r="H1847" s="18"/>
      <c r="I1847" s="18"/>
      <c r="J1847" s="18"/>
      <c r="K1847" s="18"/>
      <c r="L1847" s="18"/>
      <c r="M1847" s="18"/>
      <c r="N1847" s="18"/>
      <c r="O1847" s="18"/>
      <c r="P1847" s="19"/>
      <c r="Q1847" s="19"/>
      <c r="R1847" s="19"/>
      <c r="S1847" s="19"/>
      <c r="T1847" s="19"/>
      <c r="U1847" s="19"/>
      <c r="V1847" s="19"/>
      <c r="W1847" s="19"/>
      <c r="X1847" s="19"/>
      <c r="Y1847" s="19"/>
      <c r="Z1847" s="19"/>
      <c r="AA1847" s="19"/>
    </row>
    <row r="1848" spans="1:27" s="1" customFormat="1" ht="11.1" customHeight="1" outlineLevel="2" x14ac:dyDescent="0.2">
      <c r="A1848" s="17">
        <v>16381</v>
      </c>
      <c r="B1848" s="17"/>
      <c r="C1848" s="17"/>
      <c r="D1848" s="18" t="s">
        <v>932</v>
      </c>
      <c r="E1848" s="18"/>
      <c r="F1848" s="18"/>
      <c r="G1848" s="18"/>
      <c r="H1848" s="18"/>
      <c r="I1848" s="18"/>
      <c r="J1848" s="18"/>
      <c r="K1848" s="18"/>
      <c r="L1848" s="18"/>
      <c r="M1848" s="18"/>
      <c r="N1848" s="18"/>
      <c r="O1848" s="18"/>
      <c r="P1848" s="19">
        <v>800</v>
      </c>
      <c r="Q1848" s="19"/>
      <c r="R1848" s="19"/>
      <c r="S1848" s="19"/>
      <c r="T1848" s="19">
        <v>600</v>
      </c>
      <c r="U1848" s="19"/>
      <c r="V1848" s="19"/>
      <c r="W1848" s="19"/>
      <c r="X1848" s="19">
        <v>44</v>
      </c>
      <c r="Y1848" s="19"/>
      <c r="Z1848" s="19"/>
      <c r="AA1848" s="19"/>
    </row>
    <row r="1849" spans="1:27" s="1" customFormat="1" ht="11.1" customHeight="1" outlineLevel="2" x14ac:dyDescent="0.2">
      <c r="A1849" s="17"/>
      <c r="B1849" s="17"/>
      <c r="C1849" s="17"/>
      <c r="D1849" s="18"/>
      <c r="E1849" s="18"/>
      <c r="F1849" s="18"/>
      <c r="G1849" s="18"/>
      <c r="H1849" s="18"/>
      <c r="I1849" s="18"/>
      <c r="J1849" s="18"/>
      <c r="K1849" s="18"/>
      <c r="L1849" s="18"/>
      <c r="M1849" s="18"/>
      <c r="N1849" s="18"/>
      <c r="O1849" s="18"/>
      <c r="P1849" s="19"/>
      <c r="Q1849" s="19"/>
      <c r="R1849" s="19"/>
      <c r="S1849" s="19"/>
      <c r="T1849" s="19"/>
      <c r="U1849" s="19"/>
      <c r="V1849" s="19"/>
      <c r="W1849" s="19"/>
      <c r="X1849" s="19"/>
      <c r="Y1849" s="19"/>
      <c r="Z1849" s="19"/>
      <c r="AA1849" s="19"/>
    </row>
    <row r="1850" spans="1:27" s="1" customFormat="1" ht="11.1" customHeight="1" outlineLevel="2" x14ac:dyDescent="0.2">
      <c r="A1850" s="17">
        <v>11518</v>
      </c>
      <c r="B1850" s="17"/>
      <c r="C1850" s="17"/>
      <c r="D1850" s="18" t="s">
        <v>933</v>
      </c>
      <c r="E1850" s="18"/>
      <c r="F1850" s="18"/>
      <c r="G1850" s="18"/>
      <c r="H1850" s="18"/>
      <c r="I1850" s="18"/>
      <c r="J1850" s="18"/>
      <c r="K1850" s="18"/>
      <c r="L1850" s="18"/>
      <c r="M1850" s="18"/>
      <c r="N1850" s="18"/>
      <c r="O1850" s="18"/>
      <c r="P1850" s="19">
        <v>600</v>
      </c>
      <c r="Q1850" s="19"/>
      <c r="R1850" s="19"/>
      <c r="S1850" s="19"/>
      <c r="T1850" s="19">
        <v>500</v>
      </c>
      <c r="U1850" s="19"/>
      <c r="V1850" s="19"/>
      <c r="W1850" s="19"/>
      <c r="X1850" s="19">
        <v>1</v>
      </c>
      <c r="Y1850" s="19"/>
      <c r="Z1850" s="19"/>
      <c r="AA1850" s="19"/>
    </row>
    <row r="1851" spans="1:27" s="1" customFormat="1" ht="11.1" customHeight="1" outlineLevel="2" x14ac:dyDescent="0.2">
      <c r="A1851" s="17"/>
      <c r="B1851" s="17"/>
      <c r="C1851" s="17"/>
      <c r="D1851" s="18"/>
      <c r="E1851" s="18"/>
      <c r="F1851" s="18"/>
      <c r="G1851" s="18"/>
      <c r="H1851" s="18"/>
      <c r="I1851" s="18"/>
      <c r="J1851" s="18"/>
      <c r="K1851" s="18"/>
      <c r="L1851" s="18"/>
      <c r="M1851" s="18"/>
      <c r="N1851" s="18"/>
      <c r="O1851" s="18"/>
      <c r="P1851" s="19"/>
      <c r="Q1851" s="19"/>
      <c r="R1851" s="19"/>
      <c r="S1851" s="19"/>
      <c r="T1851" s="19"/>
      <c r="U1851" s="19"/>
      <c r="V1851" s="19"/>
      <c r="W1851" s="19"/>
      <c r="X1851" s="19"/>
      <c r="Y1851" s="19"/>
      <c r="Z1851" s="19"/>
      <c r="AA1851" s="19"/>
    </row>
    <row r="1852" spans="1:27" s="1" customFormat="1" ht="11.1" customHeight="1" outlineLevel="2" x14ac:dyDescent="0.2">
      <c r="A1852" s="17">
        <v>9081</v>
      </c>
      <c r="B1852" s="17"/>
      <c r="C1852" s="17"/>
      <c r="D1852" s="18" t="s">
        <v>934</v>
      </c>
      <c r="E1852" s="18"/>
      <c r="F1852" s="18"/>
      <c r="G1852" s="18"/>
      <c r="H1852" s="18"/>
      <c r="I1852" s="18"/>
      <c r="J1852" s="18"/>
      <c r="K1852" s="18"/>
      <c r="L1852" s="18"/>
      <c r="M1852" s="18"/>
      <c r="N1852" s="18"/>
      <c r="O1852" s="18"/>
      <c r="P1852" s="20">
        <v>1100</v>
      </c>
      <c r="Q1852" s="20"/>
      <c r="R1852" s="20"/>
      <c r="S1852" s="20"/>
      <c r="T1852" s="19">
        <v>900</v>
      </c>
      <c r="U1852" s="19"/>
      <c r="V1852" s="19"/>
      <c r="W1852" s="19"/>
      <c r="X1852" s="19">
        <v>53</v>
      </c>
      <c r="Y1852" s="19"/>
      <c r="Z1852" s="19"/>
      <c r="AA1852" s="19"/>
    </row>
    <row r="1853" spans="1:27" s="1" customFormat="1" ht="11.1" customHeight="1" outlineLevel="2" x14ac:dyDescent="0.2">
      <c r="A1853" s="17"/>
      <c r="B1853" s="17"/>
      <c r="C1853" s="17"/>
      <c r="D1853" s="18"/>
      <c r="E1853" s="18"/>
      <c r="F1853" s="18"/>
      <c r="G1853" s="18"/>
      <c r="H1853" s="18"/>
      <c r="I1853" s="18"/>
      <c r="J1853" s="18"/>
      <c r="K1853" s="18"/>
      <c r="L1853" s="18"/>
      <c r="M1853" s="18"/>
      <c r="N1853" s="18"/>
      <c r="O1853" s="18"/>
      <c r="P1853" s="20"/>
      <c r="Q1853" s="20"/>
      <c r="R1853" s="20"/>
      <c r="S1853" s="20"/>
      <c r="T1853" s="19"/>
      <c r="U1853" s="19"/>
      <c r="V1853" s="19"/>
      <c r="W1853" s="19"/>
      <c r="X1853" s="19"/>
      <c r="Y1853" s="19"/>
      <c r="Z1853" s="19"/>
      <c r="AA1853" s="19"/>
    </row>
    <row r="1854" spans="1:27" s="1" customFormat="1" ht="11.1" customHeight="1" outlineLevel="2" x14ac:dyDescent="0.2">
      <c r="A1854" s="17">
        <v>14329</v>
      </c>
      <c r="B1854" s="17"/>
      <c r="C1854" s="17"/>
      <c r="D1854" s="18" t="s">
        <v>935</v>
      </c>
      <c r="E1854" s="18"/>
      <c r="F1854" s="18"/>
      <c r="G1854" s="18"/>
      <c r="H1854" s="18"/>
      <c r="I1854" s="18"/>
      <c r="J1854" s="18"/>
      <c r="K1854" s="18"/>
      <c r="L1854" s="18"/>
      <c r="M1854" s="18"/>
      <c r="N1854" s="18"/>
      <c r="O1854" s="18"/>
      <c r="P1854" s="19">
        <v>220</v>
      </c>
      <c r="Q1854" s="19"/>
      <c r="R1854" s="19"/>
      <c r="S1854" s="19"/>
      <c r="T1854" s="19">
        <v>160</v>
      </c>
      <c r="U1854" s="19"/>
      <c r="V1854" s="19"/>
      <c r="W1854" s="19"/>
      <c r="X1854" s="19">
        <v>5</v>
      </c>
      <c r="Y1854" s="19"/>
      <c r="Z1854" s="19"/>
      <c r="AA1854" s="19"/>
    </row>
    <row r="1855" spans="1:27" s="1" customFormat="1" ht="11.1" customHeight="1" outlineLevel="2" x14ac:dyDescent="0.2">
      <c r="A1855" s="17"/>
      <c r="B1855" s="17"/>
      <c r="C1855" s="17"/>
      <c r="D1855" s="18"/>
      <c r="E1855" s="18"/>
      <c r="F1855" s="18"/>
      <c r="G1855" s="18"/>
      <c r="H1855" s="18"/>
      <c r="I1855" s="18"/>
      <c r="J1855" s="18"/>
      <c r="K1855" s="18"/>
      <c r="L1855" s="18"/>
      <c r="M1855" s="18"/>
      <c r="N1855" s="18"/>
      <c r="O1855" s="18"/>
      <c r="P1855" s="19"/>
      <c r="Q1855" s="19"/>
      <c r="R1855" s="19"/>
      <c r="S1855" s="19"/>
      <c r="T1855" s="19"/>
      <c r="U1855" s="19"/>
      <c r="V1855" s="19"/>
      <c r="W1855" s="19"/>
      <c r="X1855" s="19"/>
      <c r="Y1855" s="19"/>
      <c r="Z1855" s="19"/>
      <c r="AA1855" s="19"/>
    </row>
    <row r="1856" spans="1:27" s="1" customFormat="1" ht="11.1" customHeight="1" outlineLevel="2" x14ac:dyDescent="0.2">
      <c r="A1856" s="17">
        <v>17626</v>
      </c>
      <c r="B1856" s="17"/>
      <c r="C1856" s="17"/>
      <c r="D1856" s="18" t="s">
        <v>936</v>
      </c>
      <c r="E1856" s="18"/>
      <c r="F1856" s="18"/>
      <c r="G1856" s="18"/>
      <c r="H1856" s="18"/>
      <c r="I1856" s="18"/>
      <c r="J1856" s="18"/>
      <c r="K1856" s="18"/>
      <c r="L1856" s="18"/>
      <c r="M1856" s="18"/>
      <c r="N1856" s="18"/>
      <c r="O1856" s="18"/>
      <c r="P1856" s="19">
        <v>150</v>
      </c>
      <c r="Q1856" s="19"/>
      <c r="R1856" s="19"/>
      <c r="S1856" s="19"/>
      <c r="T1856" s="19">
        <v>100</v>
      </c>
      <c r="U1856" s="19"/>
      <c r="V1856" s="19"/>
      <c r="W1856" s="19"/>
      <c r="X1856" s="19">
        <v>3</v>
      </c>
      <c r="Y1856" s="19"/>
      <c r="Z1856" s="19"/>
      <c r="AA1856" s="19"/>
    </row>
    <row r="1857" spans="1:27" s="1" customFormat="1" ht="11.1" customHeight="1" outlineLevel="2" x14ac:dyDescent="0.2">
      <c r="A1857" s="17"/>
      <c r="B1857" s="17"/>
      <c r="C1857" s="17"/>
      <c r="D1857" s="18"/>
      <c r="E1857" s="18"/>
      <c r="F1857" s="18"/>
      <c r="G1857" s="18"/>
      <c r="H1857" s="18"/>
      <c r="I1857" s="18"/>
      <c r="J1857" s="18"/>
      <c r="K1857" s="18"/>
      <c r="L1857" s="18"/>
      <c r="M1857" s="18"/>
      <c r="N1857" s="18"/>
      <c r="O1857" s="18"/>
      <c r="P1857" s="19"/>
      <c r="Q1857" s="19"/>
      <c r="R1857" s="19"/>
      <c r="S1857" s="19"/>
      <c r="T1857" s="19"/>
      <c r="U1857" s="19"/>
      <c r="V1857" s="19"/>
      <c r="W1857" s="19"/>
      <c r="X1857" s="19"/>
      <c r="Y1857" s="19"/>
      <c r="Z1857" s="19"/>
      <c r="AA1857" s="19"/>
    </row>
    <row r="1858" spans="1:27" s="1" customFormat="1" ht="11.1" customHeight="1" outlineLevel="2" x14ac:dyDescent="0.2">
      <c r="A1858" s="17">
        <v>12603</v>
      </c>
      <c r="B1858" s="17"/>
      <c r="C1858" s="17"/>
      <c r="D1858" s="18" t="s">
        <v>937</v>
      </c>
      <c r="E1858" s="18"/>
      <c r="F1858" s="18"/>
      <c r="G1858" s="18"/>
      <c r="H1858" s="18"/>
      <c r="I1858" s="18"/>
      <c r="J1858" s="18"/>
      <c r="K1858" s="18"/>
      <c r="L1858" s="18"/>
      <c r="M1858" s="18"/>
      <c r="N1858" s="18"/>
      <c r="O1858" s="18"/>
      <c r="P1858" s="19">
        <v>90</v>
      </c>
      <c r="Q1858" s="19"/>
      <c r="R1858" s="19"/>
      <c r="S1858" s="19"/>
      <c r="T1858" s="19">
        <v>70</v>
      </c>
      <c r="U1858" s="19"/>
      <c r="V1858" s="19"/>
      <c r="W1858" s="19"/>
      <c r="X1858" s="19">
        <v>5</v>
      </c>
      <c r="Y1858" s="19"/>
      <c r="Z1858" s="19"/>
      <c r="AA1858" s="19"/>
    </row>
    <row r="1859" spans="1:27" s="1" customFormat="1" ht="11.1" customHeight="1" outlineLevel="2" x14ac:dyDescent="0.2">
      <c r="A1859" s="17"/>
      <c r="B1859" s="17"/>
      <c r="C1859" s="17"/>
      <c r="D1859" s="18"/>
      <c r="E1859" s="18"/>
      <c r="F1859" s="18"/>
      <c r="G1859" s="18"/>
      <c r="H1859" s="18"/>
      <c r="I1859" s="18"/>
      <c r="J1859" s="18"/>
      <c r="K1859" s="18"/>
      <c r="L1859" s="18"/>
      <c r="M1859" s="18"/>
      <c r="N1859" s="18"/>
      <c r="O1859" s="18"/>
      <c r="P1859" s="19"/>
      <c r="Q1859" s="19"/>
      <c r="R1859" s="19"/>
      <c r="S1859" s="19"/>
      <c r="T1859" s="19"/>
      <c r="U1859" s="19"/>
      <c r="V1859" s="19"/>
      <c r="W1859" s="19"/>
      <c r="X1859" s="19"/>
      <c r="Y1859" s="19"/>
      <c r="Z1859" s="19"/>
      <c r="AA1859" s="19"/>
    </row>
    <row r="1860" spans="1:27" s="1" customFormat="1" ht="11.1" customHeight="1" outlineLevel="2" x14ac:dyDescent="0.2">
      <c r="A1860" s="17">
        <v>12604</v>
      </c>
      <c r="B1860" s="17"/>
      <c r="C1860" s="17"/>
      <c r="D1860" s="18" t="s">
        <v>938</v>
      </c>
      <c r="E1860" s="18"/>
      <c r="F1860" s="18"/>
      <c r="G1860" s="18"/>
      <c r="H1860" s="18"/>
      <c r="I1860" s="18"/>
      <c r="J1860" s="18"/>
      <c r="K1860" s="18"/>
      <c r="L1860" s="18"/>
      <c r="M1860" s="18"/>
      <c r="N1860" s="18"/>
      <c r="O1860" s="18"/>
      <c r="P1860" s="19">
        <v>90</v>
      </c>
      <c r="Q1860" s="19"/>
      <c r="R1860" s="19"/>
      <c r="S1860" s="19"/>
      <c r="T1860" s="19">
        <v>70</v>
      </c>
      <c r="U1860" s="19"/>
      <c r="V1860" s="19"/>
      <c r="W1860" s="19"/>
      <c r="X1860" s="19">
        <v>6</v>
      </c>
      <c r="Y1860" s="19"/>
      <c r="Z1860" s="19"/>
      <c r="AA1860" s="19"/>
    </row>
    <row r="1861" spans="1:27" s="1" customFormat="1" ht="11.1" customHeight="1" outlineLevel="2" x14ac:dyDescent="0.2">
      <c r="A1861" s="17"/>
      <c r="B1861" s="17"/>
      <c r="C1861" s="17"/>
      <c r="D1861" s="18"/>
      <c r="E1861" s="18"/>
      <c r="F1861" s="18"/>
      <c r="G1861" s="18"/>
      <c r="H1861" s="18"/>
      <c r="I1861" s="18"/>
      <c r="J1861" s="18"/>
      <c r="K1861" s="18"/>
      <c r="L1861" s="18"/>
      <c r="M1861" s="18"/>
      <c r="N1861" s="18"/>
      <c r="O1861" s="18"/>
      <c r="P1861" s="19"/>
      <c r="Q1861" s="19"/>
      <c r="R1861" s="19"/>
      <c r="S1861" s="19"/>
      <c r="T1861" s="19"/>
      <c r="U1861" s="19"/>
      <c r="V1861" s="19"/>
      <c r="W1861" s="19"/>
      <c r="X1861" s="19"/>
      <c r="Y1861" s="19"/>
      <c r="Z1861" s="19"/>
      <c r="AA1861" s="19"/>
    </row>
    <row r="1862" spans="1:27" s="1" customFormat="1" ht="11.1" customHeight="1" outlineLevel="2" x14ac:dyDescent="0.2">
      <c r="A1862" s="17">
        <v>12605</v>
      </c>
      <c r="B1862" s="17"/>
      <c r="C1862" s="17"/>
      <c r="D1862" s="18" t="s">
        <v>939</v>
      </c>
      <c r="E1862" s="18"/>
      <c r="F1862" s="18"/>
      <c r="G1862" s="18"/>
      <c r="H1862" s="18"/>
      <c r="I1862" s="18"/>
      <c r="J1862" s="18"/>
      <c r="K1862" s="18"/>
      <c r="L1862" s="18"/>
      <c r="M1862" s="18"/>
      <c r="N1862" s="18"/>
      <c r="O1862" s="18"/>
      <c r="P1862" s="19">
        <v>90</v>
      </c>
      <c r="Q1862" s="19"/>
      <c r="R1862" s="19"/>
      <c r="S1862" s="19"/>
      <c r="T1862" s="19">
        <v>70</v>
      </c>
      <c r="U1862" s="19"/>
      <c r="V1862" s="19"/>
      <c r="W1862" s="19"/>
      <c r="X1862" s="19">
        <v>6</v>
      </c>
      <c r="Y1862" s="19"/>
      <c r="Z1862" s="19"/>
      <c r="AA1862" s="19"/>
    </row>
    <row r="1863" spans="1:27" s="1" customFormat="1" ht="11.1" customHeight="1" outlineLevel="2" x14ac:dyDescent="0.2">
      <c r="A1863" s="17"/>
      <c r="B1863" s="17"/>
      <c r="C1863" s="17"/>
      <c r="D1863" s="18"/>
      <c r="E1863" s="18"/>
      <c r="F1863" s="18"/>
      <c r="G1863" s="18"/>
      <c r="H1863" s="18"/>
      <c r="I1863" s="18"/>
      <c r="J1863" s="18"/>
      <c r="K1863" s="18"/>
      <c r="L1863" s="18"/>
      <c r="M1863" s="18"/>
      <c r="N1863" s="18"/>
      <c r="O1863" s="18"/>
      <c r="P1863" s="19"/>
      <c r="Q1863" s="19"/>
      <c r="R1863" s="19"/>
      <c r="S1863" s="19"/>
      <c r="T1863" s="19"/>
      <c r="U1863" s="19"/>
      <c r="V1863" s="19"/>
      <c r="W1863" s="19"/>
      <c r="X1863" s="19"/>
      <c r="Y1863" s="19"/>
      <c r="Z1863" s="19"/>
      <c r="AA1863" s="19"/>
    </row>
    <row r="1864" spans="1:27" s="1" customFormat="1" ht="11.1" customHeight="1" outlineLevel="2" x14ac:dyDescent="0.2">
      <c r="A1864" s="17">
        <v>12602</v>
      </c>
      <c r="B1864" s="17"/>
      <c r="C1864" s="17"/>
      <c r="D1864" s="18" t="s">
        <v>940</v>
      </c>
      <c r="E1864" s="18"/>
      <c r="F1864" s="18"/>
      <c r="G1864" s="18"/>
      <c r="H1864" s="18"/>
      <c r="I1864" s="18"/>
      <c r="J1864" s="18"/>
      <c r="K1864" s="18"/>
      <c r="L1864" s="18"/>
      <c r="M1864" s="18"/>
      <c r="N1864" s="18"/>
      <c r="O1864" s="18"/>
      <c r="P1864" s="19">
        <v>90</v>
      </c>
      <c r="Q1864" s="19"/>
      <c r="R1864" s="19"/>
      <c r="S1864" s="19"/>
      <c r="T1864" s="19">
        <v>70</v>
      </c>
      <c r="U1864" s="19"/>
      <c r="V1864" s="19"/>
      <c r="W1864" s="19"/>
      <c r="X1864" s="19">
        <v>6</v>
      </c>
      <c r="Y1864" s="19"/>
      <c r="Z1864" s="19"/>
      <c r="AA1864" s="19"/>
    </row>
    <row r="1865" spans="1:27" s="1" customFormat="1" ht="11.1" customHeight="1" outlineLevel="2" x14ac:dyDescent="0.2">
      <c r="A1865" s="17"/>
      <c r="B1865" s="17"/>
      <c r="C1865" s="17"/>
      <c r="D1865" s="18"/>
      <c r="E1865" s="18"/>
      <c r="F1865" s="18"/>
      <c r="G1865" s="18"/>
      <c r="H1865" s="18"/>
      <c r="I1865" s="18"/>
      <c r="J1865" s="18"/>
      <c r="K1865" s="18"/>
      <c r="L1865" s="18"/>
      <c r="M1865" s="18"/>
      <c r="N1865" s="18"/>
      <c r="O1865" s="18"/>
      <c r="P1865" s="19"/>
      <c r="Q1865" s="19"/>
      <c r="R1865" s="19"/>
      <c r="S1865" s="19"/>
      <c r="T1865" s="19"/>
      <c r="U1865" s="19"/>
      <c r="V1865" s="19"/>
      <c r="W1865" s="19"/>
      <c r="X1865" s="19"/>
      <c r="Y1865" s="19"/>
      <c r="Z1865" s="19"/>
      <c r="AA1865" s="19"/>
    </row>
    <row r="1866" spans="1:27" s="1" customFormat="1" ht="11.1" customHeight="1" outlineLevel="2" x14ac:dyDescent="0.2">
      <c r="A1866" s="17">
        <v>12601</v>
      </c>
      <c r="B1866" s="17"/>
      <c r="C1866" s="17"/>
      <c r="D1866" s="18" t="s">
        <v>941</v>
      </c>
      <c r="E1866" s="18"/>
      <c r="F1866" s="18"/>
      <c r="G1866" s="18"/>
      <c r="H1866" s="18"/>
      <c r="I1866" s="18"/>
      <c r="J1866" s="18"/>
      <c r="K1866" s="18"/>
      <c r="L1866" s="18"/>
      <c r="M1866" s="18"/>
      <c r="N1866" s="18"/>
      <c r="O1866" s="18"/>
      <c r="P1866" s="19">
        <v>90</v>
      </c>
      <c r="Q1866" s="19"/>
      <c r="R1866" s="19"/>
      <c r="S1866" s="19"/>
      <c r="T1866" s="19">
        <v>70</v>
      </c>
      <c r="U1866" s="19"/>
      <c r="V1866" s="19"/>
      <c r="W1866" s="19"/>
      <c r="X1866" s="19">
        <v>4</v>
      </c>
      <c r="Y1866" s="19"/>
      <c r="Z1866" s="19"/>
      <c r="AA1866" s="19"/>
    </row>
    <row r="1867" spans="1:27" s="1" customFormat="1" ht="11.1" customHeight="1" outlineLevel="2" x14ac:dyDescent="0.2">
      <c r="A1867" s="17"/>
      <c r="B1867" s="17"/>
      <c r="C1867" s="17"/>
      <c r="D1867" s="18"/>
      <c r="E1867" s="18"/>
      <c r="F1867" s="18"/>
      <c r="G1867" s="18"/>
      <c r="H1867" s="18"/>
      <c r="I1867" s="18"/>
      <c r="J1867" s="18"/>
      <c r="K1867" s="18"/>
      <c r="L1867" s="18"/>
      <c r="M1867" s="18"/>
      <c r="N1867" s="18"/>
      <c r="O1867" s="18"/>
      <c r="P1867" s="19"/>
      <c r="Q1867" s="19"/>
      <c r="R1867" s="19"/>
      <c r="S1867" s="19"/>
      <c r="T1867" s="19"/>
      <c r="U1867" s="19"/>
      <c r="V1867" s="19"/>
      <c r="W1867" s="19"/>
      <c r="X1867" s="19"/>
      <c r="Y1867" s="19"/>
      <c r="Z1867" s="19"/>
      <c r="AA1867" s="19"/>
    </row>
    <row r="1868" spans="1:27" s="1" customFormat="1" ht="11.1" customHeight="1" outlineLevel="2" x14ac:dyDescent="0.2">
      <c r="A1868" s="17">
        <v>12600</v>
      </c>
      <c r="B1868" s="17"/>
      <c r="C1868" s="17"/>
      <c r="D1868" s="18" t="s">
        <v>942</v>
      </c>
      <c r="E1868" s="18"/>
      <c r="F1868" s="18"/>
      <c r="G1868" s="18"/>
      <c r="H1868" s="18"/>
      <c r="I1868" s="18"/>
      <c r="J1868" s="18"/>
      <c r="K1868" s="18"/>
      <c r="L1868" s="18"/>
      <c r="M1868" s="18"/>
      <c r="N1868" s="18"/>
      <c r="O1868" s="18"/>
      <c r="P1868" s="19">
        <v>90</v>
      </c>
      <c r="Q1868" s="19"/>
      <c r="R1868" s="19"/>
      <c r="S1868" s="19"/>
      <c r="T1868" s="19">
        <v>70</v>
      </c>
      <c r="U1868" s="19"/>
      <c r="V1868" s="19"/>
      <c r="W1868" s="19"/>
      <c r="X1868" s="19">
        <v>2</v>
      </c>
      <c r="Y1868" s="19"/>
      <c r="Z1868" s="19"/>
      <c r="AA1868" s="19"/>
    </row>
    <row r="1869" spans="1:27" s="1" customFormat="1" ht="11.1" customHeight="1" outlineLevel="2" x14ac:dyDescent="0.2">
      <c r="A1869" s="17"/>
      <c r="B1869" s="17"/>
      <c r="C1869" s="17"/>
      <c r="D1869" s="18"/>
      <c r="E1869" s="18"/>
      <c r="F1869" s="18"/>
      <c r="G1869" s="18"/>
      <c r="H1869" s="18"/>
      <c r="I1869" s="18"/>
      <c r="J1869" s="18"/>
      <c r="K1869" s="18"/>
      <c r="L1869" s="18"/>
      <c r="M1869" s="18"/>
      <c r="N1869" s="18"/>
      <c r="O1869" s="18"/>
      <c r="P1869" s="19"/>
      <c r="Q1869" s="19"/>
      <c r="R1869" s="19"/>
      <c r="S1869" s="19"/>
      <c r="T1869" s="19"/>
      <c r="U1869" s="19"/>
      <c r="V1869" s="19"/>
      <c r="W1869" s="19"/>
      <c r="X1869" s="19"/>
      <c r="Y1869" s="19"/>
      <c r="Z1869" s="19"/>
      <c r="AA1869" s="19"/>
    </row>
    <row r="1870" spans="1:27" s="1" customFormat="1" ht="11.1" customHeight="1" outlineLevel="2" x14ac:dyDescent="0.2">
      <c r="A1870" s="17">
        <v>9741</v>
      </c>
      <c r="B1870" s="17"/>
      <c r="C1870" s="17"/>
      <c r="D1870" s="18" t="s">
        <v>943</v>
      </c>
      <c r="E1870" s="18"/>
      <c r="F1870" s="18"/>
      <c r="G1870" s="18"/>
      <c r="H1870" s="18"/>
      <c r="I1870" s="18"/>
      <c r="J1870" s="18"/>
      <c r="K1870" s="18"/>
      <c r="L1870" s="18"/>
      <c r="M1870" s="18"/>
      <c r="N1870" s="18"/>
      <c r="O1870" s="18"/>
      <c r="P1870" s="19">
        <v>110</v>
      </c>
      <c r="Q1870" s="19"/>
      <c r="R1870" s="19"/>
      <c r="S1870" s="19"/>
      <c r="T1870" s="19">
        <v>75</v>
      </c>
      <c r="U1870" s="19"/>
      <c r="V1870" s="19"/>
      <c r="W1870" s="19"/>
      <c r="X1870" s="19">
        <v>1</v>
      </c>
      <c r="Y1870" s="19"/>
      <c r="Z1870" s="19"/>
      <c r="AA1870" s="19"/>
    </row>
    <row r="1871" spans="1:27" s="1" customFormat="1" ht="11.1" customHeight="1" outlineLevel="2" x14ac:dyDescent="0.2">
      <c r="A1871" s="17"/>
      <c r="B1871" s="17"/>
      <c r="C1871" s="17"/>
      <c r="D1871" s="18"/>
      <c r="E1871" s="18"/>
      <c r="F1871" s="18"/>
      <c r="G1871" s="18"/>
      <c r="H1871" s="18"/>
      <c r="I1871" s="18"/>
      <c r="J1871" s="18"/>
      <c r="K1871" s="18"/>
      <c r="L1871" s="18"/>
      <c r="M1871" s="18"/>
      <c r="N1871" s="18"/>
      <c r="O1871" s="18"/>
      <c r="P1871" s="19"/>
      <c r="Q1871" s="19"/>
      <c r="R1871" s="19"/>
      <c r="S1871" s="19"/>
      <c r="T1871" s="19"/>
      <c r="U1871" s="19"/>
      <c r="V1871" s="19"/>
      <c r="W1871" s="19"/>
      <c r="X1871" s="19"/>
      <c r="Y1871" s="19"/>
      <c r="Z1871" s="19"/>
      <c r="AA1871" s="19"/>
    </row>
    <row r="1872" spans="1:27" s="1" customFormat="1" ht="14.1" customHeight="1" outlineLevel="2" x14ac:dyDescent="0.2">
      <c r="A1872" s="17">
        <v>9385</v>
      </c>
      <c r="B1872" s="17"/>
      <c r="C1872" s="17"/>
      <c r="D1872" s="18" t="s">
        <v>944</v>
      </c>
      <c r="E1872" s="18"/>
      <c r="F1872" s="18"/>
      <c r="G1872" s="18"/>
      <c r="H1872" s="18"/>
      <c r="I1872" s="18"/>
      <c r="J1872" s="18"/>
      <c r="K1872" s="18"/>
      <c r="L1872" s="18"/>
      <c r="M1872" s="18"/>
      <c r="N1872" s="18"/>
      <c r="O1872" s="18"/>
      <c r="P1872" s="20">
        <v>1600</v>
      </c>
      <c r="Q1872" s="20"/>
      <c r="R1872" s="20"/>
      <c r="S1872" s="20"/>
      <c r="T1872" s="20">
        <v>1500</v>
      </c>
      <c r="U1872" s="20"/>
      <c r="V1872" s="20"/>
      <c r="W1872" s="20"/>
      <c r="X1872" s="19">
        <v>11</v>
      </c>
      <c r="Y1872" s="19"/>
      <c r="Z1872" s="19"/>
      <c r="AA1872" s="19"/>
    </row>
    <row r="1873" spans="1:27" s="1" customFormat="1" ht="14.1" customHeight="1" outlineLevel="2" x14ac:dyDescent="0.2">
      <c r="A1873" s="17"/>
      <c r="B1873" s="17"/>
      <c r="C1873" s="17"/>
      <c r="D1873" s="18"/>
      <c r="E1873" s="18"/>
      <c r="F1873" s="18"/>
      <c r="G1873" s="18"/>
      <c r="H1873" s="18"/>
      <c r="I1873" s="18"/>
      <c r="J1873" s="18"/>
      <c r="K1873" s="18"/>
      <c r="L1873" s="18"/>
      <c r="M1873" s="18"/>
      <c r="N1873" s="18"/>
      <c r="O1873" s="18"/>
      <c r="P1873" s="20"/>
      <c r="Q1873" s="20"/>
      <c r="R1873" s="20"/>
      <c r="S1873" s="20"/>
      <c r="T1873" s="20"/>
      <c r="U1873" s="20"/>
      <c r="V1873" s="20"/>
      <c r="W1873" s="20"/>
      <c r="X1873" s="19"/>
      <c r="Y1873" s="19"/>
      <c r="Z1873" s="19"/>
      <c r="AA1873" s="19"/>
    </row>
    <row r="1874" spans="1:27" s="1" customFormat="1" ht="11.1" customHeight="1" outlineLevel="2" x14ac:dyDescent="0.2">
      <c r="A1874" s="17">
        <v>15594</v>
      </c>
      <c r="B1874" s="17"/>
      <c r="C1874" s="17"/>
      <c r="D1874" s="18" t="s">
        <v>945</v>
      </c>
      <c r="E1874" s="18"/>
      <c r="F1874" s="18"/>
      <c r="G1874" s="18"/>
      <c r="H1874" s="18"/>
      <c r="I1874" s="18"/>
      <c r="J1874" s="18"/>
      <c r="K1874" s="18"/>
      <c r="L1874" s="18"/>
      <c r="M1874" s="18"/>
      <c r="N1874" s="18"/>
      <c r="O1874" s="18"/>
      <c r="P1874" s="20">
        <v>2400</v>
      </c>
      <c r="Q1874" s="20"/>
      <c r="R1874" s="20"/>
      <c r="S1874" s="20"/>
      <c r="T1874" s="20">
        <v>1900</v>
      </c>
      <c r="U1874" s="20"/>
      <c r="V1874" s="20"/>
      <c r="W1874" s="20"/>
      <c r="X1874" s="19">
        <v>18</v>
      </c>
      <c r="Y1874" s="19"/>
      <c r="Z1874" s="19"/>
      <c r="AA1874" s="19"/>
    </row>
    <row r="1875" spans="1:27" s="1" customFormat="1" ht="11.1" customHeight="1" outlineLevel="2" x14ac:dyDescent="0.2">
      <c r="A1875" s="17"/>
      <c r="B1875" s="17"/>
      <c r="C1875" s="17"/>
      <c r="D1875" s="18"/>
      <c r="E1875" s="18"/>
      <c r="F1875" s="18"/>
      <c r="G1875" s="18"/>
      <c r="H1875" s="18"/>
      <c r="I1875" s="18"/>
      <c r="J1875" s="18"/>
      <c r="K1875" s="18"/>
      <c r="L1875" s="18"/>
      <c r="M1875" s="18"/>
      <c r="N1875" s="18"/>
      <c r="O1875" s="18"/>
      <c r="P1875" s="20"/>
      <c r="Q1875" s="20"/>
      <c r="R1875" s="20"/>
      <c r="S1875" s="20"/>
      <c r="T1875" s="20"/>
      <c r="U1875" s="20"/>
      <c r="V1875" s="20"/>
      <c r="W1875" s="20"/>
      <c r="X1875" s="19"/>
      <c r="Y1875" s="19"/>
      <c r="Z1875" s="19"/>
      <c r="AA1875" s="19"/>
    </row>
    <row r="1876" spans="1:27" s="1" customFormat="1" ht="14.1" customHeight="1" outlineLevel="2" x14ac:dyDescent="0.2">
      <c r="A1876" s="17">
        <v>9850</v>
      </c>
      <c r="B1876" s="17"/>
      <c r="C1876" s="17"/>
      <c r="D1876" s="18" t="s">
        <v>946</v>
      </c>
      <c r="E1876" s="18"/>
      <c r="F1876" s="18"/>
      <c r="G1876" s="18"/>
      <c r="H1876" s="18"/>
      <c r="I1876" s="18"/>
      <c r="J1876" s="18"/>
      <c r="K1876" s="18"/>
      <c r="L1876" s="18"/>
      <c r="M1876" s="18"/>
      <c r="N1876" s="18"/>
      <c r="O1876" s="18"/>
      <c r="P1876" s="20">
        <v>3450</v>
      </c>
      <c r="Q1876" s="20"/>
      <c r="R1876" s="20"/>
      <c r="S1876" s="20"/>
      <c r="T1876" s="20">
        <v>3100</v>
      </c>
      <c r="U1876" s="20"/>
      <c r="V1876" s="20"/>
      <c r="W1876" s="20"/>
      <c r="X1876" s="19">
        <v>2</v>
      </c>
      <c r="Y1876" s="19"/>
      <c r="Z1876" s="19"/>
      <c r="AA1876" s="19"/>
    </row>
    <row r="1877" spans="1:27" s="1" customFormat="1" ht="14.1" customHeight="1" outlineLevel="2" x14ac:dyDescent="0.2">
      <c r="A1877" s="17"/>
      <c r="B1877" s="17"/>
      <c r="C1877" s="17"/>
      <c r="D1877" s="18"/>
      <c r="E1877" s="18"/>
      <c r="F1877" s="18"/>
      <c r="G1877" s="18"/>
      <c r="H1877" s="18"/>
      <c r="I1877" s="18"/>
      <c r="J1877" s="18"/>
      <c r="K1877" s="18"/>
      <c r="L1877" s="18"/>
      <c r="M1877" s="18"/>
      <c r="N1877" s="18"/>
      <c r="O1877" s="18"/>
      <c r="P1877" s="20"/>
      <c r="Q1877" s="20"/>
      <c r="R1877" s="20"/>
      <c r="S1877" s="20"/>
      <c r="T1877" s="20"/>
      <c r="U1877" s="20"/>
      <c r="V1877" s="20"/>
      <c r="W1877" s="20"/>
      <c r="X1877" s="19"/>
      <c r="Y1877" s="19"/>
      <c r="Z1877" s="19"/>
      <c r="AA1877" s="19"/>
    </row>
    <row r="1878" spans="1:27" s="1" customFormat="1" ht="14.1" customHeight="1" outlineLevel="2" x14ac:dyDescent="0.2">
      <c r="A1878" s="17">
        <v>11010</v>
      </c>
      <c r="B1878" s="17"/>
      <c r="C1878" s="17"/>
      <c r="D1878" s="18" t="s">
        <v>947</v>
      </c>
      <c r="E1878" s="18"/>
      <c r="F1878" s="18"/>
      <c r="G1878" s="18"/>
      <c r="H1878" s="18"/>
      <c r="I1878" s="18"/>
      <c r="J1878" s="18"/>
      <c r="K1878" s="18"/>
      <c r="L1878" s="18"/>
      <c r="M1878" s="18"/>
      <c r="N1878" s="18"/>
      <c r="O1878" s="18"/>
      <c r="P1878" s="20">
        <v>3800</v>
      </c>
      <c r="Q1878" s="20"/>
      <c r="R1878" s="20"/>
      <c r="S1878" s="20"/>
      <c r="T1878" s="20">
        <v>3500</v>
      </c>
      <c r="U1878" s="20"/>
      <c r="V1878" s="20"/>
      <c r="W1878" s="20"/>
      <c r="X1878" s="19">
        <v>9</v>
      </c>
      <c r="Y1878" s="19"/>
      <c r="Z1878" s="19"/>
      <c r="AA1878" s="19"/>
    </row>
    <row r="1879" spans="1:27" s="1" customFormat="1" ht="14.1" customHeight="1" outlineLevel="2" x14ac:dyDescent="0.2">
      <c r="A1879" s="17"/>
      <c r="B1879" s="17"/>
      <c r="C1879" s="17"/>
      <c r="D1879" s="18"/>
      <c r="E1879" s="18"/>
      <c r="F1879" s="18"/>
      <c r="G1879" s="18"/>
      <c r="H1879" s="18"/>
      <c r="I1879" s="18"/>
      <c r="J1879" s="18"/>
      <c r="K1879" s="18"/>
      <c r="L1879" s="18"/>
      <c r="M1879" s="18"/>
      <c r="N1879" s="18"/>
      <c r="O1879" s="18"/>
      <c r="P1879" s="20"/>
      <c r="Q1879" s="20"/>
      <c r="R1879" s="20"/>
      <c r="S1879" s="20"/>
      <c r="T1879" s="20"/>
      <c r="U1879" s="20"/>
      <c r="V1879" s="20"/>
      <c r="W1879" s="20"/>
      <c r="X1879" s="19"/>
      <c r="Y1879" s="19"/>
      <c r="Z1879" s="19"/>
      <c r="AA1879" s="19"/>
    </row>
    <row r="1880" spans="1:27" s="1" customFormat="1" ht="14.1" customHeight="1" outlineLevel="2" x14ac:dyDescent="0.2">
      <c r="A1880" s="17">
        <v>18095</v>
      </c>
      <c r="B1880" s="17"/>
      <c r="C1880" s="17"/>
      <c r="D1880" s="18" t="s">
        <v>948</v>
      </c>
      <c r="E1880" s="18"/>
      <c r="F1880" s="18"/>
      <c r="G1880" s="18"/>
      <c r="H1880" s="18"/>
      <c r="I1880" s="18"/>
      <c r="J1880" s="18"/>
      <c r="K1880" s="18"/>
      <c r="L1880" s="18"/>
      <c r="M1880" s="18"/>
      <c r="N1880" s="18"/>
      <c r="O1880" s="18"/>
      <c r="P1880" s="20">
        <v>3200</v>
      </c>
      <c r="Q1880" s="20"/>
      <c r="R1880" s="20"/>
      <c r="S1880" s="20"/>
      <c r="T1880" s="20">
        <v>3000</v>
      </c>
      <c r="U1880" s="20"/>
      <c r="V1880" s="20"/>
      <c r="W1880" s="20"/>
      <c r="X1880" s="19">
        <v>1</v>
      </c>
      <c r="Y1880" s="19"/>
      <c r="Z1880" s="19"/>
      <c r="AA1880" s="19"/>
    </row>
    <row r="1881" spans="1:27" s="1" customFormat="1" ht="14.1" customHeight="1" outlineLevel="2" x14ac:dyDescent="0.2">
      <c r="A1881" s="17"/>
      <c r="B1881" s="17"/>
      <c r="C1881" s="17"/>
      <c r="D1881" s="18"/>
      <c r="E1881" s="18"/>
      <c r="F1881" s="18"/>
      <c r="G1881" s="18"/>
      <c r="H1881" s="18"/>
      <c r="I1881" s="18"/>
      <c r="J1881" s="18"/>
      <c r="K1881" s="18"/>
      <c r="L1881" s="18"/>
      <c r="M1881" s="18"/>
      <c r="N1881" s="18"/>
      <c r="O1881" s="18"/>
      <c r="P1881" s="20"/>
      <c r="Q1881" s="20"/>
      <c r="R1881" s="20"/>
      <c r="S1881" s="20"/>
      <c r="T1881" s="20"/>
      <c r="U1881" s="20"/>
      <c r="V1881" s="20"/>
      <c r="W1881" s="20"/>
      <c r="X1881" s="19"/>
      <c r="Y1881" s="19"/>
      <c r="Z1881" s="19"/>
      <c r="AA1881" s="19"/>
    </row>
    <row r="1882" spans="1:27" s="1" customFormat="1" ht="14.1" customHeight="1" outlineLevel="2" x14ac:dyDescent="0.2">
      <c r="A1882" s="17">
        <v>11303</v>
      </c>
      <c r="B1882" s="17"/>
      <c r="C1882" s="17"/>
      <c r="D1882" s="18" t="s">
        <v>949</v>
      </c>
      <c r="E1882" s="18"/>
      <c r="F1882" s="18"/>
      <c r="G1882" s="18"/>
      <c r="H1882" s="18"/>
      <c r="I1882" s="18"/>
      <c r="J1882" s="18"/>
      <c r="K1882" s="18"/>
      <c r="L1882" s="18"/>
      <c r="M1882" s="18"/>
      <c r="N1882" s="18"/>
      <c r="O1882" s="18"/>
      <c r="P1882" s="20">
        <v>4900</v>
      </c>
      <c r="Q1882" s="20"/>
      <c r="R1882" s="20"/>
      <c r="S1882" s="20"/>
      <c r="T1882" s="20">
        <v>4500</v>
      </c>
      <c r="U1882" s="20"/>
      <c r="V1882" s="20"/>
      <c r="W1882" s="20"/>
      <c r="X1882" s="19">
        <v>1</v>
      </c>
      <c r="Y1882" s="19"/>
      <c r="Z1882" s="19"/>
      <c r="AA1882" s="19"/>
    </row>
    <row r="1883" spans="1:27" s="1" customFormat="1" ht="14.1" customHeight="1" outlineLevel="2" x14ac:dyDescent="0.2">
      <c r="A1883" s="17"/>
      <c r="B1883" s="17"/>
      <c r="C1883" s="17"/>
      <c r="D1883" s="18"/>
      <c r="E1883" s="18"/>
      <c r="F1883" s="18"/>
      <c r="G1883" s="18"/>
      <c r="H1883" s="18"/>
      <c r="I1883" s="18"/>
      <c r="J1883" s="18"/>
      <c r="K1883" s="18"/>
      <c r="L1883" s="18"/>
      <c r="M1883" s="18"/>
      <c r="N1883" s="18"/>
      <c r="O1883" s="18"/>
      <c r="P1883" s="20"/>
      <c r="Q1883" s="20"/>
      <c r="R1883" s="20"/>
      <c r="S1883" s="20"/>
      <c r="T1883" s="20"/>
      <c r="U1883" s="20"/>
      <c r="V1883" s="20"/>
      <c r="W1883" s="20"/>
      <c r="X1883" s="19"/>
      <c r="Y1883" s="19"/>
      <c r="Z1883" s="19"/>
      <c r="AA1883" s="19"/>
    </row>
    <row r="1884" spans="1:27" s="1" customFormat="1" ht="14.1" customHeight="1" outlineLevel="2" x14ac:dyDescent="0.2">
      <c r="A1884" s="17">
        <v>16698</v>
      </c>
      <c r="B1884" s="17"/>
      <c r="C1884" s="17"/>
      <c r="D1884" s="18" t="s">
        <v>950</v>
      </c>
      <c r="E1884" s="18"/>
      <c r="F1884" s="18"/>
      <c r="G1884" s="18"/>
      <c r="H1884" s="18"/>
      <c r="I1884" s="18"/>
      <c r="J1884" s="18"/>
      <c r="K1884" s="18"/>
      <c r="L1884" s="18"/>
      <c r="M1884" s="18"/>
      <c r="N1884" s="18"/>
      <c r="O1884" s="18"/>
      <c r="P1884" s="20">
        <v>6000</v>
      </c>
      <c r="Q1884" s="20"/>
      <c r="R1884" s="20"/>
      <c r="S1884" s="20"/>
      <c r="T1884" s="20">
        <v>5000</v>
      </c>
      <c r="U1884" s="20"/>
      <c r="V1884" s="20"/>
      <c r="W1884" s="20"/>
      <c r="X1884" s="19">
        <v>1</v>
      </c>
      <c r="Y1884" s="19"/>
      <c r="Z1884" s="19"/>
      <c r="AA1884" s="19"/>
    </row>
    <row r="1885" spans="1:27" s="1" customFormat="1" ht="14.1" customHeight="1" outlineLevel="2" x14ac:dyDescent="0.2">
      <c r="A1885" s="17"/>
      <c r="B1885" s="17"/>
      <c r="C1885" s="17"/>
      <c r="D1885" s="18"/>
      <c r="E1885" s="18"/>
      <c r="F1885" s="18"/>
      <c r="G1885" s="18"/>
      <c r="H1885" s="18"/>
      <c r="I1885" s="18"/>
      <c r="J1885" s="18"/>
      <c r="K1885" s="18"/>
      <c r="L1885" s="18"/>
      <c r="M1885" s="18"/>
      <c r="N1885" s="18"/>
      <c r="O1885" s="18"/>
      <c r="P1885" s="20"/>
      <c r="Q1885" s="20"/>
      <c r="R1885" s="20"/>
      <c r="S1885" s="20"/>
      <c r="T1885" s="20"/>
      <c r="U1885" s="20"/>
      <c r="V1885" s="20"/>
      <c r="W1885" s="20"/>
      <c r="X1885" s="19"/>
      <c r="Y1885" s="19"/>
      <c r="Z1885" s="19"/>
      <c r="AA1885" s="19"/>
    </row>
    <row r="1886" spans="1:27" s="1" customFormat="1" ht="14.1" customHeight="1" outlineLevel="2" x14ac:dyDescent="0.2">
      <c r="A1886" s="17">
        <v>17671</v>
      </c>
      <c r="B1886" s="17"/>
      <c r="C1886" s="17"/>
      <c r="D1886" s="18" t="s">
        <v>951</v>
      </c>
      <c r="E1886" s="18"/>
      <c r="F1886" s="18"/>
      <c r="G1886" s="18"/>
      <c r="H1886" s="18"/>
      <c r="I1886" s="18"/>
      <c r="J1886" s="18"/>
      <c r="K1886" s="18"/>
      <c r="L1886" s="18"/>
      <c r="M1886" s="18"/>
      <c r="N1886" s="18"/>
      <c r="O1886" s="18"/>
      <c r="P1886" s="20">
        <v>4300</v>
      </c>
      <c r="Q1886" s="20"/>
      <c r="R1886" s="20"/>
      <c r="S1886" s="20"/>
      <c r="T1886" s="20">
        <v>4000</v>
      </c>
      <c r="U1886" s="20"/>
      <c r="V1886" s="20"/>
      <c r="W1886" s="20"/>
      <c r="X1886" s="19">
        <v>1</v>
      </c>
      <c r="Y1886" s="19"/>
      <c r="Z1886" s="19"/>
      <c r="AA1886" s="19"/>
    </row>
    <row r="1887" spans="1:27" s="1" customFormat="1" ht="14.1" customHeight="1" outlineLevel="2" x14ac:dyDescent="0.2">
      <c r="A1887" s="17"/>
      <c r="B1887" s="17"/>
      <c r="C1887" s="17"/>
      <c r="D1887" s="18"/>
      <c r="E1887" s="18"/>
      <c r="F1887" s="18"/>
      <c r="G1887" s="18"/>
      <c r="H1887" s="18"/>
      <c r="I1887" s="18"/>
      <c r="J1887" s="18"/>
      <c r="K1887" s="18"/>
      <c r="L1887" s="18"/>
      <c r="M1887" s="18"/>
      <c r="N1887" s="18"/>
      <c r="O1887" s="18"/>
      <c r="P1887" s="20"/>
      <c r="Q1887" s="20"/>
      <c r="R1887" s="20"/>
      <c r="S1887" s="20"/>
      <c r="T1887" s="20"/>
      <c r="U1887" s="20"/>
      <c r="V1887" s="20"/>
      <c r="W1887" s="20"/>
      <c r="X1887" s="19"/>
      <c r="Y1887" s="19"/>
      <c r="Z1887" s="19"/>
      <c r="AA1887" s="19"/>
    </row>
    <row r="1888" spans="1:27" s="1" customFormat="1" ht="11.1" customHeight="1" outlineLevel="2" x14ac:dyDescent="0.2">
      <c r="A1888" s="17">
        <v>11512</v>
      </c>
      <c r="B1888" s="17"/>
      <c r="C1888" s="17"/>
      <c r="D1888" s="18" t="s">
        <v>952</v>
      </c>
      <c r="E1888" s="18"/>
      <c r="F1888" s="18"/>
      <c r="G1888" s="18"/>
      <c r="H1888" s="18"/>
      <c r="I1888" s="18"/>
      <c r="J1888" s="18"/>
      <c r="K1888" s="18"/>
      <c r="L1888" s="18"/>
      <c r="M1888" s="18"/>
      <c r="N1888" s="18"/>
      <c r="O1888" s="18"/>
      <c r="P1888" s="20">
        <v>2300</v>
      </c>
      <c r="Q1888" s="20"/>
      <c r="R1888" s="20"/>
      <c r="S1888" s="20"/>
      <c r="T1888" s="20">
        <v>2000</v>
      </c>
      <c r="U1888" s="20"/>
      <c r="V1888" s="20"/>
      <c r="W1888" s="20"/>
      <c r="X1888" s="19">
        <v>3</v>
      </c>
      <c r="Y1888" s="19"/>
      <c r="Z1888" s="19"/>
      <c r="AA1888" s="19"/>
    </row>
    <row r="1889" spans="1:27" s="1" customFormat="1" ht="11.1" customHeight="1" outlineLevel="2" x14ac:dyDescent="0.2">
      <c r="A1889" s="17"/>
      <c r="B1889" s="17"/>
      <c r="C1889" s="17"/>
      <c r="D1889" s="18"/>
      <c r="E1889" s="18"/>
      <c r="F1889" s="18"/>
      <c r="G1889" s="18"/>
      <c r="H1889" s="18"/>
      <c r="I1889" s="18"/>
      <c r="J1889" s="18"/>
      <c r="K1889" s="18"/>
      <c r="L1889" s="18"/>
      <c r="M1889" s="18"/>
      <c r="N1889" s="18"/>
      <c r="O1889" s="18"/>
      <c r="P1889" s="20"/>
      <c r="Q1889" s="20"/>
      <c r="R1889" s="20"/>
      <c r="S1889" s="20"/>
      <c r="T1889" s="20"/>
      <c r="U1889" s="20"/>
      <c r="V1889" s="20"/>
      <c r="W1889" s="20"/>
      <c r="X1889" s="19"/>
      <c r="Y1889" s="19"/>
      <c r="Z1889" s="19"/>
      <c r="AA1889" s="19"/>
    </row>
    <row r="1890" spans="1:27" s="1" customFormat="1" ht="14.1" customHeight="1" outlineLevel="2" x14ac:dyDescent="0.2">
      <c r="A1890" s="17">
        <v>14109</v>
      </c>
      <c r="B1890" s="17"/>
      <c r="C1890" s="17"/>
      <c r="D1890" s="18" t="s">
        <v>953</v>
      </c>
      <c r="E1890" s="18"/>
      <c r="F1890" s="18"/>
      <c r="G1890" s="18"/>
      <c r="H1890" s="18"/>
      <c r="I1890" s="18"/>
      <c r="J1890" s="18"/>
      <c r="K1890" s="18"/>
      <c r="L1890" s="18"/>
      <c r="M1890" s="18"/>
      <c r="N1890" s="18"/>
      <c r="O1890" s="18"/>
      <c r="P1890" s="19">
        <v>225</v>
      </c>
      <c r="Q1890" s="19"/>
      <c r="R1890" s="19"/>
      <c r="S1890" s="19"/>
      <c r="T1890" s="19">
        <v>190</v>
      </c>
      <c r="U1890" s="19"/>
      <c r="V1890" s="19"/>
      <c r="W1890" s="19"/>
      <c r="X1890" s="19">
        <v>12</v>
      </c>
      <c r="Y1890" s="19"/>
      <c r="Z1890" s="19"/>
      <c r="AA1890" s="19"/>
    </row>
    <row r="1891" spans="1:27" s="1" customFormat="1" ht="14.1" customHeight="1" outlineLevel="2" x14ac:dyDescent="0.2">
      <c r="A1891" s="17"/>
      <c r="B1891" s="17"/>
      <c r="C1891" s="17"/>
      <c r="D1891" s="18"/>
      <c r="E1891" s="18"/>
      <c r="F1891" s="18"/>
      <c r="G1891" s="18"/>
      <c r="H1891" s="18"/>
      <c r="I1891" s="18"/>
      <c r="J1891" s="18"/>
      <c r="K1891" s="18"/>
      <c r="L1891" s="18"/>
      <c r="M1891" s="18"/>
      <c r="N1891" s="18"/>
      <c r="O1891" s="18"/>
      <c r="P1891" s="19"/>
      <c r="Q1891" s="19"/>
      <c r="R1891" s="19"/>
      <c r="S1891" s="19"/>
      <c r="T1891" s="19"/>
      <c r="U1891" s="19"/>
      <c r="V1891" s="19"/>
      <c r="W1891" s="19"/>
      <c r="X1891" s="19"/>
      <c r="Y1891" s="19"/>
      <c r="Z1891" s="19"/>
      <c r="AA1891" s="19"/>
    </row>
    <row r="1892" spans="1:27" s="1" customFormat="1" ht="14.1" customHeight="1" outlineLevel="2" x14ac:dyDescent="0.2">
      <c r="A1892" s="17">
        <v>11050</v>
      </c>
      <c r="B1892" s="17"/>
      <c r="C1892" s="17"/>
      <c r="D1892" s="18" t="s">
        <v>954</v>
      </c>
      <c r="E1892" s="18"/>
      <c r="F1892" s="18"/>
      <c r="G1892" s="18"/>
      <c r="H1892" s="18"/>
      <c r="I1892" s="18"/>
      <c r="J1892" s="18"/>
      <c r="K1892" s="18"/>
      <c r="L1892" s="18"/>
      <c r="M1892" s="18"/>
      <c r="N1892" s="18"/>
      <c r="O1892" s="18"/>
      <c r="P1892" s="19">
        <v>250</v>
      </c>
      <c r="Q1892" s="19"/>
      <c r="R1892" s="19"/>
      <c r="S1892" s="19"/>
      <c r="T1892" s="19">
        <v>210</v>
      </c>
      <c r="U1892" s="19"/>
      <c r="V1892" s="19"/>
      <c r="W1892" s="19"/>
      <c r="X1892" s="19">
        <v>6</v>
      </c>
      <c r="Y1892" s="19"/>
      <c r="Z1892" s="19"/>
      <c r="AA1892" s="19"/>
    </row>
    <row r="1893" spans="1:27" s="1" customFormat="1" ht="14.1" customHeight="1" outlineLevel="2" x14ac:dyDescent="0.2">
      <c r="A1893" s="17"/>
      <c r="B1893" s="17"/>
      <c r="C1893" s="17"/>
      <c r="D1893" s="18"/>
      <c r="E1893" s="18"/>
      <c r="F1893" s="18"/>
      <c r="G1893" s="18"/>
      <c r="H1893" s="18"/>
      <c r="I1893" s="18"/>
      <c r="J1893" s="18"/>
      <c r="K1893" s="18"/>
      <c r="L1893" s="18"/>
      <c r="M1893" s="18"/>
      <c r="N1893" s="18"/>
      <c r="O1893" s="18"/>
      <c r="P1893" s="19"/>
      <c r="Q1893" s="19"/>
      <c r="R1893" s="19"/>
      <c r="S1893" s="19"/>
      <c r="T1893" s="19"/>
      <c r="U1893" s="19"/>
      <c r="V1893" s="19"/>
      <c r="W1893" s="19"/>
      <c r="X1893" s="19"/>
      <c r="Y1893" s="19"/>
      <c r="Z1893" s="19"/>
      <c r="AA1893" s="19"/>
    </row>
    <row r="1894" spans="1:27" s="1" customFormat="1" ht="11.1" customHeight="1" outlineLevel="2" x14ac:dyDescent="0.2">
      <c r="A1894" s="17">
        <v>11042</v>
      </c>
      <c r="B1894" s="17"/>
      <c r="C1894" s="17"/>
      <c r="D1894" s="18" t="s">
        <v>955</v>
      </c>
      <c r="E1894" s="18"/>
      <c r="F1894" s="18"/>
      <c r="G1894" s="18"/>
      <c r="H1894" s="18"/>
      <c r="I1894" s="18"/>
      <c r="J1894" s="18"/>
      <c r="K1894" s="18"/>
      <c r="L1894" s="18"/>
      <c r="M1894" s="18"/>
      <c r="N1894" s="18"/>
      <c r="O1894" s="18"/>
      <c r="P1894" s="19">
        <v>370</v>
      </c>
      <c r="Q1894" s="19"/>
      <c r="R1894" s="19"/>
      <c r="S1894" s="19"/>
      <c r="T1894" s="19">
        <v>290</v>
      </c>
      <c r="U1894" s="19"/>
      <c r="V1894" s="19"/>
      <c r="W1894" s="19"/>
      <c r="X1894" s="19">
        <v>7</v>
      </c>
      <c r="Y1894" s="19"/>
      <c r="Z1894" s="19"/>
      <c r="AA1894" s="19"/>
    </row>
    <row r="1895" spans="1:27" s="1" customFormat="1" ht="11.1" customHeight="1" outlineLevel="2" x14ac:dyDescent="0.2">
      <c r="A1895" s="17"/>
      <c r="B1895" s="17"/>
      <c r="C1895" s="17"/>
      <c r="D1895" s="18"/>
      <c r="E1895" s="18"/>
      <c r="F1895" s="18"/>
      <c r="G1895" s="18"/>
      <c r="H1895" s="18"/>
      <c r="I1895" s="18"/>
      <c r="J1895" s="18"/>
      <c r="K1895" s="18"/>
      <c r="L1895" s="18"/>
      <c r="M1895" s="18"/>
      <c r="N1895" s="18"/>
      <c r="O1895" s="18"/>
      <c r="P1895" s="19"/>
      <c r="Q1895" s="19"/>
      <c r="R1895" s="19"/>
      <c r="S1895" s="19"/>
      <c r="T1895" s="19"/>
      <c r="U1895" s="19"/>
      <c r="V1895" s="19"/>
      <c r="W1895" s="19"/>
      <c r="X1895" s="19"/>
      <c r="Y1895" s="19"/>
      <c r="Z1895" s="19"/>
      <c r="AA1895" s="19"/>
    </row>
    <row r="1896" spans="1:27" s="1" customFormat="1" ht="14.1" customHeight="1" outlineLevel="2" x14ac:dyDescent="0.2">
      <c r="A1896" s="17">
        <v>14110</v>
      </c>
      <c r="B1896" s="17"/>
      <c r="C1896" s="17"/>
      <c r="D1896" s="18" t="s">
        <v>956</v>
      </c>
      <c r="E1896" s="18"/>
      <c r="F1896" s="18"/>
      <c r="G1896" s="18"/>
      <c r="H1896" s="18"/>
      <c r="I1896" s="18"/>
      <c r="J1896" s="18"/>
      <c r="K1896" s="18"/>
      <c r="L1896" s="18"/>
      <c r="M1896" s="18"/>
      <c r="N1896" s="18"/>
      <c r="O1896" s="18"/>
      <c r="P1896" s="19">
        <v>310</v>
      </c>
      <c r="Q1896" s="19"/>
      <c r="R1896" s="19"/>
      <c r="S1896" s="19"/>
      <c r="T1896" s="19">
        <v>250</v>
      </c>
      <c r="U1896" s="19"/>
      <c r="V1896" s="19"/>
      <c r="W1896" s="19"/>
      <c r="X1896" s="19">
        <v>23</v>
      </c>
      <c r="Y1896" s="19"/>
      <c r="Z1896" s="19"/>
      <c r="AA1896" s="19"/>
    </row>
    <row r="1897" spans="1:27" s="1" customFormat="1" ht="14.1" customHeight="1" outlineLevel="2" x14ac:dyDescent="0.2">
      <c r="A1897" s="17"/>
      <c r="B1897" s="17"/>
      <c r="C1897" s="17"/>
      <c r="D1897" s="18"/>
      <c r="E1897" s="18"/>
      <c r="F1897" s="18"/>
      <c r="G1897" s="18"/>
      <c r="H1897" s="18"/>
      <c r="I1897" s="18"/>
      <c r="J1897" s="18"/>
      <c r="K1897" s="18"/>
      <c r="L1897" s="18"/>
      <c r="M1897" s="18"/>
      <c r="N1897" s="18"/>
      <c r="O1897" s="18"/>
      <c r="P1897" s="19"/>
      <c r="Q1897" s="19"/>
      <c r="R1897" s="19"/>
      <c r="S1897" s="19"/>
      <c r="T1897" s="19"/>
      <c r="U1897" s="19"/>
      <c r="V1897" s="19"/>
      <c r="W1897" s="19"/>
      <c r="X1897" s="19"/>
      <c r="Y1897" s="19"/>
      <c r="Z1897" s="19"/>
      <c r="AA1897" s="19"/>
    </row>
    <row r="1898" spans="1:27" s="1" customFormat="1" ht="14.1" customHeight="1" outlineLevel="2" x14ac:dyDescent="0.2">
      <c r="A1898" s="17">
        <v>11051</v>
      </c>
      <c r="B1898" s="17"/>
      <c r="C1898" s="17"/>
      <c r="D1898" s="18" t="s">
        <v>957</v>
      </c>
      <c r="E1898" s="18"/>
      <c r="F1898" s="18"/>
      <c r="G1898" s="18"/>
      <c r="H1898" s="18"/>
      <c r="I1898" s="18"/>
      <c r="J1898" s="18"/>
      <c r="K1898" s="18"/>
      <c r="L1898" s="18"/>
      <c r="M1898" s="18"/>
      <c r="N1898" s="18"/>
      <c r="O1898" s="18"/>
      <c r="P1898" s="19">
        <v>250</v>
      </c>
      <c r="Q1898" s="19"/>
      <c r="R1898" s="19"/>
      <c r="S1898" s="19"/>
      <c r="T1898" s="19">
        <v>210</v>
      </c>
      <c r="U1898" s="19"/>
      <c r="V1898" s="19"/>
      <c r="W1898" s="19"/>
      <c r="X1898" s="19">
        <v>19</v>
      </c>
      <c r="Y1898" s="19"/>
      <c r="Z1898" s="19"/>
      <c r="AA1898" s="19"/>
    </row>
    <row r="1899" spans="1:27" s="1" customFormat="1" ht="14.1" customHeight="1" outlineLevel="2" x14ac:dyDescent="0.2">
      <c r="A1899" s="17"/>
      <c r="B1899" s="17"/>
      <c r="C1899" s="17"/>
      <c r="D1899" s="18"/>
      <c r="E1899" s="18"/>
      <c r="F1899" s="18"/>
      <c r="G1899" s="18"/>
      <c r="H1899" s="18"/>
      <c r="I1899" s="18"/>
      <c r="J1899" s="18"/>
      <c r="K1899" s="18"/>
      <c r="L1899" s="18"/>
      <c r="M1899" s="18"/>
      <c r="N1899" s="18"/>
      <c r="O1899" s="18"/>
      <c r="P1899" s="19"/>
      <c r="Q1899" s="19"/>
      <c r="R1899" s="19"/>
      <c r="S1899" s="19"/>
      <c r="T1899" s="19"/>
      <c r="U1899" s="19"/>
      <c r="V1899" s="19"/>
      <c r="W1899" s="19"/>
      <c r="X1899" s="19"/>
      <c r="Y1899" s="19"/>
      <c r="Z1899" s="19"/>
      <c r="AA1899" s="19"/>
    </row>
    <row r="1900" spans="1:27" s="1" customFormat="1" ht="11.1" customHeight="1" outlineLevel="2" x14ac:dyDescent="0.2">
      <c r="A1900" s="17">
        <v>11043</v>
      </c>
      <c r="B1900" s="17"/>
      <c r="C1900" s="17"/>
      <c r="D1900" s="18" t="s">
        <v>958</v>
      </c>
      <c r="E1900" s="18"/>
      <c r="F1900" s="18"/>
      <c r="G1900" s="18"/>
      <c r="H1900" s="18"/>
      <c r="I1900" s="18"/>
      <c r="J1900" s="18"/>
      <c r="K1900" s="18"/>
      <c r="L1900" s="18"/>
      <c r="M1900" s="18"/>
      <c r="N1900" s="18"/>
      <c r="O1900" s="18"/>
      <c r="P1900" s="19">
        <v>370</v>
      </c>
      <c r="Q1900" s="19"/>
      <c r="R1900" s="19"/>
      <c r="S1900" s="19"/>
      <c r="T1900" s="19">
        <v>290</v>
      </c>
      <c r="U1900" s="19"/>
      <c r="V1900" s="19"/>
      <c r="W1900" s="19"/>
      <c r="X1900" s="19">
        <v>13</v>
      </c>
      <c r="Y1900" s="19"/>
      <c r="Z1900" s="19"/>
      <c r="AA1900" s="19"/>
    </row>
    <row r="1901" spans="1:27" s="1" customFormat="1" ht="11.1" customHeight="1" outlineLevel="2" x14ac:dyDescent="0.2">
      <c r="A1901" s="17"/>
      <c r="B1901" s="17"/>
      <c r="C1901" s="17"/>
      <c r="D1901" s="18"/>
      <c r="E1901" s="18"/>
      <c r="F1901" s="18"/>
      <c r="G1901" s="18"/>
      <c r="H1901" s="18"/>
      <c r="I1901" s="18"/>
      <c r="J1901" s="18"/>
      <c r="K1901" s="18"/>
      <c r="L1901" s="18"/>
      <c r="M1901" s="18"/>
      <c r="N1901" s="18"/>
      <c r="O1901" s="18"/>
      <c r="P1901" s="19"/>
      <c r="Q1901" s="19"/>
      <c r="R1901" s="19"/>
      <c r="S1901" s="19"/>
      <c r="T1901" s="19"/>
      <c r="U1901" s="19"/>
      <c r="V1901" s="19"/>
      <c r="W1901" s="19"/>
      <c r="X1901" s="19"/>
      <c r="Y1901" s="19"/>
      <c r="Z1901" s="19"/>
      <c r="AA1901" s="19"/>
    </row>
    <row r="1902" spans="1:27" s="1" customFormat="1" ht="14.1" customHeight="1" outlineLevel="2" x14ac:dyDescent="0.2">
      <c r="A1902" s="17">
        <v>11046</v>
      </c>
      <c r="B1902" s="17"/>
      <c r="C1902" s="17"/>
      <c r="D1902" s="18" t="s">
        <v>959</v>
      </c>
      <c r="E1902" s="18"/>
      <c r="F1902" s="18"/>
      <c r="G1902" s="18"/>
      <c r="H1902" s="18"/>
      <c r="I1902" s="18"/>
      <c r="J1902" s="18"/>
      <c r="K1902" s="18"/>
      <c r="L1902" s="18"/>
      <c r="M1902" s="18"/>
      <c r="N1902" s="18"/>
      <c r="O1902" s="18"/>
      <c r="P1902" s="19">
        <v>420</v>
      </c>
      <c r="Q1902" s="19"/>
      <c r="R1902" s="19"/>
      <c r="S1902" s="19"/>
      <c r="T1902" s="19">
        <v>340</v>
      </c>
      <c r="U1902" s="19"/>
      <c r="V1902" s="19"/>
      <c r="W1902" s="19"/>
      <c r="X1902" s="19">
        <v>4</v>
      </c>
      <c r="Y1902" s="19"/>
      <c r="Z1902" s="19"/>
      <c r="AA1902" s="19"/>
    </row>
    <row r="1903" spans="1:27" s="1" customFormat="1" ht="14.1" customHeight="1" outlineLevel="2" x14ac:dyDescent="0.2">
      <c r="A1903" s="17"/>
      <c r="B1903" s="17"/>
      <c r="C1903" s="17"/>
      <c r="D1903" s="18"/>
      <c r="E1903" s="18"/>
      <c r="F1903" s="18"/>
      <c r="G1903" s="18"/>
      <c r="H1903" s="18"/>
      <c r="I1903" s="18"/>
      <c r="J1903" s="18"/>
      <c r="K1903" s="18"/>
      <c r="L1903" s="18"/>
      <c r="M1903" s="18"/>
      <c r="N1903" s="18"/>
      <c r="O1903" s="18"/>
      <c r="P1903" s="19"/>
      <c r="Q1903" s="19"/>
      <c r="R1903" s="19"/>
      <c r="S1903" s="19"/>
      <c r="T1903" s="19"/>
      <c r="U1903" s="19"/>
      <c r="V1903" s="19"/>
      <c r="W1903" s="19"/>
      <c r="X1903" s="19"/>
      <c r="Y1903" s="19"/>
      <c r="Z1903" s="19"/>
      <c r="AA1903" s="19"/>
    </row>
    <row r="1904" spans="1:27" s="1" customFormat="1" ht="14.1" customHeight="1" outlineLevel="2" x14ac:dyDescent="0.2">
      <c r="A1904" s="17">
        <v>14111</v>
      </c>
      <c r="B1904" s="17"/>
      <c r="C1904" s="17"/>
      <c r="D1904" s="18" t="s">
        <v>960</v>
      </c>
      <c r="E1904" s="18"/>
      <c r="F1904" s="18"/>
      <c r="G1904" s="18"/>
      <c r="H1904" s="18"/>
      <c r="I1904" s="18"/>
      <c r="J1904" s="18"/>
      <c r="K1904" s="18"/>
      <c r="L1904" s="18"/>
      <c r="M1904" s="18"/>
      <c r="N1904" s="18"/>
      <c r="O1904" s="18"/>
      <c r="P1904" s="19">
        <v>225</v>
      </c>
      <c r="Q1904" s="19"/>
      <c r="R1904" s="19"/>
      <c r="S1904" s="19"/>
      <c r="T1904" s="19">
        <v>190</v>
      </c>
      <c r="U1904" s="19"/>
      <c r="V1904" s="19"/>
      <c r="W1904" s="19"/>
      <c r="X1904" s="19">
        <v>12</v>
      </c>
      <c r="Y1904" s="19"/>
      <c r="Z1904" s="19"/>
      <c r="AA1904" s="19"/>
    </row>
    <row r="1905" spans="1:27" s="1" customFormat="1" ht="14.1" customHeight="1" outlineLevel="2" x14ac:dyDescent="0.2">
      <c r="A1905" s="17"/>
      <c r="B1905" s="17"/>
      <c r="C1905" s="17"/>
      <c r="D1905" s="18"/>
      <c r="E1905" s="18"/>
      <c r="F1905" s="18"/>
      <c r="G1905" s="18"/>
      <c r="H1905" s="18"/>
      <c r="I1905" s="18"/>
      <c r="J1905" s="18"/>
      <c r="K1905" s="18"/>
      <c r="L1905" s="18"/>
      <c r="M1905" s="18"/>
      <c r="N1905" s="18"/>
      <c r="O1905" s="18"/>
      <c r="P1905" s="19"/>
      <c r="Q1905" s="19"/>
      <c r="R1905" s="19"/>
      <c r="S1905" s="19"/>
      <c r="T1905" s="19"/>
      <c r="U1905" s="19"/>
      <c r="V1905" s="19"/>
      <c r="W1905" s="19"/>
      <c r="X1905" s="19"/>
      <c r="Y1905" s="19"/>
      <c r="Z1905" s="19"/>
      <c r="AA1905" s="19"/>
    </row>
    <row r="1906" spans="1:27" s="1" customFormat="1" ht="14.1" customHeight="1" outlineLevel="2" x14ac:dyDescent="0.2">
      <c r="A1906" s="17">
        <v>11053</v>
      </c>
      <c r="B1906" s="17"/>
      <c r="C1906" s="17"/>
      <c r="D1906" s="18" t="s">
        <v>961</v>
      </c>
      <c r="E1906" s="18"/>
      <c r="F1906" s="18"/>
      <c r="G1906" s="18"/>
      <c r="H1906" s="18"/>
      <c r="I1906" s="18"/>
      <c r="J1906" s="18"/>
      <c r="K1906" s="18"/>
      <c r="L1906" s="18"/>
      <c r="M1906" s="18"/>
      <c r="N1906" s="18"/>
      <c r="O1906" s="18"/>
      <c r="P1906" s="19">
        <v>310</v>
      </c>
      <c r="Q1906" s="19"/>
      <c r="R1906" s="19"/>
      <c r="S1906" s="19"/>
      <c r="T1906" s="19">
        <v>250</v>
      </c>
      <c r="U1906" s="19"/>
      <c r="V1906" s="19"/>
      <c r="W1906" s="19"/>
      <c r="X1906" s="19">
        <v>24</v>
      </c>
      <c r="Y1906" s="19"/>
      <c r="Z1906" s="19"/>
      <c r="AA1906" s="19"/>
    </row>
    <row r="1907" spans="1:27" s="1" customFormat="1" ht="14.1" customHeight="1" outlineLevel="2" x14ac:dyDescent="0.2">
      <c r="A1907" s="17"/>
      <c r="B1907" s="17"/>
      <c r="C1907" s="17"/>
      <c r="D1907" s="18"/>
      <c r="E1907" s="18"/>
      <c r="F1907" s="18"/>
      <c r="G1907" s="18"/>
      <c r="H1907" s="18"/>
      <c r="I1907" s="18"/>
      <c r="J1907" s="18"/>
      <c r="K1907" s="18"/>
      <c r="L1907" s="18"/>
      <c r="M1907" s="18"/>
      <c r="N1907" s="18"/>
      <c r="O1907" s="18"/>
      <c r="P1907" s="19"/>
      <c r="Q1907" s="19"/>
      <c r="R1907" s="19"/>
      <c r="S1907" s="19"/>
      <c r="T1907" s="19"/>
      <c r="U1907" s="19"/>
      <c r="V1907" s="19"/>
      <c r="W1907" s="19"/>
      <c r="X1907" s="19"/>
      <c r="Y1907" s="19"/>
      <c r="Z1907" s="19"/>
      <c r="AA1907" s="19"/>
    </row>
    <row r="1908" spans="1:27" s="1" customFormat="1" ht="11.1" customHeight="1" outlineLevel="2" x14ac:dyDescent="0.2">
      <c r="A1908" s="17">
        <v>9522</v>
      </c>
      <c r="B1908" s="17"/>
      <c r="C1908" s="17"/>
      <c r="D1908" s="18" t="s">
        <v>962</v>
      </c>
      <c r="E1908" s="18"/>
      <c r="F1908" s="18"/>
      <c r="G1908" s="18"/>
      <c r="H1908" s="18"/>
      <c r="I1908" s="18"/>
      <c r="J1908" s="18"/>
      <c r="K1908" s="18"/>
      <c r="L1908" s="18"/>
      <c r="M1908" s="18"/>
      <c r="N1908" s="18"/>
      <c r="O1908" s="18"/>
      <c r="P1908" s="19">
        <v>370</v>
      </c>
      <c r="Q1908" s="19"/>
      <c r="R1908" s="19"/>
      <c r="S1908" s="19"/>
      <c r="T1908" s="19">
        <v>290</v>
      </c>
      <c r="U1908" s="19"/>
      <c r="V1908" s="19"/>
      <c r="W1908" s="19"/>
      <c r="X1908" s="19">
        <v>11</v>
      </c>
      <c r="Y1908" s="19"/>
      <c r="Z1908" s="19"/>
      <c r="AA1908" s="19"/>
    </row>
    <row r="1909" spans="1:27" s="1" customFormat="1" ht="11.1" customHeight="1" outlineLevel="2" x14ac:dyDescent="0.2">
      <c r="A1909" s="17"/>
      <c r="B1909" s="17"/>
      <c r="C1909" s="17"/>
      <c r="D1909" s="18"/>
      <c r="E1909" s="18"/>
      <c r="F1909" s="18"/>
      <c r="G1909" s="18"/>
      <c r="H1909" s="18"/>
      <c r="I1909" s="18"/>
      <c r="J1909" s="18"/>
      <c r="K1909" s="18"/>
      <c r="L1909" s="18"/>
      <c r="M1909" s="18"/>
      <c r="N1909" s="18"/>
      <c r="O1909" s="18"/>
      <c r="P1909" s="19"/>
      <c r="Q1909" s="19"/>
      <c r="R1909" s="19"/>
      <c r="S1909" s="19"/>
      <c r="T1909" s="19"/>
      <c r="U1909" s="19"/>
      <c r="V1909" s="19"/>
      <c r="W1909" s="19"/>
      <c r="X1909" s="19"/>
      <c r="Y1909" s="19"/>
      <c r="Z1909" s="19"/>
      <c r="AA1909" s="19"/>
    </row>
    <row r="1910" spans="1:27" s="1" customFormat="1" ht="14.1" customHeight="1" outlineLevel="2" x14ac:dyDescent="0.2">
      <c r="A1910" s="17">
        <v>11047</v>
      </c>
      <c r="B1910" s="17"/>
      <c r="C1910" s="17"/>
      <c r="D1910" s="18" t="s">
        <v>963</v>
      </c>
      <c r="E1910" s="18"/>
      <c r="F1910" s="18"/>
      <c r="G1910" s="18"/>
      <c r="H1910" s="18"/>
      <c r="I1910" s="18"/>
      <c r="J1910" s="18"/>
      <c r="K1910" s="18"/>
      <c r="L1910" s="18"/>
      <c r="M1910" s="18"/>
      <c r="N1910" s="18"/>
      <c r="O1910" s="18"/>
      <c r="P1910" s="19">
        <v>420</v>
      </c>
      <c r="Q1910" s="19"/>
      <c r="R1910" s="19"/>
      <c r="S1910" s="19"/>
      <c r="T1910" s="19">
        <v>340</v>
      </c>
      <c r="U1910" s="19"/>
      <c r="V1910" s="19"/>
      <c r="W1910" s="19"/>
      <c r="X1910" s="19">
        <v>3</v>
      </c>
      <c r="Y1910" s="19"/>
      <c r="Z1910" s="19"/>
      <c r="AA1910" s="19"/>
    </row>
    <row r="1911" spans="1:27" s="1" customFormat="1" ht="14.1" customHeight="1" outlineLevel="2" x14ac:dyDescent="0.2">
      <c r="A1911" s="17"/>
      <c r="B1911" s="17"/>
      <c r="C1911" s="17"/>
      <c r="D1911" s="18"/>
      <c r="E1911" s="18"/>
      <c r="F1911" s="18"/>
      <c r="G1911" s="18"/>
      <c r="H1911" s="18"/>
      <c r="I1911" s="18"/>
      <c r="J1911" s="18"/>
      <c r="K1911" s="18"/>
      <c r="L1911" s="18"/>
      <c r="M1911" s="18"/>
      <c r="N1911" s="18"/>
      <c r="O1911" s="18"/>
      <c r="P1911" s="19"/>
      <c r="Q1911" s="19"/>
      <c r="R1911" s="19"/>
      <c r="S1911" s="19"/>
      <c r="T1911" s="19"/>
      <c r="U1911" s="19"/>
      <c r="V1911" s="19"/>
      <c r="W1911" s="19"/>
      <c r="X1911" s="19"/>
      <c r="Y1911" s="19"/>
      <c r="Z1911" s="19"/>
      <c r="AA1911" s="19"/>
    </row>
    <row r="1912" spans="1:27" s="1" customFormat="1" ht="14.1" customHeight="1" outlineLevel="2" x14ac:dyDescent="0.2">
      <c r="A1912" s="17">
        <v>14112</v>
      </c>
      <c r="B1912" s="17"/>
      <c r="C1912" s="17"/>
      <c r="D1912" s="18" t="s">
        <v>964</v>
      </c>
      <c r="E1912" s="18"/>
      <c r="F1912" s="18"/>
      <c r="G1912" s="18"/>
      <c r="H1912" s="18"/>
      <c r="I1912" s="18"/>
      <c r="J1912" s="18"/>
      <c r="K1912" s="18"/>
      <c r="L1912" s="18"/>
      <c r="M1912" s="18"/>
      <c r="N1912" s="18"/>
      <c r="O1912" s="18"/>
      <c r="P1912" s="19">
        <v>310</v>
      </c>
      <c r="Q1912" s="19"/>
      <c r="R1912" s="19"/>
      <c r="S1912" s="19"/>
      <c r="T1912" s="19">
        <v>250</v>
      </c>
      <c r="U1912" s="19"/>
      <c r="V1912" s="19"/>
      <c r="W1912" s="19"/>
      <c r="X1912" s="19">
        <v>18</v>
      </c>
      <c r="Y1912" s="19"/>
      <c r="Z1912" s="19"/>
      <c r="AA1912" s="19"/>
    </row>
    <row r="1913" spans="1:27" s="1" customFormat="1" ht="14.1" customHeight="1" outlineLevel="2" x14ac:dyDescent="0.2">
      <c r="A1913" s="17"/>
      <c r="B1913" s="17"/>
      <c r="C1913" s="17"/>
      <c r="D1913" s="18"/>
      <c r="E1913" s="18"/>
      <c r="F1913" s="18"/>
      <c r="G1913" s="18"/>
      <c r="H1913" s="18"/>
      <c r="I1913" s="18"/>
      <c r="J1913" s="18"/>
      <c r="K1913" s="18"/>
      <c r="L1913" s="18"/>
      <c r="M1913" s="18"/>
      <c r="N1913" s="18"/>
      <c r="O1913" s="18"/>
      <c r="P1913" s="19"/>
      <c r="Q1913" s="19"/>
      <c r="R1913" s="19"/>
      <c r="S1913" s="19"/>
      <c r="T1913" s="19"/>
      <c r="U1913" s="19"/>
      <c r="V1913" s="19"/>
      <c r="W1913" s="19"/>
      <c r="X1913" s="19"/>
      <c r="Y1913" s="19"/>
      <c r="Z1913" s="19"/>
      <c r="AA1913" s="19"/>
    </row>
    <row r="1914" spans="1:27" s="1" customFormat="1" ht="14.1" customHeight="1" outlineLevel="2" x14ac:dyDescent="0.2">
      <c r="A1914" s="17">
        <v>14113</v>
      </c>
      <c r="B1914" s="17"/>
      <c r="C1914" s="17"/>
      <c r="D1914" s="18" t="s">
        <v>965</v>
      </c>
      <c r="E1914" s="18"/>
      <c r="F1914" s="18"/>
      <c r="G1914" s="18"/>
      <c r="H1914" s="18"/>
      <c r="I1914" s="18"/>
      <c r="J1914" s="18"/>
      <c r="K1914" s="18"/>
      <c r="L1914" s="18"/>
      <c r="M1914" s="18"/>
      <c r="N1914" s="18"/>
      <c r="O1914" s="18"/>
      <c r="P1914" s="19">
        <v>225</v>
      </c>
      <c r="Q1914" s="19"/>
      <c r="R1914" s="19"/>
      <c r="S1914" s="19"/>
      <c r="T1914" s="19">
        <v>190</v>
      </c>
      <c r="U1914" s="19"/>
      <c r="V1914" s="19"/>
      <c r="W1914" s="19"/>
      <c r="X1914" s="19">
        <v>2</v>
      </c>
      <c r="Y1914" s="19"/>
      <c r="Z1914" s="19"/>
      <c r="AA1914" s="19"/>
    </row>
    <row r="1915" spans="1:27" s="1" customFormat="1" ht="14.1" customHeight="1" outlineLevel="2" x14ac:dyDescent="0.2">
      <c r="A1915" s="17"/>
      <c r="B1915" s="17"/>
      <c r="C1915" s="17"/>
      <c r="D1915" s="18"/>
      <c r="E1915" s="18"/>
      <c r="F1915" s="18"/>
      <c r="G1915" s="18"/>
      <c r="H1915" s="18"/>
      <c r="I1915" s="18"/>
      <c r="J1915" s="18"/>
      <c r="K1915" s="18"/>
      <c r="L1915" s="18"/>
      <c r="M1915" s="18"/>
      <c r="N1915" s="18"/>
      <c r="O1915" s="18"/>
      <c r="P1915" s="19"/>
      <c r="Q1915" s="19"/>
      <c r="R1915" s="19"/>
      <c r="S1915" s="19"/>
      <c r="T1915" s="19"/>
      <c r="U1915" s="19"/>
      <c r="V1915" s="19"/>
      <c r="W1915" s="19"/>
      <c r="X1915" s="19"/>
      <c r="Y1915" s="19"/>
      <c r="Z1915" s="19"/>
      <c r="AA1915" s="19"/>
    </row>
    <row r="1916" spans="1:27" s="1" customFormat="1" ht="14.1" customHeight="1" outlineLevel="2" x14ac:dyDescent="0.2">
      <c r="A1916" s="17">
        <v>11054</v>
      </c>
      <c r="B1916" s="17"/>
      <c r="C1916" s="17"/>
      <c r="D1916" s="18" t="s">
        <v>966</v>
      </c>
      <c r="E1916" s="18"/>
      <c r="F1916" s="18"/>
      <c r="G1916" s="18"/>
      <c r="H1916" s="18"/>
      <c r="I1916" s="18"/>
      <c r="J1916" s="18"/>
      <c r="K1916" s="18"/>
      <c r="L1916" s="18"/>
      <c r="M1916" s="18"/>
      <c r="N1916" s="18"/>
      <c r="O1916" s="18"/>
      <c r="P1916" s="19">
        <v>250</v>
      </c>
      <c r="Q1916" s="19"/>
      <c r="R1916" s="19"/>
      <c r="S1916" s="19"/>
      <c r="T1916" s="19">
        <v>210</v>
      </c>
      <c r="U1916" s="19"/>
      <c r="V1916" s="19"/>
      <c r="W1916" s="19"/>
      <c r="X1916" s="19">
        <v>13</v>
      </c>
      <c r="Y1916" s="19"/>
      <c r="Z1916" s="19"/>
      <c r="AA1916" s="19"/>
    </row>
    <row r="1917" spans="1:27" s="1" customFormat="1" ht="14.1" customHeight="1" outlineLevel="2" x14ac:dyDescent="0.2">
      <c r="A1917" s="17"/>
      <c r="B1917" s="17"/>
      <c r="C1917" s="17"/>
      <c r="D1917" s="18"/>
      <c r="E1917" s="18"/>
      <c r="F1917" s="18"/>
      <c r="G1917" s="18"/>
      <c r="H1917" s="18"/>
      <c r="I1917" s="18"/>
      <c r="J1917" s="18"/>
      <c r="K1917" s="18"/>
      <c r="L1917" s="18"/>
      <c r="M1917" s="18"/>
      <c r="N1917" s="18"/>
      <c r="O1917" s="18"/>
      <c r="P1917" s="19"/>
      <c r="Q1917" s="19"/>
      <c r="R1917" s="19"/>
      <c r="S1917" s="19"/>
      <c r="T1917" s="19"/>
      <c r="U1917" s="19"/>
      <c r="V1917" s="19"/>
      <c r="W1917" s="19"/>
      <c r="X1917" s="19"/>
      <c r="Y1917" s="19"/>
      <c r="Z1917" s="19"/>
      <c r="AA1917" s="19"/>
    </row>
    <row r="1918" spans="1:27" s="1" customFormat="1" ht="14.1" customHeight="1" outlineLevel="2" x14ac:dyDescent="0.2">
      <c r="A1918" s="17">
        <v>14114</v>
      </c>
      <c r="B1918" s="17"/>
      <c r="C1918" s="17"/>
      <c r="D1918" s="18" t="s">
        <v>967</v>
      </c>
      <c r="E1918" s="18"/>
      <c r="F1918" s="18"/>
      <c r="G1918" s="18"/>
      <c r="H1918" s="18"/>
      <c r="I1918" s="18"/>
      <c r="J1918" s="18"/>
      <c r="K1918" s="18"/>
      <c r="L1918" s="18"/>
      <c r="M1918" s="18"/>
      <c r="N1918" s="18"/>
      <c r="O1918" s="18"/>
      <c r="P1918" s="19">
        <v>310</v>
      </c>
      <c r="Q1918" s="19"/>
      <c r="R1918" s="19"/>
      <c r="S1918" s="19"/>
      <c r="T1918" s="19">
        <v>250</v>
      </c>
      <c r="U1918" s="19"/>
      <c r="V1918" s="19"/>
      <c r="W1918" s="19"/>
      <c r="X1918" s="19">
        <v>23</v>
      </c>
      <c r="Y1918" s="19"/>
      <c r="Z1918" s="19"/>
      <c r="AA1918" s="19"/>
    </row>
    <row r="1919" spans="1:27" s="1" customFormat="1" ht="14.1" customHeight="1" outlineLevel="2" x14ac:dyDescent="0.2">
      <c r="A1919" s="17"/>
      <c r="B1919" s="17"/>
      <c r="C1919" s="17"/>
      <c r="D1919" s="18"/>
      <c r="E1919" s="18"/>
      <c r="F1919" s="18"/>
      <c r="G1919" s="18"/>
      <c r="H1919" s="18"/>
      <c r="I1919" s="18"/>
      <c r="J1919" s="18"/>
      <c r="K1919" s="18"/>
      <c r="L1919" s="18"/>
      <c r="M1919" s="18"/>
      <c r="N1919" s="18"/>
      <c r="O1919" s="18"/>
      <c r="P1919" s="19"/>
      <c r="Q1919" s="19"/>
      <c r="R1919" s="19"/>
      <c r="S1919" s="19"/>
      <c r="T1919" s="19"/>
      <c r="U1919" s="19"/>
      <c r="V1919" s="19"/>
      <c r="W1919" s="19"/>
      <c r="X1919" s="19"/>
      <c r="Y1919" s="19"/>
      <c r="Z1919" s="19"/>
      <c r="AA1919" s="19"/>
    </row>
    <row r="1920" spans="1:27" s="1" customFormat="1" ht="14.1" customHeight="1" outlineLevel="2" x14ac:dyDescent="0.2">
      <c r="A1920" s="17">
        <v>11055</v>
      </c>
      <c r="B1920" s="17"/>
      <c r="C1920" s="17"/>
      <c r="D1920" s="18" t="s">
        <v>968</v>
      </c>
      <c r="E1920" s="18"/>
      <c r="F1920" s="18"/>
      <c r="G1920" s="18"/>
      <c r="H1920" s="18"/>
      <c r="I1920" s="18"/>
      <c r="J1920" s="18"/>
      <c r="K1920" s="18"/>
      <c r="L1920" s="18"/>
      <c r="M1920" s="18"/>
      <c r="N1920" s="18"/>
      <c r="O1920" s="18"/>
      <c r="P1920" s="19">
        <v>250</v>
      </c>
      <c r="Q1920" s="19"/>
      <c r="R1920" s="19"/>
      <c r="S1920" s="19"/>
      <c r="T1920" s="19">
        <v>210</v>
      </c>
      <c r="U1920" s="19"/>
      <c r="V1920" s="19"/>
      <c r="W1920" s="19"/>
      <c r="X1920" s="19">
        <v>15</v>
      </c>
      <c r="Y1920" s="19"/>
      <c r="Z1920" s="19"/>
      <c r="AA1920" s="19"/>
    </row>
    <row r="1921" spans="1:27" s="1" customFormat="1" ht="14.1" customHeight="1" outlineLevel="2" x14ac:dyDescent="0.2">
      <c r="A1921" s="17"/>
      <c r="B1921" s="17"/>
      <c r="C1921" s="17"/>
      <c r="D1921" s="18"/>
      <c r="E1921" s="18"/>
      <c r="F1921" s="18"/>
      <c r="G1921" s="18"/>
      <c r="H1921" s="18"/>
      <c r="I1921" s="18"/>
      <c r="J1921" s="18"/>
      <c r="K1921" s="18"/>
      <c r="L1921" s="18"/>
      <c r="M1921" s="18"/>
      <c r="N1921" s="18"/>
      <c r="O1921" s="18"/>
      <c r="P1921" s="19"/>
      <c r="Q1921" s="19"/>
      <c r="R1921" s="19"/>
      <c r="S1921" s="19"/>
      <c r="T1921" s="19"/>
      <c r="U1921" s="19"/>
      <c r="V1921" s="19"/>
      <c r="W1921" s="19"/>
      <c r="X1921" s="19"/>
      <c r="Y1921" s="19"/>
      <c r="Z1921" s="19"/>
      <c r="AA1921" s="19"/>
    </row>
    <row r="1922" spans="1:27" s="1" customFormat="1" ht="11.1" customHeight="1" outlineLevel="2" x14ac:dyDescent="0.2">
      <c r="A1922" s="17">
        <v>9524</v>
      </c>
      <c r="B1922" s="17"/>
      <c r="C1922" s="17"/>
      <c r="D1922" s="18" t="s">
        <v>969</v>
      </c>
      <c r="E1922" s="18"/>
      <c r="F1922" s="18"/>
      <c r="G1922" s="18"/>
      <c r="H1922" s="18"/>
      <c r="I1922" s="18"/>
      <c r="J1922" s="18"/>
      <c r="K1922" s="18"/>
      <c r="L1922" s="18"/>
      <c r="M1922" s="18"/>
      <c r="N1922" s="18"/>
      <c r="O1922" s="18"/>
      <c r="P1922" s="19">
        <v>370</v>
      </c>
      <c r="Q1922" s="19"/>
      <c r="R1922" s="19"/>
      <c r="S1922" s="19"/>
      <c r="T1922" s="19">
        <v>290</v>
      </c>
      <c r="U1922" s="19"/>
      <c r="V1922" s="19"/>
      <c r="W1922" s="19"/>
      <c r="X1922" s="19">
        <v>10</v>
      </c>
      <c r="Y1922" s="19"/>
      <c r="Z1922" s="19"/>
      <c r="AA1922" s="19"/>
    </row>
    <row r="1923" spans="1:27" s="1" customFormat="1" ht="11.1" customHeight="1" outlineLevel="2" x14ac:dyDescent="0.2">
      <c r="A1923" s="17"/>
      <c r="B1923" s="17"/>
      <c r="C1923" s="17"/>
      <c r="D1923" s="18"/>
      <c r="E1923" s="18"/>
      <c r="F1923" s="18"/>
      <c r="G1923" s="18"/>
      <c r="H1923" s="18"/>
      <c r="I1923" s="18"/>
      <c r="J1923" s="18"/>
      <c r="K1923" s="18"/>
      <c r="L1923" s="18"/>
      <c r="M1923" s="18"/>
      <c r="N1923" s="18"/>
      <c r="O1923" s="18"/>
      <c r="P1923" s="19"/>
      <c r="Q1923" s="19"/>
      <c r="R1923" s="19"/>
      <c r="S1923" s="19"/>
      <c r="T1923" s="19"/>
      <c r="U1923" s="19"/>
      <c r="V1923" s="19"/>
      <c r="W1923" s="19"/>
      <c r="X1923" s="19"/>
      <c r="Y1923" s="19"/>
      <c r="Z1923" s="19"/>
      <c r="AA1923" s="19"/>
    </row>
    <row r="1924" spans="1:27" s="1" customFormat="1" ht="14.1" customHeight="1" outlineLevel="2" x14ac:dyDescent="0.2">
      <c r="A1924" s="17">
        <v>11048</v>
      </c>
      <c r="B1924" s="17"/>
      <c r="C1924" s="17"/>
      <c r="D1924" s="18" t="s">
        <v>970</v>
      </c>
      <c r="E1924" s="18"/>
      <c r="F1924" s="18"/>
      <c r="G1924" s="18"/>
      <c r="H1924" s="18"/>
      <c r="I1924" s="18"/>
      <c r="J1924" s="18"/>
      <c r="K1924" s="18"/>
      <c r="L1924" s="18"/>
      <c r="M1924" s="18"/>
      <c r="N1924" s="18"/>
      <c r="O1924" s="18"/>
      <c r="P1924" s="19">
        <v>420</v>
      </c>
      <c r="Q1924" s="19"/>
      <c r="R1924" s="19"/>
      <c r="S1924" s="19"/>
      <c r="T1924" s="19">
        <v>340</v>
      </c>
      <c r="U1924" s="19"/>
      <c r="V1924" s="19"/>
      <c r="W1924" s="19"/>
      <c r="X1924" s="19">
        <v>6</v>
      </c>
      <c r="Y1924" s="19"/>
      <c r="Z1924" s="19"/>
      <c r="AA1924" s="19"/>
    </row>
    <row r="1925" spans="1:27" s="1" customFormat="1" ht="14.1" customHeight="1" outlineLevel="2" x14ac:dyDescent="0.2">
      <c r="A1925" s="17"/>
      <c r="B1925" s="17"/>
      <c r="C1925" s="17"/>
      <c r="D1925" s="18"/>
      <c r="E1925" s="18"/>
      <c r="F1925" s="18"/>
      <c r="G1925" s="18"/>
      <c r="H1925" s="18"/>
      <c r="I1925" s="18"/>
      <c r="J1925" s="18"/>
      <c r="K1925" s="18"/>
      <c r="L1925" s="18"/>
      <c r="M1925" s="18"/>
      <c r="N1925" s="18"/>
      <c r="O1925" s="18"/>
      <c r="P1925" s="19"/>
      <c r="Q1925" s="19"/>
      <c r="R1925" s="19"/>
      <c r="S1925" s="19"/>
      <c r="T1925" s="19"/>
      <c r="U1925" s="19"/>
      <c r="V1925" s="19"/>
      <c r="W1925" s="19"/>
      <c r="X1925" s="19"/>
      <c r="Y1925" s="19"/>
      <c r="Z1925" s="19"/>
      <c r="AA1925" s="19"/>
    </row>
    <row r="1926" spans="1:27" s="1" customFormat="1" ht="14.1" customHeight="1" outlineLevel="2" x14ac:dyDescent="0.2">
      <c r="A1926" s="17">
        <v>14614</v>
      </c>
      <c r="B1926" s="17"/>
      <c r="C1926" s="17"/>
      <c r="D1926" s="18" t="s">
        <v>971</v>
      </c>
      <c r="E1926" s="18"/>
      <c r="F1926" s="18"/>
      <c r="G1926" s="18"/>
      <c r="H1926" s="18"/>
      <c r="I1926" s="18"/>
      <c r="J1926" s="18"/>
      <c r="K1926" s="18"/>
      <c r="L1926" s="18"/>
      <c r="M1926" s="18"/>
      <c r="N1926" s="18"/>
      <c r="O1926" s="18"/>
      <c r="P1926" s="19">
        <v>150</v>
      </c>
      <c r="Q1926" s="19"/>
      <c r="R1926" s="19"/>
      <c r="S1926" s="19"/>
      <c r="T1926" s="19">
        <v>100</v>
      </c>
      <c r="U1926" s="19"/>
      <c r="V1926" s="19"/>
      <c r="W1926" s="19"/>
      <c r="X1926" s="19">
        <v>11</v>
      </c>
      <c r="Y1926" s="19"/>
      <c r="Z1926" s="19"/>
      <c r="AA1926" s="19"/>
    </row>
    <row r="1927" spans="1:27" s="1" customFormat="1" ht="14.1" customHeight="1" outlineLevel="2" x14ac:dyDescent="0.2">
      <c r="A1927" s="17"/>
      <c r="B1927" s="17"/>
      <c r="C1927" s="17"/>
      <c r="D1927" s="18"/>
      <c r="E1927" s="18"/>
      <c r="F1927" s="18"/>
      <c r="G1927" s="18"/>
      <c r="H1927" s="18"/>
      <c r="I1927" s="18"/>
      <c r="J1927" s="18"/>
      <c r="K1927" s="18"/>
      <c r="L1927" s="18"/>
      <c r="M1927" s="18"/>
      <c r="N1927" s="18"/>
      <c r="O1927" s="18"/>
      <c r="P1927" s="19"/>
      <c r="Q1927" s="19"/>
      <c r="R1927" s="19"/>
      <c r="S1927" s="19"/>
      <c r="T1927" s="19"/>
      <c r="U1927" s="19"/>
      <c r="V1927" s="19"/>
      <c r="W1927" s="19"/>
      <c r="X1927" s="19"/>
      <c r="Y1927" s="19"/>
      <c r="Z1927" s="19"/>
      <c r="AA1927" s="19"/>
    </row>
    <row r="1928" spans="1:27" s="1" customFormat="1" ht="11.1" customHeight="1" outlineLevel="2" x14ac:dyDescent="0.2">
      <c r="A1928" s="17">
        <v>16290</v>
      </c>
      <c r="B1928" s="17"/>
      <c r="C1928" s="17"/>
      <c r="D1928" s="18" t="s">
        <v>972</v>
      </c>
      <c r="E1928" s="18"/>
      <c r="F1928" s="18"/>
      <c r="G1928" s="18"/>
      <c r="H1928" s="18"/>
      <c r="I1928" s="18"/>
      <c r="J1928" s="18"/>
      <c r="K1928" s="18"/>
      <c r="L1928" s="18"/>
      <c r="M1928" s="18"/>
      <c r="N1928" s="18"/>
      <c r="O1928" s="18"/>
      <c r="P1928" s="20">
        <v>1550</v>
      </c>
      <c r="Q1928" s="20"/>
      <c r="R1928" s="20"/>
      <c r="S1928" s="20"/>
      <c r="T1928" s="20">
        <v>1350</v>
      </c>
      <c r="U1928" s="20"/>
      <c r="V1928" s="20"/>
      <c r="W1928" s="20"/>
      <c r="X1928" s="19">
        <v>2</v>
      </c>
      <c r="Y1928" s="19"/>
      <c r="Z1928" s="19"/>
      <c r="AA1928" s="19"/>
    </row>
    <row r="1929" spans="1:27" s="1" customFormat="1" ht="11.1" customHeight="1" outlineLevel="2" x14ac:dyDescent="0.2">
      <c r="A1929" s="17"/>
      <c r="B1929" s="17"/>
      <c r="C1929" s="17"/>
      <c r="D1929" s="18"/>
      <c r="E1929" s="18"/>
      <c r="F1929" s="18"/>
      <c r="G1929" s="18"/>
      <c r="H1929" s="18"/>
      <c r="I1929" s="18"/>
      <c r="J1929" s="18"/>
      <c r="K1929" s="18"/>
      <c r="L1929" s="18"/>
      <c r="M1929" s="18"/>
      <c r="N1929" s="18"/>
      <c r="O1929" s="18"/>
      <c r="P1929" s="20"/>
      <c r="Q1929" s="20"/>
      <c r="R1929" s="20"/>
      <c r="S1929" s="20"/>
      <c r="T1929" s="20"/>
      <c r="U1929" s="20"/>
      <c r="V1929" s="20"/>
      <c r="W1929" s="20"/>
      <c r="X1929" s="19"/>
      <c r="Y1929" s="19"/>
      <c r="Z1929" s="19"/>
      <c r="AA1929" s="19"/>
    </row>
    <row r="1930" spans="1:27" s="1" customFormat="1" ht="14.1" customHeight="1" outlineLevel="2" x14ac:dyDescent="0.2">
      <c r="A1930" s="17">
        <v>17672</v>
      </c>
      <c r="B1930" s="17"/>
      <c r="C1930" s="17"/>
      <c r="D1930" s="18" t="s">
        <v>973</v>
      </c>
      <c r="E1930" s="18"/>
      <c r="F1930" s="18"/>
      <c r="G1930" s="18"/>
      <c r="H1930" s="18"/>
      <c r="I1930" s="18"/>
      <c r="J1930" s="18"/>
      <c r="K1930" s="18"/>
      <c r="L1930" s="18"/>
      <c r="M1930" s="18"/>
      <c r="N1930" s="18"/>
      <c r="O1930" s="18"/>
      <c r="P1930" s="20">
        <v>3200</v>
      </c>
      <c r="Q1930" s="20"/>
      <c r="R1930" s="20"/>
      <c r="S1930" s="20"/>
      <c r="T1930" s="20">
        <v>3000</v>
      </c>
      <c r="U1930" s="20"/>
      <c r="V1930" s="20"/>
      <c r="W1930" s="20"/>
      <c r="X1930" s="19">
        <v>1</v>
      </c>
      <c r="Y1930" s="19"/>
      <c r="Z1930" s="19"/>
      <c r="AA1930" s="19"/>
    </row>
    <row r="1931" spans="1:27" s="1" customFormat="1" ht="14.1" customHeight="1" outlineLevel="2" x14ac:dyDescent="0.2">
      <c r="A1931" s="17"/>
      <c r="B1931" s="17"/>
      <c r="C1931" s="17"/>
      <c r="D1931" s="18"/>
      <c r="E1931" s="18"/>
      <c r="F1931" s="18"/>
      <c r="G1931" s="18"/>
      <c r="H1931" s="18"/>
      <c r="I1931" s="18"/>
      <c r="J1931" s="18"/>
      <c r="K1931" s="18"/>
      <c r="L1931" s="18"/>
      <c r="M1931" s="18"/>
      <c r="N1931" s="18"/>
      <c r="O1931" s="18"/>
      <c r="P1931" s="20"/>
      <c r="Q1931" s="20"/>
      <c r="R1931" s="20"/>
      <c r="S1931" s="20"/>
      <c r="T1931" s="20"/>
      <c r="U1931" s="20"/>
      <c r="V1931" s="20"/>
      <c r="W1931" s="20"/>
      <c r="X1931" s="19"/>
      <c r="Y1931" s="19"/>
      <c r="Z1931" s="19"/>
      <c r="AA1931" s="19"/>
    </row>
    <row r="1932" spans="1:27" s="1" customFormat="1" ht="11.1" customHeight="1" outlineLevel="2" x14ac:dyDescent="0.2">
      <c r="A1932" s="17">
        <v>16293</v>
      </c>
      <c r="B1932" s="17"/>
      <c r="C1932" s="17"/>
      <c r="D1932" s="18" t="s">
        <v>974</v>
      </c>
      <c r="E1932" s="18"/>
      <c r="F1932" s="18"/>
      <c r="G1932" s="18"/>
      <c r="H1932" s="18"/>
      <c r="I1932" s="18"/>
      <c r="J1932" s="18"/>
      <c r="K1932" s="18"/>
      <c r="L1932" s="18"/>
      <c r="M1932" s="18"/>
      <c r="N1932" s="18"/>
      <c r="O1932" s="18"/>
      <c r="P1932" s="20">
        <v>1550</v>
      </c>
      <c r="Q1932" s="20"/>
      <c r="R1932" s="20"/>
      <c r="S1932" s="20"/>
      <c r="T1932" s="20">
        <v>1350</v>
      </c>
      <c r="U1932" s="20"/>
      <c r="V1932" s="20"/>
      <c r="W1932" s="20"/>
      <c r="X1932" s="19">
        <v>2</v>
      </c>
      <c r="Y1932" s="19"/>
      <c r="Z1932" s="19"/>
      <c r="AA1932" s="19"/>
    </row>
    <row r="1933" spans="1:27" s="1" customFormat="1" ht="11.1" customHeight="1" outlineLevel="2" x14ac:dyDescent="0.2">
      <c r="A1933" s="17"/>
      <c r="B1933" s="17"/>
      <c r="C1933" s="17"/>
      <c r="D1933" s="18"/>
      <c r="E1933" s="18"/>
      <c r="F1933" s="18"/>
      <c r="G1933" s="18"/>
      <c r="H1933" s="18"/>
      <c r="I1933" s="18"/>
      <c r="J1933" s="18"/>
      <c r="K1933" s="18"/>
      <c r="L1933" s="18"/>
      <c r="M1933" s="18"/>
      <c r="N1933" s="18"/>
      <c r="O1933" s="18"/>
      <c r="P1933" s="20"/>
      <c r="Q1933" s="20"/>
      <c r="R1933" s="20"/>
      <c r="S1933" s="20"/>
      <c r="T1933" s="20"/>
      <c r="U1933" s="20"/>
      <c r="V1933" s="20"/>
      <c r="W1933" s="20"/>
      <c r="X1933" s="19"/>
      <c r="Y1933" s="19"/>
      <c r="Z1933" s="19"/>
      <c r="AA1933" s="19"/>
    </row>
    <row r="1934" spans="1:27" s="1" customFormat="1" ht="11.1" customHeight="1" outlineLevel="2" x14ac:dyDescent="0.2">
      <c r="A1934" s="17">
        <v>16292</v>
      </c>
      <c r="B1934" s="17"/>
      <c r="C1934" s="17"/>
      <c r="D1934" s="18" t="s">
        <v>975</v>
      </c>
      <c r="E1934" s="18"/>
      <c r="F1934" s="18"/>
      <c r="G1934" s="18"/>
      <c r="H1934" s="18"/>
      <c r="I1934" s="18"/>
      <c r="J1934" s="18"/>
      <c r="K1934" s="18"/>
      <c r="L1934" s="18"/>
      <c r="M1934" s="18"/>
      <c r="N1934" s="18"/>
      <c r="O1934" s="18"/>
      <c r="P1934" s="20">
        <v>1550</v>
      </c>
      <c r="Q1934" s="20"/>
      <c r="R1934" s="20"/>
      <c r="S1934" s="20"/>
      <c r="T1934" s="20">
        <v>1350</v>
      </c>
      <c r="U1934" s="20"/>
      <c r="V1934" s="20"/>
      <c r="W1934" s="20"/>
      <c r="X1934" s="19">
        <v>1</v>
      </c>
      <c r="Y1934" s="19"/>
      <c r="Z1934" s="19"/>
      <c r="AA1934" s="19"/>
    </row>
    <row r="1935" spans="1:27" s="1" customFormat="1" ht="11.1" customHeight="1" outlineLevel="2" x14ac:dyDescent="0.2">
      <c r="A1935" s="17"/>
      <c r="B1935" s="17"/>
      <c r="C1935" s="17"/>
      <c r="D1935" s="18"/>
      <c r="E1935" s="18"/>
      <c r="F1935" s="18"/>
      <c r="G1935" s="18"/>
      <c r="H1935" s="18"/>
      <c r="I1935" s="18"/>
      <c r="J1935" s="18"/>
      <c r="K1935" s="18"/>
      <c r="L1935" s="18"/>
      <c r="M1935" s="18"/>
      <c r="N1935" s="18"/>
      <c r="O1935" s="18"/>
      <c r="P1935" s="20"/>
      <c r="Q1935" s="20"/>
      <c r="R1935" s="20"/>
      <c r="S1935" s="20"/>
      <c r="T1935" s="20"/>
      <c r="U1935" s="20"/>
      <c r="V1935" s="20"/>
      <c r="W1935" s="20"/>
      <c r="X1935" s="19"/>
      <c r="Y1935" s="19"/>
      <c r="Z1935" s="19"/>
      <c r="AA1935" s="19"/>
    </row>
    <row r="1936" spans="1:27" s="1" customFormat="1" ht="11.1" customHeight="1" outlineLevel="2" x14ac:dyDescent="0.2">
      <c r="A1936" s="17">
        <v>16291</v>
      </c>
      <c r="B1936" s="17"/>
      <c r="C1936" s="17"/>
      <c r="D1936" s="18" t="s">
        <v>976</v>
      </c>
      <c r="E1936" s="18"/>
      <c r="F1936" s="18"/>
      <c r="G1936" s="18"/>
      <c r="H1936" s="18"/>
      <c r="I1936" s="18"/>
      <c r="J1936" s="18"/>
      <c r="K1936" s="18"/>
      <c r="L1936" s="18"/>
      <c r="M1936" s="18"/>
      <c r="N1936" s="18"/>
      <c r="O1936" s="18"/>
      <c r="P1936" s="20">
        <v>1550</v>
      </c>
      <c r="Q1936" s="20"/>
      <c r="R1936" s="20"/>
      <c r="S1936" s="20"/>
      <c r="T1936" s="20">
        <v>1350</v>
      </c>
      <c r="U1936" s="20"/>
      <c r="V1936" s="20"/>
      <c r="W1936" s="20"/>
      <c r="X1936" s="19">
        <v>2</v>
      </c>
      <c r="Y1936" s="19"/>
      <c r="Z1936" s="19"/>
      <c r="AA1936" s="19"/>
    </row>
    <row r="1937" spans="1:27" s="1" customFormat="1" ht="11.1" customHeight="1" outlineLevel="2" x14ac:dyDescent="0.2">
      <c r="A1937" s="17"/>
      <c r="B1937" s="17"/>
      <c r="C1937" s="17"/>
      <c r="D1937" s="18"/>
      <c r="E1937" s="18"/>
      <c r="F1937" s="18"/>
      <c r="G1937" s="18"/>
      <c r="H1937" s="18"/>
      <c r="I1937" s="18"/>
      <c r="J1937" s="18"/>
      <c r="K1937" s="18"/>
      <c r="L1937" s="18"/>
      <c r="M1937" s="18"/>
      <c r="N1937" s="18"/>
      <c r="O1937" s="18"/>
      <c r="P1937" s="20"/>
      <c r="Q1937" s="20"/>
      <c r="R1937" s="20"/>
      <c r="S1937" s="20"/>
      <c r="T1937" s="20"/>
      <c r="U1937" s="20"/>
      <c r="V1937" s="20"/>
      <c r="W1937" s="20"/>
      <c r="X1937" s="19"/>
      <c r="Y1937" s="19"/>
      <c r="Z1937" s="19"/>
      <c r="AA1937" s="19"/>
    </row>
    <row r="1938" spans="1:27" s="1" customFormat="1" ht="11.1" customHeight="1" outlineLevel="2" x14ac:dyDescent="0.2">
      <c r="A1938" s="17">
        <v>10665</v>
      </c>
      <c r="B1938" s="17"/>
      <c r="C1938" s="17"/>
      <c r="D1938" s="18" t="s">
        <v>977</v>
      </c>
      <c r="E1938" s="18"/>
      <c r="F1938" s="18"/>
      <c r="G1938" s="18"/>
      <c r="H1938" s="18"/>
      <c r="I1938" s="18"/>
      <c r="J1938" s="18"/>
      <c r="K1938" s="18"/>
      <c r="L1938" s="18"/>
      <c r="M1938" s="18"/>
      <c r="N1938" s="18"/>
      <c r="O1938" s="18"/>
      <c r="P1938" s="20">
        <v>2700</v>
      </c>
      <c r="Q1938" s="20"/>
      <c r="R1938" s="20"/>
      <c r="S1938" s="20"/>
      <c r="T1938" s="20">
        <v>2500</v>
      </c>
      <c r="U1938" s="20"/>
      <c r="V1938" s="20"/>
      <c r="W1938" s="20"/>
      <c r="X1938" s="19">
        <v>1</v>
      </c>
      <c r="Y1938" s="19"/>
      <c r="Z1938" s="19"/>
      <c r="AA1938" s="19"/>
    </row>
    <row r="1939" spans="1:27" s="1" customFormat="1" ht="11.1" customHeight="1" outlineLevel="2" x14ac:dyDescent="0.2">
      <c r="A1939" s="17"/>
      <c r="B1939" s="17"/>
      <c r="C1939" s="17"/>
      <c r="D1939" s="18"/>
      <c r="E1939" s="18"/>
      <c r="F1939" s="18"/>
      <c r="G1939" s="18"/>
      <c r="H1939" s="18"/>
      <c r="I1939" s="18"/>
      <c r="J1939" s="18"/>
      <c r="K1939" s="18"/>
      <c r="L1939" s="18"/>
      <c r="M1939" s="18"/>
      <c r="N1939" s="18"/>
      <c r="O1939" s="18"/>
      <c r="P1939" s="20"/>
      <c r="Q1939" s="20"/>
      <c r="R1939" s="20"/>
      <c r="S1939" s="20"/>
      <c r="T1939" s="20"/>
      <c r="U1939" s="20"/>
      <c r="V1939" s="20"/>
      <c r="W1939" s="20"/>
      <c r="X1939" s="19"/>
      <c r="Y1939" s="19"/>
      <c r="Z1939" s="19"/>
      <c r="AA1939" s="19"/>
    </row>
    <row r="1940" spans="1:27" s="1" customFormat="1" ht="11.1" customHeight="1" outlineLevel="2" x14ac:dyDescent="0.2">
      <c r="A1940" s="17">
        <v>17627</v>
      </c>
      <c r="B1940" s="17"/>
      <c r="C1940" s="17"/>
      <c r="D1940" s="18" t="s">
        <v>978</v>
      </c>
      <c r="E1940" s="18"/>
      <c r="F1940" s="18"/>
      <c r="G1940" s="18"/>
      <c r="H1940" s="18"/>
      <c r="I1940" s="18"/>
      <c r="J1940" s="18"/>
      <c r="K1940" s="18"/>
      <c r="L1940" s="18"/>
      <c r="M1940" s="18"/>
      <c r="N1940" s="18"/>
      <c r="O1940" s="18"/>
      <c r="P1940" s="20">
        <v>1700</v>
      </c>
      <c r="Q1940" s="20"/>
      <c r="R1940" s="20"/>
      <c r="S1940" s="20"/>
      <c r="T1940" s="20">
        <v>1500</v>
      </c>
      <c r="U1940" s="20"/>
      <c r="V1940" s="20"/>
      <c r="W1940" s="20"/>
      <c r="X1940" s="19">
        <v>5</v>
      </c>
      <c r="Y1940" s="19"/>
      <c r="Z1940" s="19"/>
      <c r="AA1940" s="19"/>
    </row>
    <row r="1941" spans="1:27" s="1" customFormat="1" ht="11.1" customHeight="1" outlineLevel="2" x14ac:dyDescent="0.2">
      <c r="A1941" s="17"/>
      <c r="B1941" s="17"/>
      <c r="C1941" s="17"/>
      <c r="D1941" s="18"/>
      <c r="E1941" s="18"/>
      <c r="F1941" s="18"/>
      <c r="G1941" s="18"/>
      <c r="H1941" s="18"/>
      <c r="I1941" s="18"/>
      <c r="J1941" s="18"/>
      <c r="K1941" s="18"/>
      <c r="L1941" s="18"/>
      <c r="M1941" s="18"/>
      <c r="N1941" s="18"/>
      <c r="O1941" s="18"/>
      <c r="P1941" s="20"/>
      <c r="Q1941" s="20"/>
      <c r="R1941" s="20"/>
      <c r="S1941" s="20"/>
      <c r="T1941" s="20"/>
      <c r="U1941" s="20"/>
      <c r="V1941" s="20"/>
      <c r="W1941" s="20"/>
      <c r="X1941" s="19"/>
      <c r="Y1941" s="19"/>
      <c r="Z1941" s="19"/>
      <c r="AA1941" s="19"/>
    </row>
    <row r="1942" spans="1:27" s="1" customFormat="1" ht="11.1" customHeight="1" outlineLevel="2" x14ac:dyDescent="0.2">
      <c r="A1942" s="17">
        <v>9750</v>
      </c>
      <c r="B1942" s="17"/>
      <c r="C1942" s="17"/>
      <c r="D1942" s="18" t="s">
        <v>979</v>
      </c>
      <c r="E1942" s="18"/>
      <c r="F1942" s="18"/>
      <c r="G1942" s="18"/>
      <c r="H1942" s="18"/>
      <c r="I1942" s="18"/>
      <c r="J1942" s="18"/>
      <c r="K1942" s="18"/>
      <c r="L1942" s="18"/>
      <c r="M1942" s="18"/>
      <c r="N1942" s="18"/>
      <c r="O1942" s="18"/>
      <c r="P1942" s="19">
        <v>190</v>
      </c>
      <c r="Q1942" s="19"/>
      <c r="R1942" s="19"/>
      <c r="S1942" s="19"/>
      <c r="T1942" s="19">
        <v>150</v>
      </c>
      <c r="U1942" s="19"/>
      <c r="V1942" s="19"/>
      <c r="W1942" s="19"/>
      <c r="X1942" s="19">
        <v>7</v>
      </c>
      <c r="Y1942" s="19"/>
      <c r="Z1942" s="19"/>
      <c r="AA1942" s="19"/>
    </row>
    <row r="1943" spans="1:27" s="1" customFormat="1" ht="11.1" customHeight="1" outlineLevel="2" x14ac:dyDescent="0.2">
      <c r="A1943" s="17"/>
      <c r="B1943" s="17"/>
      <c r="C1943" s="17"/>
      <c r="D1943" s="18"/>
      <c r="E1943" s="18"/>
      <c r="F1943" s="18"/>
      <c r="G1943" s="18"/>
      <c r="H1943" s="18"/>
      <c r="I1943" s="18"/>
      <c r="J1943" s="18"/>
      <c r="K1943" s="18"/>
      <c r="L1943" s="18"/>
      <c r="M1943" s="18"/>
      <c r="N1943" s="18"/>
      <c r="O1943" s="18"/>
      <c r="P1943" s="19"/>
      <c r="Q1943" s="19"/>
      <c r="R1943" s="19"/>
      <c r="S1943" s="19"/>
      <c r="T1943" s="19"/>
      <c r="U1943" s="19"/>
      <c r="V1943" s="19"/>
      <c r="W1943" s="19"/>
      <c r="X1943" s="19"/>
      <c r="Y1943" s="19"/>
      <c r="Z1943" s="19"/>
      <c r="AA1943" s="19"/>
    </row>
    <row r="1944" spans="1:27" s="1" customFormat="1" ht="14.1" customHeight="1" outlineLevel="2" x14ac:dyDescent="0.2">
      <c r="A1944" s="17">
        <v>11513</v>
      </c>
      <c r="B1944" s="17"/>
      <c r="C1944" s="17"/>
      <c r="D1944" s="18" t="s">
        <v>980</v>
      </c>
      <c r="E1944" s="18"/>
      <c r="F1944" s="18"/>
      <c r="G1944" s="18"/>
      <c r="H1944" s="18"/>
      <c r="I1944" s="18"/>
      <c r="J1944" s="18"/>
      <c r="K1944" s="18"/>
      <c r="L1944" s="18"/>
      <c r="M1944" s="18"/>
      <c r="N1944" s="18"/>
      <c r="O1944" s="18"/>
      <c r="P1944" s="19">
        <v>990</v>
      </c>
      <c r="Q1944" s="19"/>
      <c r="R1944" s="19"/>
      <c r="S1944" s="19"/>
      <c r="T1944" s="19">
        <v>900</v>
      </c>
      <c r="U1944" s="19"/>
      <c r="V1944" s="19"/>
      <c r="W1944" s="19"/>
      <c r="X1944" s="19">
        <v>14</v>
      </c>
      <c r="Y1944" s="19"/>
      <c r="Z1944" s="19"/>
      <c r="AA1944" s="19"/>
    </row>
    <row r="1945" spans="1:27" s="1" customFormat="1" ht="14.1" customHeight="1" outlineLevel="2" x14ac:dyDescent="0.2">
      <c r="A1945" s="17"/>
      <c r="B1945" s="17"/>
      <c r="C1945" s="17"/>
      <c r="D1945" s="18"/>
      <c r="E1945" s="18"/>
      <c r="F1945" s="18"/>
      <c r="G1945" s="18"/>
      <c r="H1945" s="18"/>
      <c r="I1945" s="18"/>
      <c r="J1945" s="18"/>
      <c r="K1945" s="18"/>
      <c r="L1945" s="18"/>
      <c r="M1945" s="18"/>
      <c r="N1945" s="18"/>
      <c r="O1945" s="18"/>
      <c r="P1945" s="19"/>
      <c r="Q1945" s="19"/>
      <c r="R1945" s="19"/>
      <c r="S1945" s="19"/>
      <c r="T1945" s="19"/>
      <c r="U1945" s="19"/>
      <c r="V1945" s="19"/>
      <c r="W1945" s="19"/>
      <c r="X1945" s="19"/>
      <c r="Y1945" s="19"/>
      <c r="Z1945" s="19"/>
      <c r="AA1945" s="19"/>
    </row>
    <row r="1946" spans="1:27" s="1" customFormat="1" ht="11.1" customHeight="1" outlineLevel="2" x14ac:dyDescent="0.2">
      <c r="A1946" s="17">
        <v>9562</v>
      </c>
      <c r="B1946" s="17"/>
      <c r="C1946" s="17"/>
      <c r="D1946" s="18" t="s">
        <v>981</v>
      </c>
      <c r="E1946" s="18"/>
      <c r="F1946" s="18"/>
      <c r="G1946" s="18"/>
      <c r="H1946" s="18"/>
      <c r="I1946" s="18"/>
      <c r="J1946" s="18"/>
      <c r="K1946" s="18"/>
      <c r="L1946" s="18"/>
      <c r="M1946" s="18"/>
      <c r="N1946" s="18"/>
      <c r="O1946" s="18"/>
      <c r="P1946" s="19">
        <v>40</v>
      </c>
      <c r="Q1946" s="19"/>
      <c r="R1946" s="19"/>
      <c r="S1946" s="19"/>
      <c r="T1946" s="19">
        <v>30</v>
      </c>
      <c r="U1946" s="19"/>
      <c r="V1946" s="19"/>
      <c r="W1946" s="19"/>
      <c r="X1946" s="19">
        <v>10</v>
      </c>
      <c r="Y1946" s="19"/>
      <c r="Z1946" s="19"/>
      <c r="AA1946" s="19"/>
    </row>
    <row r="1947" spans="1:27" s="1" customFormat="1" ht="11.1" customHeight="1" outlineLevel="2" x14ac:dyDescent="0.2">
      <c r="A1947" s="17"/>
      <c r="B1947" s="17"/>
      <c r="C1947" s="17"/>
      <c r="D1947" s="18"/>
      <c r="E1947" s="18"/>
      <c r="F1947" s="18"/>
      <c r="G1947" s="18"/>
      <c r="H1947" s="18"/>
      <c r="I1947" s="18"/>
      <c r="J1947" s="18"/>
      <c r="K1947" s="18"/>
      <c r="L1947" s="18"/>
      <c r="M1947" s="18"/>
      <c r="N1947" s="18"/>
      <c r="O1947" s="18"/>
      <c r="P1947" s="19"/>
      <c r="Q1947" s="19"/>
      <c r="R1947" s="19"/>
      <c r="S1947" s="19"/>
      <c r="T1947" s="19"/>
      <c r="U1947" s="19"/>
      <c r="V1947" s="19"/>
      <c r="W1947" s="19"/>
      <c r="X1947" s="19"/>
      <c r="Y1947" s="19"/>
      <c r="Z1947" s="19"/>
      <c r="AA1947" s="19"/>
    </row>
    <row r="1948" spans="1:27" s="1" customFormat="1" ht="14.1" customHeight="1" outlineLevel="2" x14ac:dyDescent="0.2">
      <c r="A1948" s="17">
        <v>10162</v>
      </c>
      <c r="B1948" s="17"/>
      <c r="C1948" s="17"/>
      <c r="D1948" s="18" t="s">
        <v>982</v>
      </c>
      <c r="E1948" s="18"/>
      <c r="F1948" s="18"/>
      <c r="G1948" s="18"/>
      <c r="H1948" s="18"/>
      <c r="I1948" s="18"/>
      <c r="J1948" s="18"/>
      <c r="K1948" s="18"/>
      <c r="L1948" s="18"/>
      <c r="M1948" s="18"/>
      <c r="N1948" s="18"/>
      <c r="O1948" s="18"/>
      <c r="P1948" s="19">
        <v>300</v>
      </c>
      <c r="Q1948" s="19"/>
      <c r="R1948" s="19"/>
      <c r="S1948" s="19"/>
      <c r="T1948" s="19">
        <v>230</v>
      </c>
      <c r="U1948" s="19"/>
      <c r="V1948" s="19"/>
      <c r="W1948" s="19"/>
      <c r="X1948" s="19">
        <v>6</v>
      </c>
      <c r="Y1948" s="19"/>
      <c r="Z1948" s="19"/>
      <c r="AA1948" s="19"/>
    </row>
    <row r="1949" spans="1:27" s="1" customFormat="1" ht="14.1" customHeight="1" outlineLevel="2" x14ac:dyDescent="0.2">
      <c r="A1949" s="17"/>
      <c r="B1949" s="17"/>
      <c r="C1949" s="17"/>
      <c r="D1949" s="18"/>
      <c r="E1949" s="18"/>
      <c r="F1949" s="18"/>
      <c r="G1949" s="18"/>
      <c r="H1949" s="18"/>
      <c r="I1949" s="18"/>
      <c r="J1949" s="18"/>
      <c r="K1949" s="18"/>
      <c r="L1949" s="18"/>
      <c r="M1949" s="18"/>
      <c r="N1949" s="18"/>
      <c r="O1949" s="18"/>
      <c r="P1949" s="19"/>
      <c r="Q1949" s="19"/>
      <c r="R1949" s="19"/>
      <c r="S1949" s="19"/>
      <c r="T1949" s="19"/>
      <c r="U1949" s="19"/>
      <c r="V1949" s="19"/>
      <c r="W1949" s="19"/>
      <c r="X1949" s="19"/>
      <c r="Y1949" s="19"/>
      <c r="Z1949" s="19"/>
      <c r="AA1949" s="19"/>
    </row>
    <row r="1950" spans="1:27" s="1" customFormat="1" ht="11.1" customHeight="1" outlineLevel="2" x14ac:dyDescent="0.2">
      <c r="A1950" s="17">
        <v>9717</v>
      </c>
      <c r="B1950" s="17"/>
      <c r="C1950" s="17"/>
      <c r="D1950" s="18" t="s">
        <v>983</v>
      </c>
      <c r="E1950" s="18"/>
      <c r="F1950" s="18"/>
      <c r="G1950" s="18"/>
      <c r="H1950" s="18"/>
      <c r="I1950" s="18"/>
      <c r="J1950" s="18"/>
      <c r="K1950" s="18"/>
      <c r="L1950" s="18"/>
      <c r="M1950" s="18"/>
      <c r="N1950" s="18"/>
      <c r="O1950" s="18"/>
      <c r="P1950" s="19">
        <v>100</v>
      </c>
      <c r="Q1950" s="19"/>
      <c r="R1950" s="19"/>
      <c r="S1950" s="19"/>
      <c r="T1950" s="19">
        <v>74</v>
      </c>
      <c r="U1950" s="19"/>
      <c r="V1950" s="19"/>
      <c r="W1950" s="19"/>
      <c r="X1950" s="19">
        <v>1</v>
      </c>
      <c r="Y1950" s="19"/>
      <c r="Z1950" s="19"/>
      <c r="AA1950" s="19"/>
    </row>
    <row r="1951" spans="1:27" s="1" customFormat="1" ht="11.1" customHeight="1" outlineLevel="2" x14ac:dyDescent="0.2">
      <c r="A1951" s="17"/>
      <c r="B1951" s="17"/>
      <c r="C1951" s="17"/>
      <c r="D1951" s="18"/>
      <c r="E1951" s="18"/>
      <c r="F1951" s="18"/>
      <c r="G1951" s="18"/>
      <c r="H1951" s="18"/>
      <c r="I1951" s="18"/>
      <c r="J1951" s="18"/>
      <c r="K1951" s="18"/>
      <c r="L1951" s="18"/>
      <c r="M1951" s="18"/>
      <c r="N1951" s="18"/>
      <c r="O1951" s="18"/>
      <c r="P1951" s="19"/>
      <c r="Q1951" s="19"/>
      <c r="R1951" s="19"/>
      <c r="S1951" s="19"/>
      <c r="T1951" s="19"/>
      <c r="U1951" s="19"/>
      <c r="V1951" s="19"/>
      <c r="W1951" s="19"/>
      <c r="X1951" s="19"/>
      <c r="Y1951" s="19"/>
      <c r="Z1951" s="19"/>
      <c r="AA1951" s="19"/>
    </row>
    <row r="1952" spans="1:27" s="1" customFormat="1" ht="11.1" customHeight="1" outlineLevel="2" x14ac:dyDescent="0.2">
      <c r="A1952" s="17">
        <v>9721</v>
      </c>
      <c r="B1952" s="17"/>
      <c r="C1952" s="17"/>
      <c r="D1952" s="18" t="s">
        <v>984</v>
      </c>
      <c r="E1952" s="18"/>
      <c r="F1952" s="18"/>
      <c r="G1952" s="18"/>
      <c r="H1952" s="18"/>
      <c r="I1952" s="18"/>
      <c r="J1952" s="18"/>
      <c r="K1952" s="18"/>
      <c r="L1952" s="18"/>
      <c r="M1952" s="18"/>
      <c r="N1952" s="18"/>
      <c r="O1952" s="18"/>
      <c r="P1952" s="19">
        <v>100</v>
      </c>
      <c r="Q1952" s="19"/>
      <c r="R1952" s="19"/>
      <c r="S1952" s="19"/>
      <c r="T1952" s="19">
        <v>74</v>
      </c>
      <c r="U1952" s="19"/>
      <c r="V1952" s="19"/>
      <c r="W1952" s="19"/>
      <c r="X1952" s="19">
        <v>1</v>
      </c>
      <c r="Y1952" s="19"/>
      <c r="Z1952" s="19"/>
      <c r="AA1952" s="19"/>
    </row>
    <row r="1953" spans="1:27" s="1" customFormat="1" ht="11.1" customHeight="1" outlineLevel="2" x14ac:dyDescent="0.2">
      <c r="A1953" s="17"/>
      <c r="B1953" s="17"/>
      <c r="C1953" s="17"/>
      <c r="D1953" s="18"/>
      <c r="E1953" s="18"/>
      <c r="F1953" s="18"/>
      <c r="G1953" s="18"/>
      <c r="H1953" s="18"/>
      <c r="I1953" s="18"/>
      <c r="J1953" s="18"/>
      <c r="K1953" s="18"/>
      <c r="L1953" s="18"/>
      <c r="M1953" s="18"/>
      <c r="N1953" s="18"/>
      <c r="O1953" s="18"/>
      <c r="P1953" s="19"/>
      <c r="Q1953" s="19"/>
      <c r="R1953" s="19"/>
      <c r="S1953" s="19"/>
      <c r="T1953" s="19"/>
      <c r="U1953" s="19"/>
      <c r="V1953" s="19"/>
      <c r="W1953" s="19"/>
      <c r="X1953" s="19"/>
      <c r="Y1953" s="19"/>
      <c r="Z1953" s="19"/>
      <c r="AA1953" s="19"/>
    </row>
    <row r="1954" spans="1:27" s="1" customFormat="1" ht="11.1" customHeight="1" outlineLevel="2" x14ac:dyDescent="0.2">
      <c r="A1954" s="17">
        <v>9719</v>
      </c>
      <c r="B1954" s="17"/>
      <c r="C1954" s="17"/>
      <c r="D1954" s="18" t="s">
        <v>985</v>
      </c>
      <c r="E1954" s="18"/>
      <c r="F1954" s="18"/>
      <c r="G1954" s="18"/>
      <c r="H1954" s="18"/>
      <c r="I1954" s="18"/>
      <c r="J1954" s="18"/>
      <c r="K1954" s="18"/>
      <c r="L1954" s="18"/>
      <c r="M1954" s="18"/>
      <c r="N1954" s="18"/>
      <c r="O1954" s="18"/>
      <c r="P1954" s="19">
        <v>100</v>
      </c>
      <c r="Q1954" s="19"/>
      <c r="R1954" s="19"/>
      <c r="S1954" s="19"/>
      <c r="T1954" s="19">
        <v>75</v>
      </c>
      <c r="U1954" s="19"/>
      <c r="V1954" s="19"/>
      <c r="W1954" s="19"/>
      <c r="X1954" s="19">
        <v>14</v>
      </c>
      <c r="Y1954" s="19"/>
      <c r="Z1954" s="19"/>
      <c r="AA1954" s="19"/>
    </row>
    <row r="1955" spans="1:27" s="1" customFormat="1" ht="11.1" customHeight="1" outlineLevel="2" x14ac:dyDescent="0.2">
      <c r="A1955" s="17"/>
      <c r="B1955" s="17"/>
      <c r="C1955" s="17"/>
      <c r="D1955" s="18"/>
      <c r="E1955" s="18"/>
      <c r="F1955" s="18"/>
      <c r="G1955" s="18"/>
      <c r="H1955" s="18"/>
      <c r="I1955" s="18"/>
      <c r="J1955" s="18"/>
      <c r="K1955" s="18"/>
      <c r="L1955" s="18"/>
      <c r="M1955" s="18"/>
      <c r="N1955" s="18"/>
      <c r="O1955" s="18"/>
      <c r="P1955" s="19"/>
      <c r="Q1955" s="19"/>
      <c r="R1955" s="19"/>
      <c r="S1955" s="19"/>
      <c r="T1955" s="19"/>
      <c r="U1955" s="19"/>
      <c r="V1955" s="19"/>
      <c r="W1955" s="19"/>
      <c r="X1955" s="19"/>
      <c r="Y1955" s="19"/>
      <c r="Z1955" s="19"/>
      <c r="AA1955" s="19"/>
    </row>
    <row r="1956" spans="1:27" s="1" customFormat="1" ht="14.1" customHeight="1" outlineLevel="2" x14ac:dyDescent="0.2">
      <c r="A1956" s="17">
        <v>10166</v>
      </c>
      <c r="B1956" s="17"/>
      <c r="C1956" s="17"/>
      <c r="D1956" s="18" t="s">
        <v>986</v>
      </c>
      <c r="E1956" s="18"/>
      <c r="F1956" s="18"/>
      <c r="G1956" s="18"/>
      <c r="H1956" s="18"/>
      <c r="I1956" s="18"/>
      <c r="J1956" s="18"/>
      <c r="K1956" s="18"/>
      <c r="L1956" s="18"/>
      <c r="M1956" s="18"/>
      <c r="N1956" s="18"/>
      <c r="O1956" s="18"/>
      <c r="P1956" s="20">
        <v>1370</v>
      </c>
      <c r="Q1956" s="20"/>
      <c r="R1956" s="20"/>
      <c r="S1956" s="20"/>
      <c r="T1956" s="20">
        <v>1240</v>
      </c>
      <c r="U1956" s="20"/>
      <c r="V1956" s="20"/>
      <c r="W1956" s="20"/>
      <c r="X1956" s="19">
        <v>1</v>
      </c>
      <c r="Y1956" s="19"/>
      <c r="Z1956" s="19"/>
      <c r="AA1956" s="19"/>
    </row>
    <row r="1957" spans="1:27" s="1" customFormat="1" ht="14.1" customHeight="1" outlineLevel="2" x14ac:dyDescent="0.2">
      <c r="A1957" s="17"/>
      <c r="B1957" s="17"/>
      <c r="C1957" s="17"/>
      <c r="D1957" s="18"/>
      <c r="E1957" s="18"/>
      <c r="F1957" s="18"/>
      <c r="G1957" s="18"/>
      <c r="H1957" s="18"/>
      <c r="I1957" s="18"/>
      <c r="J1957" s="18"/>
      <c r="K1957" s="18"/>
      <c r="L1957" s="18"/>
      <c r="M1957" s="18"/>
      <c r="N1957" s="18"/>
      <c r="O1957" s="18"/>
      <c r="P1957" s="20"/>
      <c r="Q1957" s="20"/>
      <c r="R1957" s="20"/>
      <c r="S1957" s="20"/>
      <c r="T1957" s="20"/>
      <c r="U1957" s="20"/>
      <c r="V1957" s="20"/>
      <c r="W1957" s="20"/>
      <c r="X1957" s="19"/>
      <c r="Y1957" s="19"/>
      <c r="Z1957" s="19"/>
      <c r="AA1957" s="19"/>
    </row>
    <row r="1958" spans="1:27" s="1" customFormat="1" ht="11.1" customHeight="1" outlineLevel="2" x14ac:dyDescent="0.2">
      <c r="A1958" s="17">
        <v>15358</v>
      </c>
      <c r="B1958" s="17"/>
      <c r="C1958" s="17"/>
      <c r="D1958" s="18" t="s">
        <v>987</v>
      </c>
      <c r="E1958" s="18"/>
      <c r="F1958" s="18"/>
      <c r="G1958" s="18"/>
      <c r="H1958" s="18"/>
      <c r="I1958" s="18"/>
      <c r="J1958" s="18"/>
      <c r="K1958" s="18"/>
      <c r="L1958" s="18"/>
      <c r="M1958" s="18"/>
      <c r="N1958" s="18"/>
      <c r="O1958" s="18"/>
      <c r="P1958" s="19">
        <v>250</v>
      </c>
      <c r="Q1958" s="19"/>
      <c r="R1958" s="19"/>
      <c r="S1958" s="19"/>
      <c r="T1958" s="19">
        <v>200</v>
      </c>
      <c r="U1958" s="19"/>
      <c r="V1958" s="19"/>
      <c r="W1958" s="19"/>
      <c r="X1958" s="19">
        <v>5</v>
      </c>
      <c r="Y1958" s="19"/>
      <c r="Z1958" s="19"/>
      <c r="AA1958" s="19"/>
    </row>
    <row r="1959" spans="1:27" s="1" customFormat="1" ht="11.1" customHeight="1" outlineLevel="2" x14ac:dyDescent="0.2">
      <c r="A1959" s="17"/>
      <c r="B1959" s="17"/>
      <c r="C1959" s="17"/>
      <c r="D1959" s="18"/>
      <c r="E1959" s="18"/>
      <c r="F1959" s="18"/>
      <c r="G1959" s="18"/>
      <c r="H1959" s="18"/>
      <c r="I1959" s="18"/>
      <c r="J1959" s="18"/>
      <c r="K1959" s="18"/>
      <c r="L1959" s="18"/>
      <c r="M1959" s="18"/>
      <c r="N1959" s="18"/>
      <c r="O1959" s="18"/>
      <c r="P1959" s="19"/>
      <c r="Q1959" s="19"/>
      <c r="R1959" s="19"/>
      <c r="S1959" s="19"/>
      <c r="T1959" s="19"/>
      <c r="U1959" s="19"/>
      <c r="V1959" s="19"/>
      <c r="W1959" s="19"/>
      <c r="X1959" s="19"/>
      <c r="Y1959" s="19"/>
      <c r="Z1959" s="19"/>
      <c r="AA1959" s="19"/>
    </row>
    <row r="1960" spans="1:27" s="1" customFormat="1" ht="14.1" customHeight="1" outlineLevel="2" x14ac:dyDescent="0.2">
      <c r="A1960" s="17">
        <v>9739</v>
      </c>
      <c r="B1960" s="17"/>
      <c r="C1960" s="17"/>
      <c r="D1960" s="18" t="s">
        <v>988</v>
      </c>
      <c r="E1960" s="18"/>
      <c r="F1960" s="18"/>
      <c r="G1960" s="18"/>
      <c r="H1960" s="18"/>
      <c r="I1960" s="18"/>
      <c r="J1960" s="18"/>
      <c r="K1960" s="18"/>
      <c r="L1960" s="18"/>
      <c r="M1960" s="18"/>
      <c r="N1960" s="18"/>
      <c r="O1960" s="18"/>
      <c r="P1960" s="19">
        <v>680</v>
      </c>
      <c r="Q1960" s="19"/>
      <c r="R1960" s="19"/>
      <c r="S1960" s="19"/>
      <c r="T1960" s="19">
        <v>600</v>
      </c>
      <c r="U1960" s="19"/>
      <c r="V1960" s="19"/>
      <c r="W1960" s="19"/>
      <c r="X1960" s="19">
        <v>1</v>
      </c>
      <c r="Y1960" s="19"/>
      <c r="Z1960" s="19"/>
      <c r="AA1960" s="19"/>
    </row>
    <row r="1961" spans="1:27" s="1" customFormat="1" ht="14.1" customHeight="1" outlineLevel="2" x14ac:dyDescent="0.2">
      <c r="A1961" s="17"/>
      <c r="B1961" s="17"/>
      <c r="C1961" s="17"/>
      <c r="D1961" s="18"/>
      <c r="E1961" s="18"/>
      <c r="F1961" s="18"/>
      <c r="G1961" s="18"/>
      <c r="H1961" s="18"/>
      <c r="I1961" s="18"/>
      <c r="J1961" s="18"/>
      <c r="K1961" s="18"/>
      <c r="L1961" s="18"/>
      <c r="M1961" s="18"/>
      <c r="N1961" s="18"/>
      <c r="O1961" s="18"/>
      <c r="P1961" s="19"/>
      <c r="Q1961" s="19"/>
      <c r="R1961" s="19"/>
      <c r="S1961" s="19"/>
      <c r="T1961" s="19"/>
      <c r="U1961" s="19"/>
      <c r="V1961" s="19"/>
      <c r="W1961" s="19"/>
      <c r="X1961" s="19"/>
      <c r="Y1961" s="19"/>
      <c r="Z1961" s="19"/>
      <c r="AA1961" s="19"/>
    </row>
    <row r="1962" spans="1:27" s="1" customFormat="1" ht="14.1" customHeight="1" outlineLevel="2" x14ac:dyDescent="0.2">
      <c r="A1962" s="17">
        <v>12005</v>
      </c>
      <c r="B1962" s="17"/>
      <c r="C1962" s="17"/>
      <c r="D1962" s="18" t="s">
        <v>989</v>
      </c>
      <c r="E1962" s="18"/>
      <c r="F1962" s="18"/>
      <c r="G1962" s="18"/>
      <c r="H1962" s="18"/>
      <c r="I1962" s="18"/>
      <c r="J1962" s="18"/>
      <c r="K1962" s="18"/>
      <c r="L1962" s="18"/>
      <c r="M1962" s="18"/>
      <c r="N1962" s="18"/>
      <c r="O1962" s="18"/>
      <c r="P1962" s="19">
        <v>780</v>
      </c>
      <c r="Q1962" s="19"/>
      <c r="R1962" s="19"/>
      <c r="S1962" s="19"/>
      <c r="T1962" s="19">
        <v>700</v>
      </c>
      <c r="U1962" s="19"/>
      <c r="V1962" s="19"/>
      <c r="W1962" s="19"/>
      <c r="X1962" s="19">
        <v>2</v>
      </c>
      <c r="Y1962" s="19"/>
      <c r="Z1962" s="19"/>
      <c r="AA1962" s="19"/>
    </row>
    <row r="1963" spans="1:27" s="1" customFormat="1" ht="14.1" customHeight="1" outlineLevel="2" x14ac:dyDescent="0.2">
      <c r="A1963" s="17"/>
      <c r="B1963" s="17"/>
      <c r="C1963" s="17"/>
      <c r="D1963" s="18"/>
      <c r="E1963" s="18"/>
      <c r="F1963" s="18"/>
      <c r="G1963" s="18"/>
      <c r="H1963" s="18"/>
      <c r="I1963" s="18"/>
      <c r="J1963" s="18"/>
      <c r="K1963" s="18"/>
      <c r="L1963" s="18"/>
      <c r="M1963" s="18"/>
      <c r="N1963" s="18"/>
      <c r="O1963" s="18"/>
      <c r="P1963" s="19"/>
      <c r="Q1963" s="19"/>
      <c r="R1963" s="19"/>
      <c r="S1963" s="19"/>
      <c r="T1963" s="19"/>
      <c r="U1963" s="19"/>
      <c r="V1963" s="19"/>
      <c r="W1963" s="19"/>
      <c r="X1963" s="19"/>
      <c r="Y1963" s="19"/>
      <c r="Z1963" s="19"/>
      <c r="AA1963" s="19"/>
    </row>
    <row r="1964" spans="1:27" s="1" customFormat="1" ht="14.1" customHeight="1" outlineLevel="2" x14ac:dyDescent="0.2">
      <c r="A1964" s="17">
        <v>11304</v>
      </c>
      <c r="B1964" s="17"/>
      <c r="C1964" s="17"/>
      <c r="D1964" s="18" t="s">
        <v>990</v>
      </c>
      <c r="E1964" s="18"/>
      <c r="F1964" s="18"/>
      <c r="G1964" s="18"/>
      <c r="H1964" s="18"/>
      <c r="I1964" s="18"/>
      <c r="J1964" s="18"/>
      <c r="K1964" s="18"/>
      <c r="L1964" s="18"/>
      <c r="M1964" s="18"/>
      <c r="N1964" s="18"/>
      <c r="O1964" s="18"/>
      <c r="P1964" s="20">
        <v>1300</v>
      </c>
      <c r="Q1964" s="20"/>
      <c r="R1964" s="20"/>
      <c r="S1964" s="20"/>
      <c r="T1964" s="19">
        <v>900</v>
      </c>
      <c r="U1964" s="19"/>
      <c r="V1964" s="19"/>
      <c r="W1964" s="19"/>
      <c r="X1964" s="19">
        <v>13</v>
      </c>
      <c r="Y1964" s="19"/>
      <c r="Z1964" s="19"/>
      <c r="AA1964" s="19"/>
    </row>
    <row r="1965" spans="1:27" s="1" customFormat="1" ht="14.1" customHeight="1" outlineLevel="2" x14ac:dyDescent="0.2">
      <c r="A1965" s="17"/>
      <c r="B1965" s="17"/>
      <c r="C1965" s="17"/>
      <c r="D1965" s="18"/>
      <c r="E1965" s="18"/>
      <c r="F1965" s="18"/>
      <c r="G1965" s="18"/>
      <c r="H1965" s="18"/>
      <c r="I1965" s="18"/>
      <c r="J1965" s="18"/>
      <c r="K1965" s="18"/>
      <c r="L1965" s="18"/>
      <c r="M1965" s="18"/>
      <c r="N1965" s="18"/>
      <c r="O1965" s="18"/>
      <c r="P1965" s="20"/>
      <c r="Q1965" s="20"/>
      <c r="R1965" s="20"/>
      <c r="S1965" s="20"/>
      <c r="T1965" s="19"/>
      <c r="U1965" s="19"/>
      <c r="V1965" s="19"/>
      <c r="W1965" s="19"/>
      <c r="X1965" s="19"/>
      <c r="Y1965" s="19"/>
      <c r="Z1965" s="19"/>
      <c r="AA1965" s="19"/>
    </row>
    <row r="1966" spans="1:27" s="1" customFormat="1" ht="14.1" customHeight="1" outlineLevel="2" x14ac:dyDescent="0.2">
      <c r="A1966" s="17">
        <v>14331</v>
      </c>
      <c r="B1966" s="17"/>
      <c r="C1966" s="17"/>
      <c r="D1966" s="18" t="s">
        <v>991</v>
      </c>
      <c r="E1966" s="18"/>
      <c r="F1966" s="18"/>
      <c r="G1966" s="18"/>
      <c r="H1966" s="18"/>
      <c r="I1966" s="18"/>
      <c r="J1966" s="18"/>
      <c r="K1966" s="18"/>
      <c r="L1966" s="18"/>
      <c r="M1966" s="18"/>
      <c r="N1966" s="18"/>
      <c r="O1966" s="18"/>
      <c r="P1966" s="19">
        <v>580</v>
      </c>
      <c r="Q1966" s="19"/>
      <c r="R1966" s="19"/>
      <c r="S1966" s="19"/>
      <c r="T1966" s="19">
        <v>500</v>
      </c>
      <c r="U1966" s="19"/>
      <c r="V1966" s="19"/>
      <c r="W1966" s="19"/>
      <c r="X1966" s="19">
        <v>6</v>
      </c>
      <c r="Y1966" s="19"/>
      <c r="Z1966" s="19"/>
      <c r="AA1966" s="19"/>
    </row>
    <row r="1967" spans="1:27" s="1" customFormat="1" ht="14.1" customHeight="1" outlineLevel="2" x14ac:dyDescent="0.2">
      <c r="A1967" s="17"/>
      <c r="B1967" s="17"/>
      <c r="C1967" s="17"/>
      <c r="D1967" s="18"/>
      <c r="E1967" s="18"/>
      <c r="F1967" s="18"/>
      <c r="G1967" s="18"/>
      <c r="H1967" s="18"/>
      <c r="I1967" s="18"/>
      <c r="J1967" s="18"/>
      <c r="K1967" s="18"/>
      <c r="L1967" s="18"/>
      <c r="M1967" s="18"/>
      <c r="N1967" s="18"/>
      <c r="O1967" s="18"/>
      <c r="P1967" s="19"/>
      <c r="Q1967" s="19"/>
      <c r="R1967" s="19"/>
      <c r="S1967" s="19"/>
      <c r="T1967" s="19"/>
      <c r="U1967" s="19"/>
      <c r="V1967" s="19"/>
      <c r="W1967" s="19"/>
      <c r="X1967" s="19"/>
      <c r="Y1967" s="19"/>
      <c r="Z1967" s="19"/>
      <c r="AA1967" s="19"/>
    </row>
    <row r="1968" spans="1:27" s="1" customFormat="1" ht="14.1" customHeight="1" outlineLevel="2" x14ac:dyDescent="0.2">
      <c r="A1968" s="17">
        <v>13943</v>
      </c>
      <c r="B1968" s="17"/>
      <c r="C1968" s="17"/>
      <c r="D1968" s="18" t="s">
        <v>992</v>
      </c>
      <c r="E1968" s="18"/>
      <c r="F1968" s="18"/>
      <c r="G1968" s="18"/>
      <c r="H1968" s="18"/>
      <c r="I1968" s="18"/>
      <c r="J1968" s="18"/>
      <c r="K1968" s="18"/>
      <c r="L1968" s="18"/>
      <c r="M1968" s="18"/>
      <c r="N1968" s="18"/>
      <c r="O1968" s="18"/>
      <c r="P1968" s="20">
        <v>1020</v>
      </c>
      <c r="Q1968" s="20"/>
      <c r="R1968" s="20"/>
      <c r="S1968" s="20"/>
      <c r="T1968" s="19">
        <v>770</v>
      </c>
      <c r="U1968" s="19"/>
      <c r="V1968" s="19"/>
      <c r="W1968" s="19"/>
      <c r="X1968" s="19">
        <v>3</v>
      </c>
      <c r="Y1968" s="19"/>
      <c r="Z1968" s="19"/>
      <c r="AA1968" s="19"/>
    </row>
    <row r="1969" spans="1:27" s="1" customFormat="1" ht="14.1" customHeight="1" outlineLevel="2" x14ac:dyDescent="0.2">
      <c r="A1969" s="17"/>
      <c r="B1969" s="17"/>
      <c r="C1969" s="17"/>
      <c r="D1969" s="18"/>
      <c r="E1969" s="18"/>
      <c r="F1969" s="18"/>
      <c r="G1969" s="18"/>
      <c r="H1969" s="18"/>
      <c r="I1969" s="18"/>
      <c r="J1969" s="18"/>
      <c r="K1969" s="18"/>
      <c r="L1969" s="18"/>
      <c r="M1969" s="18"/>
      <c r="N1969" s="18"/>
      <c r="O1969" s="18"/>
      <c r="P1969" s="20"/>
      <c r="Q1969" s="20"/>
      <c r="R1969" s="20"/>
      <c r="S1969" s="20"/>
      <c r="T1969" s="19"/>
      <c r="U1969" s="19"/>
      <c r="V1969" s="19"/>
      <c r="W1969" s="19"/>
      <c r="X1969" s="19"/>
      <c r="Y1969" s="19"/>
      <c r="Z1969" s="19"/>
      <c r="AA1969" s="19"/>
    </row>
    <row r="1970" spans="1:27" s="1" customFormat="1" ht="11.1" customHeight="1" outlineLevel="2" x14ac:dyDescent="0.2">
      <c r="A1970" s="17">
        <v>14612</v>
      </c>
      <c r="B1970" s="17"/>
      <c r="C1970" s="17"/>
      <c r="D1970" s="18" t="s">
        <v>993</v>
      </c>
      <c r="E1970" s="18"/>
      <c r="F1970" s="18"/>
      <c r="G1970" s="18"/>
      <c r="H1970" s="18"/>
      <c r="I1970" s="18"/>
      <c r="J1970" s="18"/>
      <c r="K1970" s="18"/>
      <c r="L1970" s="18"/>
      <c r="M1970" s="18"/>
      <c r="N1970" s="18"/>
      <c r="O1970" s="18"/>
      <c r="P1970" s="19">
        <v>80</v>
      </c>
      <c r="Q1970" s="19"/>
      <c r="R1970" s="19"/>
      <c r="S1970" s="19"/>
      <c r="T1970" s="19">
        <v>60</v>
      </c>
      <c r="U1970" s="19"/>
      <c r="V1970" s="19"/>
      <c r="W1970" s="19"/>
      <c r="X1970" s="19">
        <v>3</v>
      </c>
      <c r="Y1970" s="19"/>
      <c r="Z1970" s="19"/>
      <c r="AA1970" s="19"/>
    </row>
    <row r="1971" spans="1:27" s="1" customFormat="1" ht="11.1" customHeight="1" outlineLevel="2" x14ac:dyDescent="0.2">
      <c r="A1971" s="17"/>
      <c r="B1971" s="17"/>
      <c r="C1971" s="17"/>
      <c r="D1971" s="18"/>
      <c r="E1971" s="18"/>
      <c r="F1971" s="18"/>
      <c r="G1971" s="18"/>
      <c r="H1971" s="18"/>
      <c r="I1971" s="18"/>
      <c r="J1971" s="18"/>
      <c r="K1971" s="18"/>
      <c r="L1971" s="18"/>
      <c r="M1971" s="18"/>
      <c r="N1971" s="18"/>
      <c r="O1971" s="18"/>
      <c r="P1971" s="19"/>
      <c r="Q1971" s="19"/>
      <c r="R1971" s="19"/>
      <c r="S1971" s="19"/>
      <c r="T1971" s="19"/>
      <c r="U1971" s="19"/>
      <c r="V1971" s="19"/>
      <c r="W1971" s="19"/>
      <c r="X1971" s="19"/>
      <c r="Y1971" s="19"/>
      <c r="Z1971" s="19"/>
      <c r="AA1971" s="19"/>
    </row>
    <row r="1972" spans="1:27" s="1" customFormat="1" ht="11.1" customHeight="1" outlineLevel="1" x14ac:dyDescent="0.2">
      <c r="A1972" s="16" t="s">
        <v>994</v>
      </c>
      <c r="B1972" s="16"/>
      <c r="C1972" s="16"/>
      <c r="D1972" s="16"/>
      <c r="E1972" s="16"/>
      <c r="F1972" s="16"/>
      <c r="G1972" s="16"/>
      <c r="H1972" s="16"/>
      <c r="I1972" s="16"/>
      <c r="J1972" s="16"/>
      <c r="K1972" s="16"/>
      <c r="L1972" s="16"/>
      <c r="M1972" s="16"/>
      <c r="N1972" s="16"/>
      <c r="O1972" s="16"/>
      <c r="P1972" s="16"/>
      <c r="Q1972" s="16"/>
      <c r="R1972" s="16"/>
      <c r="S1972" s="16"/>
      <c r="T1972" s="16"/>
      <c r="U1972" s="16"/>
      <c r="V1972" s="16"/>
      <c r="W1972" s="16"/>
      <c r="X1972" s="16"/>
      <c r="Y1972" s="16"/>
      <c r="Z1972" s="16"/>
      <c r="AA1972" s="16"/>
    </row>
    <row r="1973" spans="1:27" s="1" customFormat="1" ht="11.1" customHeight="1" outlineLevel="1" x14ac:dyDescent="0.2">
      <c r="A1973" s="16"/>
      <c r="B1973" s="16"/>
      <c r="C1973" s="16"/>
      <c r="D1973" s="16"/>
      <c r="E1973" s="16"/>
      <c r="F1973" s="16"/>
      <c r="G1973" s="16"/>
      <c r="H1973" s="16"/>
      <c r="I1973" s="16"/>
      <c r="J1973" s="16"/>
      <c r="K1973" s="16"/>
      <c r="L1973" s="16"/>
      <c r="M1973" s="16"/>
      <c r="N1973" s="16"/>
      <c r="O1973" s="16"/>
      <c r="P1973" s="16"/>
      <c r="Q1973" s="16"/>
      <c r="R1973" s="16"/>
      <c r="S1973" s="16"/>
      <c r="T1973" s="16"/>
      <c r="U1973" s="16"/>
      <c r="V1973" s="16"/>
      <c r="W1973" s="16"/>
      <c r="X1973" s="16"/>
      <c r="Y1973" s="16"/>
      <c r="Z1973" s="16"/>
      <c r="AA1973" s="16"/>
    </row>
    <row r="1974" spans="1:27" s="1" customFormat="1" ht="11.1" customHeight="1" outlineLevel="2" x14ac:dyDescent="0.2">
      <c r="A1974" s="17">
        <v>9956</v>
      </c>
      <c r="B1974" s="17"/>
      <c r="C1974" s="17"/>
      <c r="D1974" s="18" t="s">
        <v>995</v>
      </c>
      <c r="E1974" s="18"/>
      <c r="F1974" s="18"/>
      <c r="G1974" s="18"/>
      <c r="H1974" s="18"/>
      <c r="I1974" s="18"/>
      <c r="J1974" s="18"/>
      <c r="K1974" s="18"/>
      <c r="L1974" s="18"/>
      <c r="M1974" s="18"/>
      <c r="N1974" s="18"/>
      <c r="O1974" s="18"/>
      <c r="P1974" s="19">
        <v>80</v>
      </c>
      <c r="Q1974" s="19"/>
      <c r="R1974" s="19"/>
      <c r="S1974" s="19"/>
      <c r="T1974" s="19">
        <v>80</v>
      </c>
      <c r="U1974" s="19"/>
      <c r="V1974" s="19"/>
      <c r="W1974" s="19"/>
      <c r="X1974" s="19">
        <v>1</v>
      </c>
      <c r="Y1974" s="19"/>
      <c r="Z1974" s="19"/>
      <c r="AA1974" s="19"/>
    </row>
    <row r="1975" spans="1:27" s="1" customFormat="1" ht="11.1" customHeight="1" outlineLevel="2" x14ac:dyDescent="0.2">
      <c r="A1975" s="17"/>
      <c r="B1975" s="17"/>
      <c r="C1975" s="17"/>
      <c r="D1975" s="18"/>
      <c r="E1975" s="18"/>
      <c r="F1975" s="18"/>
      <c r="G1975" s="18"/>
      <c r="H1975" s="18"/>
      <c r="I1975" s="18"/>
      <c r="J1975" s="18"/>
      <c r="K1975" s="18"/>
      <c r="L1975" s="18"/>
      <c r="M1975" s="18"/>
      <c r="N1975" s="18"/>
      <c r="O1975" s="18"/>
      <c r="P1975" s="19"/>
      <c r="Q1975" s="19"/>
      <c r="R1975" s="19"/>
      <c r="S1975" s="19"/>
      <c r="T1975" s="19"/>
      <c r="U1975" s="19"/>
      <c r="V1975" s="19"/>
      <c r="W1975" s="19"/>
      <c r="X1975" s="19"/>
      <c r="Y1975" s="19"/>
      <c r="Z1975" s="19"/>
      <c r="AA1975" s="19"/>
    </row>
    <row r="1976" spans="1:27" s="1" customFormat="1" ht="11.1" customHeight="1" outlineLevel="2" x14ac:dyDescent="0.2">
      <c r="A1976" s="17">
        <v>17334</v>
      </c>
      <c r="B1976" s="17"/>
      <c r="C1976" s="17"/>
      <c r="D1976" s="18" t="s">
        <v>996</v>
      </c>
      <c r="E1976" s="18"/>
      <c r="F1976" s="18"/>
      <c r="G1976" s="18"/>
      <c r="H1976" s="18"/>
      <c r="I1976" s="18"/>
      <c r="J1976" s="18"/>
      <c r="K1976" s="18"/>
      <c r="L1976" s="18"/>
      <c r="M1976" s="18"/>
      <c r="N1976" s="18"/>
      <c r="O1976" s="18"/>
      <c r="P1976" s="19">
        <v>890</v>
      </c>
      <c r="Q1976" s="19"/>
      <c r="R1976" s="19"/>
      <c r="S1976" s="19"/>
      <c r="T1976" s="19">
        <v>700</v>
      </c>
      <c r="U1976" s="19"/>
      <c r="V1976" s="19"/>
      <c r="W1976" s="19"/>
      <c r="X1976" s="19">
        <v>64</v>
      </c>
      <c r="Y1976" s="19"/>
      <c r="Z1976" s="19"/>
      <c r="AA1976" s="19"/>
    </row>
    <row r="1977" spans="1:27" s="1" customFormat="1" ht="11.1" customHeight="1" outlineLevel="2" x14ac:dyDescent="0.2">
      <c r="A1977" s="17"/>
      <c r="B1977" s="17"/>
      <c r="C1977" s="17"/>
      <c r="D1977" s="18"/>
      <c r="E1977" s="18"/>
      <c r="F1977" s="18"/>
      <c r="G1977" s="18"/>
      <c r="H1977" s="18"/>
      <c r="I1977" s="18"/>
      <c r="J1977" s="18"/>
      <c r="K1977" s="18"/>
      <c r="L1977" s="18"/>
      <c r="M1977" s="18"/>
      <c r="N1977" s="18"/>
      <c r="O1977" s="18"/>
      <c r="P1977" s="19"/>
      <c r="Q1977" s="19"/>
      <c r="R1977" s="19"/>
      <c r="S1977" s="19"/>
      <c r="T1977" s="19"/>
      <c r="U1977" s="19"/>
      <c r="V1977" s="19"/>
      <c r="W1977" s="19"/>
      <c r="X1977" s="19"/>
      <c r="Y1977" s="19"/>
      <c r="Z1977" s="19"/>
      <c r="AA1977" s="19"/>
    </row>
    <row r="1978" spans="1:27" s="1" customFormat="1" ht="11.1" customHeight="1" outlineLevel="2" x14ac:dyDescent="0.2">
      <c r="A1978" s="17">
        <v>9082</v>
      </c>
      <c r="B1978" s="17"/>
      <c r="C1978" s="17"/>
      <c r="D1978" s="18" t="s">
        <v>997</v>
      </c>
      <c r="E1978" s="18"/>
      <c r="F1978" s="18"/>
      <c r="G1978" s="18"/>
      <c r="H1978" s="18"/>
      <c r="I1978" s="18"/>
      <c r="J1978" s="18"/>
      <c r="K1978" s="18"/>
      <c r="L1978" s="18"/>
      <c r="M1978" s="18"/>
      <c r="N1978" s="18"/>
      <c r="O1978" s="18"/>
      <c r="P1978" s="20">
        <v>1200</v>
      </c>
      <c r="Q1978" s="20"/>
      <c r="R1978" s="20"/>
      <c r="S1978" s="20"/>
      <c r="T1978" s="19">
        <v>990</v>
      </c>
      <c r="U1978" s="19"/>
      <c r="V1978" s="19"/>
      <c r="W1978" s="19"/>
      <c r="X1978" s="19">
        <v>10</v>
      </c>
      <c r="Y1978" s="19"/>
      <c r="Z1978" s="19"/>
      <c r="AA1978" s="19"/>
    </row>
    <row r="1979" spans="1:27" s="1" customFormat="1" ht="11.1" customHeight="1" outlineLevel="2" x14ac:dyDescent="0.2">
      <c r="A1979" s="17"/>
      <c r="B1979" s="17"/>
      <c r="C1979" s="17"/>
      <c r="D1979" s="18"/>
      <c r="E1979" s="18"/>
      <c r="F1979" s="18"/>
      <c r="G1979" s="18"/>
      <c r="H1979" s="18"/>
      <c r="I1979" s="18"/>
      <c r="J1979" s="18"/>
      <c r="K1979" s="18"/>
      <c r="L1979" s="18"/>
      <c r="M1979" s="18"/>
      <c r="N1979" s="18"/>
      <c r="O1979" s="18"/>
      <c r="P1979" s="20"/>
      <c r="Q1979" s="20"/>
      <c r="R1979" s="20"/>
      <c r="S1979" s="20"/>
      <c r="T1979" s="19"/>
      <c r="U1979" s="19"/>
      <c r="V1979" s="19"/>
      <c r="W1979" s="19"/>
      <c r="X1979" s="19"/>
      <c r="Y1979" s="19"/>
      <c r="Z1979" s="19"/>
      <c r="AA1979" s="19"/>
    </row>
    <row r="1980" spans="1:27" s="1" customFormat="1" ht="11.1" customHeight="1" outlineLevel="2" x14ac:dyDescent="0.2">
      <c r="A1980" s="17">
        <v>12250</v>
      </c>
      <c r="B1980" s="17"/>
      <c r="C1980" s="17"/>
      <c r="D1980" s="18" t="s">
        <v>998</v>
      </c>
      <c r="E1980" s="18"/>
      <c r="F1980" s="18"/>
      <c r="G1980" s="18"/>
      <c r="H1980" s="18"/>
      <c r="I1980" s="18"/>
      <c r="J1980" s="18"/>
      <c r="K1980" s="18"/>
      <c r="L1980" s="18"/>
      <c r="M1980" s="18"/>
      <c r="N1980" s="18"/>
      <c r="O1980" s="18"/>
      <c r="P1980" s="20">
        <v>2900</v>
      </c>
      <c r="Q1980" s="20"/>
      <c r="R1980" s="20"/>
      <c r="S1980" s="20"/>
      <c r="T1980" s="20">
        <v>2600</v>
      </c>
      <c r="U1980" s="20"/>
      <c r="V1980" s="20"/>
      <c r="W1980" s="20"/>
      <c r="X1980" s="19">
        <v>7</v>
      </c>
      <c r="Y1980" s="19"/>
      <c r="Z1980" s="19"/>
      <c r="AA1980" s="19"/>
    </row>
    <row r="1981" spans="1:27" s="1" customFormat="1" ht="11.1" customHeight="1" outlineLevel="2" x14ac:dyDescent="0.2">
      <c r="A1981" s="17"/>
      <c r="B1981" s="17"/>
      <c r="C1981" s="17"/>
      <c r="D1981" s="18"/>
      <c r="E1981" s="18"/>
      <c r="F1981" s="18"/>
      <c r="G1981" s="18"/>
      <c r="H1981" s="18"/>
      <c r="I1981" s="18"/>
      <c r="J1981" s="18"/>
      <c r="K1981" s="18"/>
      <c r="L1981" s="18"/>
      <c r="M1981" s="18"/>
      <c r="N1981" s="18"/>
      <c r="O1981" s="18"/>
      <c r="P1981" s="20"/>
      <c r="Q1981" s="20"/>
      <c r="R1981" s="20"/>
      <c r="S1981" s="20"/>
      <c r="T1981" s="20"/>
      <c r="U1981" s="20"/>
      <c r="V1981" s="20"/>
      <c r="W1981" s="20"/>
      <c r="X1981" s="19"/>
      <c r="Y1981" s="19"/>
      <c r="Z1981" s="19"/>
      <c r="AA1981" s="19"/>
    </row>
    <row r="1982" spans="1:27" s="1" customFormat="1" ht="11.1" customHeight="1" outlineLevel="2" x14ac:dyDescent="0.2">
      <c r="A1982" s="17">
        <v>9386</v>
      </c>
      <c r="B1982" s="17"/>
      <c r="C1982" s="17"/>
      <c r="D1982" s="18" t="s">
        <v>999</v>
      </c>
      <c r="E1982" s="18"/>
      <c r="F1982" s="18"/>
      <c r="G1982" s="18"/>
      <c r="H1982" s="18"/>
      <c r="I1982" s="18"/>
      <c r="J1982" s="18"/>
      <c r="K1982" s="18"/>
      <c r="L1982" s="18"/>
      <c r="M1982" s="18"/>
      <c r="N1982" s="18"/>
      <c r="O1982" s="18"/>
      <c r="P1982" s="20">
        <v>1690</v>
      </c>
      <c r="Q1982" s="20"/>
      <c r="R1982" s="20"/>
      <c r="S1982" s="20"/>
      <c r="T1982" s="20">
        <v>1300</v>
      </c>
      <c r="U1982" s="20"/>
      <c r="V1982" s="20"/>
      <c r="W1982" s="20"/>
      <c r="X1982" s="19">
        <v>9</v>
      </c>
      <c r="Y1982" s="19"/>
      <c r="Z1982" s="19"/>
      <c r="AA1982" s="19"/>
    </row>
    <row r="1983" spans="1:27" s="1" customFormat="1" ht="11.1" customHeight="1" outlineLevel="2" x14ac:dyDescent="0.2">
      <c r="A1983" s="17"/>
      <c r="B1983" s="17"/>
      <c r="C1983" s="17"/>
      <c r="D1983" s="18"/>
      <c r="E1983" s="18"/>
      <c r="F1983" s="18"/>
      <c r="G1983" s="18"/>
      <c r="H1983" s="18"/>
      <c r="I1983" s="18"/>
      <c r="J1983" s="18"/>
      <c r="K1983" s="18"/>
      <c r="L1983" s="18"/>
      <c r="M1983" s="18"/>
      <c r="N1983" s="18"/>
      <c r="O1983" s="18"/>
      <c r="P1983" s="20"/>
      <c r="Q1983" s="20"/>
      <c r="R1983" s="20"/>
      <c r="S1983" s="20"/>
      <c r="T1983" s="20"/>
      <c r="U1983" s="20"/>
      <c r="V1983" s="20"/>
      <c r="W1983" s="20"/>
      <c r="X1983" s="19"/>
      <c r="Y1983" s="19"/>
      <c r="Z1983" s="19"/>
      <c r="AA1983" s="19"/>
    </row>
    <row r="1984" spans="1:27" s="1" customFormat="1" ht="11.1" customHeight="1" outlineLevel="2" x14ac:dyDescent="0.2">
      <c r="A1984" s="17">
        <v>11298</v>
      </c>
      <c r="B1984" s="17"/>
      <c r="C1984" s="17"/>
      <c r="D1984" s="18" t="s">
        <v>1000</v>
      </c>
      <c r="E1984" s="18"/>
      <c r="F1984" s="18"/>
      <c r="G1984" s="18"/>
      <c r="H1984" s="18"/>
      <c r="I1984" s="18"/>
      <c r="J1984" s="18"/>
      <c r="K1984" s="18"/>
      <c r="L1984" s="18"/>
      <c r="M1984" s="18"/>
      <c r="N1984" s="18"/>
      <c r="O1984" s="18"/>
      <c r="P1984" s="20">
        <v>2900</v>
      </c>
      <c r="Q1984" s="20"/>
      <c r="R1984" s="20"/>
      <c r="S1984" s="20"/>
      <c r="T1984" s="20">
        <v>2600</v>
      </c>
      <c r="U1984" s="20"/>
      <c r="V1984" s="20"/>
      <c r="W1984" s="20"/>
      <c r="X1984" s="19">
        <v>10</v>
      </c>
      <c r="Y1984" s="19"/>
      <c r="Z1984" s="19"/>
      <c r="AA1984" s="19"/>
    </row>
    <row r="1985" spans="1:27" s="1" customFormat="1" ht="11.1" customHeight="1" outlineLevel="2" x14ac:dyDescent="0.2">
      <c r="A1985" s="17"/>
      <c r="B1985" s="17"/>
      <c r="C1985" s="17"/>
      <c r="D1985" s="18"/>
      <c r="E1985" s="18"/>
      <c r="F1985" s="18"/>
      <c r="G1985" s="18"/>
      <c r="H1985" s="18"/>
      <c r="I1985" s="18"/>
      <c r="J1985" s="18"/>
      <c r="K1985" s="18"/>
      <c r="L1985" s="18"/>
      <c r="M1985" s="18"/>
      <c r="N1985" s="18"/>
      <c r="O1985" s="18"/>
      <c r="P1985" s="20"/>
      <c r="Q1985" s="20"/>
      <c r="R1985" s="20"/>
      <c r="S1985" s="20"/>
      <c r="T1985" s="20"/>
      <c r="U1985" s="20"/>
      <c r="V1985" s="20"/>
      <c r="W1985" s="20"/>
      <c r="X1985" s="19"/>
      <c r="Y1985" s="19"/>
      <c r="Z1985" s="19"/>
      <c r="AA1985" s="19"/>
    </row>
    <row r="1986" spans="1:27" s="1" customFormat="1" ht="14.1" customHeight="1" outlineLevel="2" x14ac:dyDescent="0.2">
      <c r="A1986" s="17">
        <v>10081</v>
      </c>
      <c r="B1986" s="17"/>
      <c r="C1986" s="17"/>
      <c r="D1986" s="18" t="s">
        <v>1001</v>
      </c>
      <c r="E1986" s="18"/>
      <c r="F1986" s="18"/>
      <c r="G1986" s="18"/>
      <c r="H1986" s="18"/>
      <c r="I1986" s="18"/>
      <c r="J1986" s="18"/>
      <c r="K1986" s="18"/>
      <c r="L1986" s="18"/>
      <c r="M1986" s="18"/>
      <c r="N1986" s="18"/>
      <c r="O1986" s="18"/>
      <c r="P1986" s="20">
        <v>5100</v>
      </c>
      <c r="Q1986" s="20"/>
      <c r="R1986" s="20"/>
      <c r="S1986" s="20"/>
      <c r="T1986" s="20">
        <v>4700</v>
      </c>
      <c r="U1986" s="20"/>
      <c r="V1986" s="20"/>
      <c r="W1986" s="20"/>
      <c r="X1986" s="19">
        <v>1</v>
      </c>
      <c r="Y1986" s="19"/>
      <c r="Z1986" s="19"/>
      <c r="AA1986" s="19"/>
    </row>
    <row r="1987" spans="1:27" s="1" customFormat="1" ht="14.1" customHeight="1" outlineLevel="2" x14ac:dyDescent="0.2">
      <c r="A1987" s="17"/>
      <c r="B1987" s="17"/>
      <c r="C1987" s="17"/>
      <c r="D1987" s="18"/>
      <c r="E1987" s="18"/>
      <c r="F1987" s="18"/>
      <c r="G1987" s="18"/>
      <c r="H1987" s="18"/>
      <c r="I1987" s="18"/>
      <c r="J1987" s="18"/>
      <c r="K1987" s="18"/>
      <c r="L1987" s="18"/>
      <c r="M1987" s="18"/>
      <c r="N1987" s="18"/>
      <c r="O1987" s="18"/>
      <c r="P1987" s="20"/>
      <c r="Q1987" s="20"/>
      <c r="R1987" s="20"/>
      <c r="S1987" s="20"/>
      <c r="T1987" s="20"/>
      <c r="U1987" s="20"/>
      <c r="V1987" s="20"/>
      <c r="W1987" s="20"/>
      <c r="X1987" s="19"/>
      <c r="Y1987" s="19"/>
      <c r="Z1987" s="19"/>
      <c r="AA1987" s="19"/>
    </row>
    <row r="1988" spans="1:27" s="1" customFormat="1" ht="14.1" customHeight="1" outlineLevel="2" x14ac:dyDescent="0.2">
      <c r="A1988" s="17">
        <v>11448</v>
      </c>
      <c r="B1988" s="17"/>
      <c r="C1988" s="17"/>
      <c r="D1988" s="18" t="s">
        <v>1002</v>
      </c>
      <c r="E1988" s="18"/>
      <c r="F1988" s="18"/>
      <c r="G1988" s="18"/>
      <c r="H1988" s="18"/>
      <c r="I1988" s="18"/>
      <c r="J1988" s="18"/>
      <c r="K1988" s="18"/>
      <c r="L1988" s="18"/>
      <c r="M1988" s="18"/>
      <c r="N1988" s="18"/>
      <c r="O1988" s="18"/>
      <c r="P1988" s="20">
        <v>5600</v>
      </c>
      <c r="Q1988" s="20"/>
      <c r="R1988" s="20"/>
      <c r="S1988" s="20"/>
      <c r="T1988" s="20">
        <v>5200</v>
      </c>
      <c r="U1988" s="20"/>
      <c r="V1988" s="20"/>
      <c r="W1988" s="20"/>
      <c r="X1988" s="19">
        <v>8</v>
      </c>
      <c r="Y1988" s="19"/>
      <c r="Z1988" s="19"/>
      <c r="AA1988" s="19"/>
    </row>
    <row r="1989" spans="1:27" s="1" customFormat="1" ht="14.1" customHeight="1" outlineLevel="2" x14ac:dyDescent="0.2">
      <c r="A1989" s="17"/>
      <c r="B1989" s="17"/>
      <c r="C1989" s="17"/>
      <c r="D1989" s="18"/>
      <c r="E1989" s="18"/>
      <c r="F1989" s="18"/>
      <c r="G1989" s="18"/>
      <c r="H1989" s="18"/>
      <c r="I1989" s="18"/>
      <c r="J1989" s="18"/>
      <c r="K1989" s="18"/>
      <c r="L1989" s="18"/>
      <c r="M1989" s="18"/>
      <c r="N1989" s="18"/>
      <c r="O1989" s="18"/>
      <c r="P1989" s="20"/>
      <c r="Q1989" s="20"/>
      <c r="R1989" s="20"/>
      <c r="S1989" s="20"/>
      <c r="T1989" s="20"/>
      <c r="U1989" s="20"/>
      <c r="V1989" s="20"/>
      <c r="W1989" s="20"/>
      <c r="X1989" s="19"/>
      <c r="Y1989" s="19"/>
      <c r="Z1989" s="19"/>
      <c r="AA1989" s="19"/>
    </row>
    <row r="1990" spans="1:27" s="1" customFormat="1" ht="11.1" customHeight="1" outlineLevel="2" x14ac:dyDescent="0.2">
      <c r="A1990" s="17">
        <v>17284</v>
      </c>
      <c r="B1990" s="17"/>
      <c r="C1990" s="17"/>
      <c r="D1990" s="18" t="s">
        <v>1003</v>
      </c>
      <c r="E1990" s="18"/>
      <c r="F1990" s="18"/>
      <c r="G1990" s="18"/>
      <c r="H1990" s="18"/>
      <c r="I1990" s="18"/>
      <c r="J1990" s="18"/>
      <c r="K1990" s="18"/>
      <c r="L1990" s="18"/>
      <c r="M1990" s="18"/>
      <c r="N1990" s="18"/>
      <c r="O1990" s="18"/>
      <c r="P1990" s="20">
        <v>2300</v>
      </c>
      <c r="Q1990" s="20"/>
      <c r="R1990" s="20"/>
      <c r="S1990" s="20"/>
      <c r="T1990" s="20">
        <v>2000</v>
      </c>
      <c r="U1990" s="20"/>
      <c r="V1990" s="20"/>
      <c r="W1990" s="20"/>
      <c r="X1990" s="19">
        <v>5</v>
      </c>
      <c r="Y1990" s="19"/>
      <c r="Z1990" s="19"/>
      <c r="AA1990" s="19"/>
    </row>
    <row r="1991" spans="1:27" s="1" customFormat="1" ht="11.1" customHeight="1" outlineLevel="2" x14ac:dyDescent="0.2">
      <c r="A1991" s="17"/>
      <c r="B1991" s="17"/>
      <c r="C1991" s="17"/>
      <c r="D1991" s="18"/>
      <c r="E1991" s="18"/>
      <c r="F1991" s="18"/>
      <c r="G1991" s="18"/>
      <c r="H1991" s="18"/>
      <c r="I1991" s="18"/>
      <c r="J1991" s="18"/>
      <c r="K1991" s="18"/>
      <c r="L1991" s="18"/>
      <c r="M1991" s="18"/>
      <c r="N1991" s="18"/>
      <c r="O1991" s="18"/>
      <c r="P1991" s="20"/>
      <c r="Q1991" s="20"/>
      <c r="R1991" s="20"/>
      <c r="S1991" s="20"/>
      <c r="T1991" s="20"/>
      <c r="U1991" s="20"/>
      <c r="V1991" s="20"/>
      <c r="W1991" s="20"/>
      <c r="X1991" s="19"/>
      <c r="Y1991" s="19"/>
      <c r="Z1991" s="19"/>
      <c r="AA1991" s="19"/>
    </row>
    <row r="1992" spans="1:27" s="1" customFormat="1" ht="11.1" customHeight="1" outlineLevel="2" x14ac:dyDescent="0.2">
      <c r="A1992" s="17">
        <v>9519</v>
      </c>
      <c r="B1992" s="17"/>
      <c r="C1992" s="17"/>
      <c r="D1992" s="18" t="s">
        <v>1004</v>
      </c>
      <c r="E1992" s="18"/>
      <c r="F1992" s="18"/>
      <c r="G1992" s="18"/>
      <c r="H1992" s="18"/>
      <c r="I1992" s="18"/>
      <c r="J1992" s="18"/>
      <c r="K1992" s="18"/>
      <c r="L1992" s="18"/>
      <c r="M1992" s="18"/>
      <c r="N1992" s="18"/>
      <c r="O1992" s="18"/>
      <c r="P1992" s="19">
        <v>420</v>
      </c>
      <c r="Q1992" s="19"/>
      <c r="R1992" s="19"/>
      <c r="S1992" s="19"/>
      <c r="T1992" s="19">
        <v>340</v>
      </c>
      <c r="U1992" s="19"/>
      <c r="V1992" s="19"/>
      <c r="W1992" s="19"/>
      <c r="X1992" s="19">
        <v>6</v>
      </c>
      <c r="Y1992" s="19"/>
      <c r="Z1992" s="19"/>
      <c r="AA1992" s="19"/>
    </row>
    <row r="1993" spans="1:27" s="1" customFormat="1" ht="11.1" customHeight="1" outlineLevel="2" x14ac:dyDescent="0.2">
      <c r="A1993" s="17"/>
      <c r="B1993" s="17"/>
      <c r="C1993" s="17"/>
      <c r="D1993" s="18"/>
      <c r="E1993" s="18"/>
      <c r="F1993" s="18"/>
      <c r="G1993" s="18"/>
      <c r="H1993" s="18"/>
      <c r="I1993" s="18"/>
      <c r="J1993" s="18"/>
      <c r="K1993" s="18"/>
      <c r="L1993" s="18"/>
      <c r="M1993" s="18"/>
      <c r="N1993" s="18"/>
      <c r="O1993" s="18"/>
      <c r="P1993" s="19"/>
      <c r="Q1993" s="19"/>
      <c r="R1993" s="19"/>
      <c r="S1993" s="19"/>
      <c r="T1993" s="19"/>
      <c r="U1993" s="19"/>
      <c r="V1993" s="19"/>
      <c r="W1993" s="19"/>
      <c r="X1993" s="19"/>
      <c r="Y1993" s="19"/>
      <c r="Z1993" s="19"/>
      <c r="AA1993" s="19"/>
    </row>
    <row r="1994" spans="1:27" s="1" customFormat="1" ht="14.1" customHeight="1" outlineLevel="2" x14ac:dyDescent="0.2">
      <c r="A1994" s="17">
        <v>11056</v>
      </c>
      <c r="B1994" s="17"/>
      <c r="C1994" s="17"/>
      <c r="D1994" s="18" t="s">
        <v>1005</v>
      </c>
      <c r="E1994" s="18"/>
      <c r="F1994" s="18"/>
      <c r="G1994" s="18"/>
      <c r="H1994" s="18"/>
      <c r="I1994" s="18"/>
      <c r="J1994" s="18"/>
      <c r="K1994" s="18"/>
      <c r="L1994" s="18"/>
      <c r="M1994" s="18"/>
      <c r="N1994" s="18"/>
      <c r="O1994" s="18"/>
      <c r="P1994" s="19">
        <v>580</v>
      </c>
      <c r="Q1994" s="19"/>
      <c r="R1994" s="19"/>
      <c r="S1994" s="19"/>
      <c r="T1994" s="19">
        <v>490</v>
      </c>
      <c r="U1994" s="19"/>
      <c r="V1994" s="19"/>
      <c r="W1994" s="19"/>
      <c r="X1994" s="19">
        <v>10</v>
      </c>
      <c r="Y1994" s="19"/>
      <c r="Z1994" s="19"/>
      <c r="AA1994" s="19"/>
    </row>
    <row r="1995" spans="1:27" s="1" customFormat="1" ht="14.1" customHeight="1" outlineLevel="2" x14ac:dyDescent="0.2">
      <c r="A1995" s="17"/>
      <c r="B1995" s="17"/>
      <c r="C1995" s="17"/>
      <c r="D1995" s="18"/>
      <c r="E1995" s="18"/>
      <c r="F1995" s="18"/>
      <c r="G1995" s="18"/>
      <c r="H1995" s="18"/>
      <c r="I1995" s="18"/>
      <c r="J1995" s="18"/>
      <c r="K1995" s="18"/>
      <c r="L1995" s="18"/>
      <c r="M1995" s="18"/>
      <c r="N1995" s="18"/>
      <c r="O1995" s="18"/>
      <c r="P1995" s="19"/>
      <c r="Q1995" s="19"/>
      <c r="R1995" s="19"/>
      <c r="S1995" s="19"/>
      <c r="T1995" s="19"/>
      <c r="U1995" s="19"/>
      <c r="V1995" s="19"/>
      <c r="W1995" s="19"/>
      <c r="X1995" s="19"/>
      <c r="Y1995" s="19"/>
      <c r="Z1995" s="19"/>
      <c r="AA1995" s="19"/>
    </row>
    <row r="1996" spans="1:27" s="1" customFormat="1" ht="14.1" customHeight="1" outlineLevel="2" x14ac:dyDescent="0.2">
      <c r="A1996" s="17">
        <v>14104</v>
      </c>
      <c r="B1996" s="17"/>
      <c r="C1996" s="17"/>
      <c r="D1996" s="18" t="s">
        <v>1006</v>
      </c>
      <c r="E1996" s="18"/>
      <c r="F1996" s="18"/>
      <c r="G1996" s="18"/>
      <c r="H1996" s="18"/>
      <c r="I1996" s="18"/>
      <c r="J1996" s="18"/>
      <c r="K1996" s="18"/>
      <c r="L1996" s="18"/>
      <c r="M1996" s="18"/>
      <c r="N1996" s="18"/>
      <c r="O1996" s="18"/>
      <c r="P1996" s="19">
        <v>250</v>
      </c>
      <c r="Q1996" s="19"/>
      <c r="R1996" s="19"/>
      <c r="S1996" s="19"/>
      <c r="T1996" s="19">
        <v>210</v>
      </c>
      <c r="U1996" s="19"/>
      <c r="V1996" s="19"/>
      <c r="W1996" s="19"/>
      <c r="X1996" s="19">
        <v>10</v>
      </c>
      <c r="Y1996" s="19"/>
      <c r="Z1996" s="19"/>
      <c r="AA1996" s="19"/>
    </row>
    <row r="1997" spans="1:27" s="1" customFormat="1" ht="14.1" customHeight="1" outlineLevel="2" x14ac:dyDescent="0.2">
      <c r="A1997" s="17"/>
      <c r="B1997" s="17"/>
      <c r="C1997" s="17"/>
      <c r="D1997" s="18"/>
      <c r="E1997" s="18"/>
      <c r="F1997" s="18"/>
      <c r="G1997" s="18"/>
      <c r="H1997" s="18"/>
      <c r="I1997" s="18"/>
      <c r="J1997" s="18"/>
      <c r="K1997" s="18"/>
      <c r="L1997" s="18"/>
      <c r="M1997" s="18"/>
      <c r="N1997" s="18"/>
      <c r="O1997" s="18"/>
      <c r="P1997" s="19"/>
      <c r="Q1997" s="19"/>
      <c r="R1997" s="19"/>
      <c r="S1997" s="19"/>
      <c r="T1997" s="19"/>
      <c r="U1997" s="19"/>
      <c r="V1997" s="19"/>
      <c r="W1997" s="19"/>
      <c r="X1997" s="19"/>
      <c r="Y1997" s="19"/>
      <c r="Z1997" s="19"/>
      <c r="AA1997" s="19"/>
    </row>
    <row r="1998" spans="1:27" s="1" customFormat="1" ht="14.1" customHeight="1" outlineLevel="2" x14ac:dyDescent="0.2">
      <c r="A1998" s="17">
        <v>12571</v>
      </c>
      <c r="B1998" s="17"/>
      <c r="C1998" s="17"/>
      <c r="D1998" s="18" t="s">
        <v>1007</v>
      </c>
      <c r="E1998" s="18"/>
      <c r="F1998" s="18"/>
      <c r="G1998" s="18"/>
      <c r="H1998" s="18"/>
      <c r="I1998" s="18"/>
      <c r="J1998" s="18"/>
      <c r="K1998" s="18"/>
      <c r="L1998" s="18"/>
      <c r="M1998" s="18"/>
      <c r="N1998" s="18"/>
      <c r="O1998" s="18"/>
      <c r="P1998" s="19">
        <v>280</v>
      </c>
      <c r="Q1998" s="19"/>
      <c r="R1998" s="19"/>
      <c r="S1998" s="19"/>
      <c r="T1998" s="19">
        <v>240</v>
      </c>
      <c r="U1998" s="19"/>
      <c r="V1998" s="19"/>
      <c r="W1998" s="19"/>
      <c r="X1998" s="19">
        <v>10</v>
      </c>
      <c r="Y1998" s="19"/>
      <c r="Z1998" s="19"/>
      <c r="AA1998" s="19"/>
    </row>
    <row r="1999" spans="1:27" s="1" customFormat="1" ht="14.1" customHeight="1" outlineLevel="2" x14ac:dyDescent="0.2">
      <c r="A1999" s="17"/>
      <c r="B1999" s="17"/>
      <c r="C1999" s="17"/>
      <c r="D1999" s="18"/>
      <c r="E1999" s="18"/>
      <c r="F1999" s="18"/>
      <c r="G1999" s="18"/>
      <c r="H1999" s="18"/>
      <c r="I1999" s="18"/>
      <c r="J1999" s="18"/>
      <c r="K1999" s="18"/>
      <c r="L1999" s="18"/>
      <c r="M1999" s="18"/>
      <c r="N1999" s="18"/>
      <c r="O1999" s="18"/>
      <c r="P1999" s="19"/>
      <c r="Q1999" s="19"/>
      <c r="R1999" s="19"/>
      <c r="S1999" s="19"/>
      <c r="T1999" s="19"/>
      <c r="U1999" s="19"/>
      <c r="V1999" s="19"/>
      <c r="W1999" s="19"/>
      <c r="X1999" s="19"/>
      <c r="Y1999" s="19"/>
      <c r="Z1999" s="19"/>
      <c r="AA1999" s="19"/>
    </row>
    <row r="2000" spans="1:27" s="1" customFormat="1" ht="11.1" customHeight="1" outlineLevel="2" x14ac:dyDescent="0.2">
      <c r="A2000" s="17">
        <v>9520</v>
      </c>
      <c r="B2000" s="17"/>
      <c r="C2000" s="17"/>
      <c r="D2000" s="18" t="s">
        <v>1008</v>
      </c>
      <c r="E2000" s="18"/>
      <c r="F2000" s="18"/>
      <c r="G2000" s="18"/>
      <c r="H2000" s="18"/>
      <c r="I2000" s="18"/>
      <c r="J2000" s="18"/>
      <c r="K2000" s="18"/>
      <c r="L2000" s="18"/>
      <c r="M2000" s="18"/>
      <c r="N2000" s="18"/>
      <c r="O2000" s="18"/>
      <c r="P2000" s="19">
        <v>420</v>
      </c>
      <c r="Q2000" s="19"/>
      <c r="R2000" s="19"/>
      <c r="S2000" s="19"/>
      <c r="T2000" s="19">
        <v>340</v>
      </c>
      <c r="U2000" s="19"/>
      <c r="V2000" s="19"/>
      <c r="W2000" s="19"/>
      <c r="X2000" s="19">
        <v>1</v>
      </c>
      <c r="Y2000" s="19"/>
      <c r="Z2000" s="19"/>
      <c r="AA2000" s="19"/>
    </row>
    <row r="2001" spans="1:27" s="1" customFormat="1" ht="11.1" customHeight="1" outlineLevel="2" x14ac:dyDescent="0.2">
      <c r="A2001" s="17"/>
      <c r="B2001" s="17"/>
      <c r="C2001" s="17"/>
      <c r="D2001" s="18"/>
      <c r="E2001" s="18"/>
      <c r="F2001" s="18"/>
      <c r="G2001" s="18"/>
      <c r="H2001" s="18"/>
      <c r="I2001" s="18"/>
      <c r="J2001" s="18"/>
      <c r="K2001" s="18"/>
      <c r="L2001" s="18"/>
      <c r="M2001" s="18"/>
      <c r="N2001" s="18"/>
      <c r="O2001" s="18"/>
      <c r="P2001" s="19"/>
      <c r="Q2001" s="19"/>
      <c r="R2001" s="19"/>
      <c r="S2001" s="19"/>
      <c r="T2001" s="19"/>
      <c r="U2001" s="19"/>
      <c r="V2001" s="19"/>
      <c r="W2001" s="19"/>
      <c r="X2001" s="19"/>
      <c r="Y2001" s="19"/>
      <c r="Z2001" s="19"/>
      <c r="AA2001" s="19"/>
    </row>
    <row r="2002" spans="1:27" s="1" customFormat="1" ht="14.1" customHeight="1" outlineLevel="2" x14ac:dyDescent="0.2">
      <c r="A2002" s="17">
        <v>11057</v>
      </c>
      <c r="B2002" s="17"/>
      <c r="C2002" s="17"/>
      <c r="D2002" s="18" t="s">
        <v>1009</v>
      </c>
      <c r="E2002" s="18"/>
      <c r="F2002" s="18"/>
      <c r="G2002" s="18"/>
      <c r="H2002" s="18"/>
      <c r="I2002" s="18"/>
      <c r="J2002" s="18"/>
      <c r="K2002" s="18"/>
      <c r="L2002" s="18"/>
      <c r="M2002" s="18"/>
      <c r="N2002" s="18"/>
      <c r="O2002" s="18"/>
      <c r="P2002" s="19">
        <v>580</v>
      </c>
      <c r="Q2002" s="19"/>
      <c r="R2002" s="19"/>
      <c r="S2002" s="19"/>
      <c r="T2002" s="19">
        <v>490</v>
      </c>
      <c r="U2002" s="19"/>
      <c r="V2002" s="19"/>
      <c r="W2002" s="19"/>
      <c r="X2002" s="19">
        <v>2</v>
      </c>
      <c r="Y2002" s="19"/>
      <c r="Z2002" s="19"/>
      <c r="AA2002" s="19"/>
    </row>
    <row r="2003" spans="1:27" s="1" customFormat="1" ht="14.1" customHeight="1" outlineLevel="2" x14ac:dyDescent="0.2">
      <c r="A2003" s="17"/>
      <c r="B2003" s="17"/>
      <c r="C2003" s="17"/>
      <c r="D2003" s="18"/>
      <c r="E2003" s="18"/>
      <c r="F2003" s="18"/>
      <c r="G2003" s="18"/>
      <c r="H2003" s="18"/>
      <c r="I2003" s="18"/>
      <c r="J2003" s="18"/>
      <c r="K2003" s="18"/>
      <c r="L2003" s="18"/>
      <c r="M2003" s="18"/>
      <c r="N2003" s="18"/>
      <c r="O2003" s="18"/>
      <c r="P2003" s="19"/>
      <c r="Q2003" s="19"/>
      <c r="R2003" s="19"/>
      <c r="S2003" s="19"/>
      <c r="T2003" s="19"/>
      <c r="U2003" s="19"/>
      <c r="V2003" s="19"/>
      <c r="W2003" s="19"/>
      <c r="X2003" s="19"/>
      <c r="Y2003" s="19"/>
      <c r="Z2003" s="19"/>
      <c r="AA2003" s="19"/>
    </row>
    <row r="2004" spans="1:27" s="1" customFormat="1" ht="14.1" customHeight="1" outlineLevel="2" x14ac:dyDescent="0.2">
      <c r="A2004" s="17">
        <v>14105</v>
      </c>
      <c r="B2004" s="17"/>
      <c r="C2004" s="17"/>
      <c r="D2004" s="18" t="s">
        <v>1010</v>
      </c>
      <c r="E2004" s="18"/>
      <c r="F2004" s="18"/>
      <c r="G2004" s="18"/>
      <c r="H2004" s="18"/>
      <c r="I2004" s="18"/>
      <c r="J2004" s="18"/>
      <c r="K2004" s="18"/>
      <c r="L2004" s="18"/>
      <c r="M2004" s="18"/>
      <c r="N2004" s="18"/>
      <c r="O2004" s="18"/>
      <c r="P2004" s="19">
        <v>250</v>
      </c>
      <c r="Q2004" s="19"/>
      <c r="R2004" s="19"/>
      <c r="S2004" s="19"/>
      <c r="T2004" s="19">
        <v>210</v>
      </c>
      <c r="U2004" s="19"/>
      <c r="V2004" s="19"/>
      <c r="W2004" s="19"/>
      <c r="X2004" s="19">
        <v>9</v>
      </c>
      <c r="Y2004" s="19"/>
      <c r="Z2004" s="19"/>
      <c r="AA2004" s="19"/>
    </row>
    <row r="2005" spans="1:27" s="1" customFormat="1" ht="14.1" customHeight="1" outlineLevel="2" x14ac:dyDescent="0.2">
      <c r="A2005" s="17"/>
      <c r="B2005" s="17"/>
      <c r="C2005" s="17"/>
      <c r="D2005" s="18"/>
      <c r="E2005" s="18"/>
      <c r="F2005" s="18"/>
      <c r="G2005" s="18"/>
      <c r="H2005" s="18"/>
      <c r="I2005" s="18"/>
      <c r="J2005" s="18"/>
      <c r="K2005" s="18"/>
      <c r="L2005" s="18"/>
      <c r="M2005" s="18"/>
      <c r="N2005" s="18"/>
      <c r="O2005" s="18"/>
      <c r="P2005" s="19"/>
      <c r="Q2005" s="19"/>
      <c r="R2005" s="19"/>
      <c r="S2005" s="19"/>
      <c r="T2005" s="19"/>
      <c r="U2005" s="19"/>
      <c r="V2005" s="19"/>
      <c r="W2005" s="19"/>
      <c r="X2005" s="19"/>
      <c r="Y2005" s="19"/>
      <c r="Z2005" s="19"/>
      <c r="AA2005" s="19"/>
    </row>
    <row r="2006" spans="1:27" s="1" customFormat="1" ht="14.1" customHeight="1" outlineLevel="2" x14ac:dyDescent="0.2">
      <c r="A2006" s="17">
        <v>12572</v>
      </c>
      <c r="B2006" s="17"/>
      <c r="C2006" s="17"/>
      <c r="D2006" s="18" t="s">
        <v>1011</v>
      </c>
      <c r="E2006" s="18"/>
      <c r="F2006" s="18"/>
      <c r="G2006" s="18"/>
      <c r="H2006" s="18"/>
      <c r="I2006" s="18"/>
      <c r="J2006" s="18"/>
      <c r="K2006" s="18"/>
      <c r="L2006" s="18"/>
      <c r="M2006" s="18"/>
      <c r="N2006" s="18"/>
      <c r="O2006" s="18"/>
      <c r="P2006" s="19">
        <v>280</v>
      </c>
      <c r="Q2006" s="19"/>
      <c r="R2006" s="19"/>
      <c r="S2006" s="19"/>
      <c r="T2006" s="19">
        <v>240</v>
      </c>
      <c r="U2006" s="19"/>
      <c r="V2006" s="19"/>
      <c r="W2006" s="19"/>
      <c r="X2006" s="19">
        <v>1</v>
      </c>
      <c r="Y2006" s="19"/>
      <c r="Z2006" s="19"/>
      <c r="AA2006" s="19"/>
    </row>
    <row r="2007" spans="1:27" s="1" customFormat="1" ht="14.1" customHeight="1" outlineLevel="2" x14ac:dyDescent="0.2">
      <c r="A2007" s="17"/>
      <c r="B2007" s="17"/>
      <c r="C2007" s="17"/>
      <c r="D2007" s="18"/>
      <c r="E2007" s="18"/>
      <c r="F2007" s="18"/>
      <c r="G2007" s="18"/>
      <c r="H2007" s="18"/>
      <c r="I2007" s="18"/>
      <c r="J2007" s="18"/>
      <c r="K2007" s="18"/>
      <c r="L2007" s="18"/>
      <c r="M2007" s="18"/>
      <c r="N2007" s="18"/>
      <c r="O2007" s="18"/>
      <c r="P2007" s="19"/>
      <c r="Q2007" s="19"/>
      <c r="R2007" s="19"/>
      <c r="S2007" s="19"/>
      <c r="T2007" s="19"/>
      <c r="U2007" s="19"/>
      <c r="V2007" s="19"/>
      <c r="W2007" s="19"/>
      <c r="X2007" s="19"/>
      <c r="Y2007" s="19"/>
      <c r="Z2007" s="19"/>
      <c r="AA2007" s="19"/>
    </row>
    <row r="2008" spans="1:27" s="1" customFormat="1" ht="11.1" customHeight="1" outlineLevel="2" x14ac:dyDescent="0.2">
      <c r="A2008" s="17">
        <v>9521</v>
      </c>
      <c r="B2008" s="17"/>
      <c r="C2008" s="17"/>
      <c r="D2008" s="18" t="s">
        <v>1012</v>
      </c>
      <c r="E2008" s="18"/>
      <c r="F2008" s="18"/>
      <c r="G2008" s="18"/>
      <c r="H2008" s="18"/>
      <c r="I2008" s="18"/>
      <c r="J2008" s="18"/>
      <c r="K2008" s="18"/>
      <c r="L2008" s="18"/>
      <c r="M2008" s="18"/>
      <c r="N2008" s="18"/>
      <c r="O2008" s="18"/>
      <c r="P2008" s="19">
        <v>420</v>
      </c>
      <c r="Q2008" s="19"/>
      <c r="R2008" s="19"/>
      <c r="S2008" s="19"/>
      <c r="T2008" s="19">
        <v>340</v>
      </c>
      <c r="U2008" s="19"/>
      <c r="V2008" s="19"/>
      <c r="W2008" s="19"/>
      <c r="X2008" s="19">
        <v>2</v>
      </c>
      <c r="Y2008" s="19"/>
      <c r="Z2008" s="19"/>
      <c r="AA2008" s="19"/>
    </row>
    <row r="2009" spans="1:27" s="1" customFormat="1" ht="11.1" customHeight="1" outlineLevel="2" x14ac:dyDescent="0.2">
      <c r="A2009" s="17"/>
      <c r="B2009" s="17"/>
      <c r="C2009" s="17"/>
      <c r="D2009" s="18"/>
      <c r="E2009" s="18"/>
      <c r="F2009" s="18"/>
      <c r="G2009" s="18"/>
      <c r="H2009" s="18"/>
      <c r="I2009" s="18"/>
      <c r="J2009" s="18"/>
      <c r="K2009" s="18"/>
      <c r="L2009" s="18"/>
      <c r="M2009" s="18"/>
      <c r="N2009" s="18"/>
      <c r="O2009" s="18"/>
      <c r="P2009" s="19"/>
      <c r="Q2009" s="19"/>
      <c r="R2009" s="19"/>
      <c r="S2009" s="19"/>
      <c r="T2009" s="19"/>
      <c r="U2009" s="19"/>
      <c r="V2009" s="19"/>
      <c r="W2009" s="19"/>
      <c r="X2009" s="19"/>
      <c r="Y2009" s="19"/>
      <c r="Z2009" s="19"/>
      <c r="AA2009" s="19"/>
    </row>
    <row r="2010" spans="1:27" s="1" customFormat="1" ht="14.1" customHeight="1" outlineLevel="2" x14ac:dyDescent="0.2">
      <c r="A2010" s="17">
        <v>11058</v>
      </c>
      <c r="B2010" s="17"/>
      <c r="C2010" s="17"/>
      <c r="D2010" s="18" t="s">
        <v>1013</v>
      </c>
      <c r="E2010" s="18"/>
      <c r="F2010" s="18"/>
      <c r="G2010" s="18"/>
      <c r="H2010" s="18"/>
      <c r="I2010" s="18"/>
      <c r="J2010" s="18"/>
      <c r="K2010" s="18"/>
      <c r="L2010" s="18"/>
      <c r="M2010" s="18"/>
      <c r="N2010" s="18"/>
      <c r="O2010" s="18"/>
      <c r="P2010" s="19">
        <v>580</v>
      </c>
      <c r="Q2010" s="19"/>
      <c r="R2010" s="19"/>
      <c r="S2010" s="19"/>
      <c r="T2010" s="19">
        <v>490</v>
      </c>
      <c r="U2010" s="19"/>
      <c r="V2010" s="19"/>
      <c r="W2010" s="19"/>
      <c r="X2010" s="19">
        <v>7</v>
      </c>
      <c r="Y2010" s="19"/>
      <c r="Z2010" s="19"/>
      <c r="AA2010" s="19"/>
    </row>
    <row r="2011" spans="1:27" s="1" customFormat="1" ht="14.1" customHeight="1" outlineLevel="2" x14ac:dyDescent="0.2">
      <c r="A2011" s="17"/>
      <c r="B2011" s="17"/>
      <c r="C2011" s="17"/>
      <c r="D2011" s="18"/>
      <c r="E2011" s="18"/>
      <c r="F2011" s="18"/>
      <c r="G2011" s="18"/>
      <c r="H2011" s="18"/>
      <c r="I2011" s="18"/>
      <c r="J2011" s="18"/>
      <c r="K2011" s="18"/>
      <c r="L2011" s="18"/>
      <c r="M2011" s="18"/>
      <c r="N2011" s="18"/>
      <c r="O2011" s="18"/>
      <c r="P2011" s="19"/>
      <c r="Q2011" s="19"/>
      <c r="R2011" s="19"/>
      <c r="S2011" s="19"/>
      <c r="T2011" s="19"/>
      <c r="U2011" s="19"/>
      <c r="V2011" s="19"/>
      <c r="W2011" s="19"/>
      <c r="X2011" s="19"/>
      <c r="Y2011" s="19"/>
      <c r="Z2011" s="19"/>
      <c r="AA2011" s="19"/>
    </row>
    <row r="2012" spans="1:27" s="1" customFormat="1" ht="14.1" customHeight="1" outlineLevel="2" x14ac:dyDescent="0.2">
      <c r="A2012" s="17">
        <v>14106</v>
      </c>
      <c r="B2012" s="17"/>
      <c r="C2012" s="17"/>
      <c r="D2012" s="18" t="s">
        <v>1014</v>
      </c>
      <c r="E2012" s="18"/>
      <c r="F2012" s="18"/>
      <c r="G2012" s="18"/>
      <c r="H2012" s="18"/>
      <c r="I2012" s="18"/>
      <c r="J2012" s="18"/>
      <c r="K2012" s="18"/>
      <c r="L2012" s="18"/>
      <c r="M2012" s="18"/>
      <c r="N2012" s="18"/>
      <c r="O2012" s="18"/>
      <c r="P2012" s="19">
        <v>250</v>
      </c>
      <c r="Q2012" s="19"/>
      <c r="R2012" s="19"/>
      <c r="S2012" s="19"/>
      <c r="T2012" s="19">
        <v>210</v>
      </c>
      <c r="U2012" s="19"/>
      <c r="V2012" s="19"/>
      <c r="W2012" s="19"/>
      <c r="X2012" s="19">
        <v>9</v>
      </c>
      <c r="Y2012" s="19"/>
      <c r="Z2012" s="19"/>
      <c r="AA2012" s="19"/>
    </row>
    <row r="2013" spans="1:27" s="1" customFormat="1" ht="14.1" customHeight="1" outlineLevel="2" x14ac:dyDescent="0.2">
      <c r="A2013" s="17"/>
      <c r="B2013" s="17"/>
      <c r="C2013" s="17"/>
      <c r="D2013" s="18"/>
      <c r="E2013" s="18"/>
      <c r="F2013" s="18"/>
      <c r="G2013" s="18"/>
      <c r="H2013" s="18"/>
      <c r="I2013" s="18"/>
      <c r="J2013" s="18"/>
      <c r="K2013" s="18"/>
      <c r="L2013" s="18"/>
      <c r="M2013" s="18"/>
      <c r="N2013" s="18"/>
      <c r="O2013" s="18"/>
      <c r="P2013" s="19"/>
      <c r="Q2013" s="19"/>
      <c r="R2013" s="19"/>
      <c r="S2013" s="19"/>
      <c r="T2013" s="19"/>
      <c r="U2013" s="19"/>
      <c r="V2013" s="19"/>
      <c r="W2013" s="19"/>
      <c r="X2013" s="19"/>
      <c r="Y2013" s="19"/>
      <c r="Z2013" s="19"/>
      <c r="AA2013" s="19"/>
    </row>
    <row r="2014" spans="1:27" s="1" customFormat="1" ht="11.1" customHeight="1" outlineLevel="2" x14ac:dyDescent="0.2">
      <c r="A2014" s="17">
        <v>17798</v>
      </c>
      <c r="B2014" s="17"/>
      <c r="C2014" s="17"/>
      <c r="D2014" s="18" t="s">
        <v>1015</v>
      </c>
      <c r="E2014" s="18"/>
      <c r="F2014" s="18"/>
      <c r="G2014" s="18"/>
      <c r="H2014" s="18"/>
      <c r="I2014" s="18"/>
      <c r="J2014" s="18"/>
      <c r="K2014" s="18"/>
      <c r="L2014" s="18"/>
      <c r="M2014" s="18"/>
      <c r="N2014" s="18"/>
      <c r="O2014" s="18"/>
      <c r="P2014" s="20">
        <v>1850</v>
      </c>
      <c r="Q2014" s="20"/>
      <c r="R2014" s="20"/>
      <c r="S2014" s="20"/>
      <c r="T2014" s="20">
        <v>1550</v>
      </c>
      <c r="U2014" s="20"/>
      <c r="V2014" s="20"/>
      <c r="W2014" s="20"/>
      <c r="X2014" s="19">
        <v>3</v>
      </c>
      <c r="Y2014" s="19"/>
      <c r="Z2014" s="19"/>
      <c r="AA2014" s="19"/>
    </row>
    <row r="2015" spans="1:27" s="1" customFormat="1" ht="11.1" customHeight="1" outlineLevel="2" x14ac:dyDescent="0.2">
      <c r="A2015" s="17"/>
      <c r="B2015" s="17"/>
      <c r="C2015" s="17"/>
      <c r="D2015" s="18"/>
      <c r="E2015" s="18"/>
      <c r="F2015" s="18"/>
      <c r="G2015" s="18"/>
      <c r="H2015" s="18"/>
      <c r="I2015" s="18"/>
      <c r="J2015" s="18"/>
      <c r="K2015" s="18"/>
      <c r="L2015" s="18"/>
      <c r="M2015" s="18"/>
      <c r="N2015" s="18"/>
      <c r="O2015" s="18"/>
      <c r="P2015" s="20"/>
      <c r="Q2015" s="20"/>
      <c r="R2015" s="20"/>
      <c r="S2015" s="20"/>
      <c r="T2015" s="20"/>
      <c r="U2015" s="20"/>
      <c r="V2015" s="20"/>
      <c r="W2015" s="20"/>
      <c r="X2015" s="19"/>
      <c r="Y2015" s="19"/>
      <c r="Z2015" s="19"/>
      <c r="AA2015" s="19"/>
    </row>
    <row r="2016" spans="1:27" s="1" customFormat="1" ht="11.1" customHeight="1" outlineLevel="2" x14ac:dyDescent="0.2">
      <c r="A2016" s="17">
        <v>17796</v>
      </c>
      <c r="B2016" s="17"/>
      <c r="C2016" s="17"/>
      <c r="D2016" s="18" t="s">
        <v>1016</v>
      </c>
      <c r="E2016" s="18"/>
      <c r="F2016" s="18"/>
      <c r="G2016" s="18"/>
      <c r="H2016" s="18"/>
      <c r="I2016" s="18"/>
      <c r="J2016" s="18"/>
      <c r="K2016" s="18"/>
      <c r="L2016" s="18"/>
      <c r="M2016" s="18"/>
      <c r="N2016" s="18"/>
      <c r="O2016" s="18"/>
      <c r="P2016" s="20">
        <v>1850</v>
      </c>
      <c r="Q2016" s="20"/>
      <c r="R2016" s="20"/>
      <c r="S2016" s="20"/>
      <c r="T2016" s="20">
        <v>1550</v>
      </c>
      <c r="U2016" s="20"/>
      <c r="V2016" s="20"/>
      <c r="W2016" s="20"/>
      <c r="X2016" s="19">
        <v>4</v>
      </c>
      <c r="Y2016" s="19"/>
      <c r="Z2016" s="19"/>
      <c r="AA2016" s="19"/>
    </row>
    <row r="2017" spans="1:27" s="1" customFormat="1" ht="11.1" customHeight="1" outlineLevel="2" x14ac:dyDescent="0.2">
      <c r="A2017" s="17"/>
      <c r="B2017" s="17"/>
      <c r="C2017" s="17"/>
      <c r="D2017" s="18"/>
      <c r="E2017" s="18"/>
      <c r="F2017" s="18"/>
      <c r="G2017" s="18"/>
      <c r="H2017" s="18"/>
      <c r="I2017" s="18"/>
      <c r="J2017" s="18"/>
      <c r="K2017" s="18"/>
      <c r="L2017" s="18"/>
      <c r="M2017" s="18"/>
      <c r="N2017" s="18"/>
      <c r="O2017" s="18"/>
      <c r="P2017" s="20"/>
      <c r="Q2017" s="20"/>
      <c r="R2017" s="20"/>
      <c r="S2017" s="20"/>
      <c r="T2017" s="20"/>
      <c r="U2017" s="20"/>
      <c r="V2017" s="20"/>
      <c r="W2017" s="20"/>
      <c r="X2017" s="19"/>
      <c r="Y2017" s="19"/>
      <c r="Z2017" s="19"/>
      <c r="AA2017" s="19"/>
    </row>
    <row r="2018" spans="1:27" s="1" customFormat="1" ht="11.1" customHeight="1" outlineLevel="2" x14ac:dyDescent="0.2">
      <c r="A2018" s="17">
        <v>17797</v>
      </c>
      <c r="B2018" s="17"/>
      <c r="C2018" s="17"/>
      <c r="D2018" s="18" t="s">
        <v>1017</v>
      </c>
      <c r="E2018" s="18"/>
      <c r="F2018" s="18"/>
      <c r="G2018" s="18"/>
      <c r="H2018" s="18"/>
      <c r="I2018" s="18"/>
      <c r="J2018" s="18"/>
      <c r="K2018" s="18"/>
      <c r="L2018" s="18"/>
      <c r="M2018" s="18"/>
      <c r="N2018" s="18"/>
      <c r="O2018" s="18"/>
      <c r="P2018" s="20">
        <v>1850</v>
      </c>
      <c r="Q2018" s="20"/>
      <c r="R2018" s="20"/>
      <c r="S2018" s="20"/>
      <c r="T2018" s="20">
        <v>1550</v>
      </c>
      <c r="U2018" s="20"/>
      <c r="V2018" s="20"/>
      <c r="W2018" s="20"/>
      <c r="X2018" s="19">
        <v>2</v>
      </c>
      <c r="Y2018" s="19"/>
      <c r="Z2018" s="19"/>
      <c r="AA2018" s="19"/>
    </row>
    <row r="2019" spans="1:27" s="1" customFormat="1" ht="11.1" customHeight="1" outlineLevel="2" x14ac:dyDescent="0.2">
      <c r="A2019" s="17"/>
      <c r="B2019" s="17"/>
      <c r="C2019" s="17"/>
      <c r="D2019" s="18"/>
      <c r="E2019" s="18"/>
      <c r="F2019" s="18"/>
      <c r="G2019" s="18"/>
      <c r="H2019" s="18"/>
      <c r="I2019" s="18"/>
      <c r="J2019" s="18"/>
      <c r="K2019" s="18"/>
      <c r="L2019" s="18"/>
      <c r="M2019" s="18"/>
      <c r="N2019" s="18"/>
      <c r="O2019" s="18"/>
      <c r="P2019" s="20"/>
      <c r="Q2019" s="20"/>
      <c r="R2019" s="20"/>
      <c r="S2019" s="20"/>
      <c r="T2019" s="20"/>
      <c r="U2019" s="20"/>
      <c r="V2019" s="20"/>
      <c r="W2019" s="20"/>
      <c r="X2019" s="19"/>
      <c r="Y2019" s="19"/>
      <c r="Z2019" s="19"/>
      <c r="AA2019" s="19"/>
    </row>
    <row r="2020" spans="1:27" s="1" customFormat="1" ht="11.1" customHeight="1" outlineLevel="2" x14ac:dyDescent="0.2">
      <c r="A2020" s="17">
        <v>9823</v>
      </c>
      <c r="B2020" s="17"/>
      <c r="C2020" s="17"/>
      <c r="D2020" s="18" t="s">
        <v>1018</v>
      </c>
      <c r="E2020" s="18"/>
      <c r="F2020" s="18"/>
      <c r="G2020" s="18"/>
      <c r="H2020" s="18"/>
      <c r="I2020" s="18"/>
      <c r="J2020" s="18"/>
      <c r="K2020" s="18"/>
      <c r="L2020" s="18"/>
      <c r="M2020" s="18"/>
      <c r="N2020" s="18"/>
      <c r="O2020" s="18"/>
      <c r="P2020" s="19">
        <v>290</v>
      </c>
      <c r="Q2020" s="19"/>
      <c r="R2020" s="19"/>
      <c r="S2020" s="19"/>
      <c r="T2020" s="19">
        <v>230</v>
      </c>
      <c r="U2020" s="19"/>
      <c r="V2020" s="19"/>
      <c r="W2020" s="19"/>
      <c r="X2020" s="19">
        <v>1</v>
      </c>
      <c r="Y2020" s="19"/>
      <c r="Z2020" s="19"/>
      <c r="AA2020" s="19"/>
    </row>
    <row r="2021" spans="1:27" s="1" customFormat="1" ht="11.1" customHeight="1" outlineLevel="2" x14ac:dyDescent="0.2">
      <c r="A2021" s="17"/>
      <c r="B2021" s="17"/>
      <c r="C2021" s="17"/>
      <c r="D2021" s="18"/>
      <c r="E2021" s="18"/>
      <c r="F2021" s="18"/>
      <c r="G2021" s="18"/>
      <c r="H2021" s="18"/>
      <c r="I2021" s="18"/>
      <c r="J2021" s="18"/>
      <c r="K2021" s="18"/>
      <c r="L2021" s="18"/>
      <c r="M2021" s="18"/>
      <c r="N2021" s="18"/>
      <c r="O2021" s="18"/>
      <c r="P2021" s="19"/>
      <c r="Q2021" s="19"/>
      <c r="R2021" s="19"/>
      <c r="S2021" s="19"/>
      <c r="T2021" s="19"/>
      <c r="U2021" s="19"/>
      <c r="V2021" s="19"/>
      <c r="W2021" s="19"/>
      <c r="X2021" s="19"/>
      <c r="Y2021" s="19"/>
      <c r="Z2021" s="19"/>
      <c r="AA2021" s="19"/>
    </row>
    <row r="2022" spans="1:27" s="1" customFormat="1" ht="11.1" customHeight="1" outlineLevel="2" x14ac:dyDescent="0.2">
      <c r="A2022" s="17">
        <v>9824</v>
      </c>
      <c r="B2022" s="17"/>
      <c r="C2022" s="17"/>
      <c r="D2022" s="18" t="s">
        <v>1019</v>
      </c>
      <c r="E2022" s="18"/>
      <c r="F2022" s="18"/>
      <c r="G2022" s="18"/>
      <c r="H2022" s="18"/>
      <c r="I2022" s="18"/>
      <c r="J2022" s="18"/>
      <c r="K2022" s="18"/>
      <c r="L2022" s="18"/>
      <c r="M2022" s="18"/>
      <c r="N2022" s="18"/>
      <c r="O2022" s="18"/>
      <c r="P2022" s="19">
        <v>800</v>
      </c>
      <c r="Q2022" s="19"/>
      <c r="R2022" s="19"/>
      <c r="S2022" s="19"/>
      <c r="T2022" s="19">
        <v>720</v>
      </c>
      <c r="U2022" s="19"/>
      <c r="V2022" s="19"/>
      <c r="W2022" s="19"/>
      <c r="X2022" s="19">
        <v>3</v>
      </c>
      <c r="Y2022" s="19"/>
      <c r="Z2022" s="19"/>
      <c r="AA2022" s="19"/>
    </row>
    <row r="2023" spans="1:27" s="1" customFormat="1" ht="11.1" customHeight="1" outlineLevel="2" x14ac:dyDescent="0.2">
      <c r="A2023" s="17"/>
      <c r="B2023" s="17"/>
      <c r="C2023" s="17"/>
      <c r="D2023" s="18"/>
      <c r="E2023" s="18"/>
      <c r="F2023" s="18"/>
      <c r="G2023" s="18"/>
      <c r="H2023" s="18"/>
      <c r="I2023" s="18"/>
      <c r="J2023" s="18"/>
      <c r="K2023" s="18"/>
      <c r="L2023" s="18"/>
      <c r="M2023" s="18"/>
      <c r="N2023" s="18"/>
      <c r="O2023" s="18"/>
      <c r="P2023" s="19"/>
      <c r="Q2023" s="19"/>
      <c r="R2023" s="19"/>
      <c r="S2023" s="19"/>
      <c r="T2023" s="19"/>
      <c r="U2023" s="19"/>
      <c r="V2023" s="19"/>
      <c r="W2023" s="19"/>
      <c r="X2023" s="19"/>
      <c r="Y2023" s="19"/>
      <c r="Z2023" s="19"/>
      <c r="AA2023" s="19"/>
    </row>
    <row r="2024" spans="1:27" s="1" customFormat="1" ht="11.1" customHeight="1" outlineLevel="2" x14ac:dyDescent="0.2">
      <c r="A2024" s="17">
        <v>9821</v>
      </c>
      <c r="B2024" s="17"/>
      <c r="C2024" s="17"/>
      <c r="D2024" s="18" t="s">
        <v>1020</v>
      </c>
      <c r="E2024" s="18"/>
      <c r="F2024" s="18"/>
      <c r="G2024" s="18"/>
      <c r="H2024" s="18"/>
      <c r="I2024" s="18"/>
      <c r="J2024" s="18"/>
      <c r="K2024" s="18"/>
      <c r="L2024" s="18"/>
      <c r="M2024" s="18"/>
      <c r="N2024" s="18"/>
      <c r="O2024" s="18"/>
      <c r="P2024" s="19">
        <v>310</v>
      </c>
      <c r="Q2024" s="19"/>
      <c r="R2024" s="19"/>
      <c r="S2024" s="19"/>
      <c r="T2024" s="19">
        <v>260</v>
      </c>
      <c r="U2024" s="19"/>
      <c r="V2024" s="19"/>
      <c r="W2024" s="19"/>
      <c r="X2024" s="19">
        <v>1</v>
      </c>
      <c r="Y2024" s="19"/>
      <c r="Z2024" s="19"/>
      <c r="AA2024" s="19"/>
    </row>
    <row r="2025" spans="1:27" s="1" customFormat="1" ht="11.1" customHeight="1" outlineLevel="2" x14ac:dyDescent="0.2">
      <c r="A2025" s="17"/>
      <c r="B2025" s="17"/>
      <c r="C2025" s="17"/>
      <c r="D2025" s="18"/>
      <c r="E2025" s="18"/>
      <c r="F2025" s="18"/>
      <c r="G2025" s="18"/>
      <c r="H2025" s="18"/>
      <c r="I2025" s="18"/>
      <c r="J2025" s="18"/>
      <c r="K2025" s="18"/>
      <c r="L2025" s="18"/>
      <c r="M2025" s="18"/>
      <c r="N2025" s="18"/>
      <c r="O2025" s="18"/>
      <c r="P2025" s="19"/>
      <c r="Q2025" s="19"/>
      <c r="R2025" s="19"/>
      <c r="S2025" s="19"/>
      <c r="T2025" s="19"/>
      <c r="U2025" s="19"/>
      <c r="V2025" s="19"/>
      <c r="W2025" s="19"/>
      <c r="X2025" s="19"/>
      <c r="Y2025" s="19"/>
      <c r="Z2025" s="19"/>
      <c r="AA2025" s="19"/>
    </row>
    <row r="2026" spans="1:27" s="1" customFormat="1" ht="11.1" customHeight="1" outlineLevel="2" x14ac:dyDescent="0.2">
      <c r="A2026" s="17">
        <v>9822</v>
      </c>
      <c r="B2026" s="17"/>
      <c r="C2026" s="17"/>
      <c r="D2026" s="18" t="s">
        <v>1021</v>
      </c>
      <c r="E2026" s="18"/>
      <c r="F2026" s="18"/>
      <c r="G2026" s="18"/>
      <c r="H2026" s="18"/>
      <c r="I2026" s="18"/>
      <c r="J2026" s="18"/>
      <c r="K2026" s="18"/>
      <c r="L2026" s="18"/>
      <c r="M2026" s="18"/>
      <c r="N2026" s="18"/>
      <c r="O2026" s="18"/>
      <c r="P2026" s="19">
        <v>800</v>
      </c>
      <c r="Q2026" s="19"/>
      <c r="R2026" s="19"/>
      <c r="S2026" s="19"/>
      <c r="T2026" s="19">
        <v>720</v>
      </c>
      <c r="U2026" s="19"/>
      <c r="V2026" s="19"/>
      <c r="W2026" s="19"/>
      <c r="X2026" s="19">
        <v>7</v>
      </c>
      <c r="Y2026" s="19"/>
      <c r="Z2026" s="19"/>
      <c r="AA2026" s="19"/>
    </row>
    <row r="2027" spans="1:27" s="1" customFormat="1" ht="11.1" customHeight="1" outlineLevel="2" x14ac:dyDescent="0.2">
      <c r="A2027" s="17"/>
      <c r="B2027" s="17"/>
      <c r="C2027" s="17"/>
      <c r="D2027" s="18"/>
      <c r="E2027" s="18"/>
      <c r="F2027" s="18"/>
      <c r="G2027" s="18"/>
      <c r="H2027" s="18"/>
      <c r="I2027" s="18"/>
      <c r="J2027" s="18"/>
      <c r="K2027" s="18"/>
      <c r="L2027" s="18"/>
      <c r="M2027" s="18"/>
      <c r="N2027" s="18"/>
      <c r="O2027" s="18"/>
      <c r="P2027" s="19"/>
      <c r="Q2027" s="19"/>
      <c r="R2027" s="19"/>
      <c r="S2027" s="19"/>
      <c r="T2027" s="19"/>
      <c r="U2027" s="19"/>
      <c r="V2027" s="19"/>
      <c r="W2027" s="19"/>
      <c r="X2027" s="19"/>
      <c r="Y2027" s="19"/>
      <c r="Z2027" s="19"/>
      <c r="AA2027" s="19"/>
    </row>
    <row r="2028" spans="1:27" s="1" customFormat="1" ht="11.1" customHeight="1" outlineLevel="2" x14ac:dyDescent="0.2">
      <c r="A2028" s="17">
        <v>9563</v>
      </c>
      <c r="B2028" s="17"/>
      <c r="C2028" s="17"/>
      <c r="D2028" s="18" t="s">
        <v>1022</v>
      </c>
      <c r="E2028" s="18"/>
      <c r="F2028" s="18"/>
      <c r="G2028" s="18"/>
      <c r="H2028" s="18"/>
      <c r="I2028" s="18"/>
      <c r="J2028" s="18"/>
      <c r="K2028" s="18"/>
      <c r="L2028" s="18"/>
      <c r="M2028" s="18"/>
      <c r="N2028" s="18"/>
      <c r="O2028" s="18"/>
      <c r="P2028" s="19">
        <v>40</v>
      </c>
      <c r="Q2028" s="19"/>
      <c r="R2028" s="19"/>
      <c r="S2028" s="19"/>
      <c r="T2028" s="19">
        <v>30</v>
      </c>
      <c r="U2028" s="19"/>
      <c r="V2028" s="19"/>
      <c r="W2028" s="19"/>
      <c r="X2028" s="19">
        <v>10</v>
      </c>
      <c r="Y2028" s="19"/>
      <c r="Z2028" s="19"/>
      <c r="AA2028" s="19"/>
    </row>
    <row r="2029" spans="1:27" s="1" customFormat="1" ht="11.1" customHeight="1" outlineLevel="2" x14ac:dyDescent="0.2">
      <c r="A2029" s="17"/>
      <c r="B2029" s="17"/>
      <c r="C2029" s="17"/>
      <c r="D2029" s="18"/>
      <c r="E2029" s="18"/>
      <c r="F2029" s="18"/>
      <c r="G2029" s="18"/>
      <c r="H2029" s="18"/>
      <c r="I2029" s="18"/>
      <c r="J2029" s="18"/>
      <c r="K2029" s="18"/>
      <c r="L2029" s="18"/>
      <c r="M2029" s="18"/>
      <c r="N2029" s="18"/>
      <c r="O2029" s="18"/>
      <c r="P2029" s="19"/>
      <c r="Q2029" s="19"/>
      <c r="R2029" s="19"/>
      <c r="S2029" s="19"/>
      <c r="T2029" s="19"/>
      <c r="U2029" s="19"/>
      <c r="V2029" s="19"/>
      <c r="W2029" s="19"/>
      <c r="X2029" s="19"/>
      <c r="Y2029" s="19"/>
      <c r="Z2029" s="19"/>
      <c r="AA2029" s="19"/>
    </row>
    <row r="2030" spans="1:27" s="1" customFormat="1" ht="11.1" customHeight="1" outlineLevel="2" x14ac:dyDescent="0.2">
      <c r="A2030" s="17">
        <v>13818</v>
      </c>
      <c r="B2030" s="17"/>
      <c r="C2030" s="17"/>
      <c r="D2030" s="18" t="s">
        <v>1023</v>
      </c>
      <c r="E2030" s="18"/>
      <c r="F2030" s="18"/>
      <c r="G2030" s="18"/>
      <c r="H2030" s="18"/>
      <c r="I2030" s="18"/>
      <c r="J2030" s="18"/>
      <c r="K2030" s="18"/>
      <c r="L2030" s="18"/>
      <c r="M2030" s="18"/>
      <c r="N2030" s="18"/>
      <c r="O2030" s="18"/>
      <c r="P2030" s="19">
        <v>300</v>
      </c>
      <c r="Q2030" s="19"/>
      <c r="R2030" s="19"/>
      <c r="S2030" s="19"/>
      <c r="T2030" s="19">
        <v>220</v>
      </c>
      <c r="U2030" s="19"/>
      <c r="V2030" s="19"/>
      <c r="W2030" s="19"/>
      <c r="X2030" s="19">
        <v>14</v>
      </c>
      <c r="Y2030" s="19"/>
      <c r="Z2030" s="19"/>
      <c r="AA2030" s="19"/>
    </row>
    <row r="2031" spans="1:27" s="1" customFormat="1" ht="11.1" customHeight="1" outlineLevel="2" x14ac:dyDescent="0.2">
      <c r="A2031" s="17"/>
      <c r="B2031" s="17"/>
      <c r="C2031" s="17"/>
      <c r="D2031" s="18"/>
      <c r="E2031" s="18"/>
      <c r="F2031" s="18"/>
      <c r="G2031" s="18"/>
      <c r="H2031" s="18"/>
      <c r="I2031" s="18"/>
      <c r="J2031" s="18"/>
      <c r="K2031" s="18"/>
      <c r="L2031" s="18"/>
      <c r="M2031" s="18"/>
      <c r="N2031" s="18"/>
      <c r="O2031" s="18"/>
      <c r="P2031" s="19"/>
      <c r="Q2031" s="19"/>
      <c r="R2031" s="19"/>
      <c r="S2031" s="19"/>
      <c r="T2031" s="19"/>
      <c r="U2031" s="19"/>
      <c r="V2031" s="19"/>
      <c r="W2031" s="19"/>
      <c r="X2031" s="19"/>
      <c r="Y2031" s="19"/>
      <c r="Z2031" s="19"/>
      <c r="AA2031" s="19"/>
    </row>
    <row r="2032" spans="1:27" s="1" customFormat="1" ht="14.1" customHeight="1" outlineLevel="2" x14ac:dyDescent="0.2">
      <c r="A2032" s="17">
        <v>10161</v>
      </c>
      <c r="B2032" s="17"/>
      <c r="C2032" s="17"/>
      <c r="D2032" s="18" t="s">
        <v>1024</v>
      </c>
      <c r="E2032" s="18"/>
      <c r="F2032" s="18"/>
      <c r="G2032" s="18"/>
      <c r="H2032" s="18"/>
      <c r="I2032" s="18"/>
      <c r="J2032" s="18"/>
      <c r="K2032" s="18"/>
      <c r="L2032" s="18"/>
      <c r="M2032" s="18"/>
      <c r="N2032" s="18"/>
      <c r="O2032" s="18"/>
      <c r="P2032" s="19">
        <v>450</v>
      </c>
      <c r="Q2032" s="19"/>
      <c r="R2032" s="19"/>
      <c r="S2032" s="19"/>
      <c r="T2032" s="19">
        <v>370</v>
      </c>
      <c r="U2032" s="19"/>
      <c r="V2032" s="19"/>
      <c r="W2032" s="19"/>
      <c r="X2032" s="19">
        <v>4</v>
      </c>
      <c r="Y2032" s="19"/>
      <c r="Z2032" s="19"/>
      <c r="AA2032" s="19"/>
    </row>
    <row r="2033" spans="1:27" s="1" customFormat="1" ht="14.1" customHeight="1" outlineLevel="2" x14ac:dyDescent="0.2">
      <c r="A2033" s="17"/>
      <c r="B2033" s="17"/>
      <c r="C2033" s="17"/>
      <c r="D2033" s="18"/>
      <c r="E2033" s="18"/>
      <c r="F2033" s="18"/>
      <c r="G2033" s="18"/>
      <c r="H2033" s="18"/>
      <c r="I2033" s="18"/>
      <c r="J2033" s="18"/>
      <c r="K2033" s="18"/>
      <c r="L2033" s="18"/>
      <c r="M2033" s="18"/>
      <c r="N2033" s="18"/>
      <c r="O2033" s="18"/>
      <c r="P2033" s="19"/>
      <c r="Q2033" s="19"/>
      <c r="R2033" s="19"/>
      <c r="S2033" s="19"/>
      <c r="T2033" s="19"/>
      <c r="U2033" s="19"/>
      <c r="V2033" s="19"/>
      <c r="W2033" s="19"/>
      <c r="X2033" s="19"/>
      <c r="Y2033" s="19"/>
      <c r="Z2033" s="19"/>
      <c r="AA2033" s="19"/>
    </row>
    <row r="2034" spans="1:27" s="1" customFormat="1" ht="14.1" customHeight="1" outlineLevel="2" x14ac:dyDescent="0.2">
      <c r="A2034" s="17">
        <v>17350</v>
      </c>
      <c r="B2034" s="17"/>
      <c r="C2034" s="17"/>
      <c r="D2034" s="18" t="s">
        <v>1025</v>
      </c>
      <c r="E2034" s="18"/>
      <c r="F2034" s="18"/>
      <c r="G2034" s="18"/>
      <c r="H2034" s="18"/>
      <c r="I2034" s="18"/>
      <c r="J2034" s="18"/>
      <c r="K2034" s="18"/>
      <c r="L2034" s="18"/>
      <c r="M2034" s="18"/>
      <c r="N2034" s="18"/>
      <c r="O2034" s="18"/>
      <c r="P2034" s="19">
        <v>750</v>
      </c>
      <c r="Q2034" s="19"/>
      <c r="R2034" s="19"/>
      <c r="S2034" s="19"/>
      <c r="T2034" s="19">
        <v>650</v>
      </c>
      <c r="U2034" s="19"/>
      <c r="V2034" s="19"/>
      <c r="W2034" s="19"/>
      <c r="X2034" s="19">
        <v>8</v>
      </c>
      <c r="Y2034" s="19"/>
      <c r="Z2034" s="19"/>
      <c r="AA2034" s="19"/>
    </row>
    <row r="2035" spans="1:27" s="1" customFormat="1" ht="14.1" customHeight="1" outlineLevel="2" x14ac:dyDescent="0.2">
      <c r="A2035" s="17"/>
      <c r="B2035" s="17"/>
      <c r="C2035" s="17"/>
      <c r="D2035" s="18"/>
      <c r="E2035" s="18"/>
      <c r="F2035" s="18"/>
      <c r="G2035" s="18"/>
      <c r="H2035" s="18"/>
      <c r="I2035" s="18"/>
      <c r="J2035" s="18"/>
      <c r="K2035" s="18"/>
      <c r="L2035" s="18"/>
      <c r="M2035" s="18"/>
      <c r="N2035" s="18"/>
      <c r="O2035" s="18"/>
      <c r="P2035" s="19"/>
      <c r="Q2035" s="19"/>
      <c r="R2035" s="19"/>
      <c r="S2035" s="19"/>
      <c r="T2035" s="19"/>
      <c r="U2035" s="19"/>
      <c r="V2035" s="19"/>
      <c r="W2035" s="19"/>
      <c r="X2035" s="19"/>
      <c r="Y2035" s="19"/>
      <c r="Z2035" s="19"/>
      <c r="AA2035" s="19"/>
    </row>
    <row r="2036" spans="1:27" s="1" customFormat="1" ht="14.1" customHeight="1" outlineLevel="2" x14ac:dyDescent="0.2">
      <c r="A2036" s="17">
        <v>13944</v>
      </c>
      <c r="B2036" s="17"/>
      <c r="C2036" s="17"/>
      <c r="D2036" s="18" t="s">
        <v>1026</v>
      </c>
      <c r="E2036" s="18"/>
      <c r="F2036" s="18"/>
      <c r="G2036" s="18"/>
      <c r="H2036" s="18"/>
      <c r="I2036" s="18"/>
      <c r="J2036" s="18"/>
      <c r="K2036" s="18"/>
      <c r="L2036" s="18"/>
      <c r="M2036" s="18"/>
      <c r="N2036" s="18"/>
      <c r="O2036" s="18"/>
      <c r="P2036" s="20">
        <v>1020</v>
      </c>
      <c r="Q2036" s="20"/>
      <c r="R2036" s="20"/>
      <c r="S2036" s="20"/>
      <c r="T2036" s="19">
        <v>770</v>
      </c>
      <c r="U2036" s="19"/>
      <c r="V2036" s="19"/>
      <c r="W2036" s="19"/>
      <c r="X2036" s="19">
        <v>4</v>
      </c>
      <c r="Y2036" s="19"/>
      <c r="Z2036" s="19"/>
      <c r="AA2036" s="19"/>
    </row>
    <row r="2037" spans="1:27" s="1" customFormat="1" ht="14.1" customHeight="1" outlineLevel="2" x14ac:dyDescent="0.2">
      <c r="A2037" s="17"/>
      <c r="B2037" s="17"/>
      <c r="C2037" s="17"/>
      <c r="D2037" s="18"/>
      <c r="E2037" s="18"/>
      <c r="F2037" s="18"/>
      <c r="G2037" s="18"/>
      <c r="H2037" s="18"/>
      <c r="I2037" s="18"/>
      <c r="J2037" s="18"/>
      <c r="K2037" s="18"/>
      <c r="L2037" s="18"/>
      <c r="M2037" s="18"/>
      <c r="N2037" s="18"/>
      <c r="O2037" s="18"/>
      <c r="P2037" s="20"/>
      <c r="Q2037" s="20"/>
      <c r="R2037" s="20"/>
      <c r="S2037" s="20"/>
      <c r="T2037" s="19"/>
      <c r="U2037" s="19"/>
      <c r="V2037" s="19"/>
      <c r="W2037" s="19"/>
      <c r="X2037" s="19"/>
      <c r="Y2037" s="19"/>
      <c r="Z2037" s="19"/>
      <c r="AA2037" s="19"/>
    </row>
    <row r="2038" spans="1:27" s="1" customFormat="1" ht="11.1" customHeight="1" outlineLevel="1" x14ac:dyDescent="0.2">
      <c r="A2038" s="16" t="s">
        <v>1027</v>
      </c>
      <c r="B2038" s="16"/>
      <c r="C2038" s="16"/>
      <c r="D2038" s="16"/>
      <c r="E2038" s="16"/>
      <c r="F2038" s="16"/>
      <c r="G2038" s="16"/>
      <c r="H2038" s="16"/>
      <c r="I2038" s="16"/>
      <c r="J2038" s="16"/>
      <c r="K2038" s="16"/>
      <c r="L2038" s="16"/>
      <c r="M2038" s="16"/>
      <c r="N2038" s="16"/>
      <c r="O2038" s="16"/>
      <c r="P2038" s="16"/>
      <c r="Q2038" s="16"/>
      <c r="R2038" s="16"/>
      <c r="S2038" s="16"/>
      <c r="T2038" s="16"/>
      <c r="U2038" s="16"/>
      <c r="V2038" s="16"/>
      <c r="W2038" s="16"/>
      <c r="X2038" s="16"/>
      <c r="Y2038" s="16"/>
      <c r="Z2038" s="16"/>
      <c r="AA2038" s="16"/>
    </row>
    <row r="2039" spans="1:27" s="1" customFormat="1" ht="11.1" customHeight="1" outlineLevel="1" x14ac:dyDescent="0.2">
      <c r="A2039" s="16"/>
      <c r="B2039" s="16"/>
      <c r="C2039" s="16"/>
      <c r="D2039" s="16"/>
      <c r="E2039" s="16"/>
      <c r="F2039" s="16"/>
      <c r="G2039" s="16"/>
      <c r="H2039" s="16"/>
      <c r="I2039" s="16"/>
      <c r="J2039" s="16"/>
      <c r="K2039" s="16"/>
      <c r="L2039" s="16"/>
      <c r="M2039" s="16"/>
      <c r="N2039" s="16"/>
      <c r="O2039" s="16"/>
      <c r="P2039" s="16"/>
      <c r="Q2039" s="16"/>
      <c r="R2039" s="16"/>
      <c r="S2039" s="16"/>
      <c r="T2039" s="16"/>
      <c r="U2039" s="16"/>
      <c r="V2039" s="16"/>
      <c r="W2039" s="16"/>
      <c r="X2039" s="16"/>
      <c r="Y2039" s="16"/>
      <c r="Z2039" s="16"/>
      <c r="AA2039" s="16"/>
    </row>
    <row r="2040" spans="1:27" s="1" customFormat="1" ht="11.1" customHeight="1" outlineLevel="2" x14ac:dyDescent="0.2">
      <c r="A2040" s="17">
        <v>9957</v>
      </c>
      <c r="B2040" s="17"/>
      <c r="C2040" s="17"/>
      <c r="D2040" s="18" t="s">
        <v>1028</v>
      </c>
      <c r="E2040" s="18"/>
      <c r="F2040" s="18"/>
      <c r="G2040" s="18"/>
      <c r="H2040" s="18"/>
      <c r="I2040" s="18"/>
      <c r="J2040" s="18"/>
      <c r="K2040" s="18"/>
      <c r="L2040" s="18"/>
      <c r="M2040" s="18"/>
      <c r="N2040" s="18"/>
      <c r="O2040" s="18"/>
      <c r="P2040" s="19">
        <v>115</v>
      </c>
      <c r="Q2040" s="19"/>
      <c r="R2040" s="19"/>
      <c r="S2040" s="19"/>
      <c r="T2040" s="19">
        <v>75</v>
      </c>
      <c r="U2040" s="19"/>
      <c r="V2040" s="19"/>
      <c r="W2040" s="19"/>
      <c r="X2040" s="19">
        <v>2</v>
      </c>
      <c r="Y2040" s="19"/>
      <c r="Z2040" s="19"/>
      <c r="AA2040" s="19"/>
    </row>
    <row r="2041" spans="1:27" s="1" customFormat="1" ht="11.1" customHeight="1" outlineLevel="2" x14ac:dyDescent="0.2">
      <c r="A2041" s="17"/>
      <c r="B2041" s="17"/>
      <c r="C2041" s="17"/>
      <c r="D2041" s="18"/>
      <c r="E2041" s="18"/>
      <c r="F2041" s="18"/>
      <c r="G2041" s="18"/>
      <c r="H2041" s="18"/>
      <c r="I2041" s="18"/>
      <c r="J2041" s="18"/>
      <c r="K2041" s="18"/>
      <c r="L2041" s="18"/>
      <c r="M2041" s="18"/>
      <c r="N2041" s="18"/>
      <c r="O2041" s="18"/>
      <c r="P2041" s="19"/>
      <c r="Q2041" s="19"/>
      <c r="R2041" s="19"/>
      <c r="S2041" s="19"/>
      <c r="T2041" s="19"/>
      <c r="U2041" s="19"/>
      <c r="V2041" s="19"/>
      <c r="W2041" s="19"/>
      <c r="X2041" s="19"/>
      <c r="Y2041" s="19"/>
      <c r="Z2041" s="19"/>
      <c r="AA2041" s="19"/>
    </row>
    <row r="2042" spans="1:27" s="1" customFormat="1" ht="11.1" customHeight="1" outlineLevel="2" x14ac:dyDescent="0.2">
      <c r="A2042" s="17">
        <v>10683</v>
      </c>
      <c r="B2042" s="17"/>
      <c r="C2042" s="17"/>
      <c r="D2042" s="18" t="s">
        <v>1029</v>
      </c>
      <c r="E2042" s="18"/>
      <c r="F2042" s="18"/>
      <c r="G2042" s="18"/>
      <c r="H2042" s="18"/>
      <c r="I2042" s="18"/>
      <c r="J2042" s="18"/>
      <c r="K2042" s="18"/>
      <c r="L2042" s="18"/>
      <c r="M2042" s="18"/>
      <c r="N2042" s="18"/>
      <c r="O2042" s="18"/>
      <c r="P2042" s="19">
        <v>140</v>
      </c>
      <c r="Q2042" s="19"/>
      <c r="R2042" s="19"/>
      <c r="S2042" s="19"/>
      <c r="T2042" s="19">
        <v>99</v>
      </c>
      <c r="U2042" s="19"/>
      <c r="V2042" s="19"/>
      <c r="W2042" s="19"/>
      <c r="X2042" s="19">
        <v>2</v>
      </c>
      <c r="Y2042" s="19"/>
      <c r="Z2042" s="19"/>
      <c r="AA2042" s="19"/>
    </row>
    <row r="2043" spans="1:27" s="1" customFormat="1" ht="11.1" customHeight="1" outlineLevel="2" x14ac:dyDescent="0.2">
      <c r="A2043" s="17"/>
      <c r="B2043" s="17"/>
      <c r="C2043" s="17"/>
      <c r="D2043" s="18"/>
      <c r="E2043" s="18"/>
      <c r="F2043" s="18"/>
      <c r="G2043" s="18"/>
      <c r="H2043" s="18"/>
      <c r="I2043" s="18"/>
      <c r="J2043" s="18"/>
      <c r="K2043" s="18"/>
      <c r="L2043" s="18"/>
      <c r="M2043" s="18"/>
      <c r="N2043" s="18"/>
      <c r="O2043" s="18"/>
      <c r="P2043" s="19"/>
      <c r="Q2043" s="19"/>
      <c r="R2043" s="19"/>
      <c r="S2043" s="19"/>
      <c r="T2043" s="19"/>
      <c r="U2043" s="19"/>
      <c r="V2043" s="19"/>
      <c r="W2043" s="19"/>
      <c r="X2043" s="19"/>
      <c r="Y2043" s="19"/>
      <c r="Z2043" s="19"/>
      <c r="AA2043" s="19"/>
    </row>
    <row r="2044" spans="1:27" s="1" customFormat="1" ht="11.1" customHeight="1" outlineLevel="2" x14ac:dyDescent="0.2">
      <c r="A2044" s="17">
        <v>15668</v>
      </c>
      <c r="B2044" s="17"/>
      <c r="C2044" s="17"/>
      <c r="D2044" s="18" t="s">
        <v>1030</v>
      </c>
      <c r="E2044" s="18"/>
      <c r="F2044" s="18"/>
      <c r="G2044" s="18"/>
      <c r="H2044" s="18"/>
      <c r="I2044" s="18"/>
      <c r="J2044" s="18"/>
      <c r="K2044" s="18"/>
      <c r="L2044" s="18"/>
      <c r="M2044" s="18"/>
      <c r="N2044" s="18"/>
      <c r="O2044" s="18"/>
      <c r="P2044" s="19">
        <v>700</v>
      </c>
      <c r="Q2044" s="19"/>
      <c r="R2044" s="19"/>
      <c r="S2044" s="19"/>
      <c r="T2044" s="19">
        <v>600</v>
      </c>
      <c r="U2044" s="19"/>
      <c r="V2044" s="19"/>
      <c r="W2044" s="19"/>
      <c r="X2044" s="19">
        <v>19</v>
      </c>
      <c r="Y2044" s="19"/>
      <c r="Z2044" s="19"/>
      <c r="AA2044" s="19"/>
    </row>
    <row r="2045" spans="1:27" s="1" customFormat="1" ht="11.1" customHeight="1" outlineLevel="2" x14ac:dyDescent="0.2">
      <c r="A2045" s="17"/>
      <c r="B2045" s="17"/>
      <c r="C2045" s="17"/>
      <c r="D2045" s="18"/>
      <c r="E2045" s="18"/>
      <c r="F2045" s="18"/>
      <c r="G2045" s="18"/>
      <c r="H2045" s="18"/>
      <c r="I2045" s="18"/>
      <c r="J2045" s="18"/>
      <c r="K2045" s="18"/>
      <c r="L2045" s="18"/>
      <c r="M2045" s="18"/>
      <c r="N2045" s="18"/>
      <c r="O2045" s="18"/>
      <c r="P2045" s="19"/>
      <c r="Q2045" s="19"/>
      <c r="R2045" s="19"/>
      <c r="S2045" s="19"/>
      <c r="T2045" s="19"/>
      <c r="U2045" s="19"/>
      <c r="V2045" s="19"/>
      <c r="W2045" s="19"/>
      <c r="X2045" s="19"/>
      <c r="Y2045" s="19"/>
      <c r="Z2045" s="19"/>
      <c r="AA2045" s="19"/>
    </row>
    <row r="2046" spans="1:27" s="1" customFormat="1" ht="11.1" customHeight="1" outlineLevel="2" x14ac:dyDescent="0.2">
      <c r="A2046" s="17">
        <v>15165</v>
      </c>
      <c r="B2046" s="17"/>
      <c r="C2046" s="17"/>
      <c r="D2046" s="18" t="s">
        <v>1031</v>
      </c>
      <c r="E2046" s="18"/>
      <c r="F2046" s="18"/>
      <c r="G2046" s="18"/>
      <c r="H2046" s="18"/>
      <c r="I2046" s="18"/>
      <c r="J2046" s="18"/>
      <c r="K2046" s="18"/>
      <c r="L2046" s="18"/>
      <c r="M2046" s="18"/>
      <c r="N2046" s="18"/>
      <c r="O2046" s="18"/>
      <c r="P2046" s="19">
        <v>830</v>
      </c>
      <c r="Q2046" s="19"/>
      <c r="R2046" s="19"/>
      <c r="S2046" s="19"/>
      <c r="T2046" s="19">
        <v>750</v>
      </c>
      <c r="U2046" s="19"/>
      <c r="V2046" s="19"/>
      <c r="W2046" s="19"/>
      <c r="X2046" s="19">
        <v>8</v>
      </c>
      <c r="Y2046" s="19"/>
      <c r="Z2046" s="19"/>
      <c r="AA2046" s="19"/>
    </row>
    <row r="2047" spans="1:27" s="1" customFormat="1" ht="11.1" customHeight="1" outlineLevel="2" x14ac:dyDescent="0.2">
      <c r="A2047" s="17"/>
      <c r="B2047" s="17"/>
      <c r="C2047" s="17"/>
      <c r="D2047" s="18"/>
      <c r="E2047" s="18"/>
      <c r="F2047" s="18"/>
      <c r="G2047" s="18"/>
      <c r="H2047" s="18"/>
      <c r="I2047" s="18"/>
      <c r="J2047" s="18"/>
      <c r="K2047" s="18"/>
      <c r="L2047" s="18"/>
      <c r="M2047" s="18"/>
      <c r="N2047" s="18"/>
      <c r="O2047" s="18"/>
      <c r="P2047" s="19"/>
      <c r="Q2047" s="19"/>
      <c r="R2047" s="19"/>
      <c r="S2047" s="19"/>
      <c r="T2047" s="19"/>
      <c r="U2047" s="19"/>
      <c r="V2047" s="19"/>
      <c r="W2047" s="19"/>
      <c r="X2047" s="19"/>
      <c r="Y2047" s="19"/>
      <c r="Z2047" s="19"/>
      <c r="AA2047" s="19"/>
    </row>
    <row r="2048" spans="1:27" s="1" customFormat="1" ht="11.1" customHeight="1" outlineLevel="2" x14ac:dyDescent="0.2">
      <c r="A2048" s="17">
        <v>12491</v>
      </c>
      <c r="B2048" s="17"/>
      <c r="C2048" s="17"/>
      <c r="D2048" s="18" t="s">
        <v>1032</v>
      </c>
      <c r="E2048" s="18"/>
      <c r="F2048" s="18"/>
      <c r="G2048" s="18"/>
      <c r="H2048" s="18"/>
      <c r="I2048" s="18"/>
      <c r="J2048" s="18"/>
      <c r="K2048" s="18"/>
      <c r="L2048" s="18"/>
      <c r="M2048" s="18"/>
      <c r="N2048" s="18"/>
      <c r="O2048" s="18"/>
      <c r="P2048" s="20">
        <v>1350</v>
      </c>
      <c r="Q2048" s="20"/>
      <c r="R2048" s="20"/>
      <c r="S2048" s="20"/>
      <c r="T2048" s="20">
        <v>1250</v>
      </c>
      <c r="U2048" s="20"/>
      <c r="V2048" s="20"/>
      <c r="W2048" s="20"/>
      <c r="X2048" s="19">
        <v>2</v>
      </c>
      <c r="Y2048" s="19"/>
      <c r="Z2048" s="19"/>
      <c r="AA2048" s="19"/>
    </row>
    <row r="2049" spans="1:27" s="1" customFormat="1" ht="11.1" customHeight="1" outlineLevel="2" x14ac:dyDescent="0.2">
      <c r="A2049" s="17"/>
      <c r="B2049" s="17"/>
      <c r="C2049" s="17"/>
      <c r="D2049" s="18"/>
      <c r="E2049" s="18"/>
      <c r="F2049" s="18"/>
      <c r="G2049" s="18"/>
      <c r="H2049" s="18"/>
      <c r="I2049" s="18"/>
      <c r="J2049" s="18"/>
      <c r="K2049" s="18"/>
      <c r="L2049" s="18"/>
      <c r="M2049" s="18"/>
      <c r="N2049" s="18"/>
      <c r="O2049" s="18"/>
      <c r="P2049" s="20"/>
      <c r="Q2049" s="20"/>
      <c r="R2049" s="20"/>
      <c r="S2049" s="20"/>
      <c r="T2049" s="20"/>
      <c r="U2049" s="20"/>
      <c r="V2049" s="20"/>
      <c r="W2049" s="20"/>
      <c r="X2049" s="19"/>
      <c r="Y2049" s="19"/>
      <c r="Z2049" s="19"/>
      <c r="AA2049" s="19"/>
    </row>
    <row r="2050" spans="1:27" s="1" customFormat="1" ht="11.1" customHeight="1" outlineLevel="2" x14ac:dyDescent="0.2">
      <c r="A2050" s="17">
        <v>14668</v>
      </c>
      <c r="B2050" s="17"/>
      <c r="C2050" s="17"/>
      <c r="D2050" s="18" t="s">
        <v>1033</v>
      </c>
      <c r="E2050" s="18"/>
      <c r="F2050" s="18"/>
      <c r="G2050" s="18"/>
      <c r="H2050" s="18"/>
      <c r="I2050" s="18"/>
      <c r="J2050" s="18"/>
      <c r="K2050" s="18"/>
      <c r="L2050" s="18"/>
      <c r="M2050" s="18"/>
      <c r="N2050" s="18"/>
      <c r="O2050" s="18"/>
      <c r="P2050" s="19">
        <v>110</v>
      </c>
      <c r="Q2050" s="19"/>
      <c r="R2050" s="19"/>
      <c r="S2050" s="19"/>
      <c r="T2050" s="19">
        <v>70</v>
      </c>
      <c r="U2050" s="19"/>
      <c r="V2050" s="19"/>
      <c r="W2050" s="19"/>
      <c r="X2050" s="19">
        <v>1</v>
      </c>
      <c r="Y2050" s="19"/>
      <c r="Z2050" s="19"/>
      <c r="AA2050" s="19"/>
    </row>
    <row r="2051" spans="1:27" s="1" customFormat="1" ht="11.1" customHeight="1" outlineLevel="2" x14ac:dyDescent="0.2">
      <c r="A2051" s="17"/>
      <c r="B2051" s="17"/>
      <c r="C2051" s="17"/>
      <c r="D2051" s="18"/>
      <c r="E2051" s="18"/>
      <c r="F2051" s="18"/>
      <c r="G2051" s="18"/>
      <c r="H2051" s="18"/>
      <c r="I2051" s="18"/>
      <c r="J2051" s="18"/>
      <c r="K2051" s="18"/>
      <c r="L2051" s="18"/>
      <c r="M2051" s="18"/>
      <c r="N2051" s="18"/>
      <c r="O2051" s="18"/>
      <c r="P2051" s="19"/>
      <c r="Q2051" s="19"/>
      <c r="R2051" s="19"/>
      <c r="S2051" s="19"/>
      <c r="T2051" s="19"/>
      <c r="U2051" s="19"/>
      <c r="V2051" s="19"/>
      <c r="W2051" s="19"/>
      <c r="X2051" s="19"/>
      <c r="Y2051" s="19"/>
      <c r="Z2051" s="19"/>
      <c r="AA2051" s="19"/>
    </row>
    <row r="2052" spans="1:27" s="1" customFormat="1" ht="14.1" customHeight="1" outlineLevel="2" x14ac:dyDescent="0.2">
      <c r="A2052" s="17">
        <v>10400</v>
      </c>
      <c r="B2052" s="17"/>
      <c r="C2052" s="17"/>
      <c r="D2052" s="18" t="s">
        <v>1034</v>
      </c>
      <c r="E2052" s="18"/>
      <c r="F2052" s="18"/>
      <c r="G2052" s="18"/>
      <c r="H2052" s="18"/>
      <c r="I2052" s="18"/>
      <c r="J2052" s="18"/>
      <c r="K2052" s="18"/>
      <c r="L2052" s="18"/>
      <c r="M2052" s="18"/>
      <c r="N2052" s="18"/>
      <c r="O2052" s="18"/>
      <c r="P2052" s="20">
        <v>3400</v>
      </c>
      <c r="Q2052" s="20"/>
      <c r="R2052" s="20"/>
      <c r="S2052" s="20"/>
      <c r="T2052" s="20">
        <v>3100</v>
      </c>
      <c r="U2052" s="20"/>
      <c r="V2052" s="20"/>
      <c r="W2052" s="20"/>
      <c r="X2052" s="19">
        <v>9</v>
      </c>
      <c r="Y2052" s="19"/>
      <c r="Z2052" s="19"/>
      <c r="AA2052" s="19"/>
    </row>
    <row r="2053" spans="1:27" s="1" customFormat="1" ht="14.1" customHeight="1" outlineLevel="2" x14ac:dyDescent="0.2">
      <c r="A2053" s="17"/>
      <c r="B2053" s="17"/>
      <c r="C2053" s="17"/>
      <c r="D2053" s="18"/>
      <c r="E2053" s="18"/>
      <c r="F2053" s="18"/>
      <c r="G2053" s="18"/>
      <c r="H2053" s="18"/>
      <c r="I2053" s="18"/>
      <c r="J2053" s="18"/>
      <c r="K2053" s="18"/>
      <c r="L2053" s="18"/>
      <c r="M2053" s="18"/>
      <c r="N2053" s="18"/>
      <c r="O2053" s="18"/>
      <c r="P2053" s="20"/>
      <c r="Q2053" s="20"/>
      <c r="R2053" s="20"/>
      <c r="S2053" s="20"/>
      <c r="T2053" s="20"/>
      <c r="U2053" s="20"/>
      <c r="V2053" s="20"/>
      <c r="W2053" s="20"/>
      <c r="X2053" s="19"/>
      <c r="Y2053" s="19"/>
      <c r="Z2053" s="19"/>
      <c r="AA2053" s="19"/>
    </row>
    <row r="2054" spans="1:27" s="1" customFormat="1" ht="14.1" customHeight="1" outlineLevel="2" x14ac:dyDescent="0.2">
      <c r="A2054" s="17">
        <v>11652</v>
      </c>
      <c r="B2054" s="17"/>
      <c r="C2054" s="17"/>
      <c r="D2054" s="18" t="s">
        <v>1035</v>
      </c>
      <c r="E2054" s="18"/>
      <c r="F2054" s="18"/>
      <c r="G2054" s="18"/>
      <c r="H2054" s="18"/>
      <c r="I2054" s="18"/>
      <c r="J2054" s="18"/>
      <c r="K2054" s="18"/>
      <c r="L2054" s="18"/>
      <c r="M2054" s="18"/>
      <c r="N2054" s="18"/>
      <c r="O2054" s="18"/>
      <c r="P2054" s="20">
        <v>5000</v>
      </c>
      <c r="Q2054" s="20"/>
      <c r="R2054" s="20"/>
      <c r="S2054" s="20"/>
      <c r="T2054" s="20">
        <v>4600</v>
      </c>
      <c r="U2054" s="20"/>
      <c r="V2054" s="20"/>
      <c r="W2054" s="20"/>
      <c r="X2054" s="19">
        <v>3</v>
      </c>
      <c r="Y2054" s="19"/>
      <c r="Z2054" s="19"/>
      <c r="AA2054" s="19"/>
    </row>
    <row r="2055" spans="1:27" s="1" customFormat="1" ht="14.1" customHeight="1" outlineLevel="2" x14ac:dyDescent="0.2">
      <c r="A2055" s="17"/>
      <c r="B2055" s="17"/>
      <c r="C2055" s="17"/>
      <c r="D2055" s="18"/>
      <c r="E2055" s="18"/>
      <c r="F2055" s="18"/>
      <c r="G2055" s="18"/>
      <c r="H2055" s="18"/>
      <c r="I2055" s="18"/>
      <c r="J2055" s="18"/>
      <c r="K2055" s="18"/>
      <c r="L2055" s="18"/>
      <c r="M2055" s="18"/>
      <c r="N2055" s="18"/>
      <c r="O2055" s="18"/>
      <c r="P2055" s="20"/>
      <c r="Q2055" s="20"/>
      <c r="R2055" s="20"/>
      <c r="S2055" s="20"/>
      <c r="T2055" s="20"/>
      <c r="U2055" s="20"/>
      <c r="V2055" s="20"/>
      <c r="W2055" s="20"/>
      <c r="X2055" s="19"/>
      <c r="Y2055" s="19"/>
      <c r="Z2055" s="19"/>
      <c r="AA2055" s="19"/>
    </row>
    <row r="2056" spans="1:27" s="1" customFormat="1" ht="14.1" customHeight="1" outlineLevel="2" x14ac:dyDescent="0.2">
      <c r="A2056" s="17">
        <v>9387</v>
      </c>
      <c r="B2056" s="17"/>
      <c r="C2056" s="17"/>
      <c r="D2056" s="18" t="s">
        <v>1036</v>
      </c>
      <c r="E2056" s="18"/>
      <c r="F2056" s="18"/>
      <c r="G2056" s="18"/>
      <c r="H2056" s="18"/>
      <c r="I2056" s="18"/>
      <c r="J2056" s="18"/>
      <c r="K2056" s="18"/>
      <c r="L2056" s="18"/>
      <c r="M2056" s="18"/>
      <c r="N2056" s="18"/>
      <c r="O2056" s="18"/>
      <c r="P2056" s="20">
        <v>3000</v>
      </c>
      <c r="Q2056" s="20"/>
      <c r="R2056" s="20"/>
      <c r="S2056" s="20"/>
      <c r="T2056" s="20">
        <v>2800</v>
      </c>
      <c r="U2056" s="20"/>
      <c r="V2056" s="20"/>
      <c r="W2056" s="20"/>
      <c r="X2056" s="19">
        <v>1</v>
      </c>
      <c r="Y2056" s="19"/>
      <c r="Z2056" s="19"/>
      <c r="AA2056" s="19"/>
    </row>
    <row r="2057" spans="1:27" s="1" customFormat="1" ht="14.1" customHeight="1" outlineLevel="2" x14ac:dyDescent="0.2">
      <c r="A2057" s="17"/>
      <c r="B2057" s="17"/>
      <c r="C2057" s="17"/>
      <c r="D2057" s="18"/>
      <c r="E2057" s="18"/>
      <c r="F2057" s="18"/>
      <c r="G2057" s="18"/>
      <c r="H2057" s="18"/>
      <c r="I2057" s="18"/>
      <c r="J2057" s="18"/>
      <c r="K2057" s="18"/>
      <c r="L2057" s="18"/>
      <c r="M2057" s="18"/>
      <c r="N2057" s="18"/>
      <c r="O2057" s="18"/>
      <c r="P2057" s="20"/>
      <c r="Q2057" s="20"/>
      <c r="R2057" s="20"/>
      <c r="S2057" s="20"/>
      <c r="T2057" s="20"/>
      <c r="U2057" s="20"/>
      <c r="V2057" s="20"/>
      <c r="W2057" s="20"/>
      <c r="X2057" s="19"/>
      <c r="Y2057" s="19"/>
      <c r="Z2057" s="19"/>
      <c r="AA2057" s="19"/>
    </row>
    <row r="2058" spans="1:27" s="1" customFormat="1" ht="14.1" customHeight="1" outlineLevel="2" x14ac:dyDescent="0.2">
      <c r="A2058" s="17">
        <v>14418</v>
      </c>
      <c r="B2058" s="17"/>
      <c r="C2058" s="17"/>
      <c r="D2058" s="18" t="s">
        <v>1037</v>
      </c>
      <c r="E2058" s="18"/>
      <c r="F2058" s="18"/>
      <c r="G2058" s="18"/>
      <c r="H2058" s="18"/>
      <c r="I2058" s="18"/>
      <c r="J2058" s="18"/>
      <c r="K2058" s="18"/>
      <c r="L2058" s="18"/>
      <c r="M2058" s="18"/>
      <c r="N2058" s="18"/>
      <c r="O2058" s="18"/>
      <c r="P2058" s="20">
        <v>3500</v>
      </c>
      <c r="Q2058" s="20"/>
      <c r="R2058" s="20"/>
      <c r="S2058" s="20"/>
      <c r="T2058" s="20">
        <v>3100</v>
      </c>
      <c r="U2058" s="20"/>
      <c r="V2058" s="20"/>
      <c r="W2058" s="20"/>
      <c r="X2058" s="19">
        <v>8</v>
      </c>
      <c r="Y2058" s="19"/>
      <c r="Z2058" s="19"/>
      <c r="AA2058" s="19"/>
    </row>
    <row r="2059" spans="1:27" s="1" customFormat="1" ht="14.1" customHeight="1" outlineLevel="2" x14ac:dyDescent="0.2">
      <c r="A2059" s="17"/>
      <c r="B2059" s="17"/>
      <c r="C2059" s="17"/>
      <c r="D2059" s="18"/>
      <c r="E2059" s="18"/>
      <c r="F2059" s="18"/>
      <c r="G2059" s="18"/>
      <c r="H2059" s="18"/>
      <c r="I2059" s="18"/>
      <c r="J2059" s="18"/>
      <c r="K2059" s="18"/>
      <c r="L2059" s="18"/>
      <c r="M2059" s="18"/>
      <c r="N2059" s="18"/>
      <c r="O2059" s="18"/>
      <c r="P2059" s="20"/>
      <c r="Q2059" s="20"/>
      <c r="R2059" s="20"/>
      <c r="S2059" s="20"/>
      <c r="T2059" s="20"/>
      <c r="U2059" s="20"/>
      <c r="V2059" s="20"/>
      <c r="W2059" s="20"/>
      <c r="X2059" s="19"/>
      <c r="Y2059" s="19"/>
      <c r="Z2059" s="19"/>
      <c r="AA2059" s="19"/>
    </row>
    <row r="2060" spans="1:27" s="1" customFormat="1" ht="14.1" customHeight="1" outlineLevel="2" x14ac:dyDescent="0.2">
      <c r="A2060" s="17">
        <v>11654</v>
      </c>
      <c r="B2060" s="17"/>
      <c r="C2060" s="17"/>
      <c r="D2060" s="18" t="s">
        <v>1038</v>
      </c>
      <c r="E2060" s="18"/>
      <c r="F2060" s="18"/>
      <c r="G2060" s="18"/>
      <c r="H2060" s="18"/>
      <c r="I2060" s="18"/>
      <c r="J2060" s="18"/>
      <c r="K2060" s="18"/>
      <c r="L2060" s="18"/>
      <c r="M2060" s="18"/>
      <c r="N2060" s="18"/>
      <c r="O2060" s="18"/>
      <c r="P2060" s="20">
        <v>9000</v>
      </c>
      <c r="Q2060" s="20"/>
      <c r="R2060" s="20"/>
      <c r="S2060" s="20"/>
      <c r="T2060" s="20">
        <v>8000</v>
      </c>
      <c r="U2060" s="20"/>
      <c r="V2060" s="20"/>
      <c r="W2060" s="20"/>
      <c r="X2060" s="19">
        <v>1</v>
      </c>
      <c r="Y2060" s="19"/>
      <c r="Z2060" s="19"/>
      <c r="AA2060" s="19"/>
    </row>
    <row r="2061" spans="1:27" s="1" customFormat="1" ht="14.1" customHeight="1" outlineLevel="2" x14ac:dyDescent="0.2">
      <c r="A2061" s="17"/>
      <c r="B2061" s="17"/>
      <c r="C2061" s="17"/>
      <c r="D2061" s="18"/>
      <c r="E2061" s="18"/>
      <c r="F2061" s="18"/>
      <c r="G2061" s="18"/>
      <c r="H2061" s="18"/>
      <c r="I2061" s="18"/>
      <c r="J2061" s="18"/>
      <c r="K2061" s="18"/>
      <c r="L2061" s="18"/>
      <c r="M2061" s="18"/>
      <c r="N2061" s="18"/>
      <c r="O2061" s="18"/>
      <c r="P2061" s="20"/>
      <c r="Q2061" s="20"/>
      <c r="R2061" s="20"/>
      <c r="S2061" s="20"/>
      <c r="T2061" s="20"/>
      <c r="U2061" s="20"/>
      <c r="V2061" s="20"/>
      <c r="W2061" s="20"/>
      <c r="X2061" s="19"/>
      <c r="Y2061" s="19"/>
      <c r="Z2061" s="19"/>
      <c r="AA2061" s="19"/>
    </row>
    <row r="2062" spans="1:27" s="1" customFormat="1" ht="14.1" customHeight="1" outlineLevel="2" x14ac:dyDescent="0.2">
      <c r="A2062" s="17">
        <v>11653</v>
      </c>
      <c r="B2062" s="17"/>
      <c r="C2062" s="17"/>
      <c r="D2062" s="18" t="s">
        <v>1039</v>
      </c>
      <c r="E2062" s="18"/>
      <c r="F2062" s="18"/>
      <c r="G2062" s="18"/>
      <c r="H2062" s="18"/>
      <c r="I2062" s="18"/>
      <c r="J2062" s="18"/>
      <c r="K2062" s="18"/>
      <c r="L2062" s="18"/>
      <c r="M2062" s="18"/>
      <c r="N2062" s="18"/>
      <c r="O2062" s="18"/>
      <c r="P2062" s="20">
        <v>4400</v>
      </c>
      <c r="Q2062" s="20"/>
      <c r="R2062" s="20"/>
      <c r="S2062" s="20"/>
      <c r="T2062" s="20">
        <v>4000</v>
      </c>
      <c r="U2062" s="20"/>
      <c r="V2062" s="20"/>
      <c r="W2062" s="20"/>
      <c r="X2062" s="19">
        <v>1</v>
      </c>
      <c r="Y2062" s="19"/>
      <c r="Z2062" s="19"/>
      <c r="AA2062" s="19"/>
    </row>
    <row r="2063" spans="1:27" s="1" customFormat="1" ht="14.1" customHeight="1" outlineLevel="2" x14ac:dyDescent="0.2">
      <c r="A2063" s="17"/>
      <c r="B2063" s="17"/>
      <c r="C2063" s="17"/>
      <c r="D2063" s="18"/>
      <c r="E2063" s="18"/>
      <c r="F2063" s="18"/>
      <c r="G2063" s="18"/>
      <c r="H2063" s="18"/>
      <c r="I2063" s="18"/>
      <c r="J2063" s="18"/>
      <c r="K2063" s="18"/>
      <c r="L2063" s="18"/>
      <c r="M2063" s="18"/>
      <c r="N2063" s="18"/>
      <c r="O2063" s="18"/>
      <c r="P2063" s="20"/>
      <c r="Q2063" s="20"/>
      <c r="R2063" s="20"/>
      <c r="S2063" s="20"/>
      <c r="T2063" s="20"/>
      <c r="U2063" s="20"/>
      <c r="V2063" s="20"/>
      <c r="W2063" s="20"/>
      <c r="X2063" s="19"/>
      <c r="Y2063" s="19"/>
      <c r="Z2063" s="19"/>
      <c r="AA2063" s="19"/>
    </row>
    <row r="2064" spans="1:27" s="1" customFormat="1" ht="11.1" customHeight="1" outlineLevel="2" x14ac:dyDescent="0.2">
      <c r="A2064" s="17">
        <v>9526</v>
      </c>
      <c r="B2064" s="17"/>
      <c r="C2064" s="17"/>
      <c r="D2064" s="18" t="s">
        <v>1040</v>
      </c>
      <c r="E2064" s="18"/>
      <c r="F2064" s="18"/>
      <c r="G2064" s="18"/>
      <c r="H2064" s="18"/>
      <c r="I2064" s="18"/>
      <c r="J2064" s="18"/>
      <c r="K2064" s="18"/>
      <c r="L2064" s="18"/>
      <c r="M2064" s="18"/>
      <c r="N2064" s="18"/>
      <c r="O2064" s="18"/>
      <c r="P2064" s="19">
        <v>430</v>
      </c>
      <c r="Q2064" s="19"/>
      <c r="R2064" s="19"/>
      <c r="S2064" s="19"/>
      <c r="T2064" s="19">
        <v>350</v>
      </c>
      <c r="U2064" s="19"/>
      <c r="V2064" s="19"/>
      <c r="W2064" s="19"/>
      <c r="X2064" s="19">
        <v>1</v>
      </c>
      <c r="Y2064" s="19"/>
      <c r="Z2064" s="19"/>
      <c r="AA2064" s="19"/>
    </row>
    <row r="2065" spans="1:27" s="1" customFormat="1" ht="11.1" customHeight="1" outlineLevel="2" x14ac:dyDescent="0.2">
      <c r="A2065" s="17"/>
      <c r="B2065" s="17"/>
      <c r="C2065" s="17"/>
      <c r="D2065" s="18"/>
      <c r="E2065" s="18"/>
      <c r="F2065" s="18"/>
      <c r="G2065" s="18"/>
      <c r="H2065" s="18"/>
      <c r="I2065" s="18"/>
      <c r="J2065" s="18"/>
      <c r="K2065" s="18"/>
      <c r="L2065" s="18"/>
      <c r="M2065" s="18"/>
      <c r="N2065" s="18"/>
      <c r="O2065" s="18"/>
      <c r="P2065" s="19"/>
      <c r="Q2065" s="19"/>
      <c r="R2065" s="19"/>
      <c r="S2065" s="19"/>
      <c r="T2065" s="19"/>
      <c r="U2065" s="19"/>
      <c r="V2065" s="19"/>
      <c r="W2065" s="19"/>
      <c r="X2065" s="19"/>
      <c r="Y2065" s="19"/>
      <c r="Z2065" s="19"/>
      <c r="AA2065" s="19"/>
    </row>
    <row r="2066" spans="1:27" s="1" customFormat="1" ht="14.1" customHeight="1" outlineLevel="2" x14ac:dyDescent="0.2">
      <c r="A2066" s="17">
        <v>14107</v>
      </c>
      <c r="B2066" s="17"/>
      <c r="C2066" s="17"/>
      <c r="D2066" s="18" t="s">
        <v>1041</v>
      </c>
      <c r="E2066" s="18"/>
      <c r="F2066" s="18"/>
      <c r="G2066" s="18"/>
      <c r="H2066" s="18"/>
      <c r="I2066" s="18"/>
      <c r="J2066" s="18"/>
      <c r="K2066" s="18"/>
      <c r="L2066" s="18"/>
      <c r="M2066" s="18"/>
      <c r="N2066" s="18"/>
      <c r="O2066" s="18"/>
      <c r="P2066" s="19">
        <v>250</v>
      </c>
      <c r="Q2066" s="19"/>
      <c r="R2066" s="19"/>
      <c r="S2066" s="19"/>
      <c r="T2066" s="19">
        <v>210</v>
      </c>
      <c r="U2066" s="19"/>
      <c r="V2066" s="19"/>
      <c r="W2066" s="19"/>
      <c r="X2066" s="19">
        <v>11</v>
      </c>
      <c r="Y2066" s="19"/>
      <c r="Z2066" s="19"/>
      <c r="AA2066" s="19"/>
    </row>
    <row r="2067" spans="1:27" s="1" customFormat="1" ht="14.1" customHeight="1" outlineLevel="2" x14ac:dyDescent="0.2">
      <c r="A2067" s="17"/>
      <c r="B2067" s="17"/>
      <c r="C2067" s="17"/>
      <c r="D2067" s="18"/>
      <c r="E2067" s="18"/>
      <c r="F2067" s="18"/>
      <c r="G2067" s="18"/>
      <c r="H2067" s="18"/>
      <c r="I2067" s="18"/>
      <c r="J2067" s="18"/>
      <c r="K2067" s="18"/>
      <c r="L2067" s="18"/>
      <c r="M2067" s="18"/>
      <c r="N2067" s="18"/>
      <c r="O2067" s="18"/>
      <c r="P2067" s="19"/>
      <c r="Q2067" s="19"/>
      <c r="R2067" s="19"/>
      <c r="S2067" s="19"/>
      <c r="T2067" s="19"/>
      <c r="U2067" s="19"/>
      <c r="V2067" s="19"/>
      <c r="W2067" s="19"/>
      <c r="X2067" s="19"/>
      <c r="Y2067" s="19"/>
      <c r="Z2067" s="19"/>
      <c r="AA2067" s="19"/>
    </row>
    <row r="2068" spans="1:27" s="1" customFormat="1" ht="14.1" customHeight="1" outlineLevel="2" x14ac:dyDescent="0.2">
      <c r="A2068" s="17">
        <v>11024</v>
      </c>
      <c r="B2068" s="17"/>
      <c r="C2068" s="17"/>
      <c r="D2068" s="18" t="s">
        <v>1042</v>
      </c>
      <c r="E2068" s="18"/>
      <c r="F2068" s="18"/>
      <c r="G2068" s="18"/>
      <c r="H2068" s="18"/>
      <c r="I2068" s="18"/>
      <c r="J2068" s="18"/>
      <c r="K2068" s="18"/>
      <c r="L2068" s="18"/>
      <c r="M2068" s="18"/>
      <c r="N2068" s="18"/>
      <c r="O2068" s="18"/>
      <c r="P2068" s="19">
        <v>280</v>
      </c>
      <c r="Q2068" s="19"/>
      <c r="R2068" s="19"/>
      <c r="S2068" s="19"/>
      <c r="T2068" s="19">
        <v>240</v>
      </c>
      <c r="U2068" s="19"/>
      <c r="V2068" s="19"/>
      <c r="W2068" s="19"/>
      <c r="X2068" s="19">
        <v>10</v>
      </c>
      <c r="Y2068" s="19"/>
      <c r="Z2068" s="19"/>
      <c r="AA2068" s="19"/>
    </row>
    <row r="2069" spans="1:27" s="1" customFormat="1" ht="14.1" customHeight="1" outlineLevel="2" x14ac:dyDescent="0.2">
      <c r="A2069" s="17"/>
      <c r="B2069" s="17"/>
      <c r="C2069" s="17"/>
      <c r="D2069" s="18"/>
      <c r="E2069" s="18"/>
      <c r="F2069" s="18"/>
      <c r="G2069" s="18"/>
      <c r="H2069" s="18"/>
      <c r="I2069" s="18"/>
      <c r="J2069" s="18"/>
      <c r="K2069" s="18"/>
      <c r="L2069" s="18"/>
      <c r="M2069" s="18"/>
      <c r="N2069" s="18"/>
      <c r="O2069" s="18"/>
      <c r="P2069" s="19"/>
      <c r="Q2069" s="19"/>
      <c r="R2069" s="19"/>
      <c r="S2069" s="19"/>
      <c r="T2069" s="19"/>
      <c r="U2069" s="19"/>
      <c r="V2069" s="19"/>
      <c r="W2069" s="19"/>
      <c r="X2069" s="19"/>
      <c r="Y2069" s="19"/>
      <c r="Z2069" s="19"/>
      <c r="AA2069" s="19"/>
    </row>
    <row r="2070" spans="1:27" s="1" customFormat="1" ht="14.1" customHeight="1" outlineLevel="2" x14ac:dyDescent="0.2">
      <c r="A2070" s="17">
        <v>14108</v>
      </c>
      <c r="B2070" s="17"/>
      <c r="C2070" s="17"/>
      <c r="D2070" s="18" t="s">
        <v>1043</v>
      </c>
      <c r="E2070" s="18"/>
      <c r="F2070" s="18"/>
      <c r="G2070" s="18"/>
      <c r="H2070" s="18"/>
      <c r="I2070" s="18"/>
      <c r="J2070" s="18"/>
      <c r="K2070" s="18"/>
      <c r="L2070" s="18"/>
      <c r="M2070" s="18"/>
      <c r="N2070" s="18"/>
      <c r="O2070" s="18"/>
      <c r="P2070" s="19">
        <v>250</v>
      </c>
      <c r="Q2070" s="19"/>
      <c r="R2070" s="19"/>
      <c r="S2070" s="19"/>
      <c r="T2070" s="19">
        <v>210</v>
      </c>
      <c r="U2070" s="19"/>
      <c r="V2070" s="19"/>
      <c r="W2070" s="19"/>
      <c r="X2070" s="19">
        <v>11</v>
      </c>
      <c r="Y2070" s="19"/>
      <c r="Z2070" s="19"/>
      <c r="AA2070" s="19"/>
    </row>
    <row r="2071" spans="1:27" s="1" customFormat="1" ht="14.1" customHeight="1" outlineLevel="2" x14ac:dyDescent="0.2">
      <c r="A2071" s="17"/>
      <c r="B2071" s="17"/>
      <c r="C2071" s="17"/>
      <c r="D2071" s="18"/>
      <c r="E2071" s="18"/>
      <c r="F2071" s="18"/>
      <c r="G2071" s="18"/>
      <c r="H2071" s="18"/>
      <c r="I2071" s="18"/>
      <c r="J2071" s="18"/>
      <c r="K2071" s="18"/>
      <c r="L2071" s="18"/>
      <c r="M2071" s="18"/>
      <c r="N2071" s="18"/>
      <c r="O2071" s="18"/>
      <c r="P2071" s="19"/>
      <c r="Q2071" s="19"/>
      <c r="R2071" s="19"/>
      <c r="S2071" s="19"/>
      <c r="T2071" s="19"/>
      <c r="U2071" s="19"/>
      <c r="V2071" s="19"/>
      <c r="W2071" s="19"/>
      <c r="X2071" s="19"/>
      <c r="Y2071" s="19"/>
      <c r="Z2071" s="19"/>
      <c r="AA2071" s="19"/>
    </row>
    <row r="2072" spans="1:27" s="1" customFormat="1" ht="14.1" customHeight="1" outlineLevel="2" x14ac:dyDescent="0.2">
      <c r="A2072" s="17">
        <v>11025</v>
      </c>
      <c r="B2072" s="17"/>
      <c r="C2072" s="17"/>
      <c r="D2072" s="18" t="s">
        <v>1044</v>
      </c>
      <c r="E2072" s="18"/>
      <c r="F2072" s="18"/>
      <c r="G2072" s="18"/>
      <c r="H2072" s="18"/>
      <c r="I2072" s="18"/>
      <c r="J2072" s="18"/>
      <c r="K2072" s="18"/>
      <c r="L2072" s="18"/>
      <c r="M2072" s="18"/>
      <c r="N2072" s="18"/>
      <c r="O2072" s="18"/>
      <c r="P2072" s="19">
        <v>280</v>
      </c>
      <c r="Q2072" s="19"/>
      <c r="R2072" s="19"/>
      <c r="S2072" s="19"/>
      <c r="T2072" s="19">
        <v>240</v>
      </c>
      <c r="U2072" s="19"/>
      <c r="V2072" s="19"/>
      <c r="W2072" s="19"/>
      <c r="X2072" s="19">
        <v>3</v>
      </c>
      <c r="Y2072" s="19"/>
      <c r="Z2072" s="19"/>
      <c r="AA2072" s="19"/>
    </row>
    <row r="2073" spans="1:27" s="1" customFormat="1" ht="14.1" customHeight="1" outlineLevel="2" x14ac:dyDescent="0.2">
      <c r="A2073" s="17"/>
      <c r="B2073" s="17"/>
      <c r="C2073" s="17"/>
      <c r="D2073" s="18"/>
      <c r="E2073" s="18"/>
      <c r="F2073" s="18"/>
      <c r="G2073" s="18"/>
      <c r="H2073" s="18"/>
      <c r="I2073" s="18"/>
      <c r="J2073" s="18"/>
      <c r="K2073" s="18"/>
      <c r="L2073" s="18"/>
      <c r="M2073" s="18"/>
      <c r="N2073" s="18"/>
      <c r="O2073" s="18"/>
      <c r="P2073" s="19"/>
      <c r="Q2073" s="19"/>
      <c r="R2073" s="19"/>
      <c r="S2073" s="19"/>
      <c r="T2073" s="19"/>
      <c r="U2073" s="19"/>
      <c r="V2073" s="19"/>
      <c r="W2073" s="19"/>
      <c r="X2073" s="19"/>
      <c r="Y2073" s="19"/>
      <c r="Z2073" s="19"/>
      <c r="AA2073" s="19"/>
    </row>
    <row r="2074" spans="1:27" s="1" customFormat="1" ht="14.1" customHeight="1" outlineLevel="2" x14ac:dyDescent="0.2">
      <c r="A2074" s="17">
        <v>17250</v>
      </c>
      <c r="B2074" s="17"/>
      <c r="C2074" s="17"/>
      <c r="D2074" s="18" t="s">
        <v>1045</v>
      </c>
      <c r="E2074" s="18"/>
      <c r="F2074" s="18"/>
      <c r="G2074" s="18"/>
      <c r="H2074" s="18"/>
      <c r="I2074" s="18"/>
      <c r="J2074" s="18"/>
      <c r="K2074" s="18"/>
      <c r="L2074" s="18"/>
      <c r="M2074" s="18"/>
      <c r="N2074" s="18"/>
      <c r="O2074" s="18"/>
      <c r="P2074" s="19">
        <v>250</v>
      </c>
      <c r="Q2074" s="19"/>
      <c r="R2074" s="19"/>
      <c r="S2074" s="19"/>
      <c r="T2074" s="19">
        <v>210</v>
      </c>
      <c r="U2074" s="19"/>
      <c r="V2074" s="19"/>
      <c r="W2074" s="19"/>
      <c r="X2074" s="19">
        <v>3</v>
      </c>
      <c r="Y2074" s="19"/>
      <c r="Z2074" s="19"/>
      <c r="AA2074" s="19"/>
    </row>
    <row r="2075" spans="1:27" s="1" customFormat="1" ht="14.1" customHeight="1" outlineLevel="2" x14ac:dyDescent="0.2">
      <c r="A2075" s="17"/>
      <c r="B2075" s="17"/>
      <c r="C2075" s="17"/>
      <c r="D2075" s="18"/>
      <c r="E2075" s="18"/>
      <c r="F2075" s="18"/>
      <c r="G2075" s="18"/>
      <c r="H2075" s="18"/>
      <c r="I2075" s="18"/>
      <c r="J2075" s="18"/>
      <c r="K2075" s="18"/>
      <c r="L2075" s="18"/>
      <c r="M2075" s="18"/>
      <c r="N2075" s="18"/>
      <c r="O2075" s="18"/>
      <c r="P2075" s="19"/>
      <c r="Q2075" s="19"/>
      <c r="R2075" s="19"/>
      <c r="S2075" s="19"/>
      <c r="T2075" s="19"/>
      <c r="U2075" s="19"/>
      <c r="V2075" s="19"/>
      <c r="W2075" s="19"/>
      <c r="X2075" s="19"/>
      <c r="Y2075" s="19"/>
      <c r="Z2075" s="19"/>
      <c r="AA2075" s="19"/>
    </row>
    <row r="2076" spans="1:27" s="1" customFormat="1" ht="14.1" customHeight="1" outlineLevel="2" x14ac:dyDescent="0.2">
      <c r="A2076" s="17">
        <v>11026</v>
      </c>
      <c r="B2076" s="17"/>
      <c r="C2076" s="17"/>
      <c r="D2076" s="18" t="s">
        <v>1046</v>
      </c>
      <c r="E2076" s="18"/>
      <c r="F2076" s="18"/>
      <c r="G2076" s="18"/>
      <c r="H2076" s="18"/>
      <c r="I2076" s="18"/>
      <c r="J2076" s="18"/>
      <c r="K2076" s="18"/>
      <c r="L2076" s="18"/>
      <c r="M2076" s="18"/>
      <c r="N2076" s="18"/>
      <c r="O2076" s="18"/>
      <c r="P2076" s="19">
        <v>280</v>
      </c>
      <c r="Q2076" s="19"/>
      <c r="R2076" s="19"/>
      <c r="S2076" s="19"/>
      <c r="T2076" s="19">
        <v>240</v>
      </c>
      <c r="U2076" s="19"/>
      <c r="V2076" s="19"/>
      <c r="W2076" s="19"/>
      <c r="X2076" s="19">
        <v>24</v>
      </c>
      <c r="Y2076" s="19"/>
      <c r="Z2076" s="19"/>
      <c r="AA2076" s="19"/>
    </row>
    <row r="2077" spans="1:27" s="1" customFormat="1" ht="14.1" customHeight="1" outlineLevel="2" x14ac:dyDescent="0.2">
      <c r="A2077" s="17"/>
      <c r="B2077" s="17"/>
      <c r="C2077" s="17"/>
      <c r="D2077" s="18"/>
      <c r="E2077" s="18"/>
      <c r="F2077" s="18"/>
      <c r="G2077" s="18"/>
      <c r="H2077" s="18"/>
      <c r="I2077" s="18"/>
      <c r="J2077" s="18"/>
      <c r="K2077" s="18"/>
      <c r="L2077" s="18"/>
      <c r="M2077" s="18"/>
      <c r="N2077" s="18"/>
      <c r="O2077" s="18"/>
      <c r="P2077" s="19"/>
      <c r="Q2077" s="19"/>
      <c r="R2077" s="19"/>
      <c r="S2077" s="19"/>
      <c r="T2077" s="19"/>
      <c r="U2077" s="19"/>
      <c r="V2077" s="19"/>
      <c r="W2077" s="19"/>
      <c r="X2077" s="19"/>
      <c r="Y2077" s="19"/>
      <c r="Z2077" s="19"/>
      <c r="AA2077" s="19"/>
    </row>
    <row r="2078" spans="1:27" s="1" customFormat="1" ht="11.1" customHeight="1" outlineLevel="2" x14ac:dyDescent="0.2">
      <c r="A2078" s="17">
        <v>9818</v>
      </c>
      <c r="B2078" s="17"/>
      <c r="C2078" s="17"/>
      <c r="D2078" s="18" t="s">
        <v>1047</v>
      </c>
      <c r="E2078" s="18"/>
      <c r="F2078" s="18"/>
      <c r="G2078" s="18"/>
      <c r="H2078" s="18"/>
      <c r="I2078" s="18"/>
      <c r="J2078" s="18"/>
      <c r="K2078" s="18"/>
      <c r="L2078" s="18"/>
      <c r="M2078" s="18"/>
      <c r="N2078" s="18"/>
      <c r="O2078" s="18"/>
      <c r="P2078" s="19">
        <v>880</v>
      </c>
      <c r="Q2078" s="19"/>
      <c r="R2078" s="19"/>
      <c r="S2078" s="19"/>
      <c r="T2078" s="19">
        <v>810</v>
      </c>
      <c r="U2078" s="19"/>
      <c r="V2078" s="19"/>
      <c r="W2078" s="19"/>
      <c r="X2078" s="19">
        <v>1</v>
      </c>
      <c r="Y2078" s="19"/>
      <c r="Z2078" s="19"/>
      <c r="AA2078" s="19"/>
    </row>
    <row r="2079" spans="1:27" s="1" customFormat="1" ht="11.1" customHeight="1" outlineLevel="2" x14ac:dyDescent="0.2">
      <c r="A2079" s="17"/>
      <c r="B2079" s="17"/>
      <c r="C2079" s="17"/>
      <c r="D2079" s="18"/>
      <c r="E2079" s="18"/>
      <c r="F2079" s="18"/>
      <c r="G2079" s="18"/>
      <c r="H2079" s="18"/>
      <c r="I2079" s="18"/>
      <c r="J2079" s="18"/>
      <c r="K2079" s="18"/>
      <c r="L2079" s="18"/>
      <c r="M2079" s="18"/>
      <c r="N2079" s="18"/>
      <c r="O2079" s="18"/>
      <c r="P2079" s="19"/>
      <c r="Q2079" s="19"/>
      <c r="R2079" s="19"/>
      <c r="S2079" s="19"/>
      <c r="T2079" s="19"/>
      <c r="U2079" s="19"/>
      <c r="V2079" s="19"/>
      <c r="W2079" s="19"/>
      <c r="X2079" s="19"/>
      <c r="Y2079" s="19"/>
      <c r="Z2079" s="19"/>
      <c r="AA2079" s="19"/>
    </row>
    <row r="2080" spans="1:27" s="1" customFormat="1" ht="11.1" customHeight="1" outlineLevel="2" x14ac:dyDescent="0.2">
      <c r="A2080" s="17">
        <v>9820</v>
      </c>
      <c r="B2080" s="17"/>
      <c r="C2080" s="17"/>
      <c r="D2080" s="18" t="s">
        <v>1048</v>
      </c>
      <c r="E2080" s="18"/>
      <c r="F2080" s="18"/>
      <c r="G2080" s="18"/>
      <c r="H2080" s="18"/>
      <c r="I2080" s="18"/>
      <c r="J2080" s="18"/>
      <c r="K2080" s="18"/>
      <c r="L2080" s="18"/>
      <c r="M2080" s="18"/>
      <c r="N2080" s="18"/>
      <c r="O2080" s="18"/>
      <c r="P2080" s="19">
        <v>880</v>
      </c>
      <c r="Q2080" s="19"/>
      <c r="R2080" s="19"/>
      <c r="S2080" s="19"/>
      <c r="T2080" s="19">
        <v>810</v>
      </c>
      <c r="U2080" s="19"/>
      <c r="V2080" s="19"/>
      <c r="W2080" s="19"/>
      <c r="X2080" s="19">
        <v>9</v>
      </c>
      <c r="Y2080" s="19"/>
      <c r="Z2080" s="19"/>
      <c r="AA2080" s="19"/>
    </row>
    <row r="2081" spans="1:27" s="1" customFormat="1" ht="11.1" customHeight="1" outlineLevel="2" x14ac:dyDescent="0.2">
      <c r="A2081" s="17"/>
      <c r="B2081" s="17"/>
      <c r="C2081" s="17"/>
      <c r="D2081" s="18"/>
      <c r="E2081" s="18"/>
      <c r="F2081" s="18"/>
      <c r="G2081" s="18"/>
      <c r="H2081" s="18"/>
      <c r="I2081" s="18"/>
      <c r="J2081" s="18"/>
      <c r="K2081" s="18"/>
      <c r="L2081" s="18"/>
      <c r="M2081" s="18"/>
      <c r="N2081" s="18"/>
      <c r="O2081" s="18"/>
      <c r="P2081" s="19"/>
      <c r="Q2081" s="19"/>
      <c r="R2081" s="19"/>
      <c r="S2081" s="19"/>
      <c r="T2081" s="19"/>
      <c r="U2081" s="19"/>
      <c r="V2081" s="19"/>
      <c r="W2081" s="19"/>
      <c r="X2081" s="19"/>
      <c r="Y2081" s="19"/>
      <c r="Z2081" s="19"/>
      <c r="AA2081" s="19"/>
    </row>
    <row r="2082" spans="1:27" s="1" customFormat="1" ht="14.1" customHeight="1" outlineLevel="2" x14ac:dyDescent="0.2">
      <c r="A2082" s="17">
        <v>14676</v>
      </c>
      <c r="B2082" s="17"/>
      <c r="C2082" s="17"/>
      <c r="D2082" s="18" t="s">
        <v>1049</v>
      </c>
      <c r="E2082" s="18"/>
      <c r="F2082" s="18"/>
      <c r="G2082" s="18"/>
      <c r="H2082" s="18"/>
      <c r="I2082" s="18"/>
      <c r="J2082" s="18"/>
      <c r="K2082" s="18"/>
      <c r="L2082" s="18"/>
      <c r="M2082" s="18"/>
      <c r="N2082" s="18"/>
      <c r="O2082" s="18"/>
      <c r="P2082" s="19">
        <v>990</v>
      </c>
      <c r="Q2082" s="19"/>
      <c r="R2082" s="19"/>
      <c r="S2082" s="19"/>
      <c r="T2082" s="19">
        <v>900</v>
      </c>
      <c r="U2082" s="19"/>
      <c r="V2082" s="19"/>
      <c r="W2082" s="19"/>
      <c r="X2082" s="19">
        <v>1</v>
      </c>
      <c r="Y2082" s="19"/>
      <c r="Z2082" s="19"/>
      <c r="AA2082" s="19"/>
    </row>
    <row r="2083" spans="1:27" s="1" customFormat="1" ht="14.1" customHeight="1" outlineLevel="2" x14ac:dyDescent="0.2">
      <c r="A2083" s="17"/>
      <c r="B2083" s="17"/>
      <c r="C2083" s="17"/>
      <c r="D2083" s="18"/>
      <c r="E2083" s="18"/>
      <c r="F2083" s="18"/>
      <c r="G2083" s="18"/>
      <c r="H2083" s="18"/>
      <c r="I2083" s="18"/>
      <c r="J2083" s="18"/>
      <c r="K2083" s="18"/>
      <c r="L2083" s="18"/>
      <c r="M2083" s="18"/>
      <c r="N2083" s="18"/>
      <c r="O2083" s="18"/>
      <c r="P2083" s="19"/>
      <c r="Q2083" s="19"/>
      <c r="R2083" s="19"/>
      <c r="S2083" s="19"/>
      <c r="T2083" s="19"/>
      <c r="U2083" s="19"/>
      <c r="V2083" s="19"/>
      <c r="W2083" s="19"/>
      <c r="X2083" s="19"/>
      <c r="Y2083" s="19"/>
      <c r="Z2083" s="19"/>
      <c r="AA2083" s="19"/>
    </row>
    <row r="2084" spans="1:27" s="1" customFormat="1" ht="11.1" customHeight="1" outlineLevel="2" x14ac:dyDescent="0.2">
      <c r="A2084" s="17">
        <v>11861</v>
      </c>
      <c r="B2084" s="17"/>
      <c r="C2084" s="17"/>
      <c r="D2084" s="18" t="s">
        <v>1050</v>
      </c>
      <c r="E2084" s="18"/>
      <c r="F2084" s="18"/>
      <c r="G2084" s="18"/>
      <c r="H2084" s="18"/>
      <c r="I2084" s="18"/>
      <c r="J2084" s="18"/>
      <c r="K2084" s="18"/>
      <c r="L2084" s="18"/>
      <c r="M2084" s="18"/>
      <c r="N2084" s="18"/>
      <c r="O2084" s="18"/>
      <c r="P2084" s="19">
        <v>350</v>
      </c>
      <c r="Q2084" s="19"/>
      <c r="R2084" s="19"/>
      <c r="S2084" s="19"/>
      <c r="T2084" s="19">
        <v>290</v>
      </c>
      <c r="U2084" s="19"/>
      <c r="V2084" s="19"/>
      <c r="W2084" s="19"/>
      <c r="X2084" s="19">
        <v>8</v>
      </c>
      <c r="Y2084" s="19"/>
      <c r="Z2084" s="19"/>
      <c r="AA2084" s="19"/>
    </row>
    <row r="2085" spans="1:27" s="1" customFormat="1" ht="11.1" customHeight="1" outlineLevel="2" x14ac:dyDescent="0.2">
      <c r="A2085" s="17"/>
      <c r="B2085" s="17"/>
      <c r="C2085" s="17"/>
      <c r="D2085" s="18"/>
      <c r="E2085" s="18"/>
      <c r="F2085" s="18"/>
      <c r="G2085" s="18"/>
      <c r="H2085" s="18"/>
      <c r="I2085" s="18"/>
      <c r="J2085" s="18"/>
      <c r="K2085" s="18"/>
      <c r="L2085" s="18"/>
      <c r="M2085" s="18"/>
      <c r="N2085" s="18"/>
      <c r="O2085" s="18"/>
      <c r="P2085" s="19"/>
      <c r="Q2085" s="19"/>
      <c r="R2085" s="19"/>
      <c r="S2085" s="19"/>
      <c r="T2085" s="19"/>
      <c r="U2085" s="19"/>
      <c r="V2085" s="19"/>
      <c r="W2085" s="19"/>
      <c r="X2085" s="19"/>
      <c r="Y2085" s="19"/>
      <c r="Z2085" s="19"/>
      <c r="AA2085" s="19"/>
    </row>
    <row r="2086" spans="1:27" s="1" customFormat="1" ht="11.1" customHeight="1" outlineLevel="2" x14ac:dyDescent="0.2">
      <c r="A2086" s="17">
        <v>9561</v>
      </c>
      <c r="B2086" s="17"/>
      <c r="C2086" s="17"/>
      <c r="D2086" s="18" t="s">
        <v>1051</v>
      </c>
      <c r="E2086" s="18"/>
      <c r="F2086" s="18"/>
      <c r="G2086" s="18"/>
      <c r="H2086" s="18"/>
      <c r="I2086" s="18"/>
      <c r="J2086" s="18"/>
      <c r="K2086" s="18"/>
      <c r="L2086" s="18"/>
      <c r="M2086" s="18"/>
      <c r="N2086" s="18"/>
      <c r="O2086" s="18"/>
      <c r="P2086" s="19">
        <v>40</v>
      </c>
      <c r="Q2086" s="19"/>
      <c r="R2086" s="19"/>
      <c r="S2086" s="19"/>
      <c r="T2086" s="19">
        <v>30</v>
      </c>
      <c r="U2086" s="19"/>
      <c r="V2086" s="19"/>
      <c r="W2086" s="19"/>
      <c r="X2086" s="19">
        <v>10</v>
      </c>
      <c r="Y2086" s="19"/>
      <c r="Z2086" s="19"/>
      <c r="AA2086" s="19"/>
    </row>
    <row r="2087" spans="1:27" s="1" customFormat="1" ht="11.1" customHeight="1" outlineLevel="2" x14ac:dyDescent="0.2">
      <c r="A2087" s="17"/>
      <c r="B2087" s="17"/>
      <c r="C2087" s="17"/>
      <c r="D2087" s="18"/>
      <c r="E2087" s="18"/>
      <c r="F2087" s="18"/>
      <c r="G2087" s="18"/>
      <c r="H2087" s="18"/>
      <c r="I2087" s="18"/>
      <c r="J2087" s="18"/>
      <c r="K2087" s="18"/>
      <c r="L2087" s="18"/>
      <c r="M2087" s="18"/>
      <c r="N2087" s="18"/>
      <c r="O2087" s="18"/>
      <c r="P2087" s="19"/>
      <c r="Q2087" s="19"/>
      <c r="R2087" s="19"/>
      <c r="S2087" s="19"/>
      <c r="T2087" s="19"/>
      <c r="U2087" s="19"/>
      <c r="V2087" s="19"/>
      <c r="W2087" s="19"/>
      <c r="X2087" s="19"/>
      <c r="Y2087" s="19"/>
      <c r="Z2087" s="19"/>
      <c r="AA2087" s="19"/>
    </row>
    <row r="2088" spans="1:27" s="1" customFormat="1" ht="11.1" customHeight="1" outlineLevel="2" x14ac:dyDescent="0.2">
      <c r="A2088" s="17">
        <v>11856</v>
      </c>
      <c r="B2088" s="17"/>
      <c r="C2088" s="17"/>
      <c r="D2088" s="18" t="s">
        <v>1052</v>
      </c>
      <c r="E2088" s="18"/>
      <c r="F2088" s="18"/>
      <c r="G2088" s="18"/>
      <c r="H2088" s="18"/>
      <c r="I2088" s="18"/>
      <c r="J2088" s="18"/>
      <c r="K2088" s="18"/>
      <c r="L2088" s="18"/>
      <c r="M2088" s="18"/>
      <c r="N2088" s="18"/>
      <c r="O2088" s="18"/>
      <c r="P2088" s="19">
        <v>350</v>
      </c>
      <c r="Q2088" s="19"/>
      <c r="R2088" s="19"/>
      <c r="S2088" s="19"/>
      <c r="T2088" s="19">
        <v>290</v>
      </c>
      <c r="U2088" s="19"/>
      <c r="V2088" s="19"/>
      <c r="W2088" s="19"/>
      <c r="X2088" s="19">
        <v>9</v>
      </c>
      <c r="Y2088" s="19"/>
      <c r="Z2088" s="19"/>
      <c r="AA2088" s="19"/>
    </row>
    <row r="2089" spans="1:27" s="1" customFormat="1" ht="11.1" customHeight="1" outlineLevel="2" x14ac:dyDescent="0.2">
      <c r="A2089" s="17"/>
      <c r="B2089" s="17"/>
      <c r="C2089" s="17"/>
      <c r="D2089" s="18"/>
      <c r="E2089" s="18"/>
      <c r="F2089" s="18"/>
      <c r="G2089" s="18"/>
      <c r="H2089" s="18"/>
      <c r="I2089" s="18"/>
      <c r="J2089" s="18"/>
      <c r="K2089" s="18"/>
      <c r="L2089" s="18"/>
      <c r="M2089" s="18"/>
      <c r="N2089" s="18"/>
      <c r="O2089" s="18"/>
      <c r="P2089" s="19"/>
      <c r="Q2089" s="19"/>
      <c r="R2089" s="19"/>
      <c r="S2089" s="19"/>
      <c r="T2089" s="19"/>
      <c r="U2089" s="19"/>
      <c r="V2089" s="19"/>
      <c r="W2089" s="19"/>
      <c r="X2089" s="19"/>
      <c r="Y2089" s="19"/>
      <c r="Z2089" s="19"/>
      <c r="AA2089" s="19"/>
    </row>
    <row r="2090" spans="1:27" s="1" customFormat="1" ht="11.1" customHeight="1" outlineLevel="2" x14ac:dyDescent="0.2">
      <c r="A2090" s="17">
        <v>13819</v>
      </c>
      <c r="B2090" s="17"/>
      <c r="C2090" s="17"/>
      <c r="D2090" s="18" t="s">
        <v>1053</v>
      </c>
      <c r="E2090" s="18"/>
      <c r="F2090" s="18"/>
      <c r="G2090" s="18"/>
      <c r="H2090" s="18"/>
      <c r="I2090" s="18"/>
      <c r="J2090" s="18"/>
      <c r="K2090" s="18"/>
      <c r="L2090" s="18"/>
      <c r="M2090" s="18"/>
      <c r="N2090" s="18"/>
      <c r="O2090" s="18"/>
      <c r="P2090" s="19">
        <v>330</v>
      </c>
      <c r="Q2090" s="19"/>
      <c r="R2090" s="19"/>
      <c r="S2090" s="19"/>
      <c r="T2090" s="19">
        <v>230</v>
      </c>
      <c r="U2090" s="19"/>
      <c r="V2090" s="19"/>
      <c r="W2090" s="19"/>
      <c r="X2090" s="19">
        <v>7</v>
      </c>
      <c r="Y2090" s="19"/>
      <c r="Z2090" s="19"/>
      <c r="AA2090" s="19"/>
    </row>
    <row r="2091" spans="1:27" s="1" customFormat="1" ht="11.1" customHeight="1" outlineLevel="2" x14ac:dyDescent="0.2">
      <c r="A2091" s="17"/>
      <c r="B2091" s="17"/>
      <c r="C2091" s="17"/>
      <c r="D2091" s="18"/>
      <c r="E2091" s="18"/>
      <c r="F2091" s="18"/>
      <c r="G2091" s="18"/>
      <c r="H2091" s="18"/>
      <c r="I2091" s="18"/>
      <c r="J2091" s="18"/>
      <c r="K2091" s="18"/>
      <c r="L2091" s="18"/>
      <c r="M2091" s="18"/>
      <c r="N2091" s="18"/>
      <c r="O2091" s="18"/>
      <c r="P2091" s="19"/>
      <c r="Q2091" s="19"/>
      <c r="R2091" s="19"/>
      <c r="S2091" s="19"/>
      <c r="T2091" s="19"/>
      <c r="U2091" s="19"/>
      <c r="V2091" s="19"/>
      <c r="W2091" s="19"/>
      <c r="X2091" s="19"/>
      <c r="Y2091" s="19"/>
      <c r="Z2091" s="19"/>
      <c r="AA2091" s="19"/>
    </row>
    <row r="2092" spans="1:27" s="1" customFormat="1" ht="11.1" customHeight="1" outlineLevel="2" x14ac:dyDescent="0.2">
      <c r="A2092" s="17">
        <v>14629</v>
      </c>
      <c r="B2092" s="17"/>
      <c r="C2092" s="17"/>
      <c r="D2092" s="18" t="s">
        <v>1054</v>
      </c>
      <c r="E2092" s="18"/>
      <c r="F2092" s="18"/>
      <c r="G2092" s="18"/>
      <c r="H2092" s="18"/>
      <c r="I2092" s="18"/>
      <c r="J2092" s="18"/>
      <c r="K2092" s="18"/>
      <c r="L2092" s="18"/>
      <c r="M2092" s="18"/>
      <c r="N2092" s="18"/>
      <c r="O2092" s="18"/>
      <c r="P2092" s="19">
        <v>110</v>
      </c>
      <c r="Q2092" s="19"/>
      <c r="R2092" s="19"/>
      <c r="S2092" s="19"/>
      <c r="T2092" s="19">
        <v>70</v>
      </c>
      <c r="U2092" s="19"/>
      <c r="V2092" s="19"/>
      <c r="W2092" s="19"/>
      <c r="X2092" s="19">
        <v>85</v>
      </c>
      <c r="Y2092" s="19"/>
      <c r="Z2092" s="19"/>
      <c r="AA2092" s="19"/>
    </row>
    <row r="2093" spans="1:27" s="1" customFormat="1" ht="11.1" customHeight="1" outlineLevel="2" x14ac:dyDescent="0.2">
      <c r="A2093" s="17"/>
      <c r="B2093" s="17"/>
      <c r="C2093" s="17"/>
      <c r="D2093" s="18"/>
      <c r="E2093" s="18"/>
      <c r="F2093" s="18"/>
      <c r="G2093" s="18"/>
      <c r="H2093" s="18"/>
      <c r="I2093" s="18"/>
      <c r="J2093" s="18"/>
      <c r="K2093" s="18"/>
      <c r="L2093" s="18"/>
      <c r="M2093" s="18"/>
      <c r="N2093" s="18"/>
      <c r="O2093" s="18"/>
      <c r="P2093" s="19"/>
      <c r="Q2093" s="19"/>
      <c r="R2093" s="19"/>
      <c r="S2093" s="19"/>
      <c r="T2093" s="19"/>
      <c r="U2093" s="19"/>
      <c r="V2093" s="19"/>
      <c r="W2093" s="19"/>
      <c r="X2093" s="19"/>
      <c r="Y2093" s="19"/>
      <c r="Z2093" s="19"/>
      <c r="AA2093" s="19"/>
    </row>
    <row r="2094" spans="1:27" s="1" customFormat="1" ht="11.1" customHeight="1" outlineLevel="2" x14ac:dyDescent="0.2">
      <c r="A2094" s="17">
        <v>9731</v>
      </c>
      <c r="B2094" s="17"/>
      <c r="C2094" s="17"/>
      <c r="D2094" s="18" t="s">
        <v>1055</v>
      </c>
      <c r="E2094" s="18"/>
      <c r="F2094" s="18"/>
      <c r="G2094" s="18"/>
      <c r="H2094" s="18"/>
      <c r="I2094" s="18"/>
      <c r="J2094" s="18"/>
      <c r="K2094" s="18"/>
      <c r="L2094" s="18"/>
      <c r="M2094" s="18"/>
      <c r="N2094" s="18"/>
      <c r="O2094" s="18"/>
      <c r="P2094" s="19">
        <v>130</v>
      </c>
      <c r="Q2094" s="19"/>
      <c r="R2094" s="19"/>
      <c r="S2094" s="19"/>
      <c r="T2094" s="19">
        <v>90</v>
      </c>
      <c r="U2094" s="19"/>
      <c r="V2094" s="19"/>
      <c r="W2094" s="19"/>
      <c r="X2094" s="19">
        <v>7</v>
      </c>
      <c r="Y2094" s="19"/>
      <c r="Z2094" s="19"/>
      <c r="AA2094" s="19"/>
    </row>
    <row r="2095" spans="1:27" s="1" customFormat="1" ht="11.1" customHeight="1" outlineLevel="2" x14ac:dyDescent="0.2">
      <c r="A2095" s="17"/>
      <c r="B2095" s="17"/>
      <c r="C2095" s="17"/>
      <c r="D2095" s="18"/>
      <c r="E2095" s="18"/>
      <c r="F2095" s="18"/>
      <c r="G2095" s="18"/>
      <c r="H2095" s="18"/>
      <c r="I2095" s="18"/>
      <c r="J2095" s="18"/>
      <c r="K2095" s="18"/>
      <c r="L2095" s="18"/>
      <c r="M2095" s="18"/>
      <c r="N2095" s="18"/>
      <c r="O2095" s="18"/>
      <c r="P2095" s="19"/>
      <c r="Q2095" s="19"/>
      <c r="R2095" s="19"/>
      <c r="S2095" s="19"/>
      <c r="T2095" s="19"/>
      <c r="U2095" s="19"/>
      <c r="V2095" s="19"/>
      <c r="W2095" s="19"/>
      <c r="X2095" s="19"/>
      <c r="Y2095" s="19"/>
      <c r="Z2095" s="19"/>
      <c r="AA2095" s="19"/>
    </row>
    <row r="2096" spans="1:27" s="1" customFormat="1" ht="14.1" customHeight="1" outlineLevel="2" x14ac:dyDescent="0.2">
      <c r="A2096" s="17">
        <v>10921</v>
      </c>
      <c r="B2096" s="17"/>
      <c r="C2096" s="17"/>
      <c r="D2096" s="18" t="s">
        <v>1056</v>
      </c>
      <c r="E2096" s="18"/>
      <c r="F2096" s="18"/>
      <c r="G2096" s="18"/>
      <c r="H2096" s="18"/>
      <c r="I2096" s="18"/>
      <c r="J2096" s="18"/>
      <c r="K2096" s="18"/>
      <c r="L2096" s="18"/>
      <c r="M2096" s="18"/>
      <c r="N2096" s="18"/>
      <c r="O2096" s="18"/>
      <c r="P2096" s="19">
        <v>730</v>
      </c>
      <c r="Q2096" s="19"/>
      <c r="R2096" s="19"/>
      <c r="S2096" s="19"/>
      <c r="T2096" s="19">
        <v>650</v>
      </c>
      <c r="U2096" s="19"/>
      <c r="V2096" s="19"/>
      <c r="W2096" s="19"/>
      <c r="X2096" s="19">
        <v>8</v>
      </c>
      <c r="Y2096" s="19"/>
      <c r="Z2096" s="19"/>
      <c r="AA2096" s="19"/>
    </row>
    <row r="2097" spans="1:27" s="1" customFormat="1" ht="14.1" customHeight="1" outlineLevel="2" x14ac:dyDescent="0.2">
      <c r="A2097" s="17"/>
      <c r="B2097" s="17"/>
      <c r="C2097" s="17"/>
      <c r="D2097" s="18"/>
      <c r="E2097" s="18"/>
      <c r="F2097" s="18"/>
      <c r="G2097" s="18"/>
      <c r="H2097" s="18"/>
      <c r="I2097" s="18"/>
      <c r="J2097" s="18"/>
      <c r="K2097" s="18"/>
      <c r="L2097" s="18"/>
      <c r="M2097" s="18"/>
      <c r="N2097" s="18"/>
      <c r="O2097" s="18"/>
      <c r="P2097" s="19"/>
      <c r="Q2097" s="19"/>
      <c r="R2097" s="19"/>
      <c r="S2097" s="19"/>
      <c r="T2097" s="19"/>
      <c r="U2097" s="19"/>
      <c r="V2097" s="19"/>
      <c r="W2097" s="19"/>
      <c r="X2097" s="19"/>
      <c r="Y2097" s="19"/>
      <c r="Z2097" s="19"/>
      <c r="AA2097" s="19"/>
    </row>
    <row r="2098" spans="1:27" s="1" customFormat="1" ht="14.1" customHeight="1" outlineLevel="2" x14ac:dyDescent="0.2">
      <c r="A2098" s="17">
        <v>15688</v>
      </c>
      <c r="B2098" s="17"/>
      <c r="C2098" s="17"/>
      <c r="D2098" s="18" t="s">
        <v>1057</v>
      </c>
      <c r="E2098" s="18"/>
      <c r="F2098" s="18"/>
      <c r="G2098" s="18"/>
      <c r="H2098" s="18"/>
      <c r="I2098" s="18"/>
      <c r="J2098" s="18"/>
      <c r="K2098" s="18"/>
      <c r="L2098" s="18"/>
      <c r="M2098" s="18"/>
      <c r="N2098" s="18"/>
      <c r="O2098" s="18"/>
      <c r="P2098" s="20">
        <v>1420</v>
      </c>
      <c r="Q2098" s="20"/>
      <c r="R2098" s="20"/>
      <c r="S2098" s="20"/>
      <c r="T2098" s="20">
        <v>1300</v>
      </c>
      <c r="U2098" s="20"/>
      <c r="V2098" s="20"/>
      <c r="W2098" s="20"/>
      <c r="X2098" s="19">
        <v>3</v>
      </c>
      <c r="Y2098" s="19"/>
      <c r="Z2098" s="19"/>
      <c r="AA2098" s="19"/>
    </row>
    <row r="2099" spans="1:27" s="1" customFormat="1" ht="14.1" customHeight="1" outlineLevel="2" x14ac:dyDescent="0.2">
      <c r="A2099" s="17"/>
      <c r="B2099" s="17"/>
      <c r="C2099" s="17"/>
      <c r="D2099" s="18"/>
      <c r="E2099" s="18"/>
      <c r="F2099" s="18"/>
      <c r="G2099" s="18"/>
      <c r="H2099" s="18"/>
      <c r="I2099" s="18"/>
      <c r="J2099" s="18"/>
      <c r="K2099" s="18"/>
      <c r="L2099" s="18"/>
      <c r="M2099" s="18"/>
      <c r="N2099" s="18"/>
      <c r="O2099" s="18"/>
      <c r="P2099" s="20"/>
      <c r="Q2099" s="20"/>
      <c r="R2099" s="20"/>
      <c r="S2099" s="20"/>
      <c r="T2099" s="20"/>
      <c r="U2099" s="20"/>
      <c r="V2099" s="20"/>
      <c r="W2099" s="20"/>
      <c r="X2099" s="19"/>
      <c r="Y2099" s="19"/>
      <c r="Z2099" s="19"/>
      <c r="AA2099" s="19"/>
    </row>
    <row r="2100" spans="1:27" s="1" customFormat="1" ht="14.1" customHeight="1" outlineLevel="2" x14ac:dyDescent="0.2">
      <c r="A2100" s="17">
        <v>14760</v>
      </c>
      <c r="B2100" s="17"/>
      <c r="C2100" s="17"/>
      <c r="D2100" s="18" t="s">
        <v>1058</v>
      </c>
      <c r="E2100" s="18"/>
      <c r="F2100" s="18"/>
      <c r="G2100" s="18"/>
      <c r="H2100" s="18"/>
      <c r="I2100" s="18"/>
      <c r="J2100" s="18"/>
      <c r="K2100" s="18"/>
      <c r="L2100" s="18"/>
      <c r="M2100" s="18"/>
      <c r="N2100" s="18"/>
      <c r="O2100" s="18"/>
      <c r="P2100" s="20">
        <v>1200</v>
      </c>
      <c r="Q2100" s="20"/>
      <c r="R2100" s="20"/>
      <c r="S2100" s="20"/>
      <c r="T2100" s="20">
        <v>1100</v>
      </c>
      <c r="U2100" s="20"/>
      <c r="V2100" s="20"/>
      <c r="W2100" s="20"/>
      <c r="X2100" s="19">
        <v>9</v>
      </c>
      <c r="Y2100" s="19"/>
      <c r="Z2100" s="19"/>
      <c r="AA2100" s="19"/>
    </row>
    <row r="2101" spans="1:27" s="1" customFormat="1" ht="14.1" customHeight="1" outlineLevel="2" x14ac:dyDescent="0.2">
      <c r="A2101" s="17"/>
      <c r="B2101" s="17"/>
      <c r="C2101" s="17"/>
      <c r="D2101" s="18"/>
      <c r="E2101" s="18"/>
      <c r="F2101" s="18"/>
      <c r="G2101" s="18"/>
      <c r="H2101" s="18"/>
      <c r="I2101" s="18"/>
      <c r="J2101" s="18"/>
      <c r="K2101" s="18"/>
      <c r="L2101" s="18"/>
      <c r="M2101" s="18"/>
      <c r="N2101" s="18"/>
      <c r="O2101" s="18"/>
      <c r="P2101" s="20"/>
      <c r="Q2101" s="20"/>
      <c r="R2101" s="20"/>
      <c r="S2101" s="20"/>
      <c r="T2101" s="20"/>
      <c r="U2101" s="20"/>
      <c r="V2101" s="20"/>
      <c r="W2101" s="20"/>
      <c r="X2101" s="19"/>
      <c r="Y2101" s="19"/>
      <c r="Z2101" s="19"/>
      <c r="AA2101" s="19"/>
    </row>
    <row r="2102" spans="1:27" s="1" customFormat="1" ht="14.1" customHeight="1" outlineLevel="2" x14ac:dyDescent="0.2">
      <c r="A2102" s="17">
        <v>14674</v>
      </c>
      <c r="B2102" s="17"/>
      <c r="C2102" s="17"/>
      <c r="D2102" s="18" t="s">
        <v>1059</v>
      </c>
      <c r="E2102" s="18"/>
      <c r="F2102" s="18"/>
      <c r="G2102" s="18"/>
      <c r="H2102" s="18"/>
      <c r="I2102" s="18"/>
      <c r="J2102" s="18"/>
      <c r="K2102" s="18"/>
      <c r="L2102" s="18"/>
      <c r="M2102" s="18"/>
      <c r="N2102" s="18"/>
      <c r="O2102" s="18"/>
      <c r="P2102" s="19">
        <v>230</v>
      </c>
      <c r="Q2102" s="19"/>
      <c r="R2102" s="19"/>
      <c r="S2102" s="19"/>
      <c r="T2102" s="19">
        <v>190</v>
      </c>
      <c r="U2102" s="19"/>
      <c r="V2102" s="19"/>
      <c r="W2102" s="19"/>
      <c r="X2102" s="19">
        <v>1</v>
      </c>
      <c r="Y2102" s="19"/>
      <c r="Z2102" s="19"/>
      <c r="AA2102" s="19"/>
    </row>
    <row r="2103" spans="1:27" s="1" customFormat="1" ht="14.1" customHeight="1" outlineLevel="2" x14ac:dyDescent="0.2">
      <c r="A2103" s="17"/>
      <c r="B2103" s="17"/>
      <c r="C2103" s="17"/>
      <c r="D2103" s="18"/>
      <c r="E2103" s="18"/>
      <c r="F2103" s="18"/>
      <c r="G2103" s="18"/>
      <c r="H2103" s="18"/>
      <c r="I2103" s="18"/>
      <c r="J2103" s="18"/>
      <c r="K2103" s="18"/>
      <c r="L2103" s="18"/>
      <c r="M2103" s="18"/>
      <c r="N2103" s="18"/>
      <c r="O2103" s="18"/>
      <c r="P2103" s="19"/>
      <c r="Q2103" s="19"/>
      <c r="R2103" s="19"/>
      <c r="S2103" s="19"/>
      <c r="T2103" s="19"/>
      <c r="U2103" s="19"/>
      <c r="V2103" s="19"/>
      <c r="W2103" s="19"/>
      <c r="X2103" s="19"/>
      <c r="Y2103" s="19"/>
      <c r="Z2103" s="19"/>
      <c r="AA2103" s="19"/>
    </row>
    <row r="2104" spans="1:27" s="1" customFormat="1" ht="14.1" customHeight="1" outlineLevel="2" x14ac:dyDescent="0.2">
      <c r="A2104" s="17">
        <v>14678</v>
      </c>
      <c r="B2104" s="17"/>
      <c r="C2104" s="17"/>
      <c r="D2104" s="18" t="s">
        <v>1060</v>
      </c>
      <c r="E2104" s="18"/>
      <c r="F2104" s="18"/>
      <c r="G2104" s="18"/>
      <c r="H2104" s="18"/>
      <c r="I2104" s="18"/>
      <c r="J2104" s="18"/>
      <c r="K2104" s="18"/>
      <c r="L2104" s="18"/>
      <c r="M2104" s="18"/>
      <c r="N2104" s="18"/>
      <c r="O2104" s="18"/>
      <c r="P2104" s="19">
        <v>990</v>
      </c>
      <c r="Q2104" s="19"/>
      <c r="R2104" s="19"/>
      <c r="S2104" s="19"/>
      <c r="T2104" s="19">
        <v>900</v>
      </c>
      <c r="U2104" s="19"/>
      <c r="V2104" s="19"/>
      <c r="W2104" s="19"/>
      <c r="X2104" s="19">
        <v>1</v>
      </c>
      <c r="Y2104" s="19"/>
      <c r="Z2104" s="19"/>
      <c r="AA2104" s="19"/>
    </row>
    <row r="2105" spans="1:27" s="1" customFormat="1" ht="14.1" customHeight="1" outlineLevel="2" x14ac:dyDescent="0.2">
      <c r="A2105" s="17"/>
      <c r="B2105" s="17"/>
      <c r="C2105" s="17"/>
      <c r="D2105" s="18"/>
      <c r="E2105" s="18"/>
      <c r="F2105" s="18"/>
      <c r="G2105" s="18"/>
      <c r="H2105" s="18"/>
      <c r="I2105" s="18"/>
      <c r="J2105" s="18"/>
      <c r="K2105" s="18"/>
      <c r="L2105" s="18"/>
      <c r="M2105" s="18"/>
      <c r="N2105" s="18"/>
      <c r="O2105" s="18"/>
      <c r="P2105" s="19"/>
      <c r="Q2105" s="19"/>
      <c r="R2105" s="19"/>
      <c r="S2105" s="19"/>
      <c r="T2105" s="19"/>
      <c r="U2105" s="19"/>
      <c r="V2105" s="19"/>
      <c r="W2105" s="19"/>
      <c r="X2105" s="19"/>
      <c r="Y2105" s="19"/>
      <c r="Z2105" s="19"/>
      <c r="AA2105" s="19"/>
    </row>
    <row r="2106" spans="1:27" s="1" customFormat="1" ht="14.1" customHeight="1" outlineLevel="2" x14ac:dyDescent="0.2">
      <c r="A2106" s="17">
        <v>13945</v>
      </c>
      <c r="B2106" s="17"/>
      <c r="C2106" s="17"/>
      <c r="D2106" s="18" t="s">
        <v>1061</v>
      </c>
      <c r="E2106" s="18"/>
      <c r="F2106" s="18"/>
      <c r="G2106" s="18"/>
      <c r="H2106" s="18"/>
      <c r="I2106" s="18"/>
      <c r="J2106" s="18"/>
      <c r="K2106" s="18"/>
      <c r="L2106" s="18"/>
      <c r="M2106" s="18"/>
      <c r="N2106" s="18"/>
      <c r="O2106" s="18"/>
      <c r="P2106" s="20">
        <v>1020</v>
      </c>
      <c r="Q2106" s="20"/>
      <c r="R2106" s="20"/>
      <c r="S2106" s="20"/>
      <c r="T2106" s="19">
        <v>770</v>
      </c>
      <c r="U2106" s="19"/>
      <c r="V2106" s="19"/>
      <c r="W2106" s="19"/>
      <c r="X2106" s="19">
        <v>3</v>
      </c>
      <c r="Y2106" s="19"/>
      <c r="Z2106" s="19"/>
      <c r="AA2106" s="19"/>
    </row>
    <row r="2107" spans="1:27" s="1" customFormat="1" ht="14.1" customHeight="1" outlineLevel="2" x14ac:dyDescent="0.2">
      <c r="A2107" s="17"/>
      <c r="B2107" s="17"/>
      <c r="C2107" s="17"/>
      <c r="D2107" s="18"/>
      <c r="E2107" s="18"/>
      <c r="F2107" s="18"/>
      <c r="G2107" s="18"/>
      <c r="H2107" s="18"/>
      <c r="I2107" s="18"/>
      <c r="J2107" s="18"/>
      <c r="K2107" s="18"/>
      <c r="L2107" s="18"/>
      <c r="M2107" s="18"/>
      <c r="N2107" s="18"/>
      <c r="O2107" s="18"/>
      <c r="P2107" s="20"/>
      <c r="Q2107" s="20"/>
      <c r="R2107" s="20"/>
      <c r="S2107" s="20"/>
      <c r="T2107" s="19"/>
      <c r="U2107" s="19"/>
      <c r="V2107" s="19"/>
      <c r="W2107" s="19"/>
      <c r="X2107" s="19"/>
      <c r="Y2107" s="19"/>
      <c r="Z2107" s="19"/>
      <c r="AA2107" s="19"/>
    </row>
    <row r="2108" spans="1:27" s="1" customFormat="1" ht="11.1" customHeight="1" outlineLevel="2" x14ac:dyDescent="0.2">
      <c r="A2108" s="17">
        <v>9767</v>
      </c>
      <c r="B2108" s="17"/>
      <c r="C2108" s="17"/>
      <c r="D2108" s="18" t="s">
        <v>1062</v>
      </c>
      <c r="E2108" s="18"/>
      <c r="F2108" s="18"/>
      <c r="G2108" s="18"/>
      <c r="H2108" s="18"/>
      <c r="I2108" s="18"/>
      <c r="J2108" s="18"/>
      <c r="K2108" s="18"/>
      <c r="L2108" s="18"/>
      <c r="M2108" s="18"/>
      <c r="N2108" s="18"/>
      <c r="O2108" s="18"/>
      <c r="P2108" s="19">
        <v>290</v>
      </c>
      <c r="Q2108" s="19"/>
      <c r="R2108" s="19"/>
      <c r="S2108" s="19"/>
      <c r="T2108" s="19">
        <v>240</v>
      </c>
      <c r="U2108" s="19"/>
      <c r="V2108" s="19"/>
      <c r="W2108" s="19"/>
      <c r="X2108" s="19">
        <v>1</v>
      </c>
      <c r="Y2108" s="19"/>
      <c r="Z2108" s="19"/>
      <c r="AA2108" s="19"/>
    </row>
    <row r="2109" spans="1:27" s="1" customFormat="1" ht="11.1" customHeight="1" outlineLevel="2" x14ac:dyDescent="0.2">
      <c r="A2109" s="17"/>
      <c r="B2109" s="17"/>
      <c r="C2109" s="17"/>
      <c r="D2109" s="18"/>
      <c r="E2109" s="18"/>
      <c r="F2109" s="18"/>
      <c r="G2109" s="18"/>
      <c r="H2109" s="18"/>
      <c r="I2109" s="18"/>
      <c r="J2109" s="18"/>
      <c r="K2109" s="18"/>
      <c r="L2109" s="18"/>
      <c r="M2109" s="18"/>
      <c r="N2109" s="18"/>
      <c r="O2109" s="18"/>
      <c r="P2109" s="19"/>
      <c r="Q2109" s="19"/>
      <c r="R2109" s="19"/>
      <c r="S2109" s="19"/>
      <c r="T2109" s="19"/>
      <c r="U2109" s="19"/>
      <c r="V2109" s="19"/>
      <c r="W2109" s="19"/>
      <c r="X2109" s="19"/>
      <c r="Y2109" s="19"/>
      <c r="Z2109" s="19"/>
      <c r="AA2109" s="19"/>
    </row>
    <row r="2110" spans="1:27" s="1" customFormat="1" ht="11.1" customHeight="1" outlineLevel="1" x14ac:dyDescent="0.2">
      <c r="A2110" s="16" t="s">
        <v>1063</v>
      </c>
      <c r="B2110" s="16"/>
      <c r="C2110" s="16"/>
      <c r="D2110" s="16"/>
      <c r="E2110" s="16"/>
      <c r="F2110" s="16"/>
      <c r="G2110" s="16"/>
      <c r="H2110" s="16"/>
      <c r="I2110" s="16"/>
      <c r="J2110" s="16"/>
      <c r="K2110" s="16"/>
      <c r="L2110" s="16"/>
      <c r="M2110" s="16"/>
      <c r="N2110" s="16"/>
      <c r="O2110" s="16"/>
      <c r="P2110" s="16"/>
      <c r="Q2110" s="16"/>
      <c r="R2110" s="16"/>
      <c r="S2110" s="16"/>
      <c r="T2110" s="16"/>
      <c r="U2110" s="16"/>
      <c r="V2110" s="16"/>
      <c r="W2110" s="16"/>
      <c r="X2110" s="16"/>
      <c r="Y2110" s="16"/>
      <c r="Z2110" s="16"/>
      <c r="AA2110" s="16"/>
    </row>
    <row r="2111" spans="1:27" s="1" customFormat="1" ht="11.1" customHeight="1" outlineLevel="1" x14ac:dyDescent="0.2">
      <c r="A2111" s="16"/>
      <c r="B2111" s="16"/>
      <c r="C2111" s="16"/>
      <c r="D2111" s="16"/>
      <c r="E2111" s="16"/>
      <c r="F2111" s="16"/>
      <c r="G2111" s="16"/>
      <c r="H2111" s="16"/>
      <c r="I2111" s="16"/>
      <c r="J2111" s="16"/>
      <c r="K2111" s="16"/>
      <c r="L2111" s="16"/>
      <c r="M2111" s="16"/>
      <c r="N2111" s="16"/>
      <c r="O2111" s="16"/>
      <c r="P2111" s="16"/>
      <c r="Q2111" s="16"/>
      <c r="R2111" s="16"/>
      <c r="S2111" s="16"/>
      <c r="T2111" s="16"/>
      <c r="U2111" s="16"/>
      <c r="V2111" s="16"/>
      <c r="W2111" s="16"/>
      <c r="X2111" s="16"/>
      <c r="Y2111" s="16"/>
      <c r="Z2111" s="16"/>
      <c r="AA2111" s="16"/>
    </row>
    <row r="2112" spans="1:27" s="1" customFormat="1" ht="11.1" customHeight="1" outlineLevel="2" x14ac:dyDescent="0.2">
      <c r="A2112" s="17">
        <v>1159</v>
      </c>
      <c r="B2112" s="17"/>
      <c r="C2112" s="17"/>
      <c r="D2112" s="18" t="s">
        <v>1064</v>
      </c>
      <c r="E2112" s="18"/>
      <c r="F2112" s="18"/>
      <c r="G2112" s="18"/>
      <c r="H2112" s="18"/>
      <c r="I2112" s="18"/>
      <c r="J2112" s="18"/>
      <c r="K2112" s="18"/>
      <c r="L2112" s="18"/>
      <c r="M2112" s="18"/>
      <c r="N2112" s="18"/>
      <c r="O2112" s="18"/>
      <c r="P2112" s="19">
        <v>750</v>
      </c>
      <c r="Q2112" s="19"/>
      <c r="R2112" s="19"/>
      <c r="S2112" s="19"/>
      <c r="T2112" s="19">
        <v>700</v>
      </c>
      <c r="U2112" s="19"/>
      <c r="V2112" s="19"/>
      <c r="W2112" s="19"/>
      <c r="X2112" s="19">
        <v>1</v>
      </c>
      <c r="Y2112" s="19"/>
      <c r="Z2112" s="19"/>
      <c r="AA2112" s="19"/>
    </row>
    <row r="2113" spans="1:27" s="1" customFormat="1" ht="11.1" customHeight="1" outlineLevel="2" x14ac:dyDescent="0.2">
      <c r="A2113" s="17"/>
      <c r="B2113" s="17"/>
      <c r="C2113" s="17"/>
      <c r="D2113" s="18"/>
      <c r="E2113" s="18"/>
      <c r="F2113" s="18"/>
      <c r="G2113" s="18"/>
      <c r="H2113" s="18"/>
      <c r="I2113" s="18"/>
      <c r="J2113" s="18"/>
      <c r="K2113" s="18"/>
      <c r="L2113" s="18"/>
      <c r="M2113" s="18"/>
      <c r="N2113" s="18"/>
      <c r="O2113" s="18"/>
      <c r="P2113" s="19"/>
      <c r="Q2113" s="19"/>
      <c r="R2113" s="19"/>
      <c r="S2113" s="19"/>
      <c r="T2113" s="19"/>
      <c r="U2113" s="19"/>
      <c r="V2113" s="19"/>
      <c r="W2113" s="19"/>
      <c r="X2113" s="19"/>
      <c r="Y2113" s="19"/>
      <c r="Z2113" s="19"/>
      <c r="AA2113" s="19"/>
    </row>
    <row r="2114" spans="1:27" s="1" customFormat="1" ht="11.1" customHeight="1" outlineLevel="1" x14ac:dyDescent="0.2">
      <c r="A2114" s="16" t="s">
        <v>1065</v>
      </c>
      <c r="B2114" s="16"/>
      <c r="C2114" s="16"/>
      <c r="D2114" s="16"/>
      <c r="E2114" s="16"/>
      <c r="F2114" s="16"/>
      <c r="G2114" s="16"/>
      <c r="H2114" s="16"/>
      <c r="I2114" s="16"/>
      <c r="J2114" s="16"/>
      <c r="K2114" s="16"/>
      <c r="L2114" s="16"/>
      <c r="M2114" s="16"/>
      <c r="N2114" s="16"/>
      <c r="O2114" s="16"/>
      <c r="P2114" s="16"/>
      <c r="Q2114" s="16"/>
      <c r="R2114" s="16"/>
      <c r="S2114" s="16"/>
      <c r="T2114" s="16"/>
      <c r="U2114" s="16"/>
      <c r="V2114" s="16"/>
      <c r="W2114" s="16"/>
      <c r="X2114" s="16"/>
      <c r="Y2114" s="16"/>
      <c r="Z2114" s="16"/>
      <c r="AA2114" s="16"/>
    </row>
    <row r="2115" spans="1:27" s="1" customFormat="1" ht="11.1" customHeight="1" outlineLevel="1" x14ac:dyDescent="0.2">
      <c r="A2115" s="16"/>
      <c r="B2115" s="16"/>
      <c r="C2115" s="16"/>
      <c r="D2115" s="16"/>
      <c r="E2115" s="16"/>
      <c r="F2115" s="16"/>
      <c r="G2115" s="16"/>
      <c r="H2115" s="16"/>
      <c r="I2115" s="16"/>
      <c r="J2115" s="16"/>
      <c r="K2115" s="16"/>
      <c r="L2115" s="16"/>
      <c r="M2115" s="16"/>
      <c r="N2115" s="16"/>
      <c r="O2115" s="16"/>
      <c r="P2115" s="16"/>
      <c r="Q2115" s="16"/>
      <c r="R2115" s="16"/>
      <c r="S2115" s="16"/>
      <c r="T2115" s="16"/>
      <c r="U2115" s="16"/>
      <c r="V2115" s="16"/>
      <c r="W2115" s="16"/>
      <c r="X2115" s="16"/>
      <c r="Y2115" s="16"/>
      <c r="Z2115" s="16"/>
      <c r="AA2115" s="16"/>
    </row>
    <row r="2116" spans="1:27" s="1" customFormat="1" ht="11.1" customHeight="1" outlineLevel="2" x14ac:dyDescent="0.2">
      <c r="A2116" s="17">
        <v>10684</v>
      </c>
      <c r="B2116" s="17"/>
      <c r="C2116" s="17"/>
      <c r="D2116" s="18" t="s">
        <v>1066</v>
      </c>
      <c r="E2116" s="18"/>
      <c r="F2116" s="18"/>
      <c r="G2116" s="18"/>
      <c r="H2116" s="18"/>
      <c r="I2116" s="18"/>
      <c r="J2116" s="18"/>
      <c r="K2116" s="18"/>
      <c r="L2116" s="18"/>
      <c r="M2116" s="18"/>
      <c r="N2116" s="18"/>
      <c r="O2116" s="18"/>
      <c r="P2116" s="19">
        <v>150</v>
      </c>
      <c r="Q2116" s="19"/>
      <c r="R2116" s="19"/>
      <c r="S2116" s="19"/>
      <c r="T2116" s="19">
        <v>120</v>
      </c>
      <c r="U2116" s="19"/>
      <c r="V2116" s="19"/>
      <c r="W2116" s="19"/>
      <c r="X2116" s="19">
        <v>1</v>
      </c>
      <c r="Y2116" s="19"/>
      <c r="Z2116" s="19"/>
      <c r="AA2116" s="19"/>
    </row>
    <row r="2117" spans="1:27" s="1" customFormat="1" ht="11.1" customHeight="1" outlineLevel="2" x14ac:dyDescent="0.2">
      <c r="A2117" s="17"/>
      <c r="B2117" s="17"/>
      <c r="C2117" s="17"/>
      <c r="D2117" s="18"/>
      <c r="E2117" s="18"/>
      <c r="F2117" s="18"/>
      <c r="G2117" s="18"/>
      <c r="H2117" s="18"/>
      <c r="I2117" s="18"/>
      <c r="J2117" s="18"/>
      <c r="K2117" s="18"/>
      <c r="L2117" s="18"/>
      <c r="M2117" s="18"/>
      <c r="N2117" s="18"/>
      <c r="O2117" s="18"/>
      <c r="P2117" s="19"/>
      <c r="Q2117" s="19"/>
      <c r="R2117" s="19"/>
      <c r="S2117" s="19"/>
      <c r="T2117" s="19"/>
      <c r="U2117" s="19"/>
      <c r="V2117" s="19"/>
      <c r="W2117" s="19"/>
      <c r="X2117" s="19"/>
      <c r="Y2117" s="19"/>
      <c r="Z2117" s="19"/>
      <c r="AA2117" s="19"/>
    </row>
    <row r="2118" spans="1:27" s="1" customFormat="1" ht="11.1" customHeight="1" outlineLevel="2" x14ac:dyDescent="0.2">
      <c r="A2118" s="17">
        <v>10686</v>
      </c>
      <c r="B2118" s="17"/>
      <c r="C2118" s="17"/>
      <c r="D2118" s="18" t="s">
        <v>1067</v>
      </c>
      <c r="E2118" s="18"/>
      <c r="F2118" s="18"/>
      <c r="G2118" s="18"/>
      <c r="H2118" s="18"/>
      <c r="I2118" s="18"/>
      <c r="J2118" s="18"/>
      <c r="K2118" s="18"/>
      <c r="L2118" s="18"/>
      <c r="M2118" s="18"/>
      <c r="N2118" s="18"/>
      <c r="O2118" s="18"/>
      <c r="P2118" s="19">
        <v>230</v>
      </c>
      <c r="Q2118" s="19"/>
      <c r="R2118" s="19"/>
      <c r="S2118" s="19"/>
      <c r="T2118" s="19">
        <v>180</v>
      </c>
      <c r="U2118" s="19"/>
      <c r="V2118" s="19"/>
      <c r="W2118" s="19"/>
      <c r="X2118" s="19">
        <v>1</v>
      </c>
      <c r="Y2118" s="19"/>
      <c r="Z2118" s="19"/>
      <c r="AA2118" s="19"/>
    </row>
    <row r="2119" spans="1:27" s="1" customFormat="1" ht="11.1" customHeight="1" outlineLevel="2" x14ac:dyDescent="0.2">
      <c r="A2119" s="17"/>
      <c r="B2119" s="17"/>
      <c r="C2119" s="17"/>
      <c r="D2119" s="18"/>
      <c r="E2119" s="18"/>
      <c r="F2119" s="18"/>
      <c r="G2119" s="18"/>
      <c r="H2119" s="18"/>
      <c r="I2119" s="18"/>
      <c r="J2119" s="18"/>
      <c r="K2119" s="18"/>
      <c r="L2119" s="18"/>
      <c r="M2119" s="18"/>
      <c r="N2119" s="18"/>
      <c r="O2119" s="18"/>
      <c r="P2119" s="19"/>
      <c r="Q2119" s="19"/>
      <c r="R2119" s="19"/>
      <c r="S2119" s="19"/>
      <c r="T2119" s="19"/>
      <c r="U2119" s="19"/>
      <c r="V2119" s="19"/>
      <c r="W2119" s="19"/>
      <c r="X2119" s="19"/>
      <c r="Y2119" s="19"/>
      <c r="Z2119" s="19"/>
      <c r="AA2119" s="19"/>
    </row>
    <row r="2120" spans="1:27" s="1" customFormat="1" ht="14.1" customHeight="1" outlineLevel="2" x14ac:dyDescent="0.2">
      <c r="A2120" s="17">
        <v>6676</v>
      </c>
      <c r="B2120" s="17"/>
      <c r="C2120" s="17"/>
      <c r="D2120" s="18" t="s">
        <v>1068</v>
      </c>
      <c r="E2120" s="18"/>
      <c r="F2120" s="18"/>
      <c r="G2120" s="18"/>
      <c r="H2120" s="18"/>
      <c r="I2120" s="18"/>
      <c r="J2120" s="18"/>
      <c r="K2120" s="18"/>
      <c r="L2120" s="18"/>
      <c r="M2120" s="18"/>
      <c r="N2120" s="18"/>
      <c r="O2120" s="18"/>
      <c r="P2120" s="19">
        <v>150</v>
      </c>
      <c r="Q2120" s="19"/>
      <c r="R2120" s="19"/>
      <c r="S2120" s="19"/>
      <c r="T2120" s="19">
        <v>80</v>
      </c>
      <c r="U2120" s="19"/>
      <c r="V2120" s="19"/>
      <c r="W2120" s="19"/>
      <c r="X2120" s="19">
        <v>3</v>
      </c>
      <c r="Y2120" s="19"/>
      <c r="Z2120" s="19"/>
      <c r="AA2120" s="19"/>
    </row>
    <row r="2121" spans="1:27" s="1" customFormat="1" ht="14.1" customHeight="1" outlineLevel="2" x14ac:dyDescent="0.2">
      <c r="A2121" s="17"/>
      <c r="B2121" s="17"/>
      <c r="C2121" s="17"/>
      <c r="D2121" s="18"/>
      <c r="E2121" s="18"/>
      <c r="F2121" s="18"/>
      <c r="G2121" s="18"/>
      <c r="H2121" s="18"/>
      <c r="I2121" s="18"/>
      <c r="J2121" s="18"/>
      <c r="K2121" s="18"/>
      <c r="L2121" s="18"/>
      <c r="M2121" s="18"/>
      <c r="N2121" s="18"/>
      <c r="O2121" s="18"/>
      <c r="P2121" s="19"/>
      <c r="Q2121" s="19"/>
      <c r="R2121" s="19"/>
      <c r="S2121" s="19"/>
      <c r="T2121" s="19"/>
      <c r="U2121" s="19"/>
      <c r="V2121" s="19"/>
      <c r="W2121" s="19"/>
      <c r="X2121" s="19"/>
      <c r="Y2121" s="19"/>
      <c r="Z2121" s="19"/>
      <c r="AA2121" s="19"/>
    </row>
    <row r="2122" spans="1:27" s="1" customFormat="1" ht="11.1" customHeight="1" outlineLevel="2" x14ac:dyDescent="0.2">
      <c r="A2122" s="17">
        <v>7012</v>
      </c>
      <c r="B2122" s="17"/>
      <c r="C2122" s="17"/>
      <c r="D2122" s="18" t="s">
        <v>1069</v>
      </c>
      <c r="E2122" s="18"/>
      <c r="F2122" s="18"/>
      <c r="G2122" s="18"/>
      <c r="H2122" s="18"/>
      <c r="I2122" s="18"/>
      <c r="J2122" s="18"/>
      <c r="K2122" s="18"/>
      <c r="L2122" s="18"/>
      <c r="M2122" s="18"/>
      <c r="N2122" s="18"/>
      <c r="O2122" s="18"/>
      <c r="P2122" s="19">
        <v>100</v>
      </c>
      <c r="Q2122" s="19"/>
      <c r="R2122" s="19"/>
      <c r="S2122" s="19"/>
      <c r="T2122" s="19">
        <v>65</v>
      </c>
      <c r="U2122" s="19"/>
      <c r="V2122" s="19"/>
      <c r="W2122" s="19"/>
      <c r="X2122" s="19">
        <v>10</v>
      </c>
      <c r="Y2122" s="19"/>
      <c r="Z2122" s="19"/>
      <c r="AA2122" s="19"/>
    </row>
    <row r="2123" spans="1:27" s="1" customFormat="1" ht="11.1" customHeight="1" outlineLevel="2" x14ac:dyDescent="0.2">
      <c r="A2123" s="17"/>
      <c r="B2123" s="17"/>
      <c r="C2123" s="17"/>
      <c r="D2123" s="18"/>
      <c r="E2123" s="18"/>
      <c r="F2123" s="18"/>
      <c r="G2123" s="18"/>
      <c r="H2123" s="18"/>
      <c r="I2123" s="18"/>
      <c r="J2123" s="18"/>
      <c r="K2123" s="18"/>
      <c r="L2123" s="18"/>
      <c r="M2123" s="18"/>
      <c r="N2123" s="18"/>
      <c r="O2123" s="18"/>
      <c r="P2123" s="19"/>
      <c r="Q2123" s="19"/>
      <c r="R2123" s="19"/>
      <c r="S2123" s="19"/>
      <c r="T2123" s="19"/>
      <c r="U2123" s="19"/>
      <c r="V2123" s="19"/>
      <c r="W2123" s="19"/>
      <c r="X2123" s="19"/>
      <c r="Y2123" s="19"/>
      <c r="Z2123" s="19"/>
      <c r="AA2123" s="19"/>
    </row>
    <row r="2124" spans="1:27" s="1" customFormat="1" ht="11.1" customHeight="1" outlineLevel="2" x14ac:dyDescent="0.2">
      <c r="A2124" s="17">
        <v>13749</v>
      </c>
      <c r="B2124" s="17"/>
      <c r="C2124" s="17"/>
      <c r="D2124" s="18" t="s">
        <v>1070</v>
      </c>
      <c r="E2124" s="18"/>
      <c r="F2124" s="18"/>
      <c r="G2124" s="18"/>
      <c r="H2124" s="18"/>
      <c r="I2124" s="18"/>
      <c r="J2124" s="18"/>
      <c r="K2124" s="18"/>
      <c r="L2124" s="18"/>
      <c r="M2124" s="18"/>
      <c r="N2124" s="18"/>
      <c r="O2124" s="18"/>
      <c r="P2124" s="19">
        <v>180</v>
      </c>
      <c r="Q2124" s="19"/>
      <c r="R2124" s="19"/>
      <c r="S2124" s="19"/>
      <c r="T2124" s="19">
        <v>120</v>
      </c>
      <c r="U2124" s="19"/>
      <c r="V2124" s="19"/>
      <c r="W2124" s="19"/>
      <c r="X2124" s="19">
        <v>17</v>
      </c>
      <c r="Y2124" s="19"/>
      <c r="Z2124" s="19"/>
      <c r="AA2124" s="19"/>
    </row>
    <row r="2125" spans="1:27" s="1" customFormat="1" ht="11.1" customHeight="1" outlineLevel="2" x14ac:dyDescent="0.2">
      <c r="A2125" s="17"/>
      <c r="B2125" s="17"/>
      <c r="C2125" s="17"/>
      <c r="D2125" s="18"/>
      <c r="E2125" s="18"/>
      <c r="F2125" s="18"/>
      <c r="G2125" s="18"/>
      <c r="H2125" s="18"/>
      <c r="I2125" s="18"/>
      <c r="J2125" s="18"/>
      <c r="K2125" s="18"/>
      <c r="L2125" s="18"/>
      <c r="M2125" s="18"/>
      <c r="N2125" s="18"/>
      <c r="O2125" s="18"/>
      <c r="P2125" s="19"/>
      <c r="Q2125" s="19"/>
      <c r="R2125" s="19"/>
      <c r="S2125" s="19"/>
      <c r="T2125" s="19"/>
      <c r="U2125" s="19"/>
      <c r="V2125" s="19"/>
      <c r="W2125" s="19"/>
      <c r="X2125" s="19"/>
      <c r="Y2125" s="19"/>
      <c r="Z2125" s="19"/>
      <c r="AA2125" s="19"/>
    </row>
    <row r="2126" spans="1:27" s="1" customFormat="1" ht="11.1" customHeight="1" outlineLevel="2" x14ac:dyDescent="0.2">
      <c r="A2126" s="17">
        <v>6677</v>
      </c>
      <c r="B2126" s="17"/>
      <c r="C2126" s="17"/>
      <c r="D2126" s="18" t="s">
        <v>1071</v>
      </c>
      <c r="E2126" s="18"/>
      <c r="F2126" s="18"/>
      <c r="G2126" s="18"/>
      <c r="H2126" s="18"/>
      <c r="I2126" s="18"/>
      <c r="J2126" s="18"/>
      <c r="K2126" s="18"/>
      <c r="L2126" s="18"/>
      <c r="M2126" s="18"/>
      <c r="N2126" s="18"/>
      <c r="O2126" s="18"/>
      <c r="P2126" s="19">
        <v>100</v>
      </c>
      <c r="Q2126" s="19"/>
      <c r="R2126" s="19"/>
      <c r="S2126" s="19"/>
      <c r="T2126" s="19">
        <v>65</v>
      </c>
      <c r="U2126" s="19"/>
      <c r="V2126" s="19"/>
      <c r="W2126" s="19"/>
      <c r="X2126" s="19">
        <v>3</v>
      </c>
      <c r="Y2126" s="19"/>
      <c r="Z2126" s="19"/>
      <c r="AA2126" s="19"/>
    </row>
    <row r="2127" spans="1:27" s="1" customFormat="1" ht="11.1" customHeight="1" outlineLevel="2" x14ac:dyDescent="0.2">
      <c r="A2127" s="17"/>
      <c r="B2127" s="17"/>
      <c r="C2127" s="17"/>
      <c r="D2127" s="18"/>
      <c r="E2127" s="18"/>
      <c r="F2127" s="18"/>
      <c r="G2127" s="18"/>
      <c r="H2127" s="18"/>
      <c r="I2127" s="18"/>
      <c r="J2127" s="18"/>
      <c r="K2127" s="18"/>
      <c r="L2127" s="18"/>
      <c r="M2127" s="18"/>
      <c r="N2127" s="18"/>
      <c r="O2127" s="18"/>
      <c r="P2127" s="19"/>
      <c r="Q2127" s="19"/>
      <c r="R2127" s="19"/>
      <c r="S2127" s="19"/>
      <c r="T2127" s="19"/>
      <c r="U2127" s="19"/>
      <c r="V2127" s="19"/>
      <c r="W2127" s="19"/>
      <c r="X2127" s="19"/>
      <c r="Y2127" s="19"/>
      <c r="Z2127" s="19"/>
      <c r="AA2127" s="19"/>
    </row>
    <row r="2128" spans="1:27" s="1" customFormat="1" ht="11.1" customHeight="1" outlineLevel="2" x14ac:dyDescent="0.2">
      <c r="A2128" s="17">
        <v>13750</v>
      </c>
      <c r="B2128" s="17"/>
      <c r="C2128" s="17"/>
      <c r="D2128" s="18" t="s">
        <v>1072</v>
      </c>
      <c r="E2128" s="18"/>
      <c r="F2128" s="18"/>
      <c r="G2128" s="18"/>
      <c r="H2128" s="18"/>
      <c r="I2128" s="18"/>
      <c r="J2128" s="18"/>
      <c r="K2128" s="18"/>
      <c r="L2128" s="18"/>
      <c r="M2128" s="18"/>
      <c r="N2128" s="18"/>
      <c r="O2128" s="18"/>
      <c r="P2128" s="19">
        <v>180</v>
      </c>
      <c r="Q2128" s="19"/>
      <c r="R2128" s="19"/>
      <c r="S2128" s="19"/>
      <c r="T2128" s="19">
        <v>120</v>
      </c>
      <c r="U2128" s="19"/>
      <c r="V2128" s="19"/>
      <c r="W2128" s="19"/>
      <c r="X2128" s="19">
        <v>10</v>
      </c>
      <c r="Y2128" s="19"/>
      <c r="Z2128" s="19"/>
      <c r="AA2128" s="19"/>
    </row>
    <row r="2129" spans="1:27" s="1" customFormat="1" ht="11.1" customHeight="1" outlineLevel="2" x14ac:dyDescent="0.2">
      <c r="A2129" s="17"/>
      <c r="B2129" s="17"/>
      <c r="C2129" s="17"/>
      <c r="D2129" s="18"/>
      <c r="E2129" s="18"/>
      <c r="F2129" s="18"/>
      <c r="G2129" s="18"/>
      <c r="H2129" s="18"/>
      <c r="I2129" s="18"/>
      <c r="J2129" s="18"/>
      <c r="K2129" s="18"/>
      <c r="L2129" s="18"/>
      <c r="M2129" s="18"/>
      <c r="N2129" s="18"/>
      <c r="O2129" s="18"/>
      <c r="P2129" s="19"/>
      <c r="Q2129" s="19"/>
      <c r="R2129" s="19"/>
      <c r="S2129" s="19"/>
      <c r="T2129" s="19"/>
      <c r="U2129" s="19"/>
      <c r="V2129" s="19"/>
      <c r="W2129" s="19"/>
      <c r="X2129" s="19"/>
      <c r="Y2129" s="19"/>
      <c r="Z2129" s="19"/>
      <c r="AA2129" s="19"/>
    </row>
    <row r="2130" spans="1:27" s="1" customFormat="1" ht="11.1" customHeight="1" outlineLevel="2" x14ac:dyDescent="0.2">
      <c r="A2130" s="17">
        <v>7013</v>
      </c>
      <c r="B2130" s="17"/>
      <c r="C2130" s="17"/>
      <c r="D2130" s="18" t="s">
        <v>1073</v>
      </c>
      <c r="E2130" s="18"/>
      <c r="F2130" s="18"/>
      <c r="G2130" s="18"/>
      <c r="H2130" s="18"/>
      <c r="I2130" s="18"/>
      <c r="J2130" s="18"/>
      <c r="K2130" s="18"/>
      <c r="L2130" s="18"/>
      <c r="M2130" s="18"/>
      <c r="N2130" s="18"/>
      <c r="O2130" s="18"/>
      <c r="P2130" s="19">
        <v>100</v>
      </c>
      <c r="Q2130" s="19"/>
      <c r="R2130" s="19"/>
      <c r="S2130" s="19"/>
      <c r="T2130" s="19">
        <v>65</v>
      </c>
      <c r="U2130" s="19"/>
      <c r="V2130" s="19"/>
      <c r="W2130" s="19"/>
      <c r="X2130" s="19">
        <v>4</v>
      </c>
      <c r="Y2130" s="19"/>
      <c r="Z2130" s="19"/>
      <c r="AA2130" s="19"/>
    </row>
    <row r="2131" spans="1:27" s="1" customFormat="1" ht="11.1" customHeight="1" outlineLevel="2" x14ac:dyDescent="0.2">
      <c r="A2131" s="17"/>
      <c r="B2131" s="17"/>
      <c r="C2131" s="17"/>
      <c r="D2131" s="18"/>
      <c r="E2131" s="18"/>
      <c r="F2131" s="18"/>
      <c r="G2131" s="18"/>
      <c r="H2131" s="18"/>
      <c r="I2131" s="18"/>
      <c r="J2131" s="18"/>
      <c r="K2131" s="18"/>
      <c r="L2131" s="18"/>
      <c r="M2131" s="18"/>
      <c r="N2131" s="18"/>
      <c r="O2131" s="18"/>
      <c r="P2131" s="19"/>
      <c r="Q2131" s="19"/>
      <c r="R2131" s="19"/>
      <c r="S2131" s="19"/>
      <c r="T2131" s="19"/>
      <c r="U2131" s="19"/>
      <c r="V2131" s="19"/>
      <c r="W2131" s="19"/>
      <c r="X2131" s="19"/>
      <c r="Y2131" s="19"/>
      <c r="Z2131" s="19"/>
      <c r="AA2131" s="19"/>
    </row>
    <row r="2132" spans="1:27" s="1" customFormat="1" ht="14.1" customHeight="1" outlineLevel="2" x14ac:dyDescent="0.2">
      <c r="A2132" s="17">
        <v>13752</v>
      </c>
      <c r="B2132" s="17"/>
      <c r="C2132" s="17"/>
      <c r="D2132" s="18" t="s">
        <v>1074</v>
      </c>
      <c r="E2132" s="18"/>
      <c r="F2132" s="18"/>
      <c r="G2132" s="18"/>
      <c r="H2132" s="18"/>
      <c r="I2132" s="18"/>
      <c r="J2132" s="18"/>
      <c r="K2132" s="18"/>
      <c r="L2132" s="18"/>
      <c r="M2132" s="18"/>
      <c r="N2132" s="18"/>
      <c r="O2132" s="18"/>
      <c r="P2132" s="19">
        <v>190</v>
      </c>
      <c r="Q2132" s="19"/>
      <c r="R2132" s="19"/>
      <c r="S2132" s="19"/>
      <c r="T2132" s="19">
        <v>140</v>
      </c>
      <c r="U2132" s="19"/>
      <c r="V2132" s="19"/>
      <c r="W2132" s="19"/>
      <c r="X2132" s="19">
        <v>16</v>
      </c>
      <c r="Y2132" s="19"/>
      <c r="Z2132" s="19"/>
      <c r="AA2132" s="19"/>
    </row>
    <row r="2133" spans="1:27" s="1" customFormat="1" ht="14.1" customHeight="1" outlineLevel="2" x14ac:dyDescent="0.2">
      <c r="A2133" s="17"/>
      <c r="B2133" s="17"/>
      <c r="C2133" s="17"/>
      <c r="D2133" s="18"/>
      <c r="E2133" s="18"/>
      <c r="F2133" s="18"/>
      <c r="G2133" s="18"/>
      <c r="H2133" s="18"/>
      <c r="I2133" s="18"/>
      <c r="J2133" s="18"/>
      <c r="K2133" s="18"/>
      <c r="L2133" s="18"/>
      <c r="M2133" s="18"/>
      <c r="N2133" s="18"/>
      <c r="O2133" s="18"/>
      <c r="P2133" s="19"/>
      <c r="Q2133" s="19"/>
      <c r="R2133" s="19"/>
      <c r="S2133" s="19"/>
      <c r="T2133" s="19"/>
      <c r="U2133" s="19"/>
      <c r="V2133" s="19"/>
      <c r="W2133" s="19"/>
      <c r="X2133" s="19"/>
      <c r="Y2133" s="19"/>
      <c r="Z2133" s="19"/>
      <c r="AA2133" s="19"/>
    </row>
    <row r="2134" spans="1:27" s="1" customFormat="1" ht="11.1" customHeight="1" outlineLevel="2" x14ac:dyDescent="0.2">
      <c r="A2134" s="17">
        <v>9127</v>
      </c>
      <c r="B2134" s="17"/>
      <c r="C2134" s="17"/>
      <c r="D2134" s="18" t="s">
        <v>1075</v>
      </c>
      <c r="E2134" s="18"/>
      <c r="F2134" s="18"/>
      <c r="G2134" s="18"/>
      <c r="H2134" s="18"/>
      <c r="I2134" s="18"/>
      <c r="J2134" s="18"/>
      <c r="K2134" s="18"/>
      <c r="L2134" s="18"/>
      <c r="M2134" s="18"/>
      <c r="N2134" s="18"/>
      <c r="O2134" s="18"/>
      <c r="P2134" s="19">
        <v>100</v>
      </c>
      <c r="Q2134" s="19"/>
      <c r="R2134" s="19"/>
      <c r="S2134" s="19"/>
      <c r="T2134" s="19">
        <v>65</v>
      </c>
      <c r="U2134" s="19"/>
      <c r="V2134" s="19"/>
      <c r="W2134" s="19"/>
      <c r="X2134" s="19">
        <v>8</v>
      </c>
      <c r="Y2134" s="19"/>
      <c r="Z2134" s="19"/>
      <c r="AA2134" s="19"/>
    </row>
    <row r="2135" spans="1:27" s="1" customFormat="1" ht="11.1" customHeight="1" outlineLevel="2" x14ac:dyDescent="0.2">
      <c r="A2135" s="17"/>
      <c r="B2135" s="17"/>
      <c r="C2135" s="17"/>
      <c r="D2135" s="18"/>
      <c r="E2135" s="18"/>
      <c r="F2135" s="18"/>
      <c r="G2135" s="18"/>
      <c r="H2135" s="18"/>
      <c r="I2135" s="18"/>
      <c r="J2135" s="18"/>
      <c r="K2135" s="18"/>
      <c r="L2135" s="18"/>
      <c r="M2135" s="18"/>
      <c r="N2135" s="18"/>
      <c r="O2135" s="18"/>
      <c r="P2135" s="19"/>
      <c r="Q2135" s="19"/>
      <c r="R2135" s="19"/>
      <c r="S2135" s="19"/>
      <c r="T2135" s="19"/>
      <c r="U2135" s="19"/>
      <c r="V2135" s="19"/>
      <c r="W2135" s="19"/>
      <c r="X2135" s="19"/>
      <c r="Y2135" s="19"/>
      <c r="Z2135" s="19"/>
      <c r="AA2135" s="19"/>
    </row>
    <row r="2136" spans="1:27" s="1" customFormat="1" ht="14.1" customHeight="1" outlineLevel="2" x14ac:dyDescent="0.2">
      <c r="A2136" s="17">
        <v>13751</v>
      </c>
      <c r="B2136" s="17"/>
      <c r="C2136" s="17"/>
      <c r="D2136" s="18" t="s">
        <v>1076</v>
      </c>
      <c r="E2136" s="18"/>
      <c r="F2136" s="18"/>
      <c r="G2136" s="18"/>
      <c r="H2136" s="18"/>
      <c r="I2136" s="18"/>
      <c r="J2136" s="18"/>
      <c r="K2136" s="18"/>
      <c r="L2136" s="18"/>
      <c r="M2136" s="18"/>
      <c r="N2136" s="18"/>
      <c r="O2136" s="18"/>
      <c r="P2136" s="19">
        <v>240</v>
      </c>
      <c r="Q2136" s="19"/>
      <c r="R2136" s="19"/>
      <c r="S2136" s="19"/>
      <c r="T2136" s="19">
        <v>200</v>
      </c>
      <c r="U2136" s="19"/>
      <c r="V2136" s="19"/>
      <c r="W2136" s="19"/>
      <c r="X2136" s="19">
        <v>15</v>
      </c>
      <c r="Y2136" s="19"/>
      <c r="Z2136" s="19"/>
      <c r="AA2136" s="19"/>
    </row>
    <row r="2137" spans="1:27" s="1" customFormat="1" ht="14.1" customHeight="1" outlineLevel="2" x14ac:dyDescent="0.2">
      <c r="A2137" s="17"/>
      <c r="B2137" s="17"/>
      <c r="C2137" s="17"/>
      <c r="D2137" s="18"/>
      <c r="E2137" s="18"/>
      <c r="F2137" s="18"/>
      <c r="G2137" s="18"/>
      <c r="H2137" s="18"/>
      <c r="I2137" s="18"/>
      <c r="J2137" s="18"/>
      <c r="K2137" s="18"/>
      <c r="L2137" s="18"/>
      <c r="M2137" s="18"/>
      <c r="N2137" s="18"/>
      <c r="O2137" s="18"/>
      <c r="P2137" s="19"/>
      <c r="Q2137" s="19"/>
      <c r="R2137" s="19"/>
      <c r="S2137" s="19"/>
      <c r="T2137" s="19"/>
      <c r="U2137" s="19"/>
      <c r="V2137" s="19"/>
      <c r="W2137" s="19"/>
      <c r="X2137" s="19"/>
      <c r="Y2137" s="19"/>
      <c r="Z2137" s="19"/>
      <c r="AA2137" s="19"/>
    </row>
    <row r="2138" spans="1:27" s="1" customFormat="1" ht="14.1" customHeight="1" outlineLevel="2" x14ac:dyDescent="0.2">
      <c r="A2138" s="17">
        <v>1598</v>
      </c>
      <c r="B2138" s="17"/>
      <c r="C2138" s="17"/>
      <c r="D2138" s="18" t="s">
        <v>1077</v>
      </c>
      <c r="E2138" s="18"/>
      <c r="F2138" s="18"/>
      <c r="G2138" s="18"/>
      <c r="H2138" s="18"/>
      <c r="I2138" s="18"/>
      <c r="J2138" s="18"/>
      <c r="K2138" s="18"/>
      <c r="L2138" s="18"/>
      <c r="M2138" s="18"/>
      <c r="N2138" s="18"/>
      <c r="O2138" s="18"/>
      <c r="P2138" s="19">
        <v>80</v>
      </c>
      <c r="Q2138" s="19"/>
      <c r="R2138" s="19"/>
      <c r="S2138" s="19"/>
      <c r="T2138" s="19">
        <v>60</v>
      </c>
      <c r="U2138" s="19"/>
      <c r="V2138" s="19"/>
      <c r="W2138" s="19"/>
      <c r="X2138" s="19">
        <v>1</v>
      </c>
      <c r="Y2138" s="19"/>
      <c r="Z2138" s="19"/>
      <c r="AA2138" s="19"/>
    </row>
    <row r="2139" spans="1:27" s="1" customFormat="1" ht="14.1" customHeight="1" outlineLevel="2" x14ac:dyDescent="0.2">
      <c r="A2139" s="17"/>
      <c r="B2139" s="17"/>
      <c r="C2139" s="17"/>
      <c r="D2139" s="18"/>
      <c r="E2139" s="18"/>
      <c r="F2139" s="18"/>
      <c r="G2139" s="18"/>
      <c r="H2139" s="18"/>
      <c r="I2139" s="18"/>
      <c r="J2139" s="18"/>
      <c r="K2139" s="18"/>
      <c r="L2139" s="18"/>
      <c r="M2139" s="18"/>
      <c r="N2139" s="18"/>
      <c r="O2139" s="18"/>
      <c r="P2139" s="19"/>
      <c r="Q2139" s="19"/>
      <c r="R2139" s="19"/>
      <c r="S2139" s="19"/>
      <c r="T2139" s="19"/>
      <c r="U2139" s="19"/>
      <c r="V2139" s="19"/>
      <c r="W2139" s="19"/>
      <c r="X2139" s="19"/>
      <c r="Y2139" s="19"/>
      <c r="Z2139" s="19"/>
      <c r="AA2139" s="19"/>
    </row>
    <row r="2140" spans="1:27" s="1" customFormat="1" ht="14.1" customHeight="1" outlineLevel="2" x14ac:dyDescent="0.2">
      <c r="A2140" s="17">
        <v>8634</v>
      </c>
      <c r="B2140" s="17"/>
      <c r="C2140" s="17"/>
      <c r="D2140" s="18" t="s">
        <v>1078</v>
      </c>
      <c r="E2140" s="18"/>
      <c r="F2140" s="18"/>
      <c r="G2140" s="18"/>
      <c r="H2140" s="18"/>
      <c r="I2140" s="18"/>
      <c r="J2140" s="18"/>
      <c r="K2140" s="18"/>
      <c r="L2140" s="18"/>
      <c r="M2140" s="18"/>
      <c r="N2140" s="18"/>
      <c r="O2140" s="18"/>
      <c r="P2140" s="19">
        <v>330</v>
      </c>
      <c r="Q2140" s="19"/>
      <c r="R2140" s="19"/>
      <c r="S2140" s="19"/>
      <c r="T2140" s="19">
        <v>290</v>
      </c>
      <c r="U2140" s="19"/>
      <c r="V2140" s="19"/>
      <c r="W2140" s="19"/>
      <c r="X2140" s="19">
        <v>14</v>
      </c>
      <c r="Y2140" s="19"/>
      <c r="Z2140" s="19"/>
      <c r="AA2140" s="19"/>
    </row>
    <row r="2141" spans="1:27" s="1" customFormat="1" ht="14.1" customHeight="1" outlineLevel="2" x14ac:dyDescent="0.2">
      <c r="A2141" s="17"/>
      <c r="B2141" s="17"/>
      <c r="C2141" s="17"/>
      <c r="D2141" s="18"/>
      <c r="E2141" s="18"/>
      <c r="F2141" s="18"/>
      <c r="G2141" s="18"/>
      <c r="H2141" s="18"/>
      <c r="I2141" s="18"/>
      <c r="J2141" s="18"/>
      <c r="K2141" s="18"/>
      <c r="L2141" s="18"/>
      <c r="M2141" s="18"/>
      <c r="N2141" s="18"/>
      <c r="O2141" s="18"/>
      <c r="P2141" s="19"/>
      <c r="Q2141" s="19"/>
      <c r="R2141" s="19"/>
      <c r="S2141" s="19"/>
      <c r="T2141" s="19"/>
      <c r="U2141" s="19"/>
      <c r="V2141" s="19"/>
      <c r="W2141" s="19"/>
      <c r="X2141" s="19"/>
      <c r="Y2141" s="19"/>
      <c r="Z2141" s="19"/>
      <c r="AA2141" s="19"/>
    </row>
    <row r="2142" spans="1:27" s="1" customFormat="1" ht="14.1" customHeight="1" outlineLevel="2" x14ac:dyDescent="0.2">
      <c r="A2142" s="17">
        <v>14957</v>
      </c>
      <c r="B2142" s="17"/>
      <c r="C2142" s="17"/>
      <c r="D2142" s="18" t="s">
        <v>1079</v>
      </c>
      <c r="E2142" s="18"/>
      <c r="F2142" s="18"/>
      <c r="G2142" s="18"/>
      <c r="H2142" s="18"/>
      <c r="I2142" s="18"/>
      <c r="J2142" s="18"/>
      <c r="K2142" s="18"/>
      <c r="L2142" s="18"/>
      <c r="M2142" s="18"/>
      <c r="N2142" s="18"/>
      <c r="O2142" s="18"/>
      <c r="P2142" s="19">
        <v>330</v>
      </c>
      <c r="Q2142" s="19"/>
      <c r="R2142" s="19"/>
      <c r="S2142" s="19"/>
      <c r="T2142" s="19">
        <v>290</v>
      </c>
      <c r="U2142" s="19"/>
      <c r="V2142" s="19"/>
      <c r="W2142" s="19"/>
      <c r="X2142" s="19">
        <v>12</v>
      </c>
      <c r="Y2142" s="19"/>
      <c r="Z2142" s="19"/>
      <c r="AA2142" s="19"/>
    </row>
    <row r="2143" spans="1:27" s="1" customFormat="1" ht="14.1" customHeight="1" outlineLevel="2" x14ac:dyDescent="0.2">
      <c r="A2143" s="17"/>
      <c r="B2143" s="17"/>
      <c r="C2143" s="17"/>
      <c r="D2143" s="18"/>
      <c r="E2143" s="18"/>
      <c r="F2143" s="18"/>
      <c r="G2143" s="18"/>
      <c r="H2143" s="18"/>
      <c r="I2143" s="18"/>
      <c r="J2143" s="18"/>
      <c r="K2143" s="18"/>
      <c r="L2143" s="18"/>
      <c r="M2143" s="18"/>
      <c r="N2143" s="18"/>
      <c r="O2143" s="18"/>
      <c r="P2143" s="19"/>
      <c r="Q2143" s="19"/>
      <c r="R2143" s="19"/>
      <c r="S2143" s="19"/>
      <c r="T2143" s="19"/>
      <c r="U2143" s="19"/>
      <c r="V2143" s="19"/>
      <c r="W2143" s="19"/>
      <c r="X2143" s="19"/>
      <c r="Y2143" s="19"/>
      <c r="Z2143" s="19"/>
      <c r="AA2143" s="19"/>
    </row>
    <row r="2144" spans="1:27" s="1" customFormat="1" ht="14.1" customHeight="1" outlineLevel="2" x14ac:dyDescent="0.2">
      <c r="A2144" s="17">
        <v>8635</v>
      </c>
      <c r="B2144" s="17"/>
      <c r="C2144" s="17"/>
      <c r="D2144" s="18" t="s">
        <v>1080</v>
      </c>
      <c r="E2144" s="18"/>
      <c r="F2144" s="18"/>
      <c r="G2144" s="18"/>
      <c r="H2144" s="18"/>
      <c r="I2144" s="18"/>
      <c r="J2144" s="18"/>
      <c r="K2144" s="18"/>
      <c r="L2144" s="18"/>
      <c r="M2144" s="18"/>
      <c r="N2144" s="18"/>
      <c r="O2144" s="18"/>
      <c r="P2144" s="19">
        <v>330</v>
      </c>
      <c r="Q2144" s="19"/>
      <c r="R2144" s="19"/>
      <c r="S2144" s="19"/>
      <c r="T2144" s="19">
        <v>290</v>
      </c>
      <c r="U2144" s="19"/>
      <c r="V2144" s="19"/>
      <c r="W2144" s="19"/>
      <c r="X2144" s="19">
        <v>23</v>
      </c>
      <c r="Y2144" s="19"/>
      <c r="Z2144" s="19"/>
      <c r="AA2144" s="19"/>
    </row>
    <row r="2145" spans="1:27" s="1" customFormat="1" ht="14.1" customHeight="1" outlineLevel="2" x14ac:dyDescent="0.2">
      <c r="A2145" s="17"/>
      <c r="B2145" s="17"/>
      <c r="C2145" s="17"/>
      <c r="D2145" s="18"/>
      <c r="E2145" s="18"/>
      <c r="F2145" s="18"/>
      <c r="G2145" s="18"/>
      <c r="H2145" s="18"/>
      <c r="I2145" s="18"/>
      <c r="J2145" s="18"/>
      <c r="K2145" s="18"/>
      <c r="L2145" s="18"/>
      <c r="M2145" s="18"/>
      <c r="N2145" s="18"/>
      <c r="O2145" s="18"/>
      <c r="P2145" s="19"/>
      <c r="Q2145" s="19"/>
      <c r="R2145" s="19"/>
      <c r="S2145" s="19"/>
      <c r="T2145" s="19"/>
      <c r="U2145" s="19"/>
      <c r="V2145" s="19"/>
      <c r="W2145" s="19"/>
      <c r="X2145" s="19"/>
      <c r="Y2145" s="19"/>
      <c r="Z2145" s="19"/>
      <c r="AA2145" s="19"/>
    </row>
    <row r="2146" spans="1:27" s="1" customFormat="1" ht="14.1" customHeight="1" outlineLevel="2" x14ac:dyDescent="0.2">
      <c r="A2146" s="17">
        <v>8636</v>
      </c>
      <c r="B2146" s="17"/>
      <c r="C2146" s="17"/>
      <c r="D2146" s="18" t="s">
        <v>1081</v>
      </c>
      <c r="E2146" s="18"/>
      <c r="F2146" s="18"/>
      <c r="G2146" s="18"/>
      <c r="H2146" s="18"/>
      <c r="I2146" s="18"/>
      <c r="J2146" s="18"/>
      <c r="K2146" s="18"/>
      <c r="L2146" s="18"/>
      <c r="M2146" s="18"/>
      <c r="N2146" s="18"/>
      <c r="O2146" s="18"/>
      <c r="P2146" s="19">
        <v>330</v>
      </c>
      <c r="Q2146" s="19"/>
      <c r="R2146" s="19"/>
      <c r="S2146" s="19"/>
      <c r="T2146" s="19">
        <v>290</v>
      </c>
      <c r="U2146" s="19"/>
      <c r="V2146" s="19"/>
      <c r="W2146" s="19"/>
      <c r="X2146" s="19">
        <v>20</v>
      </c>
      <c r="Y2146" s="19"/>
      <c r="Z2146" s="19"/>
      <c r="AA2146" s="19"/>
    </row>
    <row r="2147" spans="1:27" s="1" customFormat="1" ht="14.1" customHeight="1" outlineLevel="2" x14ac:dyDescent="0.2">
      <c r="A2147" s="17"/>
      <c r="B2147" s="17"/>
      <c r="C2147" s="17"/>
      <c r="D2147" s="18"/>
      <c r="E2147" s="18"/>
      <c r="F2147" s="18"/>
      <c r="G2147" s="18"/>
      <c r="H2147" s="18"/>
      <c r="I2147" s="18"/>
      <c r="J2147" s="18"/>
      <c r="K2147" s="18"/>
      <c r="L2147" s="18"/>
      <c r="M2147" s="18"/>
      <c r="N2147" s="18"/>
      <c r="O2147" s="18"/>
      <c r="P2147" s="19"/>
      <c r="Q2147" s="19"/>
      <c r="R2147" s="19"/>
      <c r="S2147" s="19"/>
      <c r="T2147" s="19"/>
      <c r="U2147" s="19"/>
      <c r="V2147" s="19"/>
      <c r="W2147" s="19"/>
      <c r="X2147" s="19"/>
      <c r="Y2147" s="19"/>
      <c r="Z2147" s="19"/>
      <c r="AA2147" s="19"/>
    </row>
    <row r="2148" spans="1:27" s="1" customFormat="1" ht="14.1" customHeight="1" outlineLevel="2" x14ac:dyDescent="0.2">
      <c r="A2148" s="17">
        <v>17968</v>
      </c>
      <c r="B2148" s="17"/>
      <c r="C2148" s="17"/>
      <c r="D2148" s="18" t="s">
        <v>1082</v>
      </c>
      <c r="E2148" s="18"/>
      <c r="F2148" s="18"/>
      <c r="G2148" s="18"/>
      <c r="H2148" s="18"/>
      <c r="I2148" s="18"/>
      <c r="J2148" s="18"/>
      <c r="K2148" s="18"/>
      <c r="L2148" s="18"/>
      <c r="M2148" s="18"/>
      <c r="N2148" s="18"/>
      <c r="O2148" s="18"/>
      <c r="P2148" s="19">
        <v>150</v>
      </c>
      <c r="Q2148" s="19"/>
      <c r="R2148" s="19"/>
      <c r="S2148" s="19"/>
      <c r="T2148" s="19">
        <v>100</v>
      </c>
      <c r="U2148" s="19"/>
      <c r="V2148" s="19"/>
      <c r="W2148" s="19"/>
      <c r="X2148" s="19">
        <v>1</v>
      </c>
      <c r="Y2148" s="19"/>
      <c r="Z2148" s="19"/>
      <c r="AA2148" s="19"/>
    </row>
    <row r="2149" spans="1:27" s="1" customFormat="1" ht="14.1" customHeight="1" outlineLevel="2" x14ac:dyDescent="0.2">
      <c r="A2149" s="17"/>
      <c r="B2149" s="17"/>
      <c r="C2149" s="17"/>
      <c r="D2149" s="18"/>
      <c r="E2149" s="18"/>
      <c r="F2149" s="18"/>
      <c r="G2149" s="18"/>
      <c r="H2149" s="18"/>
      <c r="I2149" s="18"/>
      <c r="J2149" s="18"/>
      <c r="K2149" s="18"/>
      <c r="L2149" s="18"/>
      <c r="M2149" s="18"/>
      <c r="N2149" s="18"/>
      <c r="O2149" s="18"/>
      <c r="P2149" s="19"/>
      <c r="Q2149" s="19"/>
      <c r="R2149" s="19"/>
      <c r="S2149" s="19"/>
      <c r="T2149" s="19"/>
      <c r="U2149" s="19"/>
      <c r="V2149" s="19"/>
      <c r="W2149" s="19"/>
      <c r="X2149" s="19"/>
      <c r="Y2149" s="19"/>
      <c r="Z2149" s="19"/>
      <c r="AA2149" s="19"/>
    </row>
    <row r="2150" spans="1:27" s="1" customFormat="1" ht="14.1" customHeight="1" outlineLevel="2" x14ac:dyDescent="0.2">
      <c r="A2150" s="17">
        <v>14958</v>
      </c>
      <c r="B2150" s="17"/>
      <c r="C2150" s="17"/>
      <c r="D2150" s="18" t="s">
        <v>1083</v>
      </c>
      <c r="E2150" s="18"/>
      <c r="F2150" s="18"/>
      <c r="G2150" s="18"/>
      <c r="H2150" s="18"/>
      <c r="I2150" s="18"/>
      <c r="J2150" s="18"/>
      <c r="K2150" s="18"/>
      <c r="L2150" s="18"/>
      <c r="M2150" s="18"/>
      <c r="N2150" s="18"/>
      <c r="O2150" s="18"/>
      <c r="P2150" s="19">
        <v>200</v>
      </c>
      <c r="Q2150" s="19"/>
      <c r="R2150" s="19"/>
      <c r="S2150" s="19"/>
      <c r="T2150" s="19">
        <v>150</v>
      </c>
      <c r="U2150" s="19"/>
      <c r="V2150" s="19"/>
      <c r="W2150" s="19"/>
      <c r="X2150" s="19">
        <v>10</v>
      </c>
      <c r="Y2150" s="19"/>
      <c r="Z2150" s="19"/>
      <c r="AA2150" s="19"/>
    </row>
    <row r="2151" spans="1:27" s="1" customFormat="1" ht="14.1" customHeight="1" outlineLevel="2" x14ac:dyDescent="0.2">
      <c r="A2151" s="17"/>
      <c r="B2151" s="17"/>
      <c r="C2151" s="17"/>
      <c r="D2151" s="18"/>
      <c r="E2151" s="18"/>
      <c r="F2151" s="18"/>
      <c r="G2151" s="18"/>
      <c r="H2151" s="18"/>
      <c r="I2151" s="18"/>
      <c r="J2151" s="18"/>
      <c r="K2151" s="18"/>
      <c r="L2151" s="18"/>
      <c r="M2151" s="18"/>
      <c r="N2151" s="18"/>
      <c r="O2151" s="18"/>
      <c r="P2151" s="19"/>
      <c r="Q2151" s="19"/>
      <c r="R2151" s="19"/>
      <c r="S2151" s="19"/>
      <c r="T2151" s="19"/>
      <c r="U2151" s="19"/>
      <c r="V2151" s="19"/>
      <c r="W2151" s="19"/>
      <c r="X2151" s="19"/>
      <c r="Y2151" s="19"/>
      <c r="Z2151" s="19"/>
      <c r="AA2151" s="19"/>
    </row>
    <row r="2152" spans="1:27" s="1" customFormat="1" ht="11.1" customHeight="1" outlineLevel="1" x14ac:dyDescent="0.2">
      <c r="A2152" s="16" t="s">
        <v>1084</v>
      </c>
      <c r="B2152" s="16"/>
      <c r="C2152" s="16"/>
      <c r="D2152" s="16"/>
      <c r="E2152" s="16"/>
      <c r="F2152" s="16"/>
      <c r="G2152" s="16"/>
      <c r="H2152" s="16"/>
      <c r="I2152" s="16"/>
      <c r="J2152" s="16"/>
      <c r="K2152" s="16"/>
      <c r="L2152" s="16"/>
      <c r="M2152" s="16"/>
      <c r="N2152" s="16"/>
      <c r="O2152" s="16"/>
      <c r="P2152" s="16"/>
      <c r="Q2152" s="16"/>
      <c r="R2152" s="16"/>
      <c r="S2152" s="16"/>
      <c r="T2152" s="16"/>
      <c r="U2152" s="16"/>
      <c r="V2152" s="16"/>
      <c r="W2152" s="16"/>
      <c r="X2152" s="16"/>
      <c r="Y2152" s="16"/>
      <c r="Z2152" s="16"/>
      <c r="AA2152" s="16"/>
    </row>
    <row r="2153" spans="1:27" s="1" customFormat="1" ht="11.1" customHeight="1" outlineLevel="1" x14ac:dyDescent="0.2">
      <c r="A2153" s="16"/>
      <c r="B2153" s="16"/>
      <c r="C2153" s="16"/>
      <c r="D2153" s="16"/>
      <c r="E2153" s="16"/>
      <c r="F2153" s="16"/>
      <c r="G2153" s="16"/>
      <c r="H2153" s="16"/>
      <c r="I2153" s="16"/>
      <c r="J2153" s="16"/>
      <c r="K2153" s="16"/>
      <c r="L2153" s="16"/>
      <c r="M2153" s="16"/>
      <c r="N2153" s="16"/>
      <c r="O2153" s="16"/>
      <c r="P2153" s="16"/>
      <c r="Q2153" s="16"/>
      <c r="R2153" s="16"/>
      <c r="S2153" s="16"/>
      <c r="T2153" s="16"/>
      <c r="U2153" s="16"/>
      <c r="V2153" s="16"/>
      <c r="W2153" s="16"/>
      <c r="X2153" s="16"/>
      <c r="Y2153" s="16"/>
      <c r="Z2153" s="16"/>
      <c r="AA2153" s="16"/>
    </row>
    <row r="2154" spans="1:27" s="1" customFormat="1" ht="11.1" customHeight="1" outlineLevel="2" x14ac:dyDescent="0.2">
      <c r="A2154" s="17">
        <v>11420</v>
      </c>
      <c r="B2154" s="17"/>
      <c r="C2154" s="17"/>
      <c r="D2154" s="18" t="s">
        <v>1085</v>
      </c>
      <c r="E2154" s="18"/>
      <c r="F2154" s="18"/>
      <c r="G2154" s="18"/>
      <c r="H2154" s="18"/>
      <c r="I2154" s="18"/>
      <c r="J2154" s="18"/>
      <c r="K2154" s="18"/>
      <c r="L2154" s="18"/>
      <c r="M2154" s="18"/>
      <c r="N2154" s="18"/>
      <c r="O2154" s="18"/>
      <c r="P2154" s="19">
        <v>450</v>
      </c>
      <c r="Q2154" s="19"/>
      <c r="R2154" s="19"/>
      <c r="S2154" s="19"/>
      <c r="T2154" s="19">
        <v>350</v>
      </c>
      <c r="U2154" s="19"/>
      <c r="V2154" s="19"/>
      <c r="W2154" s="19"/>
      <c r="X2154" s="19">
        <v>10</v>
      </c>
      <c r="Y2154" s="19"/>
      <c r="Z2154" s="19"/>
      <c r="AA2154" s="19"/>
    </row>
    <row r="2155" spans="1:27" s="1" customFormat="1" ht="11.1" customHeight="1" outlineLevel="2" x14ac:dyDescent="0.2">
      <c r="A2155" s="17"/>
      <c r="B2155" s="17"/>
      <c r="C2155" s="17"/>
      <c r="D2155" s="18"/>
      <c r="E2155" s="18"/>
      <c r="F2155" s="18"/>
      <c r="G2155" s="18"/>
      <c r="H2155" s="18"/>
      <c r="I2155" s="18"/>
      <c r="J2155" s="18"/>
      <c r="K2155" s="18"/>
      <c r="L2155" s="18"/>
      <c r="M2155" s="18"/>
      <c r="N2155" s="18"/>
      <c r="O2155" s="18"/>
      <c r="P2155" s="19"/>
      <c r="Q2155" s="19"/>
      <c r="R2155" s="19"/>
      <c r="S2155" s="19"/>
      <c r="T2155" s="19"/>
      <c r="U2155" s="19"/>
      <c r="V2155" s="19"/>
      <c r="W2155" s="19"/>
      <c r="X2155" s="19"/>
      <c r="Y2155" s="19"/>
      <c r="Z2155" s="19"/>
      <c r="AA2155" s="19"/>
    </row>
    <row r="2156" spans="1:27" s="1" customFormat="1" ht="14.1" customHeight="1" outlineLevel="2" x14ac:dyDescent="0.2">
      <c r="A2156" s="17">
        <v>14565</v>
      </c>
      <c r="B2156" s="17"/>
      <c r="C2156" s="17"/>
      <c r="D2156" s="18" t="s">
        <v>1086</v>
      </c>
      <c r="E2156" s="18"/>
      <c r="F2156" s="18"/>
      <c r="G2156" s="18"/>
      <c r="H2156" s="18"/>
      <c r="I2156" s="18"/>
      <c r="J2156" s="18"/>
      <c r="K2156" s="18"/>
      <c r="L2156" s="18"/>
      <c r="M2156" s="18"/>
      <c r="N2156" s="18"/>
      <c r="O2156" s="18"/>
      <c r="P2156" s="19">
        <v>200</v>
      </c>
      <c r="Q2156" s="19"/>
      <c r="R2156" s="19"/>
      <c r="S2156" s="19"/>
      <c r="T2156" s="19">
        <v>170</v>
      </c>
      <c r="U2156" s="19"/>
      <c r="V2156" s="19"/>
      <c r="W2156" s="19"/>
      <c r="X2156" s="19">
        <v>10</v>
      </c>
      <c r="Y2156" s="19"/>
      <c r="Z2156" s="19"/>
      <c r="AA2156" s="19"/>
    </row>
    <row r="2157" spans="1:27" s="1" customFormat="1" ht="14.1" customHeight="1" outlineLevel="2" x14ac:dyDescent="0.2">
      <c r="A2157" s="17"/>
      <c r="B2157" s="17"/>
      <c r="C2157" s="17"/>
      <c r="D2157" s="18"/>
      <c r="E2157" s="18"/>
      <c r="F2157" s="18"/>
      <c r="G2157" s="18"/>
      <c r="H2157" s="18"/>
      <c r="I2157" s="18"/>
      <c r="J2157" s="18"/>
      <c r="K2157" s="18"/>
      <c r="L2157" s="18"/>
      <c r="M2157" s="18"/>
      <c r="N2157" s="18"/>
      <c r="O2157" s="18"/>
      <c r="P2157" s="19"/>
      <c r="Q2157" s="19"/>
      <c r="R2157" s="19"/>
      <c r="S2157" s="19"/>
      <c r="T2157" s="19"/>
      <c r="U2157" s="19"/>
      <c r="V2157" s="19"/>
      <c r="W2157" s="19"/>
      <c r="X2157" s="19"/>
      <c r="Y2157" s="19"/>
      <c r="Z2157" s="19"/>
      <c r="AA2157" s="19"/>
    </row>
    <row r="2158" spans="1:27" s="1" customFormat="1" ht="14.1" customHeight="1" outlineLevel="2" x14ac:dyDescent="0.2">
      <c r="A2158" s="17">
        <v>8629</v>
      </c>
      <c r="B2158" s="17"/>
      <c r="C2158" s="17"/>
      <c r="D2158" s="18" t="s">
        <v>1087</v>
      </c>
      <c r="E2158" s="18"/>
      <c r="F2158" s="18"/>
      <c r="G2158" s="18"/>
      <c r="H2158" s="18"/>
      <c r="I2158" s="18"/>
      <c r="J2158" s="18"/>
      <c r="K2158" s="18"/>
      <c r="L2158" s="18"/>
      <c r="M2158" s="18"/>
      <c r="N2158" s="18"/>
      <c r="O2158" s="18"/>
      <c r="P2158" s="19">
        <v>200</v>
      </c>
      <c r="Q2158" s="19"/>
      <c r="R2158" s="19"/>
      <c r="S2158" s="19"/>
      <c r="T2158" s="19">
        <v>160</v>
      </c>
      <c r="U2158" s="19"/>
      <c r="V2158" s="19"/>
      <c r="W2158" s="19"/>
      <c r="X2158" s="19">
        <v>44</v>
      </c>
      <c r="Y2158" s="19"/>
      <c r="Z2158" s="19"/>
      <c r="AA2158" s="19"/>
    </row>
    <row r="2159" spans="1:27" s="1" customFormat="1" ht="14.1" customHeight="1" outlineLevel="2" x14ac:dyDescent="0.2">
      <c r="A2159" s="17"/>
      <c r="B2159" s="17"/>
      <c r="C2159" s="17"/>
      <c r="D2159" s="18"/>
      <c r="E2159" s="18"/>
      <c r="F2159" s="18"/>
      <c r="G2159" s="18"/>
      <c r="H2159" s="18"/>
      <c r="I2159" s="18"/>
      <c r="J2159" s="18"/>
      <c r="K2159" s="18"/>
      <c r="L2159" s="18"/>
      <c r="M2159" s="18"/>
      <c r="N2159" s="18"/>
      <c r="O2159" s="18"/>
      <c r="P2159" s="19"/>
      <c r="Q2159" s="19"/>
      <c r="R2159" s="19"/>
      <c r="S2159" s="19"/>
      <c r="T2159" s="19"/>
      <c r="U2159" s="19"/>
      <c r="V2159" s="19"/>
      <c r="W2159" s="19"/>
      <c r="X2159" s="19"/>
      <c r="Y2159" s="19"/>
      <c r="Z2159" s="19"/>
      <c r="AA2159" s="19"/>
    </row>
    <row r="2160" spans="1:27" s="1" customFormat="1" ht="14.1" customHeight="1" outlineLevel="2" x14ac:dyDescent="0.2">
      <c r="A2160" s="17">
        <v>9959</v>
      </c>
      <c r="B2160" s="17"/>
      <c r="C2160" s="17"/>
      <c r="D2160" s="18" t="s">
        <v>1088</v>
      </c>
      <c r="E2160" s="18"/>
      <c r="F2160" s="18"/>
      <c r="G2160" s="18"/>
      <c r="H2160" s="18"/>
      <c r="I2160" s="18"/>
      <c r="J2160" s="18"/>
      <c r="K2160" s="18"/>
      <c r="L2160" s="18"/>
      <c r="M2160" s="18"/>
      <c r="N2160" s="18"/>
      <c r="O2160" s="18"/>
      <c r="P2160" s="19">
        <v>80</v>
      </c>
      <c r="Q2160" s="19"/>
      <c r="R2160" s="19"/>
      <c r="S2160" s="19"/>
      <c r="T2160" s="19">
        <v>80</v>
      </c>
      <c r="U2160" s="19"/>
      <c r="V2160" s="19"/>
      <c r="W2160" s="19"/>
      <c r="X2160" s="19">
        <v>1</v>
      </c>
      <c r="Y2160" s="19"/>
      <c r="Z2160" s="19"/>
      <c r="AA2160" s="19"/>
    </row>
    <row r="2161" spans="1:27" s="1" customFormat="1" ht="14.1" customHeight="1" outlineLevel="2" x14ac:dyDescent="0.2">
      <c r="A2161" s="17"/>
      <c r="B2161" s="17"/>
      <c r="C2161" s="17"/>
      <c r="D2161" s="18"/>
      <c r="E2161" s="18"/>
      <c r="F2161" s="18"/>
      <c r="G2161" s="18"/>
      <c r="H2161" s="18"/>
      <c r="I2161" s="18"/>
      <c r="J2161" s="18"/>
      <c r="K2161" s="18"/>
      <c r="L2161" s="18"/>
      <c r="M2161" s="18"/>
      <c r="N2161" s="18"/>
      <c r="O2161" s="18"/>
      <c r="P2161" s="19"/>
      <c r="Q2161" s="19"/>
      <c r="R2161" s="19"/>
      <c r="S2161" s="19"/>
      <c r="T2161" s="19"/>
      <c r="U2161" s="19"/>
      <c r="V2161" s="19"/>
      <c r="W2161" s="19"/>
      <c r="X2161" s="19"/>
      <c r="Y2161" s="19"/>
      <c r="Z2161" s="19"/>
      <c r="AA2161" s="19"/>
    </row>
    <row r="2162" spans="1:27" s="1" customFormat="1" ht="14.1" customHeight="1" outlineLevel="2" x14ac:dyDescent="0.2">
      <c r="A2162" s="17">
        <v>12614</v>
      </c>
      <c r="B2162" s="17"/>
      <c r="C2162" s="17"/>
      <c r="D2162" s="18" t="s">
        <v>1089</v>
      </c>
      <c r="E2162" s="18"/>
      <c r="F2162" s="18"/>
      <c r="G2162" s="18"/>
      <c r="H2162" s="18"/>
      <c r="I2162" s="18"/>
      <c r="J2162" s="18"/>
      <c r="K2162" s="18"/>
      <c r="L2162" s="18"/>
      <c r="M2162" s="18"/>
      <c r="N2162" s="18"/>
      <c r="O2162" s="18"/>
      <c r="P2162" s="19">
        <v>310</v>
      </c>
      <c r="Q2162" s="19"/>
      <c r="R2162" s="19"/>
      <c r="S2162" s="19"/>
      <c r="T2162" s="19">
        <v>250</v>
      </c>
      <c r="U2162" s="19"/>
      <c r="V2162" s="19"/>
      <c r="W2162" s="19"/>
      <c r="X2162" s="19">
        <v>3</v>
      </c>
      <c r="Y2162" s="19"/>
      <c r="Z2162" s="19"/>
      <c r="AA2162" s="19"/>
    </row>
    <row r="2163" spans="1:27" s="1" customFormat="1" ht="14.1" customHeight="1" outlineLevel="2" x14ac:dyDescent="0.2">
      <c r="A2163" s="17"/>
      <c r="B2163" s="17"/>
      <c r="C2163" s="17"/>
      <c r="D2163" s="18"/>
      <c r="E2163" s="18"/>
      <c r="F2163" s="18"/>
      <c r="G2163" s="18"/>
      <c r="H2163" s="18"/>
      <c r="I2163" s="18"/>
      <c r="J2163" s="18"/>
      <c r="K2163" s="18"/>
      <c r="L2163" s="18"/>
      <c r="M2163" s="18"/>
      <c r="N2163" s="18"/>
      <c r="O2163" s="18"/>
      <c r="P2163" s="19"/>
      <c r="Q2163" s="19"/>
      <c r="R2163" s="19"/>
      <c r="S2163" s="19"/>
      <c r="T2163" s="19"/>
      <c r="U2163" s="19"/>
      <c r="V2163" s="19"/>
      <c r="W2163" s="19"/>
      <c r="X2163" s="19"/>
      <c r="Y2163" s="19"/>
      <c r="Z2163" s="19"/>
      <c r="AA2163" s="19"/>
    </row>
    <row r="2164" spans="1:27" s="1" customFormat="1" ht="14.1" customHeight="1" outlineLevel="2" x14ac:dyDescent="0.2">
      <c r="A2164" s="17">
        <v>15215</v>
      </c>
      <c r="B2164" s="17"/>
      <c r="C2164" s="17"/>
      <c r="D2164" s="18" t="s">
        <v>1090</v>
      </c>
      <c r="E2164" s="18"/>
      <c r="F2164" s="18"/>
      <c r="G2164" s="18"/>
      <c r="H2164" s="18"/>
      <c r="I2164" s="18"/>
      <c r="J2164" s="18"/>
      <c r="K2164" s="18"/>
      <c r="L2164" s="18"/>
      <c r="M2164" s="18"/>
      <c r="N2164" s="18"/>
      <c r="O2164" s="18"/>
      <c r="P2164" s="19">
        <v>260</v>
      </c>
      <c r="Q2164" s="19"/>
      <c r="R2164" s="19"/>
      <c r="S2164" s="19"/>
      <c r="T2164" s="19">
        <v>250</v>
      </c>
      <c r="U2164" s="19"/>
      <c r="V2164" s="19"/>
      <c r="W2164" s="19"/>
      <c r="X2164" s="19">
        <v>50</v>
      </c>
      <c r="Y2164" s="19"/>
      <c r="Z2164" s="19"/>
      <c r="AA2164" s="19"/>
    </row>
    <row r="2165" spans="1:27" s="1" customFormat="1" ht="14.1" customHeight="1" outlineLevel="2" x14ac:dyDescent="0.2">
      <c r="A2165" s="17"/>
      <c r="B2165" s="17"/>
      <c r="C2165" s="17"/>
      <c r="D2165" s="18"/>
      <c r="E2165" s="18"/>
      <c r="F2165" s="18"/>
      <c r="G2165" s="18"/>
      <c r="H2165" s="18"/>
      <c r="I2165" s="18"/>
      <c r="J2165" s="18"/>
      <c r="K2165" s="18"/>
      <c r="L2165" s="18"/>
      <c r="M2165" s="18"/>
      <c r="N2165" s="18"/>
      <c r="O2165" s="18"/>
      <c r="P2165" s="19"/>
      <c r="Q2165" s="19"/>
      <c r="R2165" s="19"/>
      <c r="S2165" s="19"/>
      <c r="T2165" s="19"/>
      <c r="U2165" s="19"/>
      <c r="V2165" s="19"/>
      <c r="W2165" s="19"/>
      <c r="X2165" s="19"/>
      <c r="Y2165" s="19"/>
      <c r="Z2165" s="19"/>
      <c r="AA2165" s="19"/>
    </row>
    <row r="2166" spans="1:27" s="1" customFormat="1" ht="14.1" customHeight="1" outlineLevel="2" x14ac:dyDescent="0.2">
      <c r="A2166" s="17">
        <v>9958</v>
      </c>
      <c r="B2166" s="17"/>
      <c r="C2166" s="17"/>
      <c r="D2166" s="18" t="s">
        <v>1091</v>
      </c>
      <c r="E2166" s="18"/>
      <c r="F2166" s="18"/>
      <c r="G2166" s="18"/>
      <c r="H2166" s="18"/>
      <c r="I2166" s="18"/>
      <c r="J2166" s="18"/>
      <c r="K2166" s="18"/>
      <c r="L2166" s="18"/>
      <c r="M2166" s="18"/>
      <c r="N2166" s="18"/>
      <c r="O2166" s="18"/>
      <c r="P2166" s="19">
        <v>120</v>
      </c>
      <c r="Q2166" s="19"/>
      <c r="R2166" s="19"/>
      <c r="S2166" s="19"/>
      <c r="T2166" s="19">
        <v>90</v>
      </c>
      <c r="U2166" s="19"/>
      <c r="V2166" s="19"/>
      <c r="W2166" s="19"/>
      <c r="X2166" s="19">
        <v>2</v>
      </c>
      <c r="Y2166" s="19"/>
      <c r="Z2166" s="19"/>
      <c r="AA2166" s="19"/>
    </row>
    <row r="2167" spans="1:27" s="1" customFormat="1" ht="14.1" customHeight="1" outlineLevel="2" x14ac:dyDescent="0.2">
      <c r="A2167" s="17"/>
      <c r="B2167" s="17"/>
      <c r="C2167" s="17"/>
      <c r="D2167" s="18"/>
      <c r="E2167" s="18"/>
      <c r="F2167" s="18"/>
      <c r="G2167" s="18"/>
      <c r="H2167" s="18"/>
      <c r="I2167" s="18"/>
      <c r="J2167" s="18"/>
      <c r="K2167" s="18"/>
      <c r="L2167" s="18"/>
      <c r="M2167" s="18"/>
      <c r="N2167" s="18"/>
      <c r="O2167" s="18"/>
      <c r="P2167" s="19"/>
      <c r="Q2167" s="19"/>
      <c r="R2167" s="19"/>
      <c r="S2167" s="19"/>
      <c r="T2167" s="19"/>
      <c r="U2167" s="19"/>
      <c r="V2167" s="19"/>
      <c r="W2167" s="19"/>
      <c r="X2167" s="19"/>
      <c r="Y2167" s="19"/>
      <c r="Z2167" s="19"/>
      <c r="AA2167" s="19"/>
    </row>
    <row r="2168" spans="1:27" s="1" customFormat="1" ht="14.1" customHeight="1" outlineLevel="2" x14ac:dyDescent="0.2">
      <c r="A2168" s="17">
        <v>9961</v>
      </c>
      <c r="B2168" s="17"/>
      <c r="C2168" s="17"/>
      <c r="D2168" s="18" t="s">
        <v>1092</v>
      </c>
      <c r="E2168" s="18"/>
      <c r="F2168" s="18"/>
      <c r="G2168" s="18"/>
      <c r="H2168" s="18"/>
      <c r="I2168" s="18"/>
      <c r="J2168" s="18"/>
      <c r="K2168" s="18"/>
      <c r="L2168" s="18"/>
      <c r="M2168" s="18"/>
      <c r="N2168" s="18"/>
      <c r="O2168" s="18"/>
      <c r="P2168" s="19">
        <v>290</v>
      </c>
      <c r="Q2168" s="19"/>
      <c r="R2168" s="19"/>
      <c r="S2168" s="19"/>
      <c r="T2168" s="19">
        <v>220</v>
      </c>
      <c r="U2168" s="19"/>
      <c r="V2168" s="19"/>
      <c r="W2168" s="19"/>
      <c r="X2168" s="19">
        <v>130</v>
      </c>
      <c r="Y2168" s="19"/>
      <c r="Z2168" s="19"/>
      <c r="AA2168" s="19"/>
    </row>
    <row r="2169" spans="1:27" s="1" customFormat="1" ht="14.1" customHeight="1" outlineLevel="2" x14ac:dyDescent="0.2">
      <c r="A2169" s="17"/>
      <c r="B2169" s="17"/>
      <c r="C2169" s="17"/>
      <c r="D2169" s="18"/>
      <c r="E2169" s="18"/>
      <c r="F2169" s="18"/>
      <c r="G2169" s="18"/>
      <c r="H2169" s="18"/>
      <c r="I2169" s="18"/>
      <c r="J2169" s="18"/>
      <c r="K2169" s="18"/>
      <c r="L2169" s="18"/>
      <c r="M2169" s="18"/>
      <c r="N2169" s="18"/>
      <c r="O2169" s="18"/>
      <c r="P2169" s="19"/>
      <c r="Q2169" s="19"/>
      <c r="R2169" s="19"/>
      <c r="S2169" s="19"/>
      <c r="T2169" s="19"/>
      <c r="U2169" s="19"/>
      <c r="V2169" s="19"/>
      <c r="W2169" s="19"/>
      <c r="X2169" s="19"/>
      <c r="Y2169" s="19"/>
      <c r="Z2169" s="19"/>
      <c r="AA2169" s="19"/>
    </row>
    <row r="2170" spans="1:27" s="1" customFormat="1" ht="14.1" customHeight="1" outlineLevel="2" x14ac:dyDescent="0.2">
      <c r="A2170" s="17">
        <v>15699</v>
      </c>
      <c r="B2170" s="17"/>
      <c r="C2170" s="17"/>
      <c r="D2170" s="18" t="s">
        <v>1093</v>
      </c>
      <c r="E2170" s="18"/>
      <c r="F2170" s="18"/>
      <c r="G2170" s="18"/>
      <c r="H2170" s="18"/>
      <c r="I2170" s="18"/>
      <c r="J2170" s="18"/>
      <c r="K2170" s="18"/>
      <c r="L2170" s="18"/>
      <c r="M2170" s="18"/>
      <c r="N2170" s="18"/>
      <c r="O2170" s="18"/>
      <c r="P2170" s="20">
        <v>1400</v>
      </c>
      <c r="Q2170" s="20"/>
      <c r="R2170" s="20"/>
      <c r="S2170" s="20"/>
      <c r="T2170" s="20">
        <v>1400</v>
      </c>
      <c r="U2170" s="20"/>
      <c r="V2170" s="20"/>
      <c r="W2170" s="20"/>
      <c r="X2170" s="19">
        <v>2</v>
      </c>
      <c r="Y2170" s="19"/>
      <c r="Z2170" s="19"/>
      <c r="AA2170" s="19"/>
    </row>
    <row r="2171" spans="1:27" s="1" customFormat="1" ht="14.1" customHeight="1" outlineLevel="2" x14ac:dyDescent="0.2">
      <c r="A2171" s="17"/>
      <c r="B2171" s="17"/>
      <c r="C2171" s="17"/>
      <c r="D2171" s="18"/>
      <c r="E2171" s="18"/>
      <c r="F2171" s="18"/>
      <c r="G2171" s="18"/>
      <c r="H2171" s="18"/>
      <c r="I2171" s="18"/>
      <c r="J2171" s="18"/>
      <c r="K2171" s="18"/>
      <c r="L2171" s="18"/>
      <c r="M2171" s="18"/>
      <c r="N2171" s="18"/>
      <c r="O2171" s="18"/>
      <c r="P2171" s="20"/>
      <c r="Q2171" s="20"/>
      <c r="R2171" s="20"/>
      <c r="S2171" s="20"/>
      <c r="T2171" s="20"/>
      <c r="U2171" s="20"/>
      <c r="V2171" s="20"/>
      <c r="W2171" s="20"/>
      <c r="X2171" s="19"/>
      <c r="Y2171" s="19"/>
      <c r="Z2171" s="19"/>
      <c r="AA2171" s="19"/>
    </row>
    <row r="2172" spans="1:27" s="1" customFormat="1" ht="11.1" customHeight="1" outlineLevel="1" x14ac:dyDescent="0.2">
      <c r="A2172" s="16" t="s">
        <v>1094</v>
      </c>
      <c r="B2172" s="16"/>
      <c r="C2172" s="16"/>
      <c r="D2172" s="16"/>
      <c r="E2172" s="16"/>
      <c r="F2172" s="16"/>
      <c r="G2172" s="16"/>
      <c r="H2172" s="16"/>
      <c r="I2172" s="16"/>
      <c r="J2172" s="16"/>
      <c r="K2172" s="16"/>
      <c r="L2172" s="16"/>
      <c r="M2172" s="16"/>
      <c r="N2172" s="16"/>
      <c r="O2172" s="16"/>
      <c r="P2172" s="16"/>
      <c r="Q2172" s="16"/>
      <c r="R2172" s="16"/>
      <c r="S2172" s="16"/>
      <c r="T2172" s="16"/>
      <c r="U2172" s="16"/>
      <c r="V2172" s="16"/>
      <c r="W2172" s="16"/>
      <c r="X2172" s="16"/>
      <c r="Y2172" s="16"/>
      <c r="Z2172" s="16"/>
      <c r="AA2172" s="16"/>
    </row>
    <row r="2173" spans="1:27" s="1" customFormat="1" ht="11.1" customHeight="1" outlineLevel="1" x14ac:dyDescent="0.2">
      <c r="A2173" s="16"/>
      <c r="B2173" s="16"/>
      <c r="C2173" s="16"/>
      <c r="D2173" s="16"/>
      <c r="E2173" s="16"/>
      <c r="F2173" s="16"/>
      <c r="G2173" s="16"/>
      <c r="H2173" s="16"/>
      <c r="I2173" s="16"/>
      <c r="J2173" s="16"/>
      <c r="K2173" s="16"/>
      <c r="L2173" s="16"/>
      <c r="M2173" s="16"/>
      <c r="N2173" s="16"/>
      <c r="O2173" s="16"/>
      <c r="P2173" s="16"/>
      <c r="Q2173" s="16"/>
      <c r="R2173" s="16"/>
      <c r="S2173" s="16"/>
      <c r="T2173" s="16"/>
      <c r="U2173" s="16"/>
      <c r="V2173" s="16"/>
      <c r="W2173" s="16"/>
      <c r="X2173" s="16"/>
      <c r="Y2173" s="16"/>
      <c r="Z2173" s="16"/>
      <c r="AA2173" s="16"/>
    </row>
    <row r="2174" spans="1:27" s="1" customFormat="1" ht="11.1" customHeight="1" outlineLevel="2" x14ac:dyDescent="0.2">
      <c r="A2174" s="17">
        <v>12613</v>
      </c>
      <c r="B2174" s="17"/>
      <c r="C2174" s="17"/>
      <c r="D2174" s="18" t="s">
        <v>1095</v>
      </c>
      <c r="E2174" s="18"/>
      <c r="F2174" s="18"/>
      <c r="G2174" s="18"/>
      <c r="H2174" s="18"/>
      <c r="I2174" s="18"/>
      <c r="J2174" s="18"/>
      <c r="K2174" s="18"/>
      <c r="L2174" s="18"/>
      <c r="M2174" s="18"/>
      <c r="N2174" s="18"/>
      <c r="O2174" s="18"/>
      <c r="P2174" s="19">
        <v>700</v>
      </c>
      <c r="Q2174" s="19"/>
      <c r="R2174" s="19"/>
      <c r="S2174" s="19"/>
      <c r="T2174" s="19">
        <v>650</v>
      </c>
      <c r="U2174" s="19"/>
      <c r="V2174" s="19"/>
      <c r="W2174" s="19"/>
      <c r="X2174" s="19">
        <v>1</v>
      </c>
      <c r="Y2174" s="19"/>
      <c r="Z2174" s="19"/>
      <c r="AA2174" s="19"/>
    </row>
    <row r="2175" spans="1:27" s="1" customFormat="1" ht="11.1" customHeight="1" outlineLevel="2" x14ac:dyDescent="0.2">
      <c r="A2175" s="17"/>
      <c r="B2175" s="17"/>
      <c r="C2175" s="17"/>
      <c r="D2175" s="18"/>
      <c r="E2175" s="18"/>
      <c r="F2175" s="18"/>
      <c r="G2175" s="18"/>
      <c r="H2175" s="18"/>
      <c r="I2175" s="18"/>
      <c r="J2175" s="18"/>
      <c r="K2175" s="18"/>
      <c r="L2175" s="18"/>
      <c r="M2175" s="18"/>
      <c r="N2175" s="18"/>
      <c r="O2175" s="18"/>
      <c r="P2175" s="19"/>
      <c r="Q2175" s="19"/>
      <c r="R2175" s="19"/>
      <c r="S2175" s="19"/>
      <c r="T2175" s="19"/>
      <c r="U2175" s="19"/>
      <c r="V2175" s="19"/>
      <c r="W2175" s="19"/>
      <c r="X2175" s="19"/>
      <c r="Y2175" s="19"/>
      <c r="Z2175" s="19"/>
      <c r="AA2175" s="19"/>
    </row>
    <row r="2176" spans="1:27" s="1" customFormat="1" ht="14.1" customHeight="1" outlineLevel="2" x14ac:dyDescent="0.2">
      <c r="A2176" s="17">
        <v>13586</v>
      </c>
      <c r="B2176" s="17"/>
      <c r="C2176" s="17"/>
      <c r="D2176" s="18" t="s">
        <v>1096</v>
      </c>
      <c r="E2176" s="18"/>
      <c r="F2176" s="18"/>
      <c r="G2176" s="18"/>
      <c r="H2176" s="18"/>
      <c r="I2176" s="18"/>
      <c r="J2176" s="18"/>
      <c r="K2176" s="18"/>
      <c r="L2176" s="18"/>
      <c r="M2176" s="18"/>
      <c r="N2176" s="18"/>
      <c r="O2176" s="18"/>
      <c r="P2176" s="19">
        <v>450</v>
      </c>
      <c r="Q2176" s="19"/>
      <c r="R2176" s="19"/>
      <c r="S2176" s="19"/>
      <c r="T2176" s="19">
        <v>390</v>
      </c>
      <c r="U2176" s="19"/>
      <c r="V2176" s="19"/>
      <c r="W2176" s="19"/>
      <c r="X2176" s="19">
        <v>9</v>
      </c>
      <c r="Y2176" s="19"/>
      <c r="Z2176" s="19"/>
      <c r="AA2176" s="19"/>
    </row>
    <row r="2177" spans="1:27" s="1" customFormat="1" ht="14.1" customHeight="1" outlineLevel="2" x14ac:dyDescent="0.2">
      <c r="A2177" s="17"/>
      <c r="B2177" s="17"/>
      <c r="C2177" s="17"/>
      <c r="D2177" s="18"/>
      <c r="E2177" s="18"/>
      <c r="F2177" s="18"/>
      <c r="G2177" s="18"/>
      <c r="H2177" s="18"/>
      <c r="I2177" s="18"/>
      <c r="J2177" s="18"/>
      <c r="K2177" s="18"/>
      <c r="L2177" s="18"/>
      <c r="M2177" s="18"/>
      <c r="N2177" s="18"/>
      <c r="O2177" s="18"/>
      <c r="P2177" s="19"/>
      <c r="Q2177" s="19"/>
      <c r="R2177" s="19"/>
      <c r="S2177" s="19"/>
      <c r="T2177" s="19"/>
      <c r="U2177" s="19"/>
      <c r="V2177" s="19"/>
      <c r="W2177" s="19"/>
      <c r="X2177" s="19"/>
      <c r="Y2177" s="19"/>
      <c r="Z2177" s="19"/>
      <c r="AA2177" s="19"/>
    </row>
    <row r="2178" spans="1:27" s="1" customFormat="1" ht="11.1" customHeight="1" outlineLevel="2" x14ac:dyDescent="0.2">
      <c r="A2178" s="17">
        <v>9940</v>
      </c>
      <c r="B2178" s="17"/>
      <c r="C2178" s="17"/>
      <c r="D2178" s="18" t="s">
        <v>1097</v>
      </c>
      <c r="E2178" s="18"/>
      <c r="F2178" s="18"/>
      <c r="G2178" s="18"/>
      <c r="H2178" s="18"/>
      <c r="I2178" s="18"/>
      <c r="J2178" s="18"/>
      <c r="K2178" s="18"/>
      <c r="L2178" s="18"/>
      <c r="M2178" s="18"/>
      <c r="N2178" s="18"/>
      <c r="O2178" s="18"/>
      <c r="P2178" s="19">
        <v>105</v>
      </c>
      <c r="Q2178" s="19"/>
      <c r="R2178" s="19"/>
      <c r="S2178" s="19"/>
      <c r="T2178" s="19">
        <v>80</v>
      </c>
      <c r="U2178" s="19"/>
      <c r="V2178" s="19"/>
      <c r="W2178" s="19"/>
      <c r="X2178" s="19">
        <v>2</v>
      </c>
      <c r="Y2178" s="19"/>
      <c r="Z2178" s="19"/>
      <c r="AA2178" s="19"/>
    </row>
    <row r="2179" spans="1:27" s="1" customFormat="1" ht="11.1" customHeight="1" outlineLevel="2" x14ac:dyDescent="0.2">
      <c r="A2179" s="17"/>
      <c r="B2179" s="17"/>
      <c r="C2179" s="17"/>
      <c r="D2179" s="18"/>
      <c r="E2179" s="18"/>
      <c r="F2179" s="18"/>
      <c r="G2179" s="18"/>
      <c r="H2179" s="18"/>
      <c r="I2179" s="18"/>
      <c r="J2179" s="18"/>
      <c r="K2179" s="18"/>
      <c r="L2179" s="18"/>
      <c r="M2179" s="18"/>
      <c r="N2179" s="18"/>
      <c r="O2179" s="18"/>
      <c r="P2179" s="19"/>
      <c r="Q2179" s="19"/>
      <c r="R2179" s="19"/>
      <c r="S2179" s="19"/>
      <c r="T2179" s="19"/>
      <c r="U2179" s="19"/>
      <c r="V2179" s="19"/>
      <c r="W2179" s="19"/>
      <c r="X2179" s="19"/>
      <c r="Y2179" s="19"/>
      <c r="Z2179" s="19"/>
      <c r="AA2179" s="19"/>
    </row>
    <row r="2180" spans="1:27" s="1" customFormat="1" ht="11.1" customHeight="1" outlineLevel="2" x14ac:dyDescent="0.2">
      <c r="A2180" s="17">
        <v>9941</v>
      </c>
      <c r="B2180" s="17"/>
      <c r="C2180" s="17"/>
      <c r="D2180" s="18" t="s">
        <v>1098</v>
      </c>
      <c r="E2180" s="18"/>
      <c r="F2180" s="18"/>
      <c r="G2180" s="18"/>
      <c r="H2180" s="18"/>
      <c r="I2180" s="18"/>
      <c r="J2180" s="18"/>
      <c r="K2180" s="18"/>
      <c r="L2180" s="18"/>
      <c r="M2180" s="18"/>
      <c r="N2180" s="18"/>
      <c r="O2180" s="18"/>
      <c r="P2180" s="19">
        <v>105</v>
      </c>
      <c r="Q2180" s="19"/>
      <c r="R2180" s="19"/>
      <c r="S2180" s="19"/>
      <c r="T2180" s="19">
        <v>80</v>
      </c>
      <c r="U2180" s="19"/>
      <c r="V2180" s="19"/>
      <c r="W2180" s="19"/>
      <c r="X2180" s="19">
        <v>1</v>
      </c>
      <c r="Y2180" s="19"/>
      <c r="Z2180" s="19"/>
      <c r="AA2180" s="19"/>
    </row>
    <row r="2181" spans="1:27" s="1" customFormat="1" ht="11.1" customHeight="1" outlineLevel="2" x14ac:dyDescent="0.2">
      <c r="A2181" s="17"/>
      <c r="B2181" s="17"/>
      <c r="C2181" s="17"/>
      <c r="D2181" s="18"/>
      <c r="E2181" s="18"/>
      <c r="F2181" s="18"/>
      <c r="G2181" s="18"/>
      <c r="H2181" s="18"/>
      <c r="I2181" s="18"/>
      <c r="J2181" s="18"/>
      <c r="K2181" s="18"/>
      <c r="L2181" s="18"/>
      <c r="M2181" s="18"/>
      <c r="N2181" s="18"/>
      <c r="O2181" s="18"/>
      <c r="P2181" s="19"/>
      <c r="Q2181" s="19"/>
      <c r="R2181" s="19"/>
      <c r="S2181" s="19"/>
      <c r="T2181" s="19"/>
      <c r="U2181" s="19"/>
      <c r="V2181" s="19"/>
      <c r="W2181" s="19"/>
      <c r="X2181" s="19"/>
      <c r="Y2181" s="19"/>
      <c r="Z2181" s="19"/>
      <c r="AA2181" s="19"/>
    </row>
    <row r="2182" spans="1:27" s="1" customFormat="1" ht="11.1" customHeight="1" outlineLevel="2" x14ac:dyDescent="0.2">
      <c r="A2182" s="17">
        <v>9943</v>
      </c>
      <c r="B2182" s="17"/>
      <c r="C2182" s="17"/>
      <c r="D2182" s="18" t="s">
        <v>1099</v>
      </c>
      <c r="E2182" s="18"/>
      <c r="F2182" s="18"/>
      <c r="G2182" s="18"/>
      <c r="H2182" s="18"/>
      <c r="I2182" s="18"/>
      <c r="J2182" s="18"/>
      <c r="K2182" s="18"/>
      <c r="L2182" s="18"/>
      <c r="M2182" s="18"/>
      <c r="N2182" s="18"/>
      <c r="O2182" s="18"/>
      <c r="P2182" s="19">
        <v>105</v>
      </c>
      <c r="Q2182" s="19"/>
      <c r="R2182" s="19"/>
      <c r="S2182" s="19"/>
      <c r="T2182" s="19">
        <v>80</v>
      </c>
      <c r="U2182" s="19"/>
      <c r="V2182" s="19"/>
      <c r="W2182" s="19"/>
      <c r="X2182" s="19">
        <v>1</v>
      </c>
      <c r="Y2182" s="19"/>
      <c r="Z2182" s="19"/>
      <c r="AA2182" s="19"/>
    </row>
    <row r="2183" spans="1:27" s="1" customFormat="1" ht="11.1" customHeight="1" outlineLevel="2" x14ac:dyDescent="0.2">
      <c r="A2183" s="17"/>
      <c r="B2183" s="17"/>
      <c r="C2183" s="17"/>
      <c r="D2183" s="18"/>
      <c r="E2183" s="18"/>
      <c r="F2183" s="18"/>
      <c r="G2183" s="18"/>
      <c r="H2183" s="18"/>
      <c r="I2183" s="18"/>
      <c r="J2183" s="18"/>
      <c r="K2183" s="18"/>
      <c r="L2183" s="18"/>
      <c r="M2183" s="18"/>
      <c r="N2183" s="18"/>
      <c r="O2183" s="18"/>
      <c r="P2183" s="19"/>
      <c r="Q2183" s="19"/>
      <c r="R2183" s="19"/>
      <c r="S2183" s="19"/>
      <c r="T2183" s="19"/>
      <c r="U2183" s="19"/>
      <c r="V2183" s="19"/>
      <c r="W2183" s="19"/>
      <c r="X2183" s="19"/>
      <c r="Y2183" s="19"/>
      <c r="Z2183" s="19"/>
      <c r="AA2183" s="19"/>
    </row>
    <row r="2184" spans="1:27" s="1" customFormat="1" ht="11.1" customHeight="1" outlineLevel="2" x14ac:dyDescent="0.2">
      <c r="A2184" s="17">
        <v>9944</v>
      </c>
      <c r="B2184" s="17"/>
      <c r="C2184" s="17"/>
      <c r="D2184" s="18" t="s">
        <v>1100</v>
      </c>
      <c r="E2184" s="18"/>
      <c r="F2184" s="18"/>
      <c r="G2184" s="18"/>
      <c r="H2184" s="18"/>
      <c r="I2184" s="18"/>
      <c r="J2184" s="18"/>
      <c r="K2184" s="18"/>
      <c r="L2184" s="18"/>
      <c r="M2184" s="18"/>
      <c r="N2184" s="18"/>
      <c r="O2184" s="18"/>
      <c r="P2184" s="19">
        <v>105</v>
      </c>
      <c r="Q2184" s="19"/>
      <c r="R2184" s="19"/>
      <c r="S2184" s="19"/>
      <c r="T2184" s="19">
        <v>80</v>
      </c>
      <c r="U2184" s="19"/>
      <c r="V2184" s="19"/>
      <c r="W2184" s="19"/>
      <c r="X2184" s="19">
        <v>1</v>
      </c>
      <c r="Y2184" s="19"/>
      <c r="Z2184" s="19"/>
      <c r="AA2184" s="19"/>
    </row>
    <row r="2185" spans="1:27" s="1" customFormat="1" ht="11.1" customHeight="1" outlineLevel="2" x14ac:dyDescent="0.2">
      <c r="A2185" s="17"/>
      <c r="B2185" s="17"/>
      <c r="C2185" s="17"/>
      <c r="D2185" s="18"/>
      <c r="E2185" s="18"/>
      <c r="F2185" s="18"/>
      <c r="G2185" s="18"/>
      <c r="H2185" s="18"/>
      <c r="I2185" s="18"/>
      <c r="J2185" s="18"/>
      <c r="K2185" s="18"/>
      <c r="L2185" s="18"/>
      <c r="M2185" s="18"/>
      <c r="N2185" s="18"/>
      <c r="O2185" s="18"/>
      <c r="P2185" s="19"/>
      <c r="Q2185" s="19"/>
      <c r="R2185" s="19"/>
      <c r="S2185" s="19"/>
      <c r="T2185" s="19"/>
      <c r="U2185" s="19"/>
      <c r="V2185" s="19"/>
      <c r="W2185" s="19"/>
      <c r="X2185" s="19"/>
      <c r="Y2185" s="19"/>
      <c r="Z2185" s="19"/>
      <c r="AA2185" s="19"/>
    </row>
    <row r="2186" spans="1:27" s="1" customFormat="1" ht="11.1" customHeight="1" outlineLevel="2" x14ac:dyDescent="0.2">
      <c r="A2186" s="17">
        <v>9945</v>
      </c>
      <c r="B2186" s="17"/>
      <c r="C2186" s="17"/>
      <c r="D2186" s="18" t="s">
        <v>1101</v>
      </c>
      <c r="E2186" s="18"/>
      <c r="F2186" s="18"/>
      <c r="G2186" s="18"/>
      <c r="H2186" s="18"/>
      <c r="I2186" s="18"/>
      <c r="J2186" s="18"/>
      <c r="K2186" s="18"/>
      <c r="L2186" s="18"/>
      <c r="M2186" s="18"/>
      <c r="N2186" s="18"/>
      <c r="O2186" s="18"/>
      <c r="P2186" s="19">
        <v>150</v>
      </c>
      <c r="Q2186" s="19"/>
      <c r="R2186" s="19"/>
      <c r="S2186" s="19"/>
      <c r="T2186" s="19">
        <v>130</v>
      </c>
      <c r="U2186" s="19"/>
      <c r="V2186" s="19"/>
      <c r="W2186" s="19"/>
      <c r="X2186" s="19">
        <v>3</v>
      </c>
      <c r="Y2186" s="19"/>
      <c r="Z2186" s="19"/>
      <c r="AA2186" s="19"/>
    </row>
    <row r="2187" spans="1:27" s="1" customFormat="1" ht="11.1" customHeight="1" outlineLevel="2" x14ac:dyDescent="0.2">
      <c r="A2187" s="17"/>
      <c r="B2187" s="17"/>
      <c r="C2187" s="17"/>
      <c r="D2187" s="18"/>
      <c r="E2187" s="18"/>
      <c r="F2187" s="18"/>
      <c r="G2187" s="18"/>
      <c r="H2187" s="18"/>
      <c r="I2187" s="18"/>
      <c r="J2187" s="18"/>
      <c r="K2187" s="18"/>
      <c r="L2187" s="18"/>
      <c r="M2187" s="18"/>
      <c r="N2187" s="18"/>
      <c r="O2187" s="18"/>
      <c r="P2187" s="19"/>
      <c r="Q2187" s="19"/>
      <c r="R2187" s="19"/>
      <c r="S2187" s="19"/>
      <c r="T2187" s="19"/>
      <c r="U2187" s="19"/>
      <c r="V2187" s="19"/>
      <c r="W2187" s="19"/>
      <c r="X2187" s="19"/>
      <c r="Y2187" s="19"/>
      <c r="Z2187" s="19"/>
      <c r="AA2187" s="19"/>
    </row>
    <row r="2188" spans="1:27" s="1" customFormat="1" ht="11.1" customHeight="1" outlineLevel="2" x14ac:dyDescent="0.2">
      <c r="A2188" s="17">
        <v>11681</v>
      </c>
      <c r="B2188" s="17"/>
      <c r="C2188" s="17"/>
      <c r="D2188" s="18" t="s">
        <v>1102</v>
      </c>
      <c r="E2188" s="18"/>
      <c r="F2188" s="18"/>
      <c r="G2188" s="18"/>
      <c r="H2188" s="18"/>
      <c r="I2188" s="18"/>
      <c r="J2188" s="18"/>
      <c r="K2188" s="18"/>
      <c r="L2188" s="18"/>
      <c r="M2188" s="18"/>
      <c r="N2188" s="18"/>
      <c r="O2188" s="18"/>
      <c r="P2188" s="19">
        <v>150</v>
      </c>
      <c r="Q2188" s="19"/>
      <c r="R2188" s="19"/>
      <c r="S2188" s="19"/>
      <c r="T2188" s="19">
        <v>130</v>
      </c>
      <c r="U2188" s="19"/>
      <c r="V2188" s="19"/>
      <c r="W2188" s="19"/>
      <c r="X2188" s="19">
        <v>1</v>
      </c>
      <c r="Y2188" s="19"/>
      <c r="Z2188" s="19"/>
      <c r="AA2188" s="19"/>
    </row>
    <row r="2189" spans="1:27" s="1" customFormat="1" ht="11.1" customHeight="1" outlineLevel="2" x14ac:dyDescent="0.2">
      <c r="A2189" s="17"/>
      <c r="B2189" s="17"/>
      <c r="C2189" s="17"/>
      <c r="D2189" s="18"/>
      <c r="E2189" s="18"/>
      <c r="F2189" s="18"/>
      <c r="G2189" s="18"/>
      <c r="H2189" s="18"/>
      <c r="I2189" s="18"/>
      <c r="J2189" s="18"/>
      <c r="K2189" s="18"/>
      <c r="L2189" s="18"/>
      <c r="M2189" s="18"/>
      <c r="N2189" s="18"/>
      <c r="O2189" s="18"/>
      <c r="P2189" s="19"/>
      <c r="Q2189" s="19"/>
      <c r="R2189" s="19"/>
      <c r="S2189" s="19"/>
      <c r="T2189" s="19"/>
      <c r="U2189" s="19"/>
      <c r="V2189" s="19"/>
      <c r="W2189" s="19"/>
      <c r="X2189" s="19"/>
      <c r="Y2189" s="19"/>
      <c r="Z2189" s="19"/>
      <c r="AA2189" s="19"/>
    </row>
    <row r="2190" spans="1:27" s="1" customFormat="1" ht="11.1" customHeight="1" outlineLevel="2" x14ac:dyDescent="0.2">
      <c r="A2190" s="17">
        <v>11682</v>
      </c>
      <c r="B2190" s="17"/>
      <c r="C2190" s="17"/>
      <c r="D2190" s="18" t="s">
        <v>1103</v>
      </c>
      <c r="E2190" s="18"/>
      <c r="F2190" s="18"/>
      <c r="G2190" s="18"/>
      <c r="H2190" s="18"/>
      <c r="I2190" s="18"/>
      <c r="J2190" s="18"/>
      <c r="K2190" s="18"/>
      <c r="L2190" s="18"/>
      <c r="M2190" s="18"/>
      <c r="N2190" s="18"/>
      <c r="O2190" s="18"/>
      <c r="P2190" s="19">
        <v>150</v>
      </c>
      <c r="Q2190" s="19"/>
      <c r="R2190" s="19"/>
      <c r="S2190" s="19"/>
      <c r="T2190" s="19">
        <v>130</v>
      </c>
      <c r="U2190" s="19"/>
      <c r="V2190" s="19"/>
      <c r="W2190" s="19"/>
      <c r="X2190" s="19">
        <v>1</v>
      </c>
      <c r="Y2190" s="19"/>
      <c r="Z2190" s="19"/>
      <c r="AA2190" s="19"/>
    </row>
    <row r="2191" spans="1:27" s="1" customFormat="1" ht="11.1" customHeight="1" outlineLevel="2" x14ac:dyDescent="0.2">
      <c r="A2191" s="17"/>
      <c r="B2191" s="17"/>
      <c r="C2191" s="17"/>
      <c r="D2191" s="18"/>
      <c r="E2191" s="18"/>
      <c r="F2191" s="18"/>
      <c r="G2191" s="18"/>
      <c r="H2191" s="18"/>
      <c r="I2191" s="18"/>
      <c r="J2191" s="18"/>
      <c r="K2191" s="18"/>
      <c r="L2191" s="18"/>
      <c r="M2191" s="18"/>
      <c r="N2191" s="18"/>
      <c r="O2191" s="18"/>
      <c r="P2191" s="19"/>
      <c r="Q2191" s="19"/>
      <c r="R2191" s="19"/>
      <c r="S2191" s="19"/>
      <c r="T2191" s="19"/>
      <c r="U2191" s="19"/>
      <c r="V2191" s="19"/>
      <c r="W2191" s="19"/>
      <c r="X2191" s="19"/>
      <c r="Y2191" s="19"/>
      <c r="Z2191" s="19"/>
      <c r="AA2191" s="19"/>
    </row>
    <row r="2192" spans="1:27" s="1" customFormat="1" ht="11.1" customHeight="1" x14ac:dyDescent="0.2">
      <c r="A2192" s="15" t="s">
        <v>1104</v>
      </c>
      <c r="B2192" s="15"/>
      <c r="C2192" s="15"/>
      <c r="D2192" s="15"/>
      <c r="E2192" s="15"/>
      <c r="F2192" s="15"/>
      <c r="G2192" s="15"/>
      <c r="H2192" s="15"/>
      <c r="I2192" s="15"/>
      <c r="J2192" s="15"/>
      <c r="K2192" s="15"/>
      <c r="L2192" s="15"/>
      <c r="M2192" s="15"/>
      <c r="N2192" s="15"/>
      <c r="O2192" s="15"/>
      <c r="P2192" s="15"/>
      <c r="Q2192" s="15"/>
      <c r="R2192" s="15"/>
      <c r="S2192" s="15"/>
      <c r="T2192" s="15"/>
      <c r="U2192" s="15"/>
      <c r="V2192" s="15"/>
      <c r="W2192" s="15"/>
      <c r="X2192" s="15"/>
      <c r="Y2192" s="15"/>
      <c r="Z2192" s="15"/>
      <c r="AA2192" s="15"/>
    </row>
    <row r="2193" spans="1:27" s="1" customFormat="1" ht="11.1" customHeight="1" x14ac:dyDescent="0.2">
      <c r="A2193" s="15"/>
      <c r="B2193" s="15"/>
      <c r="C2193" s="15"/>
      <c r="D2193" s="15"/>
      <c r="E2193" s="15"/>
      <c r="F2193" s="15"/>
      <c r="G2193" s="15"/>
      <c r="H2193" s="15"/>
      <c r="I2193" s="15"/>
      <c r="J2193" s="15"/>
      <c r="K2193" s="15"/>
      <c r="L2193" s="15"/>
      <c r="M2193" s="15"/>
      <c r="N2193" s="15"/>
      <c r="O2193" s="15"/>
      <c r="P2193" s="15"/>
      <c r="Q2193" s="15"/>
      <c r="R2193" s="15"/>
      <c r="S2193" s="15"/>
      <c r="T2193" s="15"/>
      <c r="U2193" s="15"/>
      <c r="V2193" s="15"/>
      <c r="W2193" s="15"/>
      <c r="X2193" s="15"/>
      <c r="Y2193" s="15"/>
      <c r="Z2193" s="15"/>
      <c r="AA2193" s="15"/>
    </row>
    <row r="2194" spans="1:27" s="1" customFormat="1" ht="11.1" customHeight="1" outlineLevel="1" x14ac:dyDescent="0.2">
      <c r="A2194" s="16" t="s">
        <v>1105</v>
      </c>
      <c r="B2194" s="16"/>
      <c r="C2194" s="16"/>
      <c r="D2194" s="16"/>
      <c r="E2194" s="16"/>
      <c r="F2194" s="16"/>
      <c r="G2194" s="16"/>
      <c r="H2194" s="16"/>
      <c r="I2194" s="16"/>
      <c r="J2194" s="16"/>
      <c r="K2194" s="16"/>
      <c r="L2194" s="16"/>
      <c r="M2194" s="16"/>
      <c r="N2194" s="16"/>
      <c r="O2194" s="16"/>
      <c r="P2194" s="16"/>
      <c r="Q2194" s="16"/>
      <c r="R2194" s="16"/>
      <c r="S2194" s="16"/>
      <c r="T2194" s="16"/>
      <c r="U2194" s="16"/>
      <c r="V2194" s="16"/>
      <c r="W2194" s="16"/>
      <c r="X2194" s="16"/>
      <c r="Y2194" s="16"/>
      <c r="Z2194" s="16"/>
      <c r="AA2194" s="16"/>
    </row>
    <row r="2195" spans="1:27" s="1" customFormat="1" ht="11.1" customHeight="1" outlineLevel="1" x14ac:dyDescent="0.2">
      <c r="A2195" s="16"/>
      <c r="B2195" s="16"/>
      <c r="C2195" s="16"/>
      <c r="D2195" s="16"/>
      <c r="E2195" s="16"/>
      <c r="F2195" s="16"/>
      <c r="G2195" s="16"/>
      <c r="H2195" s="16"/>
      <c r="I2195" s="16"/>
      <c r="J2195" s="16"/>
      <c r="K2195" s="16"/>
      <c r="L2195" s="16"/>
      <c r="M2195" s="16"/>
      <c r="N2195" s="16"/>
      <c r="O2195" s="16"/>
      <c r="P2195" s="16"/>
      <c r="Q2195" s="16"/>
      <c r="R2195" s="16"/>
      <c r="S2195" s="16"/>
      <c r="T2195" s="16"/>
      <c r="U2195" s="16"/>
      <c r="V2195" s="16"/>
      <c r="W2195" s="16"/>
      <c r="X2195" s="16"/>
      <c r="Y2195" s="16"/>
      <c r="Z2195" s="16"/>
      <c r="AA2195" s="16"/>
    </row>
    <row r="2196" spans="1:27" s="1" customFormat="1" ht="11.1" customHeight="1" outlineLevel="2" x14ac:dyDescent="0.2">
      <c r="A2196" s="16" t="s">
        <v>1106</v>
      </c>
      <c r="B2196" s="16"/>
      <c r="C2196" s="16"/>
      <c r="D2196" s="16"/>
      <c r="E2196" s="16"/>
      <c r="F2196" s="16"/>
      <c r="G2196" s="16"/>
      <c r="H2196" s="16"/>
      <c r="I2196" s="16"/>
      <c r="J2196" s="16"/>
      <c r="K2196" s="16"/>
      <c r="L2196" s="16"/>
      <c r="M2196" s="16"/>
      <c r="N2196" s="16"/>
      <c r="O2196" s="16"/>
      <c r="P2196" s="16"/>
      <c r="Q2196" s="16"/>
      <c r="R2196" s="16"/>
      <c r="S2196" s="16"/>
      <c r="T2196" s="16"/>
      <c r="U2196" s="16"/>
      <c r="V2196" s="16"/>
      <c r="W2196" s="16"/>
      <c r="X2196" s="16"/>
      <c r="Y2196" s="16"/>
      <c r="Z2196" s="16"/>
      <c r="AA2196" s="16"/>
    </row>
    <row r="2197" spans="1:27" s="1" customFormat="1" ht="11.1" customHeight="1" outlineLevel="2" x14ac:dyDescent="0.2">
      <c r="A2197" s="16"/>
      <c r="B2197" s="16"/>
      <c r="C2197" s="16"/>
      <c r="D2197" s="16"/>
      <c r="E2197" s="16"/>
      <c r="F2197" s="16"/>
      <c r="G2197" s="16"/>
      <c r="H2197" s="16"/>
      <c r="I2197" s="16"/>
      <c r="J2197" s="16"/>
      <c r="K2197" s="16"/>
      <c r="L2197" s="16"/>
      <c r="M2197" s="16"/>
      <c r="N2197" s="16"/>
      <c r="O2197" s="16"/>
      <c r="P2197" s="16"/>
      <c r="Q2197" s="16"/>
      <c r="R2197" s="16"/>
      <c r="S2197" s="16"/>
      <c r="T2197" s="16"/>
      <c r="U2197" s="16"/>
      <c r="V2197" s="16"/>
      <c r="W2197" s="16"/>
      <c r="X2197" s="16"/>
      <c r="Y2197" s="16"/>
      <c r="Z2197" s="16"/>
      <c r="AA2197" s="16"/>
    </row>
    <row r="2198" spans="1:27" s="1" customFormat="1" ht="14.1" customHeight="1" outlineLevel="3" x14ac:dyDescent="0.2">
      <c r="A2198" s="17">
        <v>6504</v>
      </c>
      <c r="B2198" s="17"/>
      <c r="C2198" s="17"/>
      <c r="D2198" s="18" t="s">
        <v>1107</v>
      </c>
      <c r="E2198" s="18"/>
      <c r="F2198" s="18"/>
      <c r="G2198" s="18"/>
      <c r="H2198" s="18"/>
      <c r="I2198" s="18"/>
      <c r="J2198" s="18"/>
      <c r="K2198" s="18"/>
      <c r="L2198" s="18"/>
      <c r="M2198" s="18"/>
      <c r="N2198" s="18"/>
      <c r="O2198" s="18"/>
      <c r="P2198" s="19">
        <v>450</v>
      </c>
      <c r="Q2198" s="19"/>
      <c r="R2198" s="19"/>
      <c r="S2198" s="19"/>
      <c r="T2198" s="19">
        <v>390</v>
      </c>
      <c r="U2198" s="19"/>
      <c r="V2198" s="19"/>
      <c r="W2198" s="19"/>
      <c r="X2198" s="19">
        <v>1</v>
      </c>
      <c r="Y2198" s="19"/>
      <c r="Z2198" s="19"/>
      <c r="AA2198" s="19"/>
    </row>
    <row r="2199" spans="1:27" s="1" customFormat="1" ht="14.1" customHeight="1" outlineLevel="3" x14ac:dyDescent="0.2">
      <c r="A2199" s="17"/>
      <c r="B2199" s="17"/>
      <c r="C2199" s="17"/>
      <c r="D2199" s="18"/>
      <c r="E2199" s="18"/>
      <c r="F2199" s="18"/>
      <c r="G2199" s="18"/>
      <c r="H2199" s="18"/>
      <c r="I2199" s="18"/>
      <c r="J2199" s="18"/>
      <c r="K2199" s="18"/>
      <c r="L2199" s="18"/>
      <c r="M2199" s="18"/>
      <c r="N2199" s="18"/>
      <c r="O2199" s="18"/>
      <c r="P2199" s="19"/>
      <c r="Q2199" s="19"/>
      <c r="R2199" s="19"/>
      <c r="S2199" s="19"/>
      <c r="T2199" s="19"/>
      <c r="U2199" s="19"/>
      <c r="V2199" s="19"/>
      <c r="W2199" s="19"/>
      <c r="X2199" s="19"/>
      <c r="Y2199" s="19"/>
      <c r="Z2199" s="19"/>
      <c r="AA2199" s="19"/>
    </row>
    <row r="2200" spans="1:27" s="1" customFormat="1" ht="11.1" customHeight="1" outlineLevel="1" x14ac:dyDescent="0.2">
      <c r="A2200" s="16" t="s">
        <v>1108</v>
      </c>
      <c r="B2200" s="16"/>
      <c r="C2200" s="16"/>
      <c r="D2200" s="16"/>
      <c r="E2200" s="16"/>
      <c r="F2200" s="16"/>
      <c r="G2200" s="16"/>
      <c r="H2200" s="16"/>
      <c r="I2200" s="16"/>
      <c r="J2200" s="16"/>
      <c r="K2200" s="16"/>
      <c r="L2200" s="16"/>
      <c r="M2200" s="16"/>
      <c r="N2200" s="16"/>
      <c r="O2200" s="16"/>
      <c r="P2200" s="16"/>
      <c r="Q2200" s="16"/>
      <c r="R2200" s="16"/>
      <c r="S2200" s="16"/>
      <c r="T2200" s="16"/>
      <c r="U2200" s="16"/>
      <c r="V2200" s="16"/>
      <c r="W2200" s="16"/>
      <c r="X2200" s="16"/>
      <c r="Y2200" s="16"/>
      <c r="Z2200" s="16"/>
      <c r="AA2200" s="16"/>
    </row>
    <row r="2201" spans="1:27" s="1" customFormat="1" ht="11.1" customHeight="1" outlineLevel="1" x14ac:dyDescent="0.2">
      <c r="A2201" s="16"/>
      <c r="B2201" s="16"/>
      <c r="C2201" s="16"/>
      <c r="D2201" s="16"/>
      <c r="E2201" s="16"/>
      <c r="F2201" s="16"/>
      <c r="G2201" s="16"/>
      <c r="H2201" s="16"/>
      <c r="I2201" s="16"/>
      <c r="J2201" s="16"/>
      <c r="K2201" s="16"/>
      <c r="L2201" s="16"/>
      <c r="M2201" s="16"/>
      <c r="N2201" s="16"/>
      <c r="O2201" s="16"/>
      <c r="P2201" s="16"/>
      <c r="Q2201" s="16"/>
      <c r="R2201" s="16"/>
      <c r="S2201" s="16"/>
      <c r="T2201" s="16"/>
      <c r="U2201" s="16"/>
      <c r="V2201" s="16"/>
      <c r="W2201" s="16"/>
      <c r="X2201" s="16"/>
      <c r="Y2201" s="16"/>
      <c r="Z2201" s="16"/>
      <c r="AA2201" s="16"/>
    </row>
    <row r="2202" spans="1:27" s="1" customFormat="1" ht="11.1" customHeight="1" outlineLevel="2" x14ac:dyDescent="0.2">
      <c r="A2202" s="16" t="s">
        <v>1109</v>
      </c>
      <c r="B2202" s="16"/>
      <c r="C2202" s="16"/>
      <c r="D2202" s="16"/>
      <c r="E2202" s="16"/>
      <c r="F2202" s="16"/>
      <c r="G2202" s="16"/>
      <c r="H2202" s="16"/>
      <c r="I2202" s="16"/>
      <c r="J2202" s="16"/>
      <c r="K2202" s="16"/>
      <c r="L2202" s="16"/>
      <c r="M2202" s="16"/>
      <c r="N2202" s="16"/>
      <c r="O2202" s="16"/>
      <c r="P2202" s="16"/>
      <c r="Q2202" s="16"/>
      <c r="R2202" s="16"/>
      <c r="S2202" s="16"/>
      <c r="T2202" s="16"/>
      <c r="U2202" s="16"/>
      <c r="V2202" s="16"/>
      <c r="W2202" s="16"/>
      <c r="X2202" s="16"/>
      <c r="Y2202" s="16"/>
      <c r="Z2202" s="16"/>
      <c r="AA2202" s="16"/>
    </row>
    <row r="2203" spans="1:27" s="1" customFormat="1" ht="11.1" customHeight="1" outlineLevel="2" x14ac:dyDescent="0.2">
      <c r="A2203" s="16"/>
      <c r="B2203" s="16"/>
      <c r="C2203" s="16"/>
      <c r="D2203" s="16"/>
      <c r="E2203" s="16"/>
      <c r="F2203" s="16"/>
      <c r="G2203" s="16"/>
      <c r="H2203" s="16"/>
      <c r="I2203" s="16"/>
      <c r="J2203" s="16"/>
      <c r="K2203" s="16"/>
      <c r="L2203" s="16"/>
      <c r="M2203" s="16"/>
      <c r="N2203" s="16"/>
      <c r="O2203" s="16"/>
      <c r="P2203" s="16"/>
      <c r="Q2203" s="16"/>
      <c r="R2203" s="16"/>
      <c r="S2203" s="16"/>
      <c r="T2203" s="16"/>
      <c r="U2203" s="16"/>
      <c r="V2203" s="16"/>
      <c r="W2203" s="16"/>
      <c r="X2203" s="16"/>
      <c r="Y2203" s="16"/>
      <c r="Z2203" s="16"/>
      <c r="AA2203" s="16"/>
    </row>
    <row r="2204" spans="1:27" s="1" customFormat="1" ht="14.1" customHeight="1" outlineLevel="3" x14ac:dyDescent="0.2">
      <c r="A2204" s="17">
        <v>17756</v>
      </c>
      <c r="B2204" s="17"/>
      <c r="C2204" s="17"/>
      <c r="D2204" s="18" t="s">
        <v>1110</v>
      </c>
      <c r="E2204" s="18"/>
      <c r="F2204" s="18"/>
      <c r="G2204" s="18"/>
      <c r="H2204" s="18"/>
      <c r="I2204" s="18"/>
      <c r="J2204" s="18"/>
      <c r="K2204" s="18"/>
      <c r="L2204" s="18"/>
      <c r="M2204" s="18"/>
      <c r="N2204" s="18"/>
      <c r="O2204" s="18"/>
      <c r="P2204" s="20">
        <v>1600</v>
      </c>
      <c r="Q2204" s="20"/>
      <c r="R2204" s="20"/>
      <c r="S2204" s="20"/>
      <c r="T2204" s="20">
        <v>1300</v>
      </c>
      <c r="U2204" s="20"/>
      <c r="V2204" s="20"/>
      <c r="W2204" s="20"/>
      <c r="X2204" s="19">
        <v>13</v>
      </c>
      <c r="Y2204" s="19"/>
      <c r="Z2204" s="19"/>
      <c r="AA2204" s="19"/>
    </row>
    <row r="2205" spans="1:27" s="1" customFormat="1" ht="14.1" customHeight="1" outlineLevel="3" x14ac:dyDescent="0.2">
      <c r="A2205" s="17"/>
      <c r="B2205" s="17"/>
      <c r="C2205" s="17"/>
      <c r="D2205" s="18"/>
      <c r="E2205" s="18"/>
      <c r="F2205" s="18"/>
      <c r="G2205" s="18"/>
      <c r="H2205" s="18"/>
      <c r="I2205" s="18"/>
      <c r="J2205" s="18"/>
      <c r="K2205" s="18"/>
      <c r="L2205" s="18"/>
      <c r="M2205" s="18"/>
      <c r="N2205" s="18"/>
      <c r="O2205" s="18"/>
      <c r="P2205" s="20"/>
      <c r="Q2205" s="20"/>
      <c r="R2205" s="20"/>
      <c r="S2205" s="20"/>
      <c r="T2205" s="20"/>
      <c r="U2205" s="20"/>
      <c r="V2205" s="20"/>
      <c r="W2205" s="20"/>
      <c r="X2205" s="19"/>
      <c r="Y2205" s="19"/>
      <c r="Z2205" s="19"/>
      <c r="AA2205" s="19"/>
    </row>
    <row r="2206" spans="1:27" s="1" customFormat="1" ht="14.1" customHeight="1" outlineLevel="3" x14ac:dyDescent="0.2">
      <c r="A2206" s="17">
        <v>17753</v>
      </c>
      <c r="B2206" s="17"/>
      <c r="C2206" s="17"/>
      <c r="D2206" s="18" t="s">
        <v>1111</v>
      </c>
      <c r="E2206" s="18"/>
      <c r="F2206" s="18"/>
      <c r="G2206" s="18"/>
      <c r="H2206" s="18"/>
      <c r="I2206" s="18"/>
      <c r="J2206" s="18"/>
      <c r="K2206" s="18"/>
      <c r="L2206" s="18"/>
      <c r="M2206" s="18"/>
      <c r="N2206" s="18"/>
      <c r="O2206" s="18"/>
      <c r="P2206" s="20">
        <v>2000</v>
      </c>
      <c r="Q2206" s="20"/>
      <c r="R2206" s="20"/>
      <c r="S2206" s="20"/>
      <c r="T2206" s="20">
        <v>1700</v>
      </c>
      <c r="U2206" s="20"/>
      <c r="V2206" s="20"/>
      <c r="W2206" s="20"/>
      <c r="X2206" s="19">
        <v>9</v>
      </c>
      <c r="Y2206" s="19"/>
      <c r="Z2206" s="19"/>
      <c r="AA2206" s="19"/>
    </row>
    <row r="2207" spans="1:27" s="1" customFormat="1" ht="14.1" customHeight="1" outlineLevel="3" x14ac:dyDescent="0.2">
      <c r="A2207" s="17"/>
      <c r="B2207" s="17"/>
      <c r="C2207" s="17"/>
      <c r="D2207" s="18"/>
      <c r="E2207" s="18"/>
      <c r="F2207" s="18"/>
      <c r="G2207" s="18"/>
      <c r="H2207" s="18"/>
      <c r="I2207" s="18"/>
      <c r="J2207" s="18"/>
      <c r="K2207" s="18"/>
      <c r="L2207" s="18"/>
      <c r="M2207" s="18"/>
      <c r="N2207" s="18"/>
      <c r="O2207" s="18"/>
      <c r="P2207" s="20"/>
      <c r="Q2207" s="20"/>
      <c r="R2207" s="20"/>
      <c r="S2207" s="20"/>
      <c r="T2207" s="20"/>
      <c r="U2207" s="20"/>
      <c r="V2207" s="20"/>
      <c r="W2207" s="20"/>
      <c r="X2207" s="19"/>
      <c r="Y2207" s="19"/>
      <c r="Z2207" s="19"/>
      <c r="AA2207" s="19"/>
    </row>
    <row r="2208" spans="1:27" s="1" customFormat="1" ht="14.1" customHeight="1" outlineLevel="3" x14ac:dyDescent="0.2">
      <c r="A2208" s="17">
        <v>17757</v>
      </c>
      <c r="B2208" s="17"/>
      <c r="C2208" s="17"/>
      <c r="D2208" s="18" t="s">
        <v>1112</v>
      </c>
      <c r="E2208" s="18"/>
      <c r="F2208" s="18"/>
      <c r="G2208" s="18"/>
      <c r="H2208" s="18"/>
      <c r="I2208" s="18"/>
      <c r="J2208" s="18"/>
      <c r="K2208" s="18"/>
      <c r="L2208" s="18"/>
      <c r="M2208" s="18"/>
      <c r="N2208" s="18"/>
      <c r="O2208" s="18"/>
      <c r="P2208" s="20">
        <v>2100</v>
      </c>
      <c r="Q2208" s="20"/>
      <c r="R2208" s="20"/>
      <c r="S2208" s="20"/>
      <c r="T2208" s="20">
        <v>1800</v>
      </c>
      <c r="U2208" s="20"/>
      <c r="V2208" s="20"/>
      <c r="W2208" s="20"/>
      <c r="X2208" s="19">
        <v>1</v>
      </c>
      <c r="Y2208" s="19"/>
      <c r="Z2208" s="19"/>
      <c r="AA2208" s="19"/>
    </row>
    <row r="2209" spans="1:27" s="1" customFormat="1" ht="14.1" customHeight="1" outlineLevel="3" x14ac:dyDescent="0.2">
      <c r="A2209" s="17"/>
      <c r="B2209" s="17"/>
      <c r="C2209" s="17"/>
      <c r="D2209" s="18"/>
      <c r="E2209" s="18"/>
      <c r="F2209" s="18"/>
      <c r="G2209" s="18"/>
      <c r="H2209" s="18"/>
      <c r="I2209" s="18"/>
      <c r="J2209" s="18"/>
      <c r="K2209" s="18"/>
      <c r="L2209" s="18"/>
      <c r="M2209" s="18"/>
      <c r="N2209" s="18"/>
      <c r="O2209" s="18"/>
      <c r="P2209" s="20"/>
      <c r="Q2209" s="20"/>
      <c r="R2209" s="20"/>
      <c r="S2209" s="20"/>
      <c r="T2209" s="20"/>
      <c r="U2209" s="20"/>
      <c r="V2209" s="20"/>
      <c r="W2209" s="20"/>
      <c r="X2209" s="19"/>
      <c r="Y2209" s="19"/>
      <c r="Z2209" s="19"/>
      <c r="AA2209" s="19"/>
    </row>
    <row r="2210" spans="1:27" s="1" customFormat="1" ht="14.1" customHeight="1" outlineLevel="3" x14ac:dyDescent="0.2">
      <c r="A2210" s="17">
        <v>17754</v>
      </c>
      <c r="B2210" s="17"/>
      <c r="C2210" s="17"/>
      <c r="D2210" s="18" t="s">
        <v>1113</v>
      </c>
      <c r="E2210" s="18"/>
      <c r="F2210" s="18"/>
      <c r="G2210" s="18"/>
      <c r="H2210" s="18"/>
      <c r="I2210" s="18"/>
      <c r="J2210" s="18"/>
      <c r="K2210" s="18"/>
      <c r="L2210" s="18"/>
      <c r="M2210" s="18"/>
      <c r="N2210" s="18"/>
      <c r="O2210" s="18"/>
      <c r="P2210" s="20">
        <v>2300</v>
      </c>
      <c r="Q2210" s="20"/>
      <c r="R2210" s="20"/>
      <c r="S2210" s="20"/>
      <c r="T2210" s="20">
        <v>2000</v>
      </c>
      <c r="U2210" s="20"/>
      <c r="V2210" s="20"/>
      <c r="W2210" s="20"/>
      <c r="X2210" s="19">
        <v>9</v>
      </c>
      <c r="Y2210" s="19"/>
      <c r="Z2210" s="19"/>
      <c r="AA2210" s="19"/>
    </row>
    <row r="2211" spans="1:27" s="1" customFormat="1" ht="14.1" customHeight="1" outlineLevel="3" x14ac:dyDescent="0.2">
      <c r="A2211" s="17"/>
      <c r="B2211" s="17"/>
      <c r="C2211" s="17"/>
      <c r="D2211" s="18"/>
      <c r="E2211" s="18"/>
      <c r="F2211" s="18"/>
      <c r="G2211" s="18"/>
      <c r="H2211" s="18"/>
      <c r="I2211" s="18"/>
      <c r="J2211" s="18"/>
      <c r="K2211" s="18"/>
      <c r="L2211" s="18"/>
      <c r="M2211" s="18"/>
      <c r="N2211" s="18"/>
      <c r="O2211" s="18"/>
      <c r="P2211" s="20"/>
      <c r="Q2211" s="20"/>
      <c r="R2211" s="20"/>
      <c r="S2211" s="20"/>
      <c r="T2211" s="20"/>
      <c r="U2211" s="20"/>
      <c r="V2211" s="20"/>
      <c r="W2211" s="20"/>
      <c r="X2211" s="19"/>
      <c r="Y2211" s="19"/>
      <c r="Z2211" s="19"/>
      <c r="AA2211" s="19"/>
    </row>
    <row r="2212" spans="1:27" s="1" customFormat="1" ht="14.1" customHeight="1" outlineLevel="3" x14ac:dyDescent="0.2">
      <c r="A2212" s="17">
        <v>17758</v>
      </c>
      <c r="B2212" s="17"/>
      <c r="C2212" s="17"/>
      <c r="D2212" s="18" t="s">
        <v>1114</v>
      </c>
      <c r="E2212" s="18"/>
      <c r="F2212" s="18"/>
      <c r="G2212" s="18"/>
      <c r="H2212" s="18"/>
      <c r="I2212" s="18"/>
      <c r="J2212" s="18"/>
      <c r="K2212" s="18"/>
      <c r="L2212" s="18"/>
      <c r="M2212" s="18"/>
      <c r="N2212" s="18"/>
      <c r="O2212" s="18"/>
      <c r="P2212" s="20">
        <v>3400</v>
      </c>
      <c r="Q2212" s="20"/>
      <c r="R2212" s="20"/>
      <c r="S2212" s="20"/>
      <c r="T2212" s="20">
        <v>3100</v>
      </c>
      <c r="U2212" s="20"/>
      <c r="V2212" s="20"/>
      <c r="W2212" s="20"/>
      <c r="X2212" s="19">
        <v>1</v>
      </c>
      <c r="Y2212" s="19"/>
      <c r="Z2212" s="19"/>
      <c r="AA2212" s="19"/>
    </row>
    <row r="2213" spans="1:27" s="1" customFormat="1" ht="14.1" customHeight="1" outlineLevel="3" x14ac:dyDescent="0.2">
      <c r="A2213" s="17"/>
      <c r="B2213" s="17"/>
      <c r="C2213" s="17"/>
      <c r="D2213" s="18"/>
      <c r="E2213" s="18"/>
      <c r="F2213" s="18"/>
      <c r="G2213" s="18"/>
      <c r="H2213" s="18"/>
      <c r="I2213" s="18"/>
      <c r="J2213" s="18"/>
      <c r="K2213" s="18"/>
      <c r="L2213" s="18"/>
      <c r="M2213" s="18"/>
      <c r="N2213" s="18"/>
      <c r="O2213" s="18"/>
      <c r="P2213" s="20"/>
      <c r="Q2213" s="20"/>
      <c r="R2213" s="20"/>
      <c r="S2213" s="20"/>
      <c r="T2213" s="20"/>
      <c r="U2213" s="20"/>
      <c r="V2213" s="20"/>
      <c r="W2213" s="20"/>
      <c r="X2213" s="19"/>
      <c r="Y2213" s="19"/>
      <c r="Z2213" s="19"/>
      <c r="AA2213" s="19"/>
    </row>
    <row r="2214" spans="1:27" s="1" customFormat="1" ht="14.1" customHeight="1" outlineLevel="3" x14ac:dyDescent="0.2">
      <c r="A2214" s="17">
        <v>17755</v>
      </c>
      <c r="B2214" s="17"/>
      <c r="C2214" s="17"/>
      <c r="D2214" s="18" t="s">
        <v>1115</v>
      </c>
      <c r="E2214" s="18"/>
      <c r="F2214" s="18"/>
      <c r="G2214" s="18"/>
      <c r="H2214" s="18"/>
      <c r="I2214" s="18"/>
      <c r="J2214" s="18"/>
      <c r="K2214" s="18"/>
      <c r="L2214" s="18"/>
      <c r="M2214" s="18"/>
      <c r="N2214" s="18"/>
      <c r="O2214" s="18"/>
      <c r="P2214" s="20">
        <v>3900</v>
      </c>
      <c r="Q2214" s="20"/>
      <c r="R2214" s="20"/>
      <c r="S2214" s="20"/>
      <c r="T2214" s="20">
        <v>3600</v>
      </c>
      <c r="U2214" s="20"/>
      <c r="V2214" s="20"/>
      <c r="W2214" s="20"/>
      <c r="X2214" s="19">
        <v>5</v>
      </c>
      <c r="Y2214" s="19"/>
      <c r="Z2214" s="19"/>
      <c r="AA2214" s="19"/>
    </row>
    <row r="2215" spans="1:27" s="1" customFormat="1" ht="14.1" customHeight="1" outlineLevel="3" x14ac:dyDescent="0.2">
      <c r="A2215" s="17"/>
      <c r="B2215" s="17"/>
      <c r="C2215" s="17"/>
      <c r="D2215" s="18"/>
      <c r="E2215" s="18"/>
      <c r="F2215" s="18"/>
      <c r="G2215" s="18"/>
      <c r="H2215" s="18"/>
      <c r="I2215" s="18"/>
      <c r="J2215" s="18"/>
      <c r="K2215" s="18"/>
      <c r="L2215" s="18"/>
      <c r="M2215" s="18"/>
      <c r="N2215" s="18"/>
      <c r="O2215" s="18"/>
      <c r="P2215" s="20"/>
      <c r="Q2215" s="20"/>
      <c r="R2215" s="20"/>
      <c r="S2215" s="20"/>
      <c r="T2215" s="20"/>
      <c r="U2215" s="20"/>
      <c r="V2215" s="20"/>
      <c r="W2215" s="20"/>
      <c r="X2215" s="19"/>
      <c r="Y2215" s="19"/>
      <c r="Z2215" s="19"/>
      <c r="AA2215" s="19"/>
    </row>
    <row r="2216" spans="1:27" s="1" customFormat="1" ht="11.1" customHeight="1" outlineLevel="2" x14ac:dyDescent="0.2">
      <c r="A2216" s="16" t="s">
        <v>1116</v>
      </c>
      <c r="B2216" s="16"/>
      <c r="C2216" s="16"/>
      <c r="D2216" s="16"/>
      <c r="E2216" s="16"/>
      <c r="F2216" s="16"/>
      <c r="G2216" s="16"/>
      <c r="H2216" s="16"/>
      <c r="I2216" s="16"/>
      <c r="J2216" s="16"/>
      <c r="K2216" s="16"/>
      <c r="L2216" s="16"/>
      <c r="M2216" s="16"/>
      <c r="N2216" s="16"/>
      <c r="O2216" s="16"/>
      <c r="P2216" s="16"/>
      <c r="Q2216" s="16"/>
      <c r="R2216" s="16"/>
      <c r="S2216" s="16"/>
      <c r="T2216" s="16"/>
      <c r="U2216" s="16"/>
      <c r="V2216" s="16"/>
      <c r="W2216" s="16"/>
      <c r="X2216" s="16"/>
      <c r="Y2216" s="16"/>
      <c r="Z2216" s="16"/>
      <c r="AA2216" s="16"/>
    </row>
    <row r="2217" spans="1:27" s="1" customFormat="1" ht="11.1" customHeight="1" outlineLevel="2" x14ac:dyDescent="0.2">
      <c r="A2217" s="16"/>
      <c r="B2217" s="16"/>
      <c r="C2217" s="16"/>
      <c r="D2217" s="16"/>
      <c r="E2217" s="16"/>
      <c r="F2217" s="16"/>
      <c r="G2217" s="16"/>
      <c r="H2217" s="16"/>
      <c r="I2217" s="16"/>
      <c r="J2217" s="16"/>
      <c r="K2217" s="16"/>
      <c r="L2217" s="16"/>
      <c r="M2217" s="16"/>
      <c r="N2217" s="16"/>
      <c r="O2217" s="16"/>
      <c r="P2217" s="16"/>
      <c r="Q2217" s="16"/>
      <c r="R2217" s="16"/>
      <c r="S2217" s="16"/>
      <c r="T2217" s="16"/>
      <c r="U2217" s="16"/>
      <c r="V2217" s="16"/>
      <c r="W2217" s="16"/>
      <c r="X2217" s="16"/>
      <c r="Y2217" s="16"/>
      <c r="Z2217" s="16"/>
      <c r="AA2217" s="16"/>
    </row>
    <row r="2218" spans="1:27" s="1" customFormat="1" ht="14.1" customHeight="1" outlineLevel="3" x14ac:dyDescent="0.2">
      <c r="A2218" s="17">
        <v>13389</v>
      </c>
      <c r="B2218" s="17"/>
      <c r="C2218" s="17"/>
      <c r="D2218" s="18" t="s">
        <v>1117</v>
      </c>
      <c r="E2218" s="18"/>
      <c r="F2218" s="18"/>
      <c r="G2218" s="18"/>
      <c r="H2218" s="18"/>
      <c r="I2218" s="18"/>
      <c r="J2218" s="18"/>
      <c r="K2218" s="18"/>
      <c r="L2218" s="18"/>
      <c r="M2218" s="18"/>
      <c r="N2218" s="18"/>
      <c r="O2218" s="18"/>
      <c r="P2218" s="20">
        <v>18000</v>
      </c>
      <c r="Q2218" s="20"/>
      <c r="R2218" s="20"/>
      <c r="S2218" s="20"/>
      <c r="T2218" s="20">
        <v>16000</v>
      </c>
      <c r="U2218" s="20"/>
      <c r="V2218" s="20"/>
      <c r="W2218" s="20"/>
      <c r="X2218" s="19">
        <v>1</v>
      </c>
      <c r="Y2218" s="19"/>
      <c r="Z2218" s="19"/>
      <c r="AA2218" s="19"/>
    </row>
    <row r="2219" spans="1:27" s="1" customFormat="1" ht="14.1" customHeight="1" outlineLevel="3" x14ac:dyDescent="0.2">
      <c r="A2219" s="17"/>
      <c r="B2219" s="17"/>
      <c r="C2219" s="17"/>
      <c r="D2219" s="18"/>
      <c r="E2219" s="18"/>
      <c r="F2219" s="18"/>
      <c r="G2219" s="18"/>
      <c r="H2219" s="18"/>
      <c r="I2219" s="18"/>
      <c r="J2219" s="18"/>
      <c r="K2219" s="18"/>
      <c r="L2219" s="18"/>
      <c r="M2219" s="18"/>
      <c r="N2219" s="18"/>
      <c r="O2219" s="18"/>
      <c r="P2219" s="20"/>
      <c r="Q2219" s="20"/>
      <c r="R2219" s="20"/>
      <c r="S2219" s="20"/>
      <c r="T2219" s="20"/>
      <c r="U2219" s="20"/>
      <c r="V2219" s="20"/>
      <c r="W2219" s="20"/>
      <c r="X2219" s="19"/>
      <c r="Y2219" s="19"/>
      <c r="Z2219" s="19"/>
      <c r="AA2219" s="19"/>
    </row>
    <row r="2220" spans="1:27" s="1" customFormat="1" ht="11.1" customHeight="1" outlineLevel="1" x14ac:dyDescent="0.2">
      <c r="A2220" s="16" t="s">
        <v>1118</v>
      </c>
      <c r="B2220" s="16"/>
      <c r="C2220" s="16"/>
      <c r="D2220" s="16"/>
      <c r="E2220" s="16"/>
      <c r="F2220" s="16"/>
      <c r="G2220" s="16"/>
      <c r="H2220" s="16"/>
      <c r="I2220" s="16"/>
      <c r="J2220" s="16"/>
      <c r="K2220" s="16"/>
      <c r="L2220" s="16"/>
      <c r="M2220" s="16"/>
      <c r="N2220" s="16"/>
      <c r="O2220" s="16"/>
      <c r="P2220" s="16"/>
      <c r="Q2220" s="16"/>
      <c r="R2220" s="16"/>
      <c r="S2220" s="16"/>
      <c r="T2220" s="16"/>
      <c r="U2220" s="16"/>
      <c r="V2220" s="16"/>
      <c r="W2220" s="16"/>
      <c r="X2220" s="16"/>
      <c r="Y2220" s="16"/>
      <c r="Z2220" s="16"/>
      <c r="AA2220" s="16"/>
    </row>
    <row r="2221" spans="1:27" s="1" customFormat="1" ht="11.1" customHeight="1" outlineLevel="1" x14ac:dyDescent="0.2">
      <c r="A2221" s="16"/>
      <c r="B2221" s="16"/>
      <c r="C2221" s="16"/>
      <c r="D2221" s="16"/>
      <c r="E2221" s="16"/>
      <c r="F2221" s="16"/>
      <c r="G2221" s="16"/>
      <c r="H2221" s="16"/>
      <c r="I2221" s="16"/>
      <c r="J2221" s="16"/>
      <c r="K2221" s="16"/>
      <c r="L2221" s="16"/>
      <c r="M2221" s="16"/>
      <c r="N2221" s="16"/>
      <c r="O2221" s="16"/>
      <c r="P2221" s="16"/>
      <c r="Q2221" s="16"/>
      <c r="R2221" s="16"/>
      <c r="S2221" s="16"/>
      <c r="T2221" s="16"/>
      <c r="U2221" s="16"/>
      <c r="V2221" s="16"/>
      <c r="W2221" s="16"/>
      <c r="X2221" s="16"/>
      <c r="Y2221" s="16"/>
      <c r="Z2221" s="16"/>
      <c r="AA2221" s="16"/>
    </row>
    <row r="2222" spans="1:27" s="1" customFormat="1" ht="21" customHeight="1" outlineLevel="2" x14ac:dyDescent="0.2">
      <c r="A2222" s="17">
        <v>14586</v>
      </c>
      <c r="B2222" s="17"/>
      <c r="C2222" s="17"/>
      <c r="D2222" s="18" t="s">
        <v>1119</v>
      </c>
      <c r="E2222" s="18"/>
      <c r="F2222" s="18"/>
      <c r="G2222" s="18"/>
      <c r="H2222" s="18"/>
      <c r="I2222" s="18"/>
      <c r="J2222" s="18"/>
      <c r="K2222" s="18"/>
      <c r="L2222" s="18"/>
      <c r="M2222" s="18"/>
      <c r="N2222" s="18"/>
      <c r="O2222" s="18"/>
      <c r="P2222" s="20">
        <v>4000</v>
      </c>
      <c r="Q2222" s="20"/>
      <c r="R2222" s="20"/>
      <c r="S2222" s="20"/>
      <c r="T2222" s="20">
        <v>3500</v>
      </c>
      <c r="U2222" s="20"/>
      <c r="V2222" s="20"/>
      <c r="W2222" s="20"/>
      <c r="X2222" s="19">
        <v>1</v>
      </c>
      <c r="Y2222" s="19"/>
      <c r="Z2222" s="19"/>
      <c r="AA2222" s="19"/>
    </row>
    <row r="2223" spans="1:27" s="1" customFormat="1" ht="21" customHeight="1" outlineLevel="2" x14ac:dyDescent="0.2">
      <c r="A2223" s="17"/>
      <c r="B2223" s="17"/>
      <c r="C2223" s="17"/>
      <c r="D2223" s="18"/>
      <c r="E2223" s="18"/>
      <c r="F2223" s="18"/>
      <c r="G2223" s="18"/>
      <c r="H2223" s="18"/>
      <c r="I2223" s="18"/>
      <c r="J2223" s="18"/>
      <c r="K2223" s="18"/>
      <c r="L2223" s="18"/>
      <c r="M2223" s="18"/>
      <c r="N2223" s="18"/>
      <c r="O2223" s="18"/>
      <c r="P2223" s="20"/>
      <c r="Q2223" s="20"/>
      <c r="R2223" s="20"/>
      <c r="S2223" s="20"/>
      <c r="T2223" s="20"/>
      <c r="U2223" s="20"/>
      <c r="V2223" s="20"/>
      <c r="W2223" s="20"/>
      <c r="X2223" s="19"/>
      <c r="Y2223" s="19"/>
      <c r="Z2223" s="19"/>
      <c r="AA2223" s="19"/>
    </row>
    <row r="2224" spans="1:27" s="1" customFormat="1" ht="11.1" customHeight="1" outlineLevel="1" x14ac:dyDescent="0.2">
      <c r="A2224" s="16" t="s">
        <v>1120</v>
      </c>
      <c r="B2224" s="16"/>
      <c r="C2224" s="16"/>
      <c r="D2224" s="16"/>
      <c r="E2224" s="16"/>
      <c r="F2224" s="16"/>
      <c r="G2224" s="16"/>
      <c r="H2224" s="16"/>
      <c r="I2224" s="16"/>
      <c r="J2224" s="16"/>
      <c r="K2224" s="16"/>
      <c r="L2224" s="16"/>
      <c r="M2224" s="16"/>
      <c r="N2224" s="16"/>
      <c r="O2224" s="16"/>
      <c r="P2224" s="16"/>
      <c r="Q2224" s="16"/>
      <c r="R2224" s="16"/>
      <c r="S2224" s="16"/>
      <c r="T2224" s="16"/>
      <c r="U2224" s="16"/>
      <c r="V2224" s="16"/>
      <c r="W2224" s="16"/>
      <c r="X2224" s="16"/>
      <c r="Y2224" s="16"/>
      <c r="Z2224" s="16"/>
      <c r="AA2224" s="16"/>
    </row>
    <row r="2225" spans="1:27" s="1" customFormat="1" ht="11.1" customHeight="1" outlineLevel="1" x14ac:dyDescent="0.2">
      <c r="A2225" s="16"/>
      <c r="B2225" s="16"/>
      <c r="C2225" s="16"/>
      <c r="D2225" s="16"/>
      <c r="E2225" s="16"/>
      <c r="F2225" s="16"/>
      <c r="G2225" s="16"/>
      <c r="H2225" s="16"/>
      <c r="I2225" s="16"/>
      <c r="J2225" s="16"/>
      <c r="K2225" s="16"/>
      <c r="L2225" s="16"/>
      <c r="M2225" s="16"/>
      <c r="N2225" s="16"/>
      <c r="O2225" s="16"/>
      <c r="P2225" s="16"/>
      <c r="Q2225" s="16"/>
      <c r="R2225" s="16"/>
      <c r="S2225" s="16"/>
      <c r="T2225" s="16"/>
      <c r="U2225" s="16"/>
      <c r="V2225" s="16"/>
      <c r="W2225" s="16"/>
      <c r="X2225" s="16"/>
      <c r="Y2225" s="16"/>
      <c r="Z2225" s="16"/>
      <c r="AA2225" s="16"/>
    </row>
    <row r="2226" spans="1:27" s="1" customFormat="1" ht="14.1" customHeight="1" outlineLevel="2" x14ac:dyDescent="0.2">
      <c r="A2226" s="17">
        <v>13445</v>
      </c>
      <c r="B2226" s="17"/>
      <c r="C2226" s="17"/>
      <c r="D2226" s="18" t="s">
        <v>1121</v>
      </c>
      <c r="E2226" s="18"/>
      <c r="F2226" s="18"/>
      <c r="G2226" s="18"/>
      <c r="H2226" s="18"/>
      <c r="I2226" s="18"/>
      <c r="J2226" s="18"/>
      <c r="K2226" s="18"/>
      <c r="L2226" s="18"/>
      <c r="M2226" s="18"/>
      <c r="N2226" s="18"/>
      <c r="O2226" s="18"/>
      <c r="P2226" s="20">
        <v>5300</v>
      </c>
      <c r="Q2226" s="20"/>
      <c r="R2226" s="20"/>
      <c r="S2226" s="20"/>
      <c r="T2226" s="20">
        <v>4900</v>
      </c>
      <c r="U2226" s="20"/>
      <c r="V2226" s="20"/>
      <c r="W2226" s="20"/>
      <c r="X2226" s="19">
        <v>1</v>
      </c>
      <c r="Y2226" s="19"/>
      <c r="Z2226" s="19"/>
      <c r="AA2226" s="19"/>
    </row>
    <row r="2227" spans="1:27" s="1" customFormat="1" ht="14.1" customHeight="1" outlineLevel="2" x14ac:dyDescent="0.2">
      <c r="A2227" s="17"/>
      <c r="B2227" s="17"/>
      <c r="C2227" s="17"/>
      <c r="D2227" s="18"/>
      <c r="E2227" s="18"/>
      <c r="F2227" s="18"/>
      <c r="G2227" s="18"/>
      <c r="H2227" s="18"/>
      <c r="I2227" s="18"/>
      <c r="J2227" s="18"/>
      <c r="K2227" s="18"/>
      <c r="L2227" s="18"/>
      <c r="M2227" s="18"/>
      <c r="N2227" s="18"/>
      <c r="O2227" s="18"/>
      <c r="P2227" s="20"/>
      <c r="Q2227" s="20"/>
      <c r="R2227" s="20"/>
      <c r="S2227" s="20"/>
      <c r="T2227" s="20"/>
      <c r="U2227" s="20"/>
      <c r="V2227" s="20"/>
      <c r="W2227" s="20"/>
      <c r="X2227" s="19"/>
      <c r="Y2227" s="19"/>
      <c r="Z2227" s="19"/>
      <c r="AA2227" s="19"/>
    </row>
    <row r="2228" spans="1:27" s="1" customFormat="1" ht="14.1" customHeight="1" outlineLevel="2" x14ac:dyDescent="0.2">
      <c r="A2228" s="17">
        <v>7950</v>
      </c>
      <c r="B2228" s="17"/>
      <c r="C2228" s="17"/>
      <c r="D2228" s="18" t="s">
        <v>1122</v>
      </c>
      <c r="E2228" s="18"/>
      <c r="F2228" s="18"/>
      <c r="G2228" s="18"/>
      <c r="H2228" s="18"/>
      <c r="I2228" s="18"/>
      <c r="J2228" s="18"/>
      <c r="K2228" s="18"/>
      <c r="L2228" s="18"/>
      <c r="M2228" s="18"/>
      <c r="N2228" s="18"/>
      <c r="O2228" s="18"/>
      <c r="P2228" s="20">
        <v>2700</v>
      </c>
      <c r="Q2228" s="20"/>
      <c r="R2228" s="20"/>
      <c r="S2228" s="20"/>
      <c r="T2228" s="20">
        <v>2500</v>
      </c>
      <c r="U2228" s="20"/>
      <c r="V2228" s="20"/>
      <c r="W2228" s="20"/>
      <c r="X2228" s="19">
        <v>1</v>
      </c>
      <c r="Y2228" s="19"/>
      <c r="Z2228" s="19"/>
      <c r="AA2228" s="19"/>
    </row>
    <row r="2229" spans="1:27" s="1" customFormat="1" ht="14.1" customHeight="1" outlineLevel="2" x14ac:dyDescent="0.2">
      <c r="A2229" s="17"/>
      <c r="B2229" s="17"/>
      <c r="C2229" s="17"/>
      <c r="D2229" s="18"/>
      <c r="E2229" s="18"/>
      <c r="F2229" s="18"/>
      <c r="G2229" s="18"/>
      <c r="H2229" s="18"/>
      <c r="I2229" s="18"/>
      <c r="J2229" s="18"/>
      <c r="K2229" s="18"/>
      <c r="L2229" s="18"/>
      <c r="M2229" s="18"/>
      <c r="N2229" s="18"/>
      <c r="O2229" s="18"/>
      <c r="P2229" s="20"/>
      <c r="Q2229" s="20"/>
      <c r="R2229" s="20"/>
      <c r="S2229" s="20"/>
      <c r="T2229" s="20"/>
      <c r="U2229" s="20"/>
      <c r="V2229" s="20"/>
      <c r="W2229" s="20"/>
      <c r="X2229" s="19"/>
      <c r="Y2229" s="19"/>
      <c r="Z2229" s="19"/>
      <c r="AA2229" s="19"/>
    </row>
    <row r="2230" spans="1:27" s="1" customFormat="1" ht="11.1" customHeight="1" outlineLevel="1" x14ac:dyDescent="0.2">
      <c r="A2230" s="16" t="s">
        <v>1123</v>
      </c>
      <c r="B2230" s="16"/>
      <c r="C2230" s="16"/>
      <c r="D2230" s="16"/>
      <c r="E2230" s="16"/>
      <c r="F2230" s="16"/>
      <c r="G2230" s="16"/>
      <c r="H2230" s="16"/>
      <c r="I2230" s="16"/>
      <c r="J2230" s="16"/>
      <c r="K2230" s="16"/>
      <c r="L2230" s="16"/>
      <c r="M2230" s="16"/>
      <c r="N2230" s="16"/>
      <c r="O2230" s="16"/>
      <c r="P2230" s="16"/>
      <c r="Q2230" s="16"/>
      <c r="R2230" s="16"/>
      <c r="S2230" s="16"/>
      <c r="T2230" s="16"/>
      <c r="U2230" s="16"/>
      <c r="V2230" s="16"/>
      <c r="W2230" s="16"/>
      <c r="X2230" s="16"/>
      <c r="Y2230" s="16"/>
      <c r="Z2230" s="16"/>
      <c r="AA2230" s="16"/>
    </row>
    <row r="2231" spans="1:27" s="1" customFormat="1" ht="11.1" customHeight="1" outlineLevel="1" x14ac:dyDescent="0.2">
      <c r="A2231" s="16"/>
      <c r="B2231" s="16"/>
      <c r="C2231" s="16"/>
      <c r="D2231" s="16"/>
      <c r="E2231" s="16"/>
      <c r="F2231" s="16"/>
      <c r="G2231" s="16"/>
      <c r="H2231" s="16"/>
      <c r="I2231" s="16"/>
      <c r="J2231" s="16"/>
      <c r="K2231" s="16"/>
      <c r="L2231" s="16"/>
      <c r="M2231" s="16"/>
      <c r="N2231" s="16"/>
      <c r="O2231" s="16"/>
      <c r="P2231" s="16"/>
      <c r="Q2231" s="16"/>
      <c r="R2231" s="16"/>
      <c r="S2231" s="16"/>
      <c r="T2231" s="16"/>
      <c r="U2231" s="16"/>
      <c r="V2231" s="16"/>
      <c r="W2231" s="16"/>
      <c r="X2231" s="16"/>
      <c r="Y2231" s="16"/>
      <c r="Z2231" s="16"/>
      <c r="AA2231" s="16"/>
    </row>
    <row r="2232" spans="1:27" s="1" customFormat="1" ht="14.1" customHeight="1" outlineLevel="2" x14ac:dyDescent="0.2">
      <c r="A2232" s="17">
        <v>15198</v>
      </c>
      <c r="B2232" s="17"/>
      <c r="C2232" s="17"/>
      <c r="D2232" s="18" t="s">
        <v>1124</v>
      </c>
      <c r="E2232" s="18"/>
      <c r="F2232" s="18"/>
      <c r="G2232" s="18"/>
      <c r="H2232" s="18"/>
      <c r="I2232" s="18"/>
      <c r="J2232" s="18"/>
      <c r="K2232" s="18"/>
      <c r="L2232" s="18"/>
      <c r="M2232" s="18"/>
      <c r="N2232" s="18"/>
      <c r="O2232" s="18"/>
      <c r="P2232" s="20">
        <v>1100</v>
      </c>
      <c r="Q2232" s="20"/>
      <c r="R2232" s="20"/>
      <c r="S2232" s="20"/>
      <c r="T2232" s="20">
        <v>1000</v>
      </c>
      <c r="U2232" s="20"/>
      <c r="V2232" s="20"/>
      <c r="W2232" s="20"/>
      <c r="X2232" s="19">
        <v>5</v>
      </c>
      <c r="Y2232" s="19"/>
      <c r="Z2232" s="19"/>
      <c r="AA2232" s="19"/>
    </row>
    <row r="2233" spans="1:27" s="1" customFormat="1" ht="14.1" customHeight="1" outlineLevel="2" x14ac:dyDescent="0.2">
      <c r="A2233" s="17"/>
      <c r="B2233" s="17"/>
      <c r="C2233" s="17"/>
      <c r="D2233" s="18"/>
      <c r="E2233" s="18"/>
      <c r="F2233" s="18"/>
      <c r="G2233" s="18"/>
      <c r="H2233" s="18"/>
      <c r="I2233" s="18"/>
      <c r="J2233" s="18"/>
      <c r="K2233" s="18"/>
      <c r="L2233" s="18"/>
      <c r="M2233" s="18"/>
      <c r="N2233" s="18"/>
      <c r="O2233" s="18"/>
      <c r="P2233" s="20"/>
      <c r="Q2233" s="20"/>
      <c r="R2233" s="20"/>
      <c r="S2233" s="20"/>
      <c r="T2233" s="20"/>
      <c r="U2233" s="20"/>
      <c r="V2233" s="20"/>
      <c r="W2233" s="20"/>
      <c r="X2233" s="19"/>
      <c r="Y2233" s="19"/>
      <c r="Z2233" s="19"/>
      <c r="AA2233" s="19"/>
    </row>
    <row r="2234" spans="1:27" s="1" customFormat="1" ht="14.1" customHeight="1" outlineLevel="2" x14ac:dyDescent="0.2">
      <c r="A2234" s="17">
        <v>15200</v>
      </c>
      <c r="B2234" s="17"/>
      <c r="C2234" s="17"/>
      <c r="D2234" s="18" t="s">
        <v>1125</v>
      </c>
      <c r="E2234" s="18"/>
      <c r="F2234" s="18"/>
      <c r="G2234" s="18"/>
      <c r="H2234" s="18"/>
      <c r="I2234" s="18"/>
      <c r="J2234" s="18"/>
      <c r="K2234" s="18"/>
      <c r="L2234" s="18"/>
      <c r="M2234" s="18"/>
      <c r="N2234" s="18"/>
      <c r="O2234" s="18"/>
      <c r="P2234" s="20">
        <v>1210</v>
      </c>
      <c r="Q2234" s="20"/>
      <c r="R2234" s="20"/>
      <c r="S2234" s="20"/>
      <c r="T2234" s="20">
        <v>1100</v>
      </c>
      <c r="U2234" s="20"/>
      <c r="V2234" s="20"/>
      <c r="W2234" s="20"/>
      <c r="X2234" s="19">
        <v>6</v>
      </c>
      <c r="Y2234" s="19"/>
      <c r="Z2234" s="19"/>
      <c r="AA2234" s="19"/>
    </row>
    <row r="2235" spans="1:27" s="1" customFormat="1" ht="14.1" customHeight="1" outlineLevel="2" x14ac:dyDescent="0.2">
      <c r="A2235" s="17"/>
      <c r="B2235" s="17"/>
      <c r="C2235" s="17"/>
      <c r="D2235" s="18"/>
      <c r="E2235" s="18"/>
      <c r="F2235" s="18"/>
      <c r="G2235" s="18"/>
      <c r="H2235" s="18"/>
      <c r="I2235" s="18"/>
      <c r="J2235" s="18"/>
      <c r="K2235" s="18"/>
      <c r="L2235" s="18"/>
      <c r="M2235" s="18"/>
      <c r="N2235" s="18"/>
      <c r="O2235" s="18"/>
      <c r="P2235" s="20"/>
      <c r="Q2235" s="20"/>
      <c r="R2235" s="20"/>
      <c r="S2235" s="20"/>
      <c r="T2235" s="20"/>
      <c r="U2235" s="20"/>
      <c r="V2235" s="20"/>
      <c r="W2235" s="20"/>
      <c r="X2235" s="19"/>
      <c r="Y2235" s="19"/>
      <c r="Z2235" s="19"/>
      <c r="AA2235" s="19"/>
    </row>
    <row r="2236" spans="1:27" s="1" customFormat="1" ht="14.1" customHeight="1" outlineLevel="2" x14ac:dyDescent="0.2">
      <c r="A2236" s="17">
        <v>15199</v>
      </c>
      <c r="B2236" s="17"/>
      <c r="C2236" s="17"/>
      <c r="D2236" s="18" t="s">
        <v>1126</v>
      </c>
      <c r="E2236" s="18"/>
      <c r="F2236" s="18"/>
      <c r="G2236" s="18"/>
      <c r="H2236" s="18"/>
      <c r="I2236" s="18"/>
      <c r="J2236" s="18"/>
      <c r="K2236" s="18"/>
      <c r="L2236" s="18"/>
      <c r="M2236" s="18"/>
      <c r="N2236" s="18"/>
      <c r="O2236" s="18"/>
      <c r="P2236" s="20">
        <v>1730</v>
      </c>
      <c r="Q2236" s="20"/>
      <c r="R2236" s="20"/>
      <c r="S2236" s="20"/>
      <c r="T2236" s="20">
        <v>1600</v>
      </c>
      <c r="U2236" s="20"/>
      <c r="V2236" s="20"/>
      <c r="W2236" s="20"/>
      <c r="X2236" s="19">
        <v>5</v>
      </c>
      <c r="Y2236" s="19"/>
      <c r="Z2236" s="19"/>
      <c r="AA2236" s="19"/>
    </row>
    <row r="2237" spans="1:27" s="1" customFormat="1" ht="14.1" customHeight="1" outlineLevel="2" x14ac:dyDescent="0.2">
      <c r="A2237" s="17"/>
      <c r="B2237" s="17"/>
      <c r="C2237" s="17"/>
      <c r="D2237" s="18"/>
      <c r="E2237" s="18"/>
      <c r="F2237" s="18"/>
      <c r="G2237" s="18"/>
      <c r="H2237" s="18"/>
      <c r="I2237" s="18"/>
      <c r="J2237" s="18"/>
      <c r="K2237" s="18"/>
      <c r="L2237" s="18"/>
      <c r="M2237" s="18"/>
      <c r="N2237" s="18"/>
      <c r="O2237" s="18"/>
      <c r="P2237" s="20"/>
      <c r="Q2237" s="20"/>
      <c r="R2237" s="20"/>
      <c r="S2237" s="20"/>
      <c r="T2237" s="20"/>
      <c r="U2237" s="20"/>
      <c r="V2237" s="20"/>
      <c r="W2237" s="20"/>
      <c r="X2237" s="19"/>
      <c r="Y2237" s="19"/>
      <c r="Z2237" s="19"/>
      <c r="AA2237" s="19"/>
    </row>
    <row r="2238" spans="1:27" s="1" customFormat="1" ht="11.1" customHeight="1" outlineLevel="1" x14ac:dyDescent="0.2">
      <c r="A2238" s="16" t="s">
        <v>1127</v>
      </c>
      <c r="B2238" s="16"/>
      <c r="C2238" s="16"/>
      <c r="D2238" s="16"/>
      <c r="E2238" s="16"/>
      <c r="F2238" s="16"/>
      <c r="G2238" s="16"/>
      <c r="H2238" s="16"/>
      <c r="I2238" s="16"/>
      <c r="J2238" s="16"/>
      <c r="K2238" s="16"/>
      <c r="L2238" s="16"/>
      <c r="M2238" s="16"/>
      <c r="N2238" s="16"/>
      <c r="O2238" s="16"/>
      <c r="P2238" s="16"/>
      <c r="Q2238" s="16"/>
      <c r="R2238" s="16"/>
      <c r="S2238" s="16"/>
      <c r="T2238" s="16"/>
      <c r="U2238" s="16"/>
      <c r="V2238" s="16"/>
      <c r="W2238" s="16"/>
      <c r="X2238" s="16"/>
      <c r="Y2238" s="16"/>
      <c r="Z2238" s="16"/>
      <c r="AA2238" s="16"/>
    </row>
    <row r="2239" spans="1:27" s="1" customFormat="1" ht="11.1" customHeight="1" outlineLevel="1" x14ac:dyDescent="0.2">
      <c r="A2239" s="16"/>
      <c r="B2239" s="16"/>
      <c r="C2239" s="16"/>
      <c r="D2239" s="16"/>
      <c r="E2239" s="16"/>
      <c r="F2239" s="16"/>
      <c r="G2239" s="16"/>
      <c r="H2239" s="16"/>
      <c r="I2239" s="16"/>
      <c r="J2239" s="16"/>
      <c r="K2239" s="16"/>
      <c r="L2239" s="16"/>
      <c r="M2239" s="16"/>
      <c r="N2239" s="16"/>
      <c r="O2239" s="16"/>
      <c r="P2239" s="16"/>
      <c r="Q2239" s="16"/>
      <c r="R2239" s="16"/>
      <c r="S2239" s="16"/>
      <c r="T2239" s="16"/>
      <c r="U2239" s="16"/>
      <c r="V2239" s="16"/>
      <c r="W2239" s="16"/>
      <c r="X2239" s="16"/>
      <c r="Y2239" s="16"/>
      <c r="Z2239" s="16"/>
      <c r="AA2239" s="16"/>
    </row>
    <row r="2240" spans="1:27" s="1" customFormat="1" ht="11.1" customHeight="1" outlineLevel="2" x14ac:dyDescent="0.2">
      <c r="A2240" s="17">
        <v>12533</v>
      </c>
      <c r="B2240" s="17"/>
      <c r="C2240" s="17"/>
      <c r="D2240" s="18" t="s">
        <v>1128</v>
      </c>
      <c r="E2240" s="18"/>
      <c r="F2240" s="18"/>
      <c r="G2240" s="18"/>
      <c r="H2240" s="18"/>
      <c r="I2240" s="18"/>
      <c r="J2240" s="18"/>
      <c r="K2240" s="18"/>
      <c r="L2240" s="18"/>
      <c r="M2240" s="18"/>
      <c r="N2240" s="18"/>
      <c r="O2240" s="18"/>
      <c r="P2240" s="19">
        <v>200</v>
      </c>
      <c r="Q2240" s="19"/>
      <c r="R2240" s="19"/>
      <c r="S2240" s="19"/>
      <c r="T2240" s="19">
        <v>150</v>
      </c>
      <c r="U2240" s="19"/>
      <c r="V2240" s="19"/>
      <c r="W2240" s="19"/>
      <c r="X2240" s="19">
        <v>20</v>
      </c>
      <c r="Y2240" s="19"/>
      <c r="Z2240" s="19"/>
      <c r="AA2240" s="19"/>
    </row>
    <row r="2241" spans="1:27" s="1" customFormat="1" ht="11.1" customHeight="1" outlineLevel="2" x14ac:dyDescent="0.2">
      <c r="A2241" s="17"/>
      <c r="B2241" s="17"/>
      <c r="C2241" s="17"/>
      <c r="D2241" s="18"/>
      <c r="E2241" s="18"/>
      <c r="F2241" s="18"/>
      <c r="G2241" s="18"/>
      <c r="H2241" s="18"/>
      <c r="I2241" s="18"/>
      <c r="J2241" s="18"/>
      <c r="K2241" s="18"/>
      <c r="L2241" s="18"/>
      <c r="M2241" s="18"/>
      <c r="N2241" s="18"/>
      <c r="O2241" s="18"/>
      <c r="P2241" s="19"/>
      <c r="Q2241" s="19"/>
      <c r="R2241" s="19"/>
      <c r="S2241" s="19"/>
      <c r="T2241" s="19"/>
      <c r="U2241" s="19"/>
      <c r="V2241" s="19"/>
      <c r="W2241" s="19"/>
      <c r="X2241" s="19"/>
      <c r="Y2241" s="19"/>
      <c r="Z2241" s="19"/>
      <c r="AA2241" s="19"/>
    </row>
    <row r="2242" spans="1:27" s="1" customFormat="1" ht="11.1" customHeight="1" outlineLevel="1" x14ac:dyDescent="0.2">
      <c r="A2242" s="16" t="s">
        <v>1129</v>
      </c>
      <c r="B2242" s="16"/>
      <c r="C2242" s="16"/>
      <c r="D2242" s="16"/>
      <c r="E2242" s="16"/>
      <c r="F2242" s="16"/>
      <c r="G2242" s="16"/>
      <c r="H2242" s="16"/>
      <c r="I2242" s="16"/>
      <c r="J2242" s="16"/>
      <c r="K2242" s="16"/>
      <c r="L2242" s="16"/>
      <c r="M2242" s="16"/>
      <c r="N2242" s="16"/>
      <c r="O2242" s="16"/>
      <c r="P2242" s="16"/>
      <c r="Q2242" s="16"/>
      <c r="R2242" s="16"/>
      <c r="S2242" s="16"/>
      <c r="T2242" s="16"/>
      <c r="U2242" s="16"/>
      <c r="V2242" s="16"/>
      <c r="W2242" s="16"/>
      <c r="X2242" s="16"/>
      <c r="Y2242" s="16"/>
      <c r="Z2242" s="16"/>
      <c r="AA2242" s="16"/>
    </row>
    <row r="2243" spans="1:27" s="1" customFormat="1" ht="11.1" customHeight="1" outlineLevel="1" x14ac:dyDescent="0.2">
      <c r="A2243" s="16"/>
      <c r="B2243" s="16"/>
      <c r="C2243" s="16"/>
      <c r="D2243" s="16"/>
      <c r="E2243" s="16"/>
      <c r="F2243" s="16"/>
      <c r="G2243" s="16"/>
      <c r="H2243" s="16"/>
      <c r="I2243" s="16"/>
      <c r="J2243" s="16"/>
      <c r="K2243" s="16"/>
      <c r="L2243" s="16"/>
      <c r="M2243" s="16"/>
      <c r="N2243" s="16"/>
      <c r="O2243" s="16"/>
      <c r="P2243" s="16"/>
      <c r="Q2243" s="16"/>
      <c r="R2243" s="16"/>
      <c r="S2243" s="16"/>
      <c r="T2243" s="16"/>
      <c r="U2243" s="16"/>
      <c r="V2243" s="16"/>
      <c r="W2243" s="16"/>
      <c r="X2243" s="16"/>
      <c r="Y2243" s="16"/>
      <c r="Z2243" s="16"/>
      <c r="AA2243" s="16"/>
    </row>
    <row r="2244" spans="1:27" s="1" customFormat="1" ht="11.1" customHeight="1" outlineLevel="2" x14ac:dyDescent="0.2">
      <c r="A2244" s="17">
        <v>11799</v>
      </c>
      <c r="B2244" s="17"/>
      <c r="C2244" s="17"/>
      <c r="D2244" s="18" t="s">
        <v>1130</v>
      </c>
      <c r="E2244" s="18"/>
      <c r="F2244" s="18"/>
      <c r="G2244" s="18"/>
      <c r="H2244" s="18"/>
      <c r="I2244" s="18"/>
      <c r="J2244" s="18"/>
      <c r="K2244" s="18"/>
      <c r="L2244" s="18"/>
      <c r="M2244" s="18"/>
      <c r="N2244" s="18"/>
      <c r="O2244" s="18"/>
      <c r="P2244" s="19">
        <v>120</v>
      </c>
      <c r="Q2244" s="19"/>
      <c r="R2244" s="19"/>
      <c r="S2244" s="19"/>
      <c r="T2244" s="19">
        <v>90</v>
      </c>
      <c r="U2244" s="19"/>
      <c r="V2244" s="19"/>
      <c r="W2244" s="19"/>
      <c r="X2244" s="19">
        <v>5</v>
      </c>
      <c r="Y2244" s="19"/>
      <c r="Z2244" s="19"/>
      <c r="AA2244" s="19"/>
    </row>
    <row r="2245" spans="1:27" s="1" customFormat="1" ht="11.1" customHeight="1" outlineLevel="2" x14ac:dyDescent="0.2">
      <c r="A2245" s="17"/>
      <c r="B2245" s="17"/>
      <c r="C2245" s="17"/>
      <c r="D2245" s="18"/>
      <c r="E2245" s="18"/>
      <c r="F2245" s="18"/>
      <c r="G2245" s="18"/>
      <c r="H2245" s="18"/>
      <c r="I2245" s="18"/>
      <c r="J2245" s="18"/>
      <c r="K2245" s="18"/>
      <c r="L2245" s="18"/>
      <c r="M2245" s="18"/>
      <c r="N2245" s="18"/>
      <c r="O2245" s="18"/>
      <c r="P2245" s="19"/>
      <c r="Q2245" s="19"/>
      <c r="R2245" s="19"/>
      <c r="S2245" s="19"/>
      <c r="T2245" s="19"/>
      <c r="U2245" s="19"/>
      <c r="V2245" s="19"/>
      <c r="W2245" s="19"/>
      <c r="X2245" s="19"/>
      <c r="Y2245" s="19"/>
      <c r="Z2245" s="19"/>
      <c r="AA2245" s="19"/>
    </row>
    <row r="2246" spans="1:27" s="1" customFormat="1" ht="11.1" customHeight="1" outlineLevel="2" x14ac:dyDescent="0.2">
      <c r="A2246" s="17">
        <v>11801</v>
      </c>
      <c r="B2246" s="17"/>
      <c r="C2246" s="17"/>
      <c r="D2246" s="18" t="s">
        <v>1131</v>
      </c>
      <c r="E2246" s="18"/>
      <c r="F2246" s="18"/>
      <c r="G2246" s="18"/>
      <c r="H2246" s="18"/>
      <c r="I2246" s="18"/>
      <c r="J2246" s="18"/>
      <c r="K2246" s="18"/>
      <c r="L2246" s="18"/>
      <c r="M2246" s="18"/>
      <c r="N2246" s="18"/>
      <c r="O2246" s="18"/>
      <c r="P2246" s="19">
        <v>115</v>
      </c>
      <c r="Q2246" s="19"/>
      <c r="R2246" s="19"/>
      <c r="S2246" s="19"/>
      <c r="T2246" s="19">
        <v>85</v>
      </c>
      <c r="U2246" s="19"/>
      <c r="V2246" s="19"/>
      <c r="W2246" s="19"/>
      <c r="X2246" s="19">
        <v>3</v>
      </c>
      <c r="Y2246" s="19"/>
      <c r="Z2246" s="19"/>
      <c r="AA2246" s="19"/>
    </row>
    <row r="2247" spans="1:27" s="1" customFormat="1" ht="11.1" customHeight="1" outlineLevel="2" x14ac:dyDescent="0.2">
      <c r="A2247" s="17"/>
      <c r="B2247" s="17"/>
      <c r="C2247" s="17"/>
      <c r="D2247" s="18"/>
      <c r="E2247" s="18"/>
      <c r="F2247" s="18"/>
      <c r="G2247" s="18"/>
      <c r="H2247" s="18"/>
      <c r="I2247" s="18"/>
      <c r="J2247" s="18"/>
      <c r="K2247" s="18"/>
      <c r="L2247" s="18"/>
      <c r="M2247" s="18"/>
      <c r="N2247" s="18"/>
      <c r="O2247" s="18"/>
      <c r="P2247" s="19"/>
      <c r="Q2247" s="19"/>
      <c r="R2247" s="19"/>
      <c r="S2247" s="19"/>
      <c r="T2247" s="19"/>
      <c r="U2247" s="19"/>
      <c r="V2247" s="19"/>
      <c r="W2247" s="19"/>
      <c r="X2247" s="19"/>
      <c r="Y2247" s="19"/>
      <c r="Z2247" s="19"/>
      <c r="AA2247" s="19"/>
    </row>
    <row r="2248" spans="1:27" s="1" customFormat="1" ht="14.1" customHeight="1" outlineLevel="2" x14ac:dyDescent="0.2">
      <c r="A2248" s="17">
        <v>11803</v>
      </c>
      <c r="B2248" s="17"/>
      <c r="C2248" s="17"/>
      <c r="D2248" s="18" t="s">
        <v>1132</v>
      </c>
      <c r="E2248" s="18"/>
      <c r="F2248" s="18"/>
      <c r="G2248" s="18"/>
      <c r="H2248" s="18"/>
      <c r="I2248" s="18"/>
      <c r="J2248" s="18"/>
      <c r="K2248" s="18"/>
      <c r="L2248" s="18"/>
      <c r="M2248" s="18"/>
      <c r="N2248" s="18"/>
      <c r="O2248" s="18"/>
      <c r="P2248" s="19">
        <v>220</v>
      </c>
      <c r="Q2248" s="19"/>
      <c r="R2248" s="19"/>
      <c r="S2248" s="19"/>
      <c r="T2248" s="19">
        <v>180</v>
      </c>
      <c r="U2248" s="19"/>
      <c r="V2248" s="19"/>
      <c r="W2248" s="19"/>
      <c r="X2248" s="19">
        <v>2</v>
      </c>
      <c r="Y2248" s="19"/>
      <c r="Z2248" s="19"/>
      <c r="AA2248" s="19"/>
    </row>
    <row r="2249" spans="1:27" s="1" customFormat="1" ht="14.1" customHeight="1" outlineLevel="2" x14ac:dyDescent="0.2">
      <c r="A2249" s="17"/>
      <c r="B2249" s="17"/>
      <c r="C2249" s="17"/>
      <c r="D2249" s="18"/>
      <c r="E2249" s="18"/>
      <c r="F2249" s="18"/>
      <c r="G2249" s="18"/>
      <c r="H2249" s="18"/>
      <c r="I2249" s="18"/>
      <c r="J2249" s="18"/>
      <c r="K2249" s="18"/>
      <c r="L2249" s="18"/>
      <c r="M2249" s="18"/>
      <c r="N2249" s="18"/>
      <c r="O2249" s="18"/>
      <c r="P2249" s="19"/>
      <c r="Q2249" s="19"/>
      <c r="R2249" s="19"/>
      <c r="S2249" s="19"/>
      <c r="T2249" s="19"/>
      <c r="U2249" s="19"/>
      <c r="V2249" s="19"/>
      <c r="W2249" s="19"/>
      <c r="X2249" s="19"/>
      <c r="Y2249" s="19"/>
      <c r="Z2249" s="19"/>
      <c r="AA2249" s="19"/>
    </row>
    <row r="2250" spans="1:27" s="1" customFormat="1" ht="11.1" customHeight="1" outlineLevel="2" x14ac:dyDescent="0.2">
      <c r="A2250" s="17">
        <v>11804</v>
      </c>
      <c r="B2250" s="17"/>
      <c r="C2250" s="17"/>
      <c r="D2250" s="18" t="s">
        <v>1133</v>
      </c>
      <c r="E2250" s="18"/>
      <c r="F2250" s="18"/>
      <c r="G2250" s="18"/>
      <c r="H2250" s="18"/>
      <c r="I2250" s="18"/>
      <c r="J2250" s="18"/>
      <c r="K2250" s="18"/>
      <c r="L2250" s="18"/>
      <c r="M2250" s="18"/>
      <c r="N2250" s="18"/>
      <c r="O2250" s="18"/>
      <c r="P2250" s="19">
        <v>145</v>
      </c>
      <c r="Q2250" s="19"/>
      <c r="R2250" s="19"/>
      <c r="S2250" s="19"/>
      <c r="T2250" s="19">
        <v>105</v>
      </c>
      <c r="U2250" s="19"/>
      <c r="V2250" s="19"/>
      <c r="W2250" s="19"/>
      <c r="X2250" s="19">
        <v>2</v>
      </c>
      <c r="Y2250" s="19"/>
      <c r="Z2250" s="19"/>
      <c r="AA2250" s="19"/>
    </row>
    <row r="2251" spans="1:27" s="1" customFormat="1" ht="11.1" customHeight="1" outlineLevel="2" x14ac:dyDescent="0.2">
      <c r="A2251" s="17"/>
      <c r="B2251" s="17"/>
      <c r="C2251" s="17"/>
      <c r="D2251" s="18"/>
      <c r="E2251" s="18"/>
      <c r="F2251" s="18"/>
      <c r="G2251" s="18"/>
      <c r="H2251" s="18"/>
      <c r="I2251" s="18"/>
      <c r="J2251" s="18"/>
      <c r="K2251" s="18"/>
      <c r="L2251" s="18"/>
      <c r="M2251" s="18"/>
      <c r="N2251" s="18"/>
      <c r="O2251" s="18"/>
      <c r="P2251" s="19"/>
      <c r="Q2251" s="19"/>
      <c r="R2251" s="19"/>
      <c r="S2251" s="19"/>
      <c r="T2251" s="19"/>
      <c r="U2251" s="19"/>
      <c r="V2251" s="19"/>
      <c r="W2251" s="19"/>
      <c r="X2251" s="19"/>
      <c r="Y2251" s="19"/>
      <c r="Z2251" s="19"/>
      <c r="AA2251" s="19"/>
    </row>
    <row r="2252" spans="1:27" s="1" customFormat="1" ht="11.1" customHeight="1" outlineLevel="2" x14ac:dyDescent="0.2">
      <c r="A2252" s="17">
        <v>11805</v>
      </c>
      <c r="B2252" s="17"/>
      <c r="C2252" s="17"/>
      <c r="D2252" s="18" t="s">
        <v>1134</v>
      </c>
      <c r="E2252" s="18"/>
      <c r="F2252" s="18"/>
      <c r="G2252" s="18"/>
      <c r="H2252" s="18"/>
      <c r="I2252" s="18"/>
      <c r="J2252" s="18"/>
      <c r="K2252" s="18"/>
      <c r="L2252" s="18"/>
      <c r="M2252" s="18"/>
      <c r="N2252" s="18"/>
      <c r="O2252" s="18"/>
      <c r="P2252" s="19">
        <v>140</v>
      </c>
      <c r="Q2252" s="19"/>
      <c r="R2252" s="19"/>
      <c r="S2252" s="19"/>
      <c r="T2252" s="19">
        <v>100</v>
      </c>
      <c r="U2252" s="19"/>
      <c r="V2252" s="19"/>
      <c r="W2252" s="19"/>
      <c r="X2252" s="19">
        <v>3</v>
      </c>
      <c r="Y2252" s="19"/>
      <c r="Z2252" s="19"/>
      <c r="AA2252" s="19"/>
    </row>
    <row r="2253" spans="1:27" s="1" customFormat="1" ht="11.1" customHeight="1" outlineLevel="2" x14ac:dyDescent="0.2">
      <c r="A2253" s="17"/>
      <c r="B2253" s="17"/>
      <c r="C2253" s="17"/>
      <c r="D2253" s="18"/>
      <c r="E2253" s="18"/>
      <c r="F2253" s="18"/>
      <c r="G2253" s="18"/>
      <c r="H2253" s="18"/>
      <c r="I2253" s="18"/>
      <c r="J2253" s="18"/>
      <c r="K2253" s="18"/>
      <c r="L2253" s="18"/>
      <c r="M2253" s="18"/>
      <c r="N2253" s="18"/>
      <c r="O2253" s="18"/>
      <c r="P2253" s="19"/>
      <c r="Q2253" s="19"/>
      <c r="R2253" s="19"/>
      <c r="S2253" s="19"/>
      <c r="T2253" s="19"/>
      <c r="U2253" s="19"/>
      <c r="V2253" s="19"/>
      <c r="W2253" s="19"/>
      <c r="X2253" s="19"/>
      <c r="Y2253" s="19"/>
      <c r="Z2253" s="19"/>
      <c r="AA2253" s="19"/>
    </row>
    <row r="2254" spans="1:27" s="1" customFormat="1" ht="11.1" customHeight="1" outlineLevel="1" x14ac:dyDescent="0.2">
      <c r="A2254" s="16" t="s">
        <v>1135</v>
      </c>
      <c r="B2254" s="16"/>
      <c r="C2254" s="16"/>
      <c r="D2254" s="16"/>
      <c r="E2254" s="16"/>
      <c r="F2254" s="16"/>
      <c r="G2254" s="16"/>
      <c r="H2254" s="16"/>
      <c r="I2254" s="16"/>
      <c r="J2254" s="16"/>
      <c r="K2254" s="16"/>
      <c r="L2254" s="16"/>
      <c r="M2254" s="16"/>
      <c r="N2254" s="16"/>
      <c r="O2254" s="16"/>
      <c r="P2254" s="16"/>
      <c r="Q2254" s="16"/>
      <c r="R2254" s="16"/>
      <c r="S2254" s="16"/>
      <c r="T2254" s="16"/>
      <c r="U2254" s="16"/>
      <c r="V2254" s="16"/>
      <c r="W2254" s="16"/>
      <c r="X2254" s="16"/>
      <c r="Y2254" s="16"/>
      <c r="Z2254" s="16"/>
      <c r="AA2254" s="16"/>
    </row>
    <row r="2255" spans="1:27" s="1" customFormat="1" ht="11.1" customHeight="1" outlineLevel="1" x14ac:dyDescent="0.2">
      <c r="A2255" s="16"/>
      <c r="B2255" s="16"/>
      <c r="C2255" s="16"/>
      <c r="D2255" s="16"/>
      <c r="E2255" s="16"/>
      <c r="F2255" s="16"/>
      <c r="G2255" s="16"/>
      <c r="H2255" s="16"/>
      <c r="I2255" s="16"/>
      <c r="J2255" s="16"/>
      <c r="K2255" s="16"/>
      <c r="L2255" s="16"/>
      <c r="M2255" s="16"/>
      <c r="N2255" s="16"/>
      <c r="O2255" s="16"/>
      <c r="P2255" s="16"/>
      <c r="Q2255" s="16"/>
      <c r="R2255" s="16"/>
      <c r="S2255" s="16"/>
      <c r="T2255" s="16"/>
      <c r="U2255" s="16"/>
      <c r="V2255" s="16"/>
      <c r="W2255" s="16"/>
      <c r="X2255" s="16"/>
      <c r="Y2255" s="16"/>
      <c r="Z2255" s="16"/>
      <c r="AA2255" s="16"/>
    </row>
    <row r="2256" spans="1:27" s="1" customFormat="1" ht="11.1" customHeight="1" outlineLevel="2" x14ac:dyDescent="0.2">
      <c r="A2256" s="16" t="s">
        <v>1136</v>
      </c>
      <c r="B2256" s="16"/>
      <c r="C2256" s="16"/>
      <c r="D2256" s="16"/>
      <c r="E2256" s="16"/>
      <c r="F2256" s="16"/>
      <c r="G2256" s="16"/>
      <c r="H2256" s="16"/>
      <c r="I2256" s="16"/>
      <c r="J2256" s="16"/>
      <c r="K2256" s="16"/>
      <c r="L2256" s="16"/>
      <c r="M2256" s="16"/>
      <c r="N2256" s="16"/>
      <c r="O2256" s="16"/>
      <c r="P2256" s="16"/>
      <c r="Q2256" s="16"/>
      <c r="R2256" s="16"/>
      <c r="S2256" s="16"/>
      <c r="T2256" s="16"/>
      <c r="U2256" s="16"/>
      <c r="V2256" s="16"/>
      <c r="W2256" s="16"/>
      <c r="X2256" s="16"/>
      <c r="Y2256" s="16"/>
      <c r="Z2256" s="16"/>
      <c r="AA2256" s="16"/>
    </row>
    <row r="2257" spans="1:27" s="1" customFormat="1" ht="11.1" customHeight="1" outlineLevel="2" x14ac:dyDescent="0.2">
      <c r="A2257" s="16"/>
      <c r="B2257" s="16"/>
      <c r="C2257" s="16"/>
      <c r="D2257" s="16"/>
      <c r="E2257" s="16"/>
      <c r="F2257" s="16"/>
      <c r="G2257" s="16"/>
      <c r="H2257" s="16"/>
      <c r="I2257" s="16"/>
      <c r="J2257" s="16"/>
      <c r="K2257" s="16"/>
      <c r="L2257" s="16"/>
      <c r="M2257" s="16"/>
      <c r="N2257" s="16"/>
      <c r="O2257" s="16"/>
      <c r="P2257" s="16"/>
      <c r="Q2257" s="16"/>
      <c r="R2257" s="16"/>
      <c r="S2257" s="16"/>
      <c r="T2257" s="16"/>
      <c r="U2257" s="16"/>
      <c r="V2257" s="16"/>
      <c r="W2257" s="16"/>
      <c r="X2257" s="16"/>
      <c r="Y2257" s="16"/>
      <c r="Z2257" s="16"/>
      <c r="AA2257" s="16"/>
    </row>
    <row r="2258" spans="1:27" s="1" customFormat="1" ht="14.1" customHeight="1" outlineLevel="3" x14ac:dyDescent="0.2">
      <c r="A2258" s="17">
        <v>12446</v>
      </c>
      <c r="B2258" s="17"/>
      <c r="C2258" s="17"/>
      <c r="D2258" s="18" t="s">
        <v>1137</v>
      </c>
      <c r="E2258" s="18"/>
      <c r="F2258" s="18"/>
      <c r="G2258" s="18"/>
      <c r="H2258" s="18"/>
      <c r="I2258" s="18"/>
      <c r="J2258" s="18"/>
      <c r="K2258" s="18"/>
      <c r="L2258" s="18"/>
      <c r="M2258" s="18"/>
      <c r="N2258" s="18"/>
      <c r="O2258" s="18"/>
      <c r="P2258" s="19">
        <v>690</v>
      </c>
      <c r="Q2258" s="19"/>
      <c r="R2258" s="19"/>
      <c r="S2258" s="19"/>
      <c r="T2258" s="19">
        <v>550</v>
      </c>
      <c r="U2258" s="19"/>
      <c r="V2258" s="19"/>
      <c r="W2258" s="19"/>
      <c r="X2258" s="19">
        <v>1</v>
      </c>
      <c r="Y2258" s="19"/>
      <c r="Z2258" s="19"/>
      <c r="AA2258" s="19"/>
    </row>
    <row r="2259" spans="1:27" s="1" customFormat="1" ht="14.1" customHeight="1" outlineLevel="3" x14ac:dyDescent="0.2">
      <c r="A2259" s="17"/>
      <c r="B2259" s="17"/>
      <c r="C2259" s="17"/>
      <c r="D2259" s="18"/>
      <c r="E2259" s="18"/>
      <c r="F2259" s="18"/>
      <c r="G2259" s="18"/>
      <c r="H2259" s="18"/>
      <c r="I2259" s="18"/>
      <c r="J2259" s="18"/>
      <c r="K2259" s="18"/>
      <c r="L2259" s="18"/>
      <c r="M2259" s="18"/>
      <c r="N2259" s="18"/>
      <c r="O2259" s="18"/>
      <c r="P2259" s="19"/>
      <c r="Q2259" s="19"/>
      <c r="R2259" s="19"/>
      <c r="S2259" s="19"/>
      <c r="T2259" s="19"/>
      <c r="U2259" s="19"/>
      <c r="V2259" s="19"/>
      <c r="W2259" s="19"/>
      <c r="X2259" s="19"/>
      <c r="Y2259" s="19"/>
      <c r="Z2259" s="19"/>
      <c r="AA2259" s="19"/>
    </row>
    <row r="2260" spans="1:27" s="1" customFormat="1" ht="11.1" customHeight="1" x14ac:dyDescent="0.2">
      <c r="A2260" s="15" t="s">
        <v>1138</v>
      </c>
      <c r="B2260" s="15"/>
      <c r="C2260" s="15"/>
      <c r="D2260" s="15"/>
      <c r="E2260" s="15"/>
      <c r="F2260" s="15"/>
      <c r="G2260" s="15"/>
      <c r="H2260" s="15"/>
      <c r="I2260" s="15"/>
      <c r="J2260" s="15"/>
      <c r="K2260" s="15"/>
      <c r="L2260" s="15"/>
      <c r="M2260" s="15"/>
      <c r="N2260" s="15"/>
      <c r="O2260" s="15"/>
      <c r="P2260" s="15"/>
      <c r="Q2260" s="15"/>
      <c r="R2260" s="15"/>
      <c r="S2260" s="15"/>
      <c r="T2260" s="15"/>
      <c r="U2260" s="15"/>
      <c r="V2260" s="15"/>
      <c r="W2260" s="15"/>
      <c r="X2260" s="15"/>
      <c r="Y2260" s="15"/>
      <c r="Z2260" s="15"/>
      <c r="AA2260" s="15"/>
    </row>
    <row r="2261" spans="1:27" s="1" customFormat="1" ht="11.1" customHeight="1" x14ac:dyDescent="0.2">
      <c r="A2261" s="15"/>
      <c r="B2261" s="15"/>
      <c r="C2261" s="15"/>
      <c r="D2261" s="15"/>
      <c r="E2261" s="15"/>
      <c r="F2261" s="15"/>
      <c r="G2261" s="15"/>
      <c r="H2261" s="15"/>
      <c r="I2261" s="15"/>
      <c r="J2261" s="15"/>
      <c r="K2261" s="15"/>
      <c r="L2261" s="15"/>
      <c r="M2261" s="15"/>
      <c r="N2261" s="15"/>
      <c r="O2261" s="15"/>
      <c r="P2261" s="15"/>
      <c r="Q2261" s="15"/>
      <c r="R2261" s="15"/>
      <c r="S2261" s="15"/>
      <c r="T2261" s="15"/>
      <c r="U2261" s="15"/>
      <c r="V2261" s="15"/>
      <c r="W2261" s="15"/>
      <c r="X2261" s="15"/>
      <c r="Y2261" s="15"/>
      <c r="Z2261" s="15"/>
      <c r="AA2261" s="15"/>
    </row>
    <row r="2262" spans="1:27" s="1" customFormat="1" ht="11.1" customHeight="1" x14ac:dyDescent="0.2">
      <c r="A2262" s="16" t="s">
        <v>1139</v>
      </c>
      <c r="B2262" s="16"/>
      <c r="C2262" s="16"/>
      <c r="D2262" s="16"/>
      <c r="E2262" s="16"/>
      <c r="F2262" s="16"/>
      <c r="G2262" s="16"/>
      <c r="H2262" s="16"/>
      <c r="I2262" s="16"/>
      <c r="J2262" s="16"/>
      <c r="K2262" s="16"/>
      <c r="L2262" s="16"/>
      <c r="M2262" s="16"/>
      <c r="N2262" s="16"/>
      <c r="O2262" s="16"/>
      <c r="P2262" s="16"/>
      <c r="Q2262" s="16"/>
      <c r="R2262" s="16"/>
      <c r="S2262" s="16"/>
      <c r="T2262" s="16"/>
      <c r="U2262" s="16"/>
      <c r="V2262" s="16"/>
      <c r="W2262" s="16"/>
      <c r="X2262" s="16"/>
      <c r="Y2262" s="16"/>
      <c r="Z2262" s="16"/>
      <c r="AA2262" s="16"/>
    </row>
    <row r="2263" spans="1:27" s="1" customFormat="1" ht="11.1" customHeight="1" x14ac:dyDescent="0.2">
      <c r="A2263" s="16"/>
      <c r="B2263" s="16"/>
      <c r="C2263" s="16"/>
      <c r="D2263" s="16"/>
      <c r="E2263" s="16"/>
      <c r="F2263" s="16"/>
      <c r="G2263" s="16"/>
      <c r="H2263" s="16"/>
      <c r="I2263" s="16"/>
      <c r="J2263" s="16"/>
      <c r="K2263" s="16"/>
      <c r="L2263" s="16"/>
      <c r="M2263" s="16"/>
      <c r="N2263" s="16"/>
      <c r="O2263" s="16"/>
      <c r="P2263" s="16"/>
      <c r="Q2263" s="16"/>
      <c r="R2263" s="16"/>
      <c r="S2263" s="16"/>
      <c r="T2263" s="16"/>
      <c r="U2263" s="16"/>
      <c r="V2263" s="16"/>
      <c r="W2263" s="16"/>
      <c r="X2263" s="16"/>
      <c r="Y2263" s="16"/>
      <c r="Z2263" s="16"/>
      <c r="AA2263" s="16"/>
    </row>
    <row r="2264" spans="1:27" s="1" customFormat="1" ht="11.1" customHeight="1" outlineLevel="1" x14ac:dyDescent="0.2">
      <c r="A2264" s="17">
        <v>12561</v>
      </c>
      <c r="B2264" s="17"/>
      <c r="C2264" s="17"/>
      <c r="D2264" s="18" t="s">
        <v>1140</v>
      </c>
      <c r="E2264" s="18"/>
      <c r="F2264" s="18"/>
      <c r="G2264" s="18"/>
      <c r="H2264" s="18"/>
      <c r="I2264" s="18"/>
      <c r="J2264" s="18"/>
      <c r="K2264" s="18"/>
      <c r="L2264" s="18"/>
      <c r="M2264" s="18"/>
      <c r="N2264" s="18"/>
      <c r="O2264" s="18"/>
      <c r="P2264" s="19">
        <v>60</v>
      </c>
      <c r="Q2264" s="19"/>
      <c r="R2264" s="19"/>
      <c r="S2264" s="19"/>
      <c r="T2264" s="19">
        <v>40</v>
      </c>
      <c r="U2264" s="19"/>
      <c r="V2264" s="19"/>
      <c r="W2264" s="19"/>
      <c r="X2264" s="19">
        <v>50</v>
      </c>
      <c r="Y2264" s="19"/>
      <c r="Z2264" s="19"/>
      <c r="AA2264" s="19"/>
    </row>
    <row r="2265" spans="1:27" s="1" customFormat="1" ht="11.1" customHeight="1" outlineLevel="1" x14ac:dyDescent="0.2">
      <c r="A2265" s="17"/>
      <c r="B2265" s="17"/>
      <c r="C2265" s="17"/>
      <c r="D2265" s="18"/>
      <c r="E2265" s="18"/>
      <c r="F2265" s="18"/>
      <c r="G2265" s="18"/>
      <c r="H2265" s="18"/>
      <c r="I2265" s="18"/>
      <c r="J2265" s="18"/>
      <c r="K2265" s="18"/>
      <c r="L2265" s="18"/>
      <c r="M2265" s="18"/>
      <c r="N2265" s="18"/>
      <c r="O2265" s="18"/>
      <c r="P2265" s="19"/>
      <c r="Q2265" s="19"/>
      <c r="R2265" s="19"/>
      <c r="S2265" s="19"/>
      <c r="T2265" s="19"/>
      <c r="U2265" s="19"/>
      <c r="V2265" s="19"/>
      <c r="W2265" s="19"/>
      <c r="X2265" s="19"/>
      <c r="Y2265" s="19"/>
      <c r="Z2265" s="19"/>
      <c r="AA2265" s="19"/>
    </row>
    <row r="2266" spans="1:27" s="1" customFormat="1" ht="11.1" customHeight="1" outlineLevel="1" x14ac:dyDescent="0.2">
      <c r="A2266" s="17">
        <v>11984</v>
      </c>
      <c r="B2266" s="17"/>
      <c r="C2266" s="17"/>
      <c r="D2266" s="18" t="s">
        <v>1141</v>
      </c>
      <c r="E2266" s="18"/>
      <c r="F2266" s="18"/>
      <c r="G2266" s="18"/>
      <c r="H2266" s="18"/>
      <c r="I2266" s="18"/>
      <c r="J2266" s="18"/>
      <c r="K2266" s="18"/>
      <c r="L2266" s="18"/>
      <c r="M2266" s="18"/>
      <c r="N2266" s="18"/>
      <c r="O2266" s="18"/>
      <c r="P2266" s="19">
        <v>65</v>
      </c>
      <c r="Q2266" s="19"/>
      <c r="R2266" s="19"/>
      <c r="S2266" s="19"/>
      <c r="T2266" s="19">
        <v>45</v>
      </c>
      <c r="U2266" s="19"/>
      <c r="V2266" s="19"/>
      <c r="W2266" s="19"/>
      <c r="X2266" s="19">
        <v>5</v>
      </c>
      <c r="Y2266" s="19"/>
      <c r="Z2266" s="19"/>
      <c r="AA2266" s="19"/>
    </row>
    <row r="2267" spans="1:27" s="1" customFormat="1" ht="11.1" customHeight="1" outlineLevel="1" x14ac:dyDescent="0.2">
      <c r="A2267" s="17"/>
      <c r="B2267" s="17"/>
      <c r="C2267" s="17"/>
      <c r="D2267" s="18"/>
      <c r="E2267" s="18"/>
      <c r="F2267" s="18"/>
      <c r="G2267" s="18"/>
      <c r="H2267" s="18"/>
      <c r="I2267" s="18"/>
      <c r="J2267" s="18"/>
      <c r="K2267" s="18"/>
      <c r="L2267" s="18"/>
      <c r="M2267" s="18"/>
      <c r="N2267" s="18"/>
      <c r="O2267" s="18"/>
      <c r="P2267" s="19"/>
      <c r="Q2267" s="19"/>
      <c r="R2267" s="19"/>
      <c r="S2267" s="19"/>
      <c r="T2267" s="19"/>
      <c r="U2267" s="19"/>
      <c r="V2267" s="19"/>
      <c r="W2267" s="19"/>
      <c r="X2267" s="19"/>
      <c r="Y2267" s="19"/>
      <c r="Z2267" s="19"/>
      <c r="AA2267" s="19"/>
    </row>
    <row r="2268" spans="1:27" s="1" customFormat="1" ht="11.1" customHeight="1" outlineLevel="1" x14ac:dyDescent="0.2">
      <c r="A2268" s="17">
        <v>11985</v>
      </c>
      <c r="B2268" s="17"/>
      <c r="C2268" s="17"/>
      <c r="D2268" s="18" t="s">
        <v>1142</v>
      </c>
      <c r="E2268" s="18"/>
      <c r="F2268" s="18"/>
      <c r="G2268" s="18"/>
      <c r="H2268" s="18"/>
      <c r="I2268" s="18"/>
      <c r="J2268" s="18"/>
      <c r="K2268" s="18"/>
      <c r="L2268" s="18"/>
      <c r="M2268" s="18"/>
      <c r="N2268" s="18"/>
      <c r="O2268" s="18"/>
      <c r="P2268" s="19">
        <v>80</v>
      </c>
      <c r="Q2268" s="19"/>
      <c r="R2268" s="19"/>
      <c r="S2268" s="19"/>
      <c r="T2268" s="19">
        <v>50</v>
      </c>
      <c r="U2268" s="19"/>
      <c r="V2268" s="19"/>
      <c r="W2268" s="19"/>
      <c r="X2268" s="19">
        <v>12</v>
      </c>
      <c r="Y2268" s="19"/>
      <c r="Z2268" s="19"/>
      <c r="AA2268" s="19"/>
    </row>
    <row r="2269" spans="1:27" s="1" customFormat="1" ht="11.1" customHeight="1" outlineLevel="1" x14ac:dyDescent="0.2">
      <c r="A2269" s="17"/>
      <c r="B2269" s="17"/>
      <c r="C2269" s="17"/>
      <c r="D2269" s="18"/>
      <c r="E2269" s="18"/>
      <c r="F2269" s="18"/>
      <c r="G2269" s="18"/>
      <c r="H2269" s="18"/>
      <c r="I2269" s="18"/>
      <c r="J2269" s="18"/>
      <c r="K2269" s="18"/>
      <c r="L2269" s="18"/>
      <c r="M2269" s="18"/>
      <c r="N2269" s="18"/>
      <c r="O2269" s="18"/>
      <c r="P2269" s="19"/>
      <c r="Q2269" s="19"/>
      <c r="R2269" s="19"/>
      <c r="S2269" s="19"/>
      <c r="T2269" s="19"/>
      <c r="U2269" s="19"/>
      <c r="V2269" s="19"/>
      <c r="W2269" s="19"/>
      <c r="X2269" s="19"/>
      <c r="Y2269" s="19"/>
      <c r="Z2269" s="19"/>
      <c r="AA2269" s="19"/>
    </row>
    <row r="2270" spans="1:27" s="1" customFormat="1" ht="11.1" customHeight="1" outlineLevel="1" x14ac:dyDescent="0.2">
      <c r="A2270" s="17">
        <v>10994</v>
      </c>
      <c r="B2270" s="17"/>
      <c r="C2270" s="17"/>
      <c r="D2270" s="18" t="s">
        <v>1143</v>
      </c>
      <c r="E2270" s="18"/>
      <c r="F2270" s="18"/>
      <c r="G2270" s="18"/>
      <c r="H2270" s="18"/>
      <c r="I2270" s="18"/>
      <c r="J2270" s="18"/>
      <c r="K2270" s="18"/>
      <c r="L2270" s="18"/>
      <c r="M2270" s="18"/>
      <c r="N2270" s="18"/>
      <c r="O2270" s="18"/>
      <c r="P2270" s="19">
        <v>40</v>
      </c>
      <c r="Q2270" s="19"/>
      <c r="R2270" s="19"/>
      <c r="S2270" s="19"/>
      <c r="T2270" s="19">
        <v>30</v>
      </c>
      <c r="U2270" s="19"/>
      <c r="V2270" s="19"/>
      <c r="W2270" s="19"/>
      <c r="X2270" s="19">
        <v>96</v>
      </c>
      <c r="Y2270" s="19"/>
      <c r="Z2270" s="19"/>
      <c r="AA2270" s="19"/>
    </row>
    <row r="2271" spans="1:27" s="1" customFormat="1" ht="11.1" customHeight="1" outlineLevel="1" x14ac:dyDescent="0.2">
      <c r="A2271" s="17"/>
      <c r="B2271" s="17"/>
      <c r="C2271" s="17"/>
      <c r="D2271" s="18"/>
      <c r="E2271" s="18"/>
      <c r="F2271" s="18"/>
      <c r="G2271" s="18"/>
      <c r="H2271" s="18"/>
      <c r="I2271" s="18"/>
      <c r="J2271" s="18"/>
      <c r="K2271" s="18"/>
      <c r="L2271" s="18"/>
      <c r="M2271" s="18"/>
      <c r="N2271" s="18"/>
      <c r="O2271" s="18"/>
      <c r="P2271" s="19"/>
      <c r="Q2271" s="19"/>
      <c r="R2271" s="19"/>
      <c r="S2271" s="19"/>
      <c r="T2271" s="19"/>
      <c r="U2271" s="19"/>
      <c r="V2271" s="19"/>
      <c r="W2271" s="19"/>
      <c r="X2271" s="19"/>
      <c r="Y2271" s="19"/>
      <c r="Z2271" s="19"/>
      <c r="AA2271" s="19"/>
    </row>
    <row r="2272" spans="1:27" s="1" customFormat="1" ht="21" customHeight="1" outlineLevel="1" x14ac:dyDescent="0.2">
      <c r="A2272" s="17">
        <v>12582</v>
      </c>
      <c r="B2272" s="17"/>
      <c r="C2272" s="17"/>
      <c r="D2272" s="18" t="s">
        <v>1144</v>
      </c>
      <c r="E2272" s="18"/>
      <c r="F2272" s="18"/>
      <c r="G2272" s="18"/>
      <c r="H2272" s="18"/>
      <c r="I2272" s="18"/>
      <c r="J2272" s="18"/>
      <c r="K2272" s="18"/>
      <c r="L2272" s="18"/>
      <c r="M2272" s="18"/>
      <c r="N2272" s="18"/>
      <c r="O2272" s="18"/>
      <c r="P2272" s="19">
        <v>60</v>
      </c>
      <c r="Q2272" s="19"/>
      <c r="R2272" s="19"/>
      <c r="S2272" s="19"/>
      <c r="T2272" s="19">
        <v>40</v>
      </c>
      <c r="U2272" s="19"/>
      <c r="V2272" s="19"/>
      <c r="W2272" s="19"/>
      <c r="X2272" s="19">
        <v>35</v>
      </c>
      <c r="Y2272" s="19"/>
      <c r="Z2272" s="19"/>
      <c r="AA2272" s="19"/>
    </row>
    <row r="2273" spans="1:27" s="1" customFormat="1" ht="21" customHeight="1" outlineLevel="1" x14ac:dyDescent="0.2">
      <c r="A2273" s="17"/>
      <c r="B2273" s="17"/>
      <c r="C2273" s="17"/>
      <c r="D2273" s="18"/>
      <c r="E2273" s="18"/>
      <c r="F2273" s="18"/>
      <c r="G2273" s="18"/>
      <c r="H2273" s="18"/>
      <c r="I2273" s="18"/>
      <c r="J2273" s="18"/>
      <c r="K2273" s="18"/>
      <c r="L2273" s="18"/>
      <c r="M2273" s="18"/>
      <c r="N2273" s="18"/>
      <c r="O2273" s="18"/>
      <c r="P2273" s="19"/>
      <c r="Q2273" s="19"/>
      <c r="R2273" s="19"/>
      <c r="S2273" s="19"/>
      <c r="T2273" s="19"/>
      <c r="U2273" s="19"/>
      <c r="V2273" s="19"/>
      <c r="W2273" s="19"/>
      <c r="X2273" s="19"/>
      <c r="Y2273" s="19"/>
      <c r="Z2273" s="19"/>
      <c r="AA2273" s="19"/>
    </row>
    <row r="2274" spans="1:27" s="1" customFormat="1" ht="11.1" customHeight="1" outlineLevel="1" x14ac:dyDescent="0.2">
      <c r="A2274" s="17">
        <v>12581</v>
      </c>
      <c r="B2274" s="17"/>
      <c r="C2274" s="17"/>
      <c r="D2274" s="18" t="s">
        <v>1145</v>
      </c>
      <c r="E2274" s="18"/>
      <c r="F2274" s="18"/>
      <c r="G2274" s="18"/>
      <c r="H2274" s="18"/>
      <c r="I2274" s="18"/>
      <c r="J2274" s="18"/>
      <c r="K2274" s="18"/>
      <c r="L2274" s="18"/>
      <c r="M2274" s="18"/>
      <c r="N2274" s="18"/>
      <c r="O2274" s="18"/>
      <c r="P2274" s="19">
        <v>60</v>
      </c>
      <c r="Q2274" s="19"/>
      <c r="R2274" s="19"/>
      <c r="S2274" s="19"/>
      <c r="T2274" s="19">
        <v>40</v>
      </c>
      <c r="U2274" s="19"/>
      <c r="V2274" s="19"/>
      <c r="W2274" s="19"/>
      <c r="X2274" s="19">
        <v>22</v>
      </c>
      <c r="Y2274" s="19"/>
      <c r="Z2274" s="19"/>
      <c r="AA2274" s="19"/>
    </row>
    <row r="2275" spans="1:27" s="1" customFormat="1" ht="11.1" customHeight="1" outlineLevel="1" x14ac:dyDescent="0.2">
      <c r="A2275" s="17"/>
      <c r="B2275" s="17"/>
      <c r="C2275" s="17"/>
      <c r="D2275" s="18"/>
      <c r="E2275" s="18"/>
      <c r="F2275" s="18"/>
      <c r="G2275" s="18"/>
      <c r="H2275" s="18"/>
      <c r="I2275" s="18"/>
      <c r="J2275" s="18"/>
      <c r="K2275" s="18"/>
      <c r="L2275" s="18"/>
      <c r="M2275" s="18"/>
      <c r="N2275" s="18"/>
      <c r="O2275" s="18"/>
      <c r="P2275" s="19"/>
      <c r="Q2275" s="19"/>
      <c r="R2275" s="19"/>
      <c r="S2275" s="19"/>
      <c r="T2275" s="19"/>
      <c r="U2275" s="19"/>
      <c r="V2275" s="19"/>
      <c r="W2275" s="19"/>
      <c r="X2275" s="19"/>
      <c r="Y2275" s="19"/>
      <c r="Z2275" s="19"/>
      <c r="AA2275" s="19"/>
    </row>
    <row r="2276" spans="1:27" s="1" customFormat="1" ht="11.1" customHeight="1" outlineLevel="1" x14ac:dyDescent="0.2">
      <c r="A2276" s="17">
        <v>13714</v>
      </c>
      <c r="B2276" s="17"/>
      <c r="C2276" s="17"/>
      <c r="D2276" s="18" t="s">
        <v>1146</v>
      </c>
      <c r="E2276" s="18"/>
      <c r="F2276" s="18"/>
      <c r="G2276" s="18"/>
      <c r="H2276" s="18"/>
      <c r="I2276" s="18"/>
      <c r="J2276" s="18"/>
      <c r="K2276" s="18"/>
      <c r="L2276" s="18"/>
      <c r="M2276" s="18"/>
      <c r="N2276" s="18"/>
      <c r="O2276" s="18"/>
      <c r="P2276" s="19">
        <v>290</v>
      </c>
      <c r="Q2276" s="19"/>
      <c r="R2276" s="19"/>
      <c r="S2276" s="19"/>
      <c r="T2276" s="19">
        <v>210</v>
      </c>
      <c r="U2276" s="19"/>
      <c r="V2276" s="19"/>
      <c r="W2276" s="19"/>
      <c r="X2276" s="19">
        <v>55</v>
      </c>
      <c r="Y2276" s="19"/>
      <c r="Z2276" s="19"/>
      <c r="AA2276" s="19"/>
    </row>
    <row r="2277" spans="1:27" s="1" customFormat="1" ht="11.1" customHeight="1" outlineLevel="1" x14ac:dyDescent="0.2">
      <c r="A2277" s="17"/>
      <c r="B2277" s="17"/>
      <c r="C2277" s="17"/>
      <c r="D2277" s="18"/>
      <c r="E2277" s="18"/>
      <c r="F2277" s="18"/>
      <c r="G2277" s="18"/>
      <c r="H2277" s="18"/>
      <c r="I2277" s="18"/>
      <c r="J2277" s="18"/>
      <c r="K2277" s="18"/>
      <c r="L2277" s="18"/>
      <c r="M2277" s="18"/>
      <c r="N2277" s="18"/>
      <c r="O2277" s="18"/>
      <c r="P2277" s="19"/>
      <c r="Q2277" s="19"/>
      <c r="R2277" s="19"/>
      <c r="S2277" s="19"/>
      <c r="T2277" s="19"/>
      <c r="U2277" s="19"/>
      <c r="V2277" s="19"/>
      <c r="W2277" s="19"/>
      <c r="X2277" s="19"/>
      <c r="Y2277" s="19"/>
      <c r="Z2277" s="19"/>
      <c r="AA2277" s="19"/>
    </row>
    <row r="2278" spans="1:27" s="1" customFormat="1" ht="11.1" customHeight="1" outlineLevel="1" x14ac:dyDescent="0.2">
      <c r="A2278" s="17">
        <v>13711</v>
      </c>
      <c r="B2278" s="17"/>
      <c r="C2278" s="17"/>
      <c r="D2278" s="18" t="s">
        <v>1147</v>
      </c>
      <c r="E2278" s="18"/>
      <c r="F2278" s="18"/>
      <c r="G2278" s="18"/>
      <c r="H2278" s="18"/>
      <c r="I2278" s="18"/>
      <c r="J2278" s="18"/>
      <c r="K2278" s="18"/>
      <c r="L2278" s="18"/>
      <c r="M2278" s="18"/>
      <c r="N2278" s="18"/>
      <c r="O2278" s="18"/>
      <c r="P2278" s="19">
        <v>80</v>
      </c>
      <c r="Q2278" s="19"/>
      <c r="R2278" s="19"/>
      <c r="S2278" s="19"/>
      <c r="T2278" s="19">
        <v>60</v>
      </c>
      <c r="U2278" s="19"/>
      <c r="V2278" s="19"/>
      <c r="W2278" s="19"/>
      <c r="X2278" s="19">
        <v>25</v>
      </c>
      <c r="Y2278" s="19"/>
      <c r="Z2278" s="19"/>
      <c r="AA2278" s="19"/>
    </row>
    <row r="2279" spans="1:27" s="1" customFormat="1" ht="11.1" customHeight="1" outlineLevel="1" x14ac:dyDescent="0.2">
      <c r="A2279" s="17"/>
      <c r="B2279" s="17"/>
      <c r="C2279" s="17"/>
      <c r="D2279" s="18"/>
      <c r="E2279" s="18"/>
      <c r="F2279" s="18"/>
      <c r="G2279" s="18"/>
      <c r="H2279" s="18"/>
      <c r="I2279" s="18"/>
      <c r="J2279" s="18"/>
      <c r="K2279" s="18"/>
      <c r="L2279" s="18"/>
      <c r="M2279" s="18"/>
      <c r="N2279" s="18"/>
      <c r="O2279" s="18"/>
      <c r="P2279" s="19"/>
      <c r="Q2279" s="19"/>
      <c r="R2279" s="19"/>
      <c r="S2279" s="19"/>
      <c r="T2279" s="19"/>
      <c r="U2279" s="19"/>
      <c r="V2279" s="19"/>
      <c r="W2279" s="19"/>
      <c r="X2279" s="19"/>
      <c r="Y2279" s="19"/>
      <c r="Z2279" s="19"/>
      <c r="AA2279" s="19"/>
    </row>
    <row r="2280" spans="1:27" s="1" customFormat="1" ht="11.1" customHeight="1" outlineLevel="1" x14ac:dyDescent="0.2">
      <c r="A2280" s="17">
        <v>13715</v>
      </c>
      <c r="B2280" s="17"/>
      <c r="C2280" s="17"/>
      <c r="D2280" s="18" t="s">
        <v>1148</v>
      </c>
      <c r="E2280" s="18"/>
      <c r="F2280" s="18"/>
      <c r="G2280" s="18"/>
      <c r="H2280" s="18"/>
      <c r="I2280" s="18"/>
      <c r="J2280" s="18"/>
      <c r="K2280" s="18"/>
      <c r="L2280" s="18"/>
      <c r="M2280" s="18"/>
      <c r="N2280" s="18"/>
      <c r="O2280" s="18"/>
      <c r="P2280" s="19">
        <v>105</v>
      </c>
      <c r="Q2280" s="19"/>
      <c r="R2280" s="19"/>
      <c r="S2280" s="19"/>
      <c r="T2280" s="19">
        <v>80</v>
      </c>
      <c r="U2280" s="19"/>
      <c r="V2280" s="19"/>
      <c r="W2280" s="19"/>
      <c r="X2280" s="19">
        <v>5</v>
      </c>
      <c r="Y2280" s="19"/>
      <c r="Z2280" s="19"/>
      <c r="AA2280" s="19"/>
    </row>
    <row r="2281" spans="1:27" s="1" customFormat="1" ht="11.1" customHeight="1" outlineLevel="1" x14ac:dyDescent="0.2">
      <c r="A2281" s="17"/>
      <c r="B2281" s="17"/>
      <c r="C2281" s="17"/>
      <c r="D2281" s="18"/>
      <c r="E2281" s="18"/>
      <c r="F2281" s="18"/>
      <c r="G2281" s="18"/>
      <c r="H2281" s="18"/>
      <c r="I2281" s="18"/>
      <c r="J2281" s="18"/>
      <c r="K2281" s="18"/>
      <c r="L2281" s="18"/>
      <c r="M2281" s="18"/>
      <c r="N2281" s="18"/>
      <c r="O2281" s="18"/>
      <c r="P2281" s="19"/>
      <c r="Q2281" s="19"/>
      <c r="R2281" s="19"/>
      <c r="S2281" s="19"/>
      <c r="T2281" s="19"/>
      <c r="U2281" s="19"/>
      <c r="V2281" s="19"/>
      <c r="W2281" s="19"/>
      <c r="X2281" s="19"/>
      <c r="Y2281" s="19"/>
      <c r="Z2281" s="19"/>
      <c r="AA2281" s="19"/>
    </row>
    <row r="2282" spans="1:27" s="1" customFormat="1" ht="11.1" customHeight="1" outlineLevel="1" x14ac:dyDescent="0.2">
      <c r="A2282" s="17">
        <v>11847</v>
      </c>
      <c r="B2282" s="17"/>
      <c r="C2282" s="17"/>
      <c r="D2282" s="18" t="s">
        <v>1149</v>
      </c>
      <c r="E2282" s="18"/>
      <c r="F2282" s="18"/>
      <c r="G2282" s="18"/>
      <c r="H2282" s="18"/>
      <c r="I2282" s="18"/>
      <c r="J2282" s="18"/>
      <c r="K2282" s="18"/>
      <c r="L2282" s="18"/>
      <c r="M2282" s="18"/>
      <c r="N2282" s="18"/>
      <c r="O2282" s="18"/>
      <c r="P2282" s="19">
        <v>80</v>
      </c>
      <c r="Q2282" s="19"/>
      <c r="R2282" s="19"/>
      <c r="S2282" s="19"/>
      <c r="T2282" s="19">
        <v>60</v>
      </c>
      <c r="U2282" s="19"/>
      <c r="V2282" s="19"/>
      <c r="W2282" s="19"/>
      <c r="X2282" s="19">
        <v>65</v>
      </c>
      <c r="Y2282" s="19"/>
      <c r="Z2282" s="19"/>
      <c r="AA2282" s="19"/>
    </row>
    <row r="2283" spans="1:27" s="1" customFormat="1" ht="11.1" customHeight="1" outlineLevel="1" x14ac:dyDescent="0.2">
      <c r="A2283" s="17"/>
      <c r="B2283" s="17"/>
      <c r="C2283" s="17"/>
      <c r="D2283" s="18"/>
      <c r="E2283" s="18"/>
      <c r="F2283" s="18"/>
      <c r="G2283" s="18"/>
      <c r="H2283" s="18"/>
      <c r="I2283" s="18"/>
      <c r="J2283" s="18"/>
      <c r="K2283" s="18"/>
      <c r="L2283" s="18"/>
      <c r="M2283" s="18"/>
      <c r="N2283" s="18"/>
      <c r="O2283" s="18"/>
      <c r="P2283" s="19"/>
      <c r="Q2283" s="19"/>
      <c r="R2283" s="19"/>
      <c r="S2283" s="19"/>
      <c r="T2283" s="19"/>
      <c r="U2283" s="19"/>
      <c r="V2283" s="19"/>
      <c r="W2283" s="19"/>
      <c r="X2283" s="19"/>
      <c r="Y2283" s="19"/>
      <c r="Z2283" s="19"/>
      <c r="AA2283" s="19"/>
    </row>
    <row r="2284" spans="1:27" s="1" customFormat="1" ht="11.1" customHeight="1" outlineLevel="1" x14ac:dyDescent="0.2">
      <c r="A2284" s="17">
        <v>9405</v>
      </c>
      <c r="B2284" s="17"/>
      <c r="C2284" s="17"/>
      <c r="D2284" s="18" t="s">
        <v>1150</v>
      </c>
      <c r="E2284" s="18"/>
      <c r="F2284" s="18"/>
      <c r="G2284" s="18"/>
      <c r="H2284" s="18"/>
      <c r="I2284" s="18"/>
      <c r="J2284" s="18"/>
      <c r="K2284" s="18"/>
      <c r="L2284" s="18"/>
      <c r="M2284" s="18"/>
      <c r="N2284" s="18"/>
      <c r="O2284" s="18"/>
      <c r="P2284" s="19">
        <v>60</v>
      </c>
      <c r="Q2284" s="19"/>
      <c r="R2284" s="19"/>
      <c r="S2284" s="19"/>
      <c r="T2284" s="19">
        <v>60</v>
      </c>
      <c r="U2284" s="19"/>
      <c r="V2284" s="19"/>
      <c r="W2284" s="19"/>
      <c r="X2284" s="19">
        <v>128</v>
      </c>
      <c r="Y2284" s="19"/>
      <c r="Z2284" s="19"/>
      <c r="AA2284" s="19"/>
    </row>
    <row r="2285" spans="1:27" s="1" customFormat="1" ht="11.1" customHeight="1" outlineLevel="1" x14ac:dyDescent="0.2">
      <c r="A2285" s="17"/>
      <c r="B2285" s="17"/>
      <c r="C2285" s="17"/>
      <c r="D2285" s="18"/>
      <c r="E2285" s="18"/>
      <c r="F2285" s="18"/>
      <c r="G2285" s="18"/>
      <c r="H2285" s="18"/>
      <c r="I2285" s="18"/>
      <c r="J2285" s="18"/>
      <c r="K2285" s="18"/>
      <c r="L2285" s="18"/>
      <c r="M2285" s="18"/>
      <c r="N2285" s="18"/>
      <c r="O2285" s="18"/>
      <c r="P2285" s="19"/>
      <c r="Q2285" s="19"/>
      <c r="R2285" s="19"/>
      <c r="S2285" s="19"/>
      <c r="T2285" s="19"/>
      <c r="U2285" s="19"/>
      <c r="V2285" s="19"/>
      <c r="W2285" s="19"/>
      <c r="X2285" s="19"/>
      <c r="Y2285" s="19"/>
      <c r="Z2285" s="19"/>
      <c r="AA2285" s="19"/>
    </row>
    <row r="2286" spans="1:27" s="1" customFormat="1" ht="11.1" customHeight="1" outlineLevel="1" x14ac:dyDescent="0.2">
      <c r="A2286" s="17">
        <v>13712</v>
      </c>
      <c r="B2286" s="17"/>
      <c r="C2286" s="17"/>
      <c r="D2286" s="18" t="s">
        <v>1151</v>
      </c>
      <c r="E2286" s="18"/>
      <c r="F2286" s="18"/>
      <c r="G2286" s="18"/>
      <c r="H2286" s="18"/>
      <c r="I2286" s="18"/>
      <c r="J2286" s="18"/>
      <c r="K2286" s="18"/>
      <c r="L2286" s="18"/>
      <c r="M2286" s="18"/>
      <c r="N2286" s="18"/>
      <c r="O2286" s="18"/>
      <c r="P2286" s="19">
        <v>80</v>
      </c>
      <c r="Q2286" s="19"/>
      <c r="R2286" s="19"/>
      <c r="S2286" s="19"/>
      <c r="T2286" s="19">
        <v>50</v>
      </c>
      <c r="U2286" s="19"/>
      <c r="V2286" s="19"/>
      <c r="W2286" s="19"/>
      <c r="X2286" s="19">
        <v>437</v>
      </c>
      <c r="Y2286" s="19"/>
      <c r="Z2286" s="19"/>
      <c r="AA2286" s="19"/>
    </row>
    <row r="2287" spans="1:27" s="1" customFormat="1" ht="11.1" customHeight="1" outlineLevel="1" x14ac:dyDescent="0.2">
      <c r="A2287" s="17"/>
      <c r="B2287" s="17"/>
      <c r="C2287" s="17"/>
      <c r="D2287" s="18"/>
      <c r="E2287" s="18"/>
      <c r="F2287" s="18"/>
      <c r="G2287" s="18"/>
      <c r="H2287" s="18"/>
      <c r="I2287" s="18"/>
      <c r="J2287" s="18"/>
      <c r="K2287" s="18"/>
      <c r="L2287" s="18"/>
      <c r="M2287" s="18"/>
      <c r="N2287" s="18"/>
      <c r="O2287" s="18"/>
      <c r="P2287" s="19"/>
      <c r="Q2287" s="19"/>
      <c r="R2287" s="19"/>
      <c r="S2287" s="19"/>
      <c r="T2287" s="19"/>
      <c r="U2287" s="19"/>
      <c r="V2287" s="19"/>
      <c r="W2287" s="19"/>
      <c r="X2287" s="19"/>
      <c r="Y2287" s="19"/>
      <c r="Z2287" s="19"/>
      <c r="AA2287" s="19"/>
    </row>
    <row r="2288" spans="1:27" s="1" customFormat="1" ht="11.1" customHeight="1" outlineLevel="1" x14ac:dyDescent="0.2">
      <c r="A2288" s="17">
        <v>10475</v>
      </c>
      <c r="B2288" s="17"/>
      <c r="C2288" s="17"/>
      <c r="D2288" s="18" t="s">
        <v>1152</v>
      </c>
      <c r="E2288" s="18"/>
      <c r="F2288" s="18"/>
      <c r="G2288" s="18"/>
      <c r="H2288" s="18"/>
      <c r="I2288" s="18"/>
      <c r="J2288" s="18"/>
      <c r="K2288" s="18"/>
      <c r="L2288" s="18"/>
      <c r="M2288" s="18"/>
      <c r="N2288" s="18"/>
      <c r="O2288" s="18"/>
      <c r="P2288" s="19">
        <v>120</v>
      </c>
      <c r="Q2288" s="19"/>
      <c r="R2288" s="19"/>
      <c r="S2288" s="19"/>
      <c r="T2288" s="19">
        <v>80</v>
      </c>
      <c r="U2288" s="19"/>
      <c r="V2288" s="19"/>
      <c r="W2288" s="19"/>
      <c r="X2288" s="19">
        <v>43</v>
      </c>
      <c r="Y2288" s="19"/>
      <c r="Z2288" s="19"/>
      <c r="AA2288" s="19"/>
    </row>
    <row r="2289" spans="1:27" s="1" customFormat="1" ht="11.1" customHeight="1" outlineLevel="1" x14ac:dyDescent="0.2">
      <c r="A2289" s="17"/>
      <c r="B2289" s="17"/>
      <c r="C2289" s="17"/>
      <c r="D2289" s="18"/>
      <c r="E2289" s="18"/>
      <c r="F2289" s="18"/>
      <c r="G2289" s="18"/>
      <c r="H2289" s="18"/>
      <c r="I2289" s="18"/>
      <c r="J2289" s="18"/>
      <c r="K2289" s="18"/>
      <c r="L2289" s="18"/>
      <c r="M2289" s="18"/>
      <c r="N2289" s="18"/>
      <c r="O2289" s="18"/>
      <c r="P2289" s="19"/>
      <c r="Q2289" s="19"/>
      <c r="R2289" s="19"/>
      <c r="S2289" s="19"/>
      <c r="T2289" s="19"/>
      <c r="U2289" s="19"/>
      <c r="V2289" s="19"/>
      <c r="W2289" s="19"/>
      <c r="X2289" s="19"/>
      <c r="Y2289" s="19"/>
      <c r="Z2289" s="19"/>
      <c r="AA2289" s="19"/>
    </row>
    <row r="2290" spans="1:27" s="1" customFormat="1" ht="11.1" customHeight="1" outlineLevel="1" x14ac:dyDescent="0.2">
      <c r="A2290" s="17">
        <v>15685</v>
      </c>
      <c r="B2290" s="17"/>
      <c r="C2290" s="17"/>
      <c r="D2290" s="18" t="s">
        <v>1153</v>
      </c>
      <c r="E2290" s="18"/>
      <c r="F2290" s="18"/>
      <c r="G2290" s="18"/>
      <c r="H2290" s="18"/>
      <c r="I2290" s="18"/>
      <c r="J2290" s="18"/>
      <c r="K2290" s="18"/>
      <c r="L2290" s="18"/>
      <c r="M2290" s="18"/>
      <c r="N2290" s="18"/>
      <c r="O2290" s="18"/>
      <c r="P2290" s="19">
        <v>90</v>
      </c>
      <c r="Q2290" s="19"/>
      <c r="R2290" s="19"/>
      <c r="S2290" s="19"/>
      <c r="T2290" s="19">
        <v>65</v>
      </c>
      <c r="U2290" s="19"/>
      <c r="V2290" s="19"/>
      <c r="W2290" s="19"/>
      <c r="X2290" s="19">
        <v>100</v>
      </c>
      <c r="Y2290" s="19"/>
      <c r="Z2290" s="19"/>
      <c r="AA2290" s="19"/>
    </row>
    <row r="2291" spans="1:27" s="1" customFormat="1" ht="11.1" customHeight="1" outlineLevel="1" x14ac:dyDescent="0.2">
      <c r="A2291" s="17"/>
      <c r="B2291" s="17"/>
      <c r="C2291" s="17"/>
      <c r="D2291" s="18"/>
      <c r="E2291" s="18"/>
      <c r="F2291" s="18"/>
      <c r="G2291" s="18"/>
      <c r="H2291" s="18"/>
      <c r="I2291" s="18"/>
      <c r="J2291" s="18"/>
      <c r="K2291" s="18"/>
      <c r="L2291" s="18"/>
      <c r="M2291" s="18"/>
      <c r="N2291" s="18"/>
      <c r="O2291" s="18"/>
      <c r="P2291" s="19"/>
      <c r="Q2291" s="19"/>
      <c r="R2291" s="19"/>
      <c r="S2291" s="19"/>
      <c r="T2291" s="19"/>
      <c r="U2291" s="19"/>
      <c r="V2291" s="19"/>
      <c r="W2291" s="19"/>
      <c r="X2291" s="19"/>
      <c r="Y2291" s="19"/>
      <c r="Z2291" s="19"/>
      <c r="AA2291" s="19"/>
    </row>
    <row r="2292" spans="1:27" s="1" customFormat="1" ht="11.1" customHeight="1" outlineLevel="1" x14ac:dyDescent="0.2">
      <c r="A2292" s="17">
        <v>15686</v>
      </c>
      <c r="B2292" s="17"/>
      <c r="C2292" s="17"/>
      <c r="D2292" s="18" t="s">
        <v>1154</v>
      </c>
      <c r="E2292" s="18"/>
      <c r="F2292" s="18"/>
      <c r="G2292" s="18"/>
      <c r="H2292" s="18"/>
      <c r="I2292" s="18"/>
      <c r="J2292" s="18"/>
      <c r="K2292" s="18"/>
      <c r="L2292" s="18"/>
      <c r="M2292" s="18"/>
      <c r="N2292" s="18"/>
      <c r="O2292" s="18"/>
      <c r="P2292" s="19">
        <v>135</v>
      </c>
      <c r="Q2292" s="19"/>
      <c r="R2292" s="19"/>
      <c r="S2292" s="19"/>
      <c r="T2292" s="19">
        <v>95</v>
      </c>
      <c r="U2292" s="19"/>
      <c r="V2292" s="19"/>
      <c r="W2292" s="19"/>
      <c r="X2292" s="19">
        <v>197</v>
      </c>
      <c r="Y2292" s="19"/>
      <c r="Z2292" s="19"/>
      <c r="AA2292" s="19"/>
    </row>
    <row r="2293" spans="1:27" s="1" customFormat="1" ht="11.1" customHeight="1" outlineLevel="1" x14ac:dyDescent="0.2">
      <c r="A2293" s="17"/>
      <c r="B2293" s="17"/>
      <c r="C2293" s="17"/>
      <c r="D2293" s="18"/>
      <c r="E2293" s="18"/>
      <c r="F2293" s="18"/>
      <c r="G2293" s="18"/>
      <c r="H2293" s="18"/>
      <c r="I2293" s="18"/>
      <c r="J2293" s="18"/>
      <c r="K2293" s="18"/>
      <c r="L2293" s="18"/>
      <c r="M2293" s="18"/>
      <c r="N2293" s="18"/>
      <c r="O2293" s="18"/>
      <c r="P2293" s="19"/>
      <c r="Q2293" s="19"/>
      <c r="R2293" s="19"/>
      <c r="S2293" s="19"/>
      <c r="T2293" s="19"/>
      <c r="U2293" s="19"/>
      <c r="V2293" s="19"/>
      <c r="W2293" s="19"/>
      <c r="X2293" s="19"/>
      <c r="Y2293" s="19"/>
      <c r="Z2293" s="19"/>
      <c r="AA2293" s="19"/>
    </row>
    <row r="2294" spans="1:27" s="1" customFormat="1" ht="14.1" customHeight="1" outlineLevel="1" x14ac:dyDescent="0.2">
      <c r="A2294" s="17">
        <v>13546</v>
      </c>
      <c r="B2294" s="17"/>
      <c r="C2294" s="17"/>
      <c r="D2294" s="18" t="s">
        <v>1155</v>
      </c>
      <c r="E2294" s="18"/>
      <c r="F2294" s="18"/>
      <c r="G2294" s="18"/>
      <c r="H2294" s="18"/>
      <c r="I2294" s="18"/>
      <c r="J2294" s="18"/>
      <c r="K2294" s="18"/>
      <c r="L2294" s="18"/>
      <c r="M2294" s="18"/>
      <c r="N2294" s="18"/>
      <c r="O2294" s="18"/>
      <c r="P2294" s="19">
        <v>50</v>
      </c>
      <c r="Q2294" s="19"/>
      <c r="R2294" s="19"/>
      <c r="S2294" s="19"/>
      <c r="T2294" s="19">
        <v>40</v>
      </c>
      <c r="U2294" s="19"/>
      <c r="V2294" s="19"/>
      <c r="W2294" s="19"/>
      <c r="X2294" s="19">
        <v>50</v>
      </c>
      <c r="Y2294" s="19"/>
      <c r="Z2294" s="19"/>
      <c r="AA2294" s="19"/>
    </row>
    <row r="2295" spans="1:27" s="1" customFormat="1" ht="14.1" customHeight="1" outlineLevel="1" x14ac:dyDescent="0.2">
      <c r="A2295" s="17"/>
      <c r="B2295" s="17"/>
      <c r="C2295" s="17"/>
      <c r="D2295" s="18"/>
      <c r="E2295" s="18"/>
      <c r="F2295" s="18"/>
      <c r="G2295" s="18"/>
      <c r="H2295" s="18"/>
      <c r="I2295" s="18"/>
      <c r="J2295" s="18"/>
      <c r="K2295" s="18"/>
      <c r="L2295" s="18"/>
      <c r="M2295" s="18"/>
      <c r="N2295" s="18"/>
      <c r="O2295" s="18"/>
      <c r="P2295" s="19"/>
      <c r="Q2295" s="19"/>
      <c r="R2295" s="19"/>
      <c r="S2295" s="19"/>
      <c r="T2295" s="19"/>
      <c r="U2295" s="19"/>
      <c r="V2295" s="19"/>
      <c r="W2295" s="19"/>
      <c r="X2295" s="19"/>
      <c r="Y2295" s="19"/>
      <c r="Z2295" s="19"/>
      <c r="AA2295" s="19"/>
    </row>
    <row r="2296" spans="1:27" s="1" customFormat="1" ht="14.1" customHeight="1" outlineLevel="1" x14ac:dyDescent="0.2">
      <c r="A2296" s="17">
        <v>13441</v>
      </c>
      <c r="B2296" s="17"/>
      <c r="C2296" s="17"/>
      <c r="D2296" s="18" t="s">
        <v>1156</v>
      </c>
      <c r="E2296" s="18"/>
      <c r="F2296" s="18"/>
      <c r="G2296" s="18"/>
      <c r="H2296" s="18"/>
      <c r="I2296" s="18"/>
      <c r="J2296" s="18"/>
      <c r="K2296" s="18"/>
      <c r="L2296" s="18"/>
      <c r="M2296" s="18"/>
      <c r="N2296" s="18"/>
      <c r="O2296" s="18"/>
      <c r="P2296" s="19">
        <v>50</v>
      </c>
      <c r="Q2296" s="19"/>
      <c r="R2296" s="19"/>
      <c r="S2296" s="19"/>
      <c r="T2296" s="19">
        <v>40</v>
      </c>
      <c r="U2296" s="19"/>
      <c r="V2296" s="19"/>
      <c r="W2296" s="19"/>
      <c r="X2296" s="19">
        <v>90</v>
      </c>
      <c r="Y2296" s="19"/>
      <c r="Z2296" s="19"/>
      <c r="AA2296" s="19"/>
    </row>
    <row r="2297" spans="1:27" s="1" customFormat="1" ht="14.1" customHeight="1" outlineLevel="1" x14ac:dyDescent="0.2">
      <c r="A2297" s="17"/>
      <c r="B2297" s="17"/>
      <c r="C2297" s="17"/>
      <c r="D2297" s="18"/>
      <c r="E2297" s="18"/>
      <c r="F2297" s="18"/>
      <c r="G2297" s="18"/>
      <c r="H2297" s="18"/>
      <c r="I2297" s="18"/>
      <c r="J2297" s="18"/>
      <c r="K2297" s="18"/>
      <c r="L2297" s="18"/>
      <c r="M2297" s="18"/>
      <c r="N2297" s="18"/>
      <c r="O2297" s="18"/>
      <c r="P2297" s="19"/>
      <c r="Q2297" s="19"/>
      <c r="R2297" s="19"/>
      <c r="S2297" s="19"/>
      <c r="T2297" s="19"/>
      <c r="U2297" s="19"/>
      <c r="V2297" s="19"/>
      <c r="W2297" s="19"/>
      <c r="X2297" s="19"/>
      <c r="Y2297" s="19"/>
      <c r="Z2297" s="19"/>
      <c r="AA2297" s="19"/>
    </row>
    <row r="2298" spans="1:27" s="1" customFormat="1" ht="14.1" customHeight="1" outlineLevel="1" x14ac:dyDescent="0.2">
      <c r="A2298" s="17">
        <v>13547</v>
      </c>
      <c r="B2298" s="17"/>
      <c r="C2298" s="17"/>
      <c r="D2298" s="18" t="s">
        <v>1157</v>
      </c>
      <c r="E2298" s="18"/>
      <c r="F2298" s="18"/>
      <c r="G2298" s="18"/>
      <c r="H2298" s="18"/>
      <c r="I2298" s="18"/>
      <c r="J2298" s="18"/>
      <c r="K2298" s="18"/>
      <c r="L2298" s="18"/>
      <c r="M2298" s="18"/>
      <c r="N2298" s="18"/>
      <c r="O2298" s="18"/>
      <c r="P2298" s="19">
        <v>50</v>
      </c>
      <c r="Q2298" s="19"/>
      <c r="R2298" s="19"/>
      <c r="S2298" s="19"/>
      <c r="T2298" s="19">
        <v>40</v>
      </c>
      <c r="U2298" s="19"/>
      <c r="V2298" s="19"/>
      <c r="W2298" s="19"/>
      <c r="X2298" s="19">
        <v>48</v>
      </c>
      <c r="Y2298" s="19"/>
      <c r="Z2298" s="19"/>
      <c r="AA2298" s="19"/>
    </row>
    <row r="2299" spans="1:27" s="1" customFormat="1" ht="14.1" customHeight="1" outlineLevel="1" x14ac:dyDescent="0.2">
      <c r="A2299" s="17"/>
      <c r="B2299" s="17"/>
      <c r="C2299" s="17"/>
      <c r="D2299" s="18"/>
      <c r="E2299" s="18"/>
      <c r="F2299" s="18"/>
      <c r="G2299" s="18"/>
      <c r="H2299" s="18"/>
      <c r="I2299" s="18"/>
      <c r="J2299" s="18"/>
      <c r="K2299" s="18"/>
      <c r="L2299" s="18"/>
      <c r="M2299" s="18"/>
      <c r="N2299" s="18"/>
      <c r="O2299" s="18"/>
      <c r="P2299" s="19"/>
      <c r="Q2299" s="19"/>
      <c r="R2299" s="19"/>
      <c r="S2299" s="19"/>
      <c r="T2299" s="19"/>
      <c r="U2299" s="19"/>
      <c r="V2299" s="19"/>
      <c r="W2299" s="19"/>
      <c r="X2299" s="19"/>
      <c r="Y2299" s="19"/>
      <c r="Z2299" s="19"/>
      <c r="AA2299" s="19"/>
    </row>
    <row r="2300" spans="1:27" s="1" customFormat="1" ht="11.1" customHeight="1" outlineLevel="1" x14ac:dyDescent="0.2">
      <c r="A2300" s="17">
        <v>13442</v>
      </c>
      <c r="B2300" s="17"/>
      <c r="C2300" s="17"/>
      <c r="D2300" s="18" t="s">
        <v>1158</v>
      </c>
      <c r="E2300" s="18"/>
      <c r="F2300" s="18"/>
      <c r="G2300" s="18"/>
      <c r="H2300" s="18"/>
      <c r="I2300" s="18"/>
      <c r="J2300" s="18"/>
      <c r="K2300" s="18"/>
      <c r="L2300" s="18"/>
      <c r="M2300" s="18"/>
      <c r="N2300" s="18"/>
      <c r="O2300" s="18"/>
      <c r="P2300" s="19">
        <v>50</v>
      </c>
      <c r="Q2300" s="19"/>
      <c r="R2300" s="19"/>
      <c r="S2300" s="19"/>
      <c r="T2300" s="19">
        <v>40</v>
      </c>
      <c r="U2300" s="19"/>
      <c r="V2300" s="19"/>
      <c r="W2300" s="19"/>
      <c r="X2300" s="19">
        <v>50</v>
      </c>
      <c r="Y2300" s="19"/>
      <c r="Z2300" s="19"/>
      <c r="AA2300" s="19"/>
    </row>
    <row r="2301" spans="1:27" s="1" customFormat="1" ht="11.1" customHeight="1" outlineLevel="1" x14ac:dyDescent="0.2">
      <c r="A2301" s="17"/>
      <c r="B2301" s="17"/>
      <c r="C2301" s="17"/>
      <c r="D2301" s="18"/>
      <c r="E2301" s="18"/>
      <c r="F2301" s="18"/>
      <c r="G2301" s="18"/>
      <c r="H2301" s="18"/>
      <c r="I2301" s="18"/>
      <c r="J2301" s="18"/>
      <c r="K2301" s="18"/>
      <c r="L2301" s="18"/>
      <c r="M2301" s="18"/>
      <c r="N2301" s="18"/>
      <c r="O2301" s="18"/>
      <c r="P2301" s="19"/>
      <c r="Q2301" s="19"/>
      <c r="R2301" s="19"/>
      <c r="S2301" s="19"/>
      <c r="T2301" s="19"/>
      <c r="U2301" s="19"/>
      <c r="V2301" s="19"/>
      <c r="W2301" s="19"/>
      <c r="X2301" s="19"/>
      <c r="Y2301" s="19"/>
      <c r="Z2301" s="19"/>
      <c r="AA2301" s="19"/>
    </row>
    <row r="2302" spans="1:27" s="1" customFormat="1" ht="11.1" customHeight="1" outlineLevel="1" x14ac:dyDescent="0.2">
      <c r="A2302" s="17">
        <v>13443</v>
      </c>
      <c r="B2302" s="17"/>
      <c r="C2302" s="17"/>
      <c r="D2302" s="18" t="s">
        <v>1159</v>
      </c>
      <c r="E2302" s="18"/>
      <c r="F2302" s="18"/>
      <c r="G2302" s="18"/>
      <c r="H2302" s="18"/>
      <c r="I2302" s="18"/>
      <c r="J2302" s="18"/>
      <c r="K2302" s="18"/>
      <c r="L2302" s="18"/>
      <c r="M2302" s="18"/>
      <c r="N2302" s="18"/>
      <c r="O2302" s="18"/>
      <c r="P2302" s="19">
        <v>55</v>
      </c>
      <c r="Q2302" s="19"/>
      <c r="R2302" s="19"/>
      <c r="S2302" s="19"/>
      <c r="T2302" s="19">
        <v>45</v>
      </c>
      <c r="U2302" s="19"/>
      <c r="V2302" s="19"/>
      <c r="W2302" s="19"/>
      <c r="X2302" s="19">
        <v>45</v>
      </c>
      <c r="Y2302" s="19"/>
      <c r="Z2302" s="19"/>
      <c r="AA2302" s="19"/>
    </row>
    <row r="2303" spans="1:27" s="1" customFormat="1" ht="11.1" customHeight="1" outlineLevel="1" x14ac:dyDescent="0.2">
      <c r="A2303" s="17"/>
      <c r="B2303" s="17"/>
      <c r="C2303" s="17"/>
      <c r="D2303" s="18"/>
      <c r="E2303" s="18"/>
      <c r="F2303" s="18"/>
      <c r="G2303" s="18"/>
      <c r="H2303" s="18"/>
      <c r="I2303" s="18"/>
      <c r="J2303" s="18"/>
      <c r="K2303" s="18"/>
      <c r="L2303" s="18"/>
      <c r="M2303" s="18"/>
      <c r="N2303" s="18"/>
      <c r="O2303" s="18"/>
      <c r="P2303" s="19"/>
      <c r="Q2303" s="19"/>
      <c r="R2303" s="19"/>
      <c r="S2303" s="19"/>
      <c r="T2303" s="19"/>
      <c r="U2303" s="19"/>
      <c r="V2303" s="19"/>
      <c r="W2303" s="19"/>
      <c r="X2303" s="19"/>
      <c r="Y2303" s="19"/>
      <c r="Z2303" s="19"/>
      <c r="AA2303" s="19"/>
    </row>
    <row r="2304" spans="1:27" s="1" customFormat="1" ht="11.1" customHeight="1" outlineLevel="1" x14ac:dyDescent="0.2">
      <c r="A2304" s="17">
        <v>13440</v>
      </c>
      <c r="B2304" s="17"/>
      <c r="C2304" s="17"/>
      <c r="D2304" s="18" t="s">
        <v>1160</v>
      </c>
      <c r="E2304" s="18"/>
      <c r="F2304" s="18"/>
      <c r="G2304" s="18"/>
      <c r="H2304" s="18"/>
      <c r="I2304" s="18"/>
      <c r="J2304" s="18"/>
      <c r="K2304" s="18"/>
      <c r="L2304" s="18"/>
      <c r="M2304" s="18"/>
      <c r="N2304" s="18"/>
      <c r="O2304" s="18"/>
      <c r="P2304" s="19">
        <v>60</v>
      </c>
      <c r="Q2304" s="19"/>
      <c r="R2304" s="19"/>
      <c r="S2304" s="19"/>
      <c r="T2304" s="19">
        <v>50</v>
      </c>
      <c r="U2304" s="19"/>
      <c r="V2304" s="19"/>
      <c r="W2304" s="19"/>
      <c r="X2304" s="19">
        <v>24</v>
      </c>
      <c r="Y2304" s="19"/>
      <c r="Z2304" s="19"/>
      <c r="AA2304" s="19"/>
    </row>
    <row r="2305" spans="1:27" s="1" customFormat="1" ht="11.1" customHeight="1" outlineLevel="1" x14ac:dyDescent="0.2">
      <c r="A2305" s="17"/>
      <c r="B2305" s="17"/>
      <c r="C2305" s="17"/>
      <c r="D2305" s="18"/>
      <c r="E2305" s="18"/>
      <c r="F2305" s="18"/>
      <c r="G2305" s="18"/>
      <c r="H2305" s="18"/>
      <c r="I2305" s="18"/>
      <c r="J2305" s="18"/>
      <c r="K2305" s="18"/>
      <c r="L2305" s="18"/>
      <c r="M2305" s="18"/>
      <c r="N2305" s="18"/>
      <c r="O2305" s="18"/>
      <c r="P2305" s="19"/>
      <c r="Q2305" s="19"/>
      <c r="R2305" s="19"/>
      <c r="S2305" s="19"/>
      <c r="T2305" s="19"/>
      <c r="U2305" s="19"/>
      <c r="V2305" s="19"/>
      <c r="W2305" s="19"/>
      <c r="X2305" s="19"/>
      <c r="Y2305" s="19"/>
      <c r="Z2305" s="19"/>
      <c r="AA2305" s="19"/>
    </row>
    <row r="2306" spans="1:27" s="1" customFormat="1" ht="11.1" customHeight="1" x14ac:dyDescent="0.2">
      <c r="A2306" s="16" t="s">
        <v>1161</v>
      </c>
      <c r="B2306" s="16"/>
      <c r="C2306" s="16"/>
      <c r="D2306" s="16"/>
      <c r="E2306" s="16"/>
      <c r="F2306" s="16"/>
      <c r="G2306" s="16"/>
      <c r="H2306" s="16"/>
      <c r="I2306" s="16"/>
      <c r="J2306" s="16"/>
      <c r="K2306" s="16"/>
      <c r="L2306" s="16"/>
      <c r="M2306" s="16"/>
      <c r="N2306" s="16"/>
      <c r="O2306" s="16"/>
      <c r="P2306" s="16"/>
      <c r="Q2306" s="16"/>
      <c r="R2306" s="16"/>
      <c r="S2306" s="16"/>
      <c r="T2306" s="16"/>
      <c r="U2306" s="16"/>
      <c r="V2306" s="16"/>
      <c r="W2306" s="16"/>
      <c r="X2306" s="16"/>
      <c r="Y2306" s="16"/>
      <c r="Z2306" s="16"/>
      <c r="AA2306" s="16"/>
    </row>
    <row r="2307" spans="1:27" s="1" customFormat="1" ht="11.1" customHeight="1" x14ac:dyDescent="0.2">
      <c r="A2307" s="16"/>
      <c r="B2307" s="16"/>
      <c r="C2307" s="16"/>
      <c r="D2307" s="16"/>
      <c r="E2307" s="16"/>
      <c r="F2307" s="16"/>
      <c r="G2307" s="16"/>
      <c r="H2307" s="16"/>
      <c r="I2307" s="16"/>
      <c r="J2307" s="16"/>
      <c r="K2307" s="16"/>
      <c r="L2307" s="16"/>
      <c r="M2307" s="16"/>
      <c r="N2307" s="16"/>
      <c r="O2307" s="16"/>
      <c r="P2307" s="16"/>
      <c r="Q2307" s="16"/>
      <c r="R2307" s="16"/>
      <c r="S2307" s="16"/>
      <c r="T2307" s="16"/>
      <c r="U2307" s="16"/>
      <c r="V2307" s="16"/>
      <c r="W2307" s="16"/>
      <c r="X2307" s="16"/>
      <c r="Y2307" s="16"/>
      <c r="Z2307" s="16"/>
      <c r="AA2307" s="16"/>
    </row>
    <row r="2308" spans="1:27" s="1" customFormat="1" ht="11.1" customHeight="1" outlineLevel="1" x14ac:dyDescent="0.2">
      <c r="A2308" s="17">
        <v>15924</v>
      </c>
      <c r="B2308" s="17"/>
      <c r="C2308" s="17"/>
      <c r="D2308" s="18" t="s">
        <v>1162</v>
      </c>
      <c r="E2308" s="18"/>
      <c r="F2308" s="18"/>
      <c r="G2308" s="18"/>
      <c r="H2308" s="18"/>
      <c r="I2308" s="18"/>
      <c r="J2308" s="18"/>
      <c r="K2308" s="18"/>
      <c r="L2308" s="18"/>
      <c r="M2308" s="18"/>
      <c r="N2308" s="18"/>
      <c r="O2308" s="18"/>
      <c r="P2308" s="19">
        <v>80</v>
      </c>
      <c r="Q2308" s="19"/>
      <c r="R2308" s="19"/>
      <c r="S2308" s="19"/>
      <c r="T2308" s="19">
        <v>60</v>
      </c>
      <c r="U2308" s="19"/>
      <c r="V2308" s="19"/>
      <c r="W2308" s="19"/>
      <c r="X2308" s="19">
        <v>1</v>
      </c>
      <c r="Y2308" s="19"/>
      <c r="Z2308" s="19"/>
      <c r="AA2308" s="19"/>
    </row>
    <row r="2309" spans="1:27" s="1" customFormat="1" ht="11.1" customHeight="1" outlineLevel="1" x14ac:dyDescent="0.2">
      <c r="A2309" s="17"/>
      <c r="B2309" s="17"/>
      <c r="C2309" s="17"/>
      <c r="D2309" s="18"/>
      <c r="E2309" s="18"/>
      <c r="F2309" s="18"/>
      <c r="G2309" s="18"/>
      <c r="H2309" s="18"/>
      <c r="I2309" s="18"/>
      <c r="J2309" s="18"/>
      <c r="K2309" s="18"/>
      <c r="L2309" s="18"/>
      <c r="M2309" s="18"/>
      <c r="N2309" s="18"/>
      <c r="O2309" s="18"/>
      <c r="P2309" s="19"/>
      <c r="Q2309" s="19"/>
      <c r="R2309" s="19"/>
      <c r="S2309" s="19"/>
      <c r="T2309" s="19"/>
      <c r="U2309" s="19"/>
      <c r="V2309" s="19"/>
      <c r="W2309" s="19"/>
      <c r="X2309" s="19"/>
      <c r="Y2309" s="19"/>
      <c r="Z2309" s="19"/>
      <c r="AA2309" s="19"/>
    </row>
    <row r="2310" spans="1:27" s="1" customFormat="1" ht="11.1" customHeight="1" x14ac:dyDescent="0.2">
      <c r="A2310" s="16" t="s">
        <v>1163</v>
      </c>
      <c r="B2310" s="16"/>
      <c r="C2310" s="16"/>
      <c r="D2310" s="16"/>
      <c r="E2310" s="16"/>
      <c r="F2310" s="16"/>
      <c r="G2310" s="16"/>
      <c r="H2310" s="16"/>
      <c r="I2310" s="16"/>
      <c r="J2310" s="16"/>
      <c r="K2310" s="16"/>
      <c r="L2310" s="16"/>
      <c r="M2310" s="16"/>
      <c r="N2310" s="16"/>
      <c r="O2310" s="16"/>
      <c r="P2310" s="16"/>
      <c r="Q2310" s="16"/>
      <c r="R2310" s="16"/>
      <c r="S2310" s="16"/>
      <c r="T2310" s="16"/>
      <c r="U2310" s="16"/>
      <c r="V2310" s="16"/>
      <c r="W2310" s="16"/>
      <c r="X2310" s="16"/>
      <c r="Y2310" s="16"/>
      <c r="Z2310" s="16"/>
      <c r="AA2310" s="16"/>
    </row>
    <row r="2311" spans="1:27" s="1" customFormat="1" ht="11.1" customHeight="1" x14ac:dyDescent="0.2">
      <c r="A2311" s="16"/>
      <c r="B2311" s="16"/>
      <c r="C2311" s="16"/>
      <c r="D2311" s="16"/>
      <c r="E2311" s="16"/>
      <c r="F2311" s="16"/>
      <c r="G2311" s="16"/>
      <c r="H2311" s="16"/>
      <c r="I2311" s="16"/>
      <c r="J2311" s="16"/>
      <c r="K2311" s="16"/>
      <c r="L2311" s="16"/>
      <c r="M2311" s="16"/>
      <c r="N2311" s="16"/>
      <c r="O2311" s="16"/>
      <c r="P2311" s="16"/>
      <c r="Q2311" s="16"/>
      <c r="R2311" s="16"/>
      <c r="S2311" s="16"/>
      <c r="T2311" s="16"/>
      <c r="U2311" s="16"/>
      <c r="V2311" s="16"/>
      <c r="W2311" s="16"/>
      <c r="X2311" s="16"/>
      <c r="Y2311" s="16"/>
      <c r="Z2311" s="16"/>
      <c r="AA2311" s="16"/>
    </row>
    <row r="2312" spans="1:27" s="1" customFormat="1" ht="11.1" customHeight="1" outlineLevel="1" x14ac:dyDescent="0.2">
      <c r="A2312" s="16" t="s">
        <v>1164</v>
      </c>
      <c r="B2312" s="16"/>
      <c r="C2312" s="16"/>
      <c r="D2312" s="16"/>
      <c r="E2312" s="16"/>
      <c r="F2312" s="16"/>
      <c r="G2312" s="16"/>
      <c r="H2312" s="16"/>
      <c r="I2312" s="16"/>
      <c r="J2312" s="16"/>
      <c r="K2312" s="16"/>
      <c r="L2312" s="16"/>
      <c r="M2312" s="16"/>
      <c r="N2312" s="16"/>
      <c r="O2312" s="16"/>
      <c r="P2312" s="16"/>
      <c r="Q2312" s="16"/>
      <c r="R2312" s="16"/>
      <c r="S2312" s="16"/>
      <c r="T2312" s="16"/>
      <c r="U2312" s="16"/>
      <c r="V2312" s="16"/>
      <c r="W2312" s="16"/>
      <c r="X2312" s="16"/>
      <c r="Y2312" s="16"/>
      <c r="Z2312" s="16"/>
      <c r="AA2312" s="16"/>
    </row>
    <row r="2313" spans="1:27" s="1" customFormat="1" ht="11.1" customHeight="1" outlineLevel="1" x14ac:dyDescent="0.2">
      <c r="A2313" s="16"/>
      <c r="B2313" s="16"/>
      <c r="C2313" s="16"/>
      <c r="D2313" s="16"/>
      <c r="E2313" s="16"/>
      <c r="F2313" s="16"/>
      <c r="G2313" s="16"/>
      <c r="H2313" s="16"/>
      <c r="I2313" s="16"/>
      <c r="J2313" s="16"/>
      <c r="K2313" s="16"/>
      <c r="L2313" s="16"/>
      <c r="M2313" s="16"/>
      <c r="N2313" s="16"/>
      <c r="O2313" s="16"/>
      <c r="P2313" s="16"/>
      <c r="Q2313" s="16"/>
      <c r="R2313" s="16"/>
      <c r="S2313" s="16"/>
      <c r="T2313" s="16"/>
      <c r="U2313" s="16"/>
      <c r="V2313" s="16"/>
      <c r="W2313" s="16"/>
      <c r="X2313" s="16"/>
      <c r="Y2313" s="16"/>
      <c r="Z2313" s="16"/>
      <c r="AA2313" s="16"/>
    </row>
    <row r="2314" spans="1:27" s="1" customFormat="1" ht="11.1" customHeight="1" outlineLevel="2" x14ac:dyDescent="0.2">
      <c r="A2314" s="17">
        <v>8593</v>
      </c>
      <c r="B2314" s="17"/>
      <c r="C2314" s="17"/>
      <c r="D2314" s="18" t="s">
        <v>1165</v>
      </c>
      <c r="E2314" s="18"/>
      <c r="F2314" s="18"/>
      <c r="G2314" s="18"/>
      <c r="H2314" s="18"/>
      <c r="I2314" s="18"/>
      <c r="J2314" s="18"/>
      <c r="K2314" s="18"/>
      <c r="L2314" s="18"/>
      <c r="M2314" s="18"/>
      <c r="N2314" s="18"/>
      <c r="O2314" s="18"/>
      <c r="P2314" s="19">
        <v>150</v>
      </c>
      <c r="Q2314" s="19"/>
      <c r="R2314" s="19"/>
      <c r="S2314" s="19"/>
      <c r="T2314" s="19">
        <v>120</v>
      </c>
      <c r="U2314" s="19"/>
      <c r="V2314" s="19"/>
      <c r="W2314" s="19"/>
      <c r="X2314" s="19">
        <v>1</v>
      </c>
      <c r="Y2314" s="19"/>
      <c r="Z2314" s="19"/>
      <c r="AA2314" s="19"/>
    </row>
    <row r="2315" spans="1:27" s="1" customFormat="1" ht="11.1" customHeight="1" outlineLevel="2" x14ac:dyDescent="0.2">
      <c r="A2315" s="17"/>
      <c r="B2315" s="17"/>
      <c r="C2315" s="17"/>
      <c r="D2315" s="18"/>
      <c r="E2315" s="18"/>
      <c r="F2315" s="18"/>
      <c r="G2315" s="18"/>
      <c r="H2315" s="18"/>
      <c r="I2315" s="18"/>
      <c r="J2315" s="18"/>
      <c r="K2315" s="18"/>
      <c r="L2315" s="18"/>
      <c r="M2315" s="18"/>
      <c r="N2315" s="18"/>
      <c r="O2315" s="18"/>
      <c r="P2315" s="19"/>
      <c r="Q2315" s="19"/>
      <c r="R2315" s="19"/>
      <c r="S2315" s="19"/>
      <c r="T2315" s="19"/>
      <c r="U2315" s="19"/>
      <c r="V2315" s="19"/>
      <c r="W2315" s="19"/>
      <c r="X2315" s="19"/>
      <c r="Y2315" s="19"/>
      <c r="Z2315" s="19"/>
      <c r="AA2315" s="19"/>
    </row>
    <row r="2316" spans="1:27" s="1" customFormat="1" ht="11.1" customHeight="1" outlineLevel="2" x14ac:dyDescent="0.2">
      <c r="A2316" s="17">
        <v>6668</v>
      </c>
      <c r="B2316" s="17"/>
      <c r="C2316" s="17"/>
      <c r="D2316" s="18" t="s">
        <v>1166</v>
      </c>
      <c r="E2316" s="18"/>
      <c r="F2316" s="18"/>
      <c r="G2316" s="18"/>
      <c r="H2316" s="18"/>
      <c r="I2316" s="18"/>
      <c r="J2316" s="18"/>
      <c r="K2316" s="18"/>
      <c r="L2316" s="18"/>
      <c r="M2316" s="18"/>
      <c r="N2316" s="18"/>
      <c r="O2316" s="18"/>
      <c r="P2316" s="19">
        <v>195</v>
      </c>
      <c r="Q2316" s="19"/>
      <c r="R2316" s="19"/>
      <c r="S2316" s="19"/>
      <c r="T2316" s="19">
        <v>155</v>
      </c>
      <c r="U2316" s="19"/>
      <c r="V2316" s="19"/>
      <c r="W2316" s="19"/>
      <c r="X2316" s="19">
        <v>1</v>
      </c>
      <c r="Y2316" s="19"/>
      <c r="Z2316" s="19"/>
      <c r="AA2316" s="19"/>
    </row>
    <row r="2317" spans="1:27" s="1" customFormat="1" ht="11.1" customHeight="1" outlineLevel="2" x14ac:dyDescent="0.2">
      <c r="A2317" s="17"/>
      <c r="B2317" s="17"/>
      <c r="C2317" s="17"/>
      <c r="D2317" s="18"/>
      <c r="E2317" s="18"/>
      <c r="F2317" s="18"/>
      <c r="G2317" s="18"/>
      <c r="H2317" s="18"/>
      <c r="I2317" s="18"/>
      <c r="J2317" s="18"/>
      <c r="K2317" s="18"/>
      <c r="L2317" s="18"/>
      <c r="M2317" s="18"/>
      <c r="N2317" s="18"/>
      <c r="O2317" s="18"/>
      <c r="P2317" s="19"/>
      <c r="Q2317" s="19"/>
      <c r="R2317" s="19"/>
      <c r="S2317" s="19"/>
      <c r="T2317" s="19"/>
      <c r="U2317" s="19"/>
      <c r="V2317" s="19"/>
      <c r="W2317" s="19"/>
      <c r="X2317" s="19"/>
      <c r="Y2317" s="19"/>
      <c r="Z2317" s="19"/>
      <c r="AA2317" s="19"/>
    </row>
    <row r="2318" spans="1:27" s="1" customFormat="1" ht="14.1" customHeight="1" outlineLevel="2" x14ac:dyDescent="0.2">
      <c r="A2318" s="17">
        <v>15584</v>
      </c>
      <c r="B2318" s="17"/>
      <c r="C2318" s="17"/>
      <c r="D2318" s="18" t="s">
        <v>1167</v>
      </c>
      <c r="E2318" s="18"/>
      <c r="F2318" s="18"/>
      <c r="G2318" s="18"/>
      <c r="H2318" s="18"/>
      <c r="I2318" s="18"/>
      <c r="J2318" s="18"/>
      <c r="K2318" s="18"/>
      <c r="L2318" s="18"/>
      <c r="M2318" s="18"/>
      <c r="N2318" s="18"/>
      <c r="O2318" s="18"/>
      <c r="P2318" s="19">
        <v>250</v>
      </c>
      <c r="Q2318" s="19"/>
      <c r="R2318" s="19"/>
      <c r="S2318" s="19"/>
      <c r="T2318" s="19">
        <v>200</v>
      </c>
      <c r="U2318" s="19"/>
      <c r="V2318" s="19"/>
      <c r="W2318" s="19"/>
      <c r="X2318" s="19">
        <v>1</v>
      </c>
      <c r="Y2318" s="19"/>
      <c r="Z2318" s="19"/>
      <c r="AA2318" s="19"/>
    </row>
    <row r="2319" spans="1:27" s="1" customFormat="1" ht="14.1" customHeight="1" outlineLevel="2" x14ac:dyDescent="0.2">
      <c r="A2319" s="17"/>
      <c r="B2319" s="17"/>
      <c r="C2319" s="17"/>
      <c r="D2319" s="18"/>
      <c r="E2319" s="18"/>
      <c r="F2319" s="18"/>
      <c r="G2319" s="18"/>
      <c r="H2319" s="18"/>
      <c r="I2319" s="18"/>
      <c r="J2319" s="18"/>
      <c r="K2319" s="18"/>
      <c r="L2319" s="18"/>
      <c r="M2319" s="18"/>
      <c r="N2319" s="18"/>
      <c r="O2319" s="18"/>
      <c r="P2319" s="19"/>
      <c r="Q2319" s="19"/>
      <c r="R2319" s="19"/>
      <c r="S2319" s="19"/>
      <c r="T2319" s="19"/>
      <c r="U2319" s="19"/>
      <c r="V2319" s="19"/>
      <c r="W2319" s="19"/>
      <c r="X2319" s="19"/>
      <c r="Y2319" s="19"/>
      <c r="Z2319" s="19"/>
      <c r="AA2319" s="19"/>
    </row>
    <row r="2320" spans="1:27" s="1" customFormat="1" ht="11.1" customHeight="1" outlineLevel="1" x14ac:dyDescent="0.2">
      <c r="A2320" s="16" t="s">
        <v>1168</v>
      </c>
      <c r="B2320" s="16"/>
      <c r="C2320" s="16"/>
      <c r="D2320" s="16"/>
      <c r="E2320" s="16"/>
      <c r="F2320" s="16"/>
      <c r="G2320" s="16"/>
      <c r="H2320" s="16"/>
      <c r="I2320" s="16"/>
      <c r="J2320" s="16"/>
      <c r="K2320" s="16"/>
      <c r="L2320" s="16"/>
      <c r="M2320" s="16"/>
      <c r="N2320" s="16"/>
      <c r="O2320" s="16"/>
      <c r="P2320" s="16"/>
      <c r="Q2320" s="16"/>
      <c r="R2320" s="16"/>
      <c r="S2320" s="16"/>
      <c r="T2320" s="16"/>
      <c r="U2320" s="16"/>
      <c r="V2320" s="16"/>
      <c r="W2320" s="16"/>
      <c r="X2320" s="16"/>
      <c r="Y2320" s="16"/>
      <c r="Z2320" s="16"/>
      <c r="AA2320" s="16"/>
    </row>
    <row r="2321" spans="1:27" s="1" customFormat="1" ht="11.1" customHeight="1" outlineLevel="1" x14ac:dyDescent="0.2">
      <c r="A2321" s="16"/>
      <c r="B2321" s="16"/>
      <c r="C2321" s="16"/>
      <c r="D2321" s="16"/>
      <c r="E2321" s="16"/>
      <c r="F2321" s="16"/>
      <c r="G2321" s="16"/>
      <c r="H2321" s="16"/>
      <c r="I2321" s="16"/>
      <c r="J2321" s="16"/>
      <c r="K2321" s="16"/>
      <c r="L2321" s="16"/>
      <c r="M2321" s="16"/>
      <c r="N2321" s="16"/>
      <c r="O2321" s="16"/>
      <c r="P2321" s="16"/>
      <c r="Q2321" s="16"/>
      <c r="R2321" s="16"/>
      <c r="S2321" s="16"/>
      <c r="T2321" s="16"/>
      <c r="U2321" s="16"/>
      <c r="V2321" s="16"/>
      <c r="W2321" s="16"/>
      <c r="X2321" s="16"/>
      <c r="Y2321" s="16"/>
      <c r="Z2321" s="16"/>
      <c r="AA2321" s="16"/>
    </row>
    <row r="2322" spans="1:27" s="1" customFormat="1" ht="11.1" customHeight="1" outlineLevel="2" x14ac:dyDescent="0.2">
      <c r="A2322" s="17">
        <v>17551</v>
      </c>
      <c r="B2322" s="17"/>
      <c r="C2322" s="17"/>
      <c r="D2322" s="18" t="s">
        <v>1169</v>
      </c>
      <c r="E2322" s="18"/>
      <c r="F2322" s="18"/>
      <c r="G2322" s="18"/>
      <c r="H2322" s="18"/>
      <c r="I2322" s="18"/>
      <c r="J2322" s="18"/>
      <c r="K2322" s="18"/>
      <c r="L2322" s="18"/>
      <c r="M2322" s="18"/>
      <c r="N2322" s="18"/>
      <c r="O2322" s="18"/>
      <c r="P2322" s="19">
        <v>150</v>
      </c>
      <c r="Q2322" s="19"/>
      <c r="R2322" s="19"/>
      <c r="S2322" s="19"/>
      <c r="T2322" s="19">
        <v>100</v>
      </c>
      <c r="U2322" s="19"/>
      <c r="V2322" s="19"/>
      <c r="W2322" s="19"/>
      <c r="X2322" s="19">
        <v>1</v>
      </c>
      <c r="Y2322" s="19"/>
      <c r="Z2322" s="19"/>
      <c r="AA2322" s="19"/>
    </row>
    <row r="2323" spans="1:27" s="1" customFormat="1" ht="11.1" customHeight="1" outlineLevel="2" x14ac:dyDescent="0.2">
      <c r="A2323" s="17"/>
      <c r="B2323" s="17"/>
      <c r="C2323" s="17"/>
      <c r="D2323" s="18"/>
      <c r="E2323" s="18"/>
      <c r="F2323" s="18"/>
      <c r="G2323" s="18"/>
      <c r="H2323" s="18"/>
      <c r="I2323" s="18"/>
      <c r="J2323" s="18"/>
      <c r="K2323" s="18"/>
      <c r="L2323" s="18"/>
      <c r="M2323" s="18"/>
      <c r="N2323" s="18"/>
      <c r="O2323" s="18"/>
      <c r="P2323" s="19"/>
      <c r="Q2323" s="19"/>
      <c r="R2323" s="19"/>
      <c r="S2323" s="19"/>
      <c r="T2323" s="19"/>
      <c r="U2323" s="19"/>
      <c r="V2323" s="19"/>
      <c r="W2323" s="19"/>
      <c r="X2323" s="19"/>
      <c r="Y2323" s="19"/>
      <c r="Z2323" s="19"/>
      <c r="AA2323" s="19"/>
    </row>
    <row r="2324" spans="1:27" s="1" customFormat="1" ht="11.1" customHeight="1" outlineLevel="2" x14ac:dyDescent="0.2">
      <c r="A2324" s="17">
        <v>17549</v>
      </c>
      <c r="B2324" s="17"/>
      <c r="C2324" s="17"/>
      <c r="D2324" s="18" t="s">
        <v>1170</v>
      </c>
      <c r="E2324" s="18"/>
      <c r="F2324" s="18"/>
      <c r="G2324" s="18"/>
      <c r="H2324" s="18"/>
      <c r="I2324" s="18"/>
      <c r="J2324" s="18"/>
      <c r="K2324" s="18"/>
      <c r="L2324" s="18"/>
      <c r="M2324" s="18"/>
      <c r="N2324" s="18"/>
      <c r="O2324" s="18"/>
      <c r="P2324" s="19">
        <v>300</v>
      </c>
      <c r="Q2324" s="19"/>
      <c r="R2324" s="19"/>
      <c r="S2324" s="19"/>
      <c r="T2324" s="19">
        <v>200</v>
      </c>
      <c r="U2324" s="19"/>
      <c r="V2324" s="19"/>
      <c r="W2324" s="19"/>
      <c r="X2324" s="19">
        <v>1</v>
      </c>
      <c r="Y2324" s="19"/>
      <c r="Z2324" s="19"/>
      <c r="AA2324" s="19"/>
    </row>
    <row r="2325" spans="1:27" s="1" customFormat="1" ht="11.1" customHeight="1" outlineLevel="2" x14ac:dyDescent="0.2">
      <c r="A2325" s="17"/>
      <c r="B2325" s="17"/>
      <c r="C2325" s="17"/>
      <c r="D2325" s="18"/>
      <c r="E2325" s="18"/>
      <c r="F2325" s="18"/>
      <c r="G2325" s="18"/>
      <c r="H2325" s="18"/>
      <c r="I2325" s="18"/>
      <c r="J2325" s="18"/>
      <c r="K2325" s="18"/>
      <c r="L2325" s="18"/>
      <c r="M2325" s="18"/>
      <c r="N2325" s="18"/>
      <c r="O2325" s="18"/>
      <c r="P2325" s="19"/>
      <c r="Q2325" s="19"/>
      <c r="R2325" s="19"/>
      <c r="S2325" s="19"/>
      <c r="T2325" s="19"/>
      <c r="U2325" s="19"/>
      <c r="V2325" s="19"/>
      <c r="W2325" s="19"/>
      <c r="X2325" s="19"/>
      <c r="Y2325" s="19"/>
      <c r="Z2325" s="19"/>
      <c r="AA2325" s="19"/>
    </row>
    <row r="2326" spans="1:27" s="1" customFormat="1" ht="14.1" customHeight="1" outlineLevel="2" x14ac:dyDescent="0.2">
      <c r="A2326" s="17">
        <v>17550</v>
      </c>
      <c r="B2326" s="17"/>
      <c r="C2326" s="17"/>
      <c r="D2326" s="18" t="s">
        <v>1171</v>
      </c>
      <c r="E2326" s="18"/>
      <c r="F2326" s="18"/>
      <c r="G2326" s="18"/>
      <c r="H2326" s="18"/>
      <c r="I2326" s="18"/>
      <c r="J2326" s="18"/>
      <c r="K2326" s="18"/>
      <c r="L2326" s="18"/>
      <c r="M2326" s="18"/>
      <c r="N2326" s="18"/>
      <c r="O2326" s="18"/>
      <c r="P2326" s="19">
        <v>300</v>
      </c>
      <c r="Q2326" s="19"/>
      <c r="R2326" s="19"/>
      <c r="S2326" s="19"/>
      <c r="T2326" s="19">
        <v>250</v>
      </c>
      <c r="U2326" s="19"/>
      <c r="V2326" s="19"/>
      <c r="W2326" s="19"/>
      <c r="X2326" s="19">
        <v>1</v>
      </c>
      <c r="Y2326" s="19"/>
      <c r="Z2326" s="19"/>
      <c r="AA2326" s="19"/>
    </row>
    <row r="2327" spans="1:27" s="1" customFormat="1" ht="14.1" customHeight="1" outlineLevel="2" x14ac:dyDescent="0.2">
      <c r="A2327" s="17"/>
      <c r="B2327" s="17"/>
      <c r="C2327" s="17"/>
      <c r="D2327" s="18"/>
      <c r="E2327" s="18"/>
      <c r="F2327" s="18"/>
      <c r="G2327" s="18"/>
      <c r="H2327" s="18"/>
      <c r="I2327" s="18"/>
      <c r="J2327" s="18"/>
      <c r="K2327" s="18"/>
      <c r="L2327" s="18"/>
      <c r="M2327" s="18"/>
      <c r="N2327" s="18"/>
      <c r="O2327" s="18"/>
      <c r="P2327" s="19"/>
      <c r="Q2327" s="19"/>
      <c r="R2327" s="19"/>
      <c r="S2327" s="19"/>
      <c r="T2327" s="19"/>
      <c r="U2327" s="19"/>
      <c r="V2327" s="19"/>
      <c r="W2327" s="19"/>
      <c r="X2327" s="19"/>
      <c r="Y2327" s="19"/>
      <c r="Z2327" s="19"/>
      <c r="AA2327" s="19"/>
    </row>
    <row r="2328" spans="1:27" s="1" customFormat="1" ht="11.1" customHeight="1" outlineLevel="1" x14ac:dyDescent="0.2">
      <c r="A2328" s="16" t="s">
        <v>1172</v>
      </c>
      <c r="B2328" s="16"/>
      <c r="C2328" s="16"/>
      <c r="D2328" s="16"/>
      <c r="E2328" s="16"/>
      <c r="F2328" s="16"/>
      <c r="G2328" s="16"/>
      <c r="H2328" s="16"/>
      <c r="I2328" s="16"/>
      <c r="J2328" s="16"/>
      <c r="K2328" s="16"/>
      <c r="L2328" s="16"/>
      <c r="M2328" s="16"/>
      <c r="N2328" s="16"/>
      <c r="O2328" s="16"/>
      <c r="P2328" s="16"/>
      <c r="Q2328" s="16"/>
      <c r="R2328" s="16"/>
      <c r="S2328" s="16"/>
      <c r="T2328" s="16"/>
      <c r="U2328" s="16"/>
      <c r="V2328" s="16"/>
      <c r="W2328" s="16"/>
      <c r="X2328" s="16"/>
      <c r="Y2328" s="16"/>
      <c r="Z2328" s="16"/>
      <c r="AA2328" s="16"/>
    </row>
    <row r="2329" spans="1:27" s="1" customFormat="1" ht="11.1" customHeight="1" outlineLevel="1" x14ac:dyDescent="0.2">
      <c r="A2329" s="16"/>
      <c r="B2329" s="16"/>
      <c r="C2329" s="16"/>
      <c r="D2329" s="16"/>
      <c r="E2329" s="16"/>
      <c r="F2329" s="16"/>
      <c r="G2329" s="16"/>
      <c r="H2329" s="16"/>
      <c r="I2329" s="16"/>
      <c r="J2329" s="16"/>
      <c r="K2329" s="16"/>
      <c r="L2329" s="16"/>
      <c r="M2329" s="16"/>
      <c r="N2329" s="16"/>
      <c r="O2329" s="16"/>
      <c r="P2329" s="16"/>
      <c r="Q2329" s="16"/>
      <c r="R2329" s="16"/>
      <c r="S2329" s="16"/>
      <c r="T2329" s="16"/>
      <c r="U2329" s="16"/>
      <c r="V2329" s="16"/>
      <c r="W2329" s="16"/>
      <c r="X2329" s="16"/>
      <c r="Y2329" s="16"/>
      <c r="Z2329" s="16"/>
      <c r="AA2329" s="16"/>
    </row>
    <row r="2330" spans="1:27" s="1" customFormat="1" ht="14.1" customHeight="1" outlineLevel="2" x14ac:dyDescent="0.2">
      <c r="A2330" s="17">
        <v>16686</v>
      </c>
      <c r="B2330" s="17"/>
      <c r="C2330" s="17"/>
      <c r="D2330" s="18" t="s">
        <v>1173</v>
      </c>
      <c r="E2330" s="18"/>
      <c r="F2330" s="18"/>
      <c r="G2330" s="18"/>
      <c r="H2330" s="18"/>
      <c r="I2330" s="18"/>
      <c r="J2330" s="18"/>
      <c r="K2330" s="18"/>
      <c r="L2330" s="18"/>
      <c r="M2330" s="18"/>
      <c r="N2330" s="18"/>
      <c r="O2330" s="18"/>
      <c r="P2330" s="19">
        <v>150</v>
      </c>
      <c r="Q2330" s="19"/>
      <c r="R2330" s="19"/>
      <c r="S2330" s="19"/>
      <c r="T2330" s="19">
        <v>150</v>
      </c>
      <c r="U2330" s="19"/>
      <c r="V2330" s="19"/>
      <c r="W2330" s="19"/>
      <c r="X2330" s="19">
        <v>1</v>
      </c>
      <c r="Y2330" s="19"/>
      <c r="Z2330" s="19"/>
      <c r="AA2330" s="19"/>
    </row>
    <row r="2331" spans="1:27" s="1" customFormat="1" ht="14.1" customHeight="1" outlineLevel="2" x14ac:dyDescent="0.2">
      <c r="A2331" s="17"/>
      <c r="B2331" s="17"/>
      <c r="C2331" s="17"/>
      <c r="D2331" s="18"/>
      <c r="E2331" s="18"/>
      <c r="F2331" s="18"/>
      <c r="G2331" s="18"/>
      <c r="H2331" s="18"/>
      <c r="I2331" s="18"/>
      <c r="J2331" s="18"/>
      <c r="K2331" s="18"/>
      <c r="L2331" s="18"/>
      <c r="M2331" s="18"/>
      <c r="N2331" s="18"/>
      <c r="O2331" s="18"/>
      <c r="P2331" s="19"/>
      <c r="Q2331" s="19"/>
      <c r="R2331" s="19"/>
      <c r="S2331" s="19"/>
      <c r="T2331" s="19"/>
      <c r="U2331" s="19"/>
      <c r="V2331" s="19"/>
      <c r="W2331" s="19"/>
      <c r="X2331" s="19"/>
      <c r="Y2331" s="19"/>
      <c r="Z2331" s="19"/>
      <c r="AA2331" s="19"/>
    </row>
    <row r="2332" spans="1:27" s="1" customFormat="1" ht="14.1" customHeight="1" outlineLevel="2" x14ac:dyDescent="0.2">
      <c r="A2332" s="17">
        <v>16685</v>
      </c>
      <c r="B2332" s="17"/>
      <c r="C2332" s="17"/>
      <c r="D2332" s="18" t="s">
        <v>1174</v>
      </c>
      <c r="E2332" s="18"/>
      <c r="F2332" s="18"/>
      <c r="G2332" s="18"/>
      <c r="H2332" s="18"/>
      <c r="I2332" s="18"/>
      <c r="J2332" s="18"/>
      <c r="K2332" s="18"/>
      <c r="L2332" s="18"/>
      <c r="M2332" s="18"/>
      <c r="N2332" s="18"/>
      <c r="O2332" s="18"/>
      <c r="P2332" s="19">
        <v>150</v>
      </c>
      <c r="Q2332" s="19"/>
      <c r="R2332" s="19"/>
      <c r="S2332" s="19"/>
      <c r="T2332" s="19">
        <v>100</v>
      </c>
      <c r="U2332" s="19"/>
      <c r="V2332" s="19"/>
      <c r="W2332" s="19"/>
      <c r="X2332" s="19">
        <v>1</v>
      </c>
      <c r="Y2332" s="19"/>
      <c r="Z2332" s="19"/>
      <c r="AA2332" s="19"/>
    </row>
    <row r="2333" spans="1:27" s="1" customFormat="1" ht="14.1" customHeight="1" outlineLevel="2" x14ac:dyDescent="0.2">
      <c r="A2333" s="17"/>
      <c r="B2333" s="17"/>
      <c r="C2333" s="17"/>
      <c r="D2333" s="18"/>
      <c r="E2333" s="18"/>
      <c r="F2333" s="18"/>
      <c r="G2333" s="18"/>
      <c r="H2333" s="18"/>
      <c r="I2333" s="18"/>
      <c r="J2333" s="18"/>
      <c r="K2333" s="18"/>
      <c r="L2333" s="18"/>
      <c r="M2333" s="18"/>
      <c r="N2333" s="18"/>
      <c r="O2333" s="18"/>
      <c r="P2333" s="19"/>
      <c r="Q2333" s="19"/>
      <c r="R2333" s="19"/>
      <c r="S2333" s="19"/>
      <c r="T2333" s="19"/>
      <c r="U2333" s="19"/>
      <c r="V2333" s="19"/>
      <c r="W2333" s="19"/>
      <c r="X2333" s="19"/>
      <c r="Y2333" s="19"/>
      <c r="Z2333" s="19"/>
      <c r="AA2333" s="19"/>
    </row>
    <row r="2334" spans="1:27" s="1" customFormat="1" ht="11.1" customHeight="1" outlineLevel="1" x14ac:dyDescent="0.2">
      <c r="A2334" s="16" t="s">
        <v>1175</v>
      </c>
      <c r="B2334" s="16"/>
      <c r="C2334" s="16"/>
      <c r="D2334" s="16"/>
      <c r="E2334" s="16"/>
      <c r="F2334" s="16"/>
      <c r="G2334" s="16"/>
      <c r="H2334" s="16"/>
      <c r="I2334" s="16"/>
      <c r="J2334" s="16"/>
      <c r="K2334" s="16"/>
      <c r="L2334" s="16"/>
      <c r="M2334" s="16"/>
      <c r="N2334" s="16"/>
      <c r="O2334" s="16"/>
      <c r="P2334" s="16"/>
      <c r="Q2334" s="16"/>
      <c r="R2334" s="16"/>
      <c r="S2334" s="16"/>
      <c r="T2334" s="16"/>
      <c r="U2334" s="16"/>
      <c r="V2334" s="16"/>
      <c r="W2334" s="16"/>
      <c r="X2334" s="16"/>
      <c r="Y2334" s="16"/>
      <c r="Z2334" s="16"/>
      <c r="AA2334" s="16"/>
    </row>
    <row r="2335" spans="1:27" s="1" customFormat="1" ht="11.1" customHeight="1" outlineLevel="1" x14ac:dyDescent="0.2">
      <c r="A2335" s="16"/>
      <c r="B2335" s="16"/>
      <c r="C2335" s="16"/>
      <c r="D2335" s="16"/>
      <c r="E2335" s="16"/>
      <c r="F2335" s="16"/>
      <c r="G2335" s="16"/>
      <c r="H2335" s="16"/>
      <c r="I2335" s="16"/>
      <c r="J2335" s="16"/>
      <c r="K2335" s="16"/>
      <c r="L2335" s="16"/>
      <c r="M2335" s="16"/>
      <c r="N2335" s="16"/>
      <c r="O2335" s="16"/>
      <c r="P2335" s="16"/>
      <c r="Q2335" s="16"/>
      <c r="R2335" s="16"/>
      <c r="S2335" s="16"/>
      <c r="T2335" s="16"/>
      <c r="U2335" s="16"/>
      <c r="V2335" s="16"/>
      <c r="W2335" s="16"/>
      <c r="X2335" s="16"/>
      <c r="Y2335" s="16"/>
      <c r="Z2335" s="16"/>
      <c r="AA2335" s="16"/>
    </row>
    <row r="2336" spans="1:27" s="1" customFormat="1" ht="14.1" customHeight="1" outlineLevel="2" x14ac:dyDescent="0.2">
      <c r="A2336" s="17">
        <v>16830</v>
      </c>
      <c r="B2336" s="17"/>
      <c r="C2336" s="17"/>
      <c r="D2336" s="18" t="s">
        <v>1176</v>
      </c>
      <c r="E2336" s="18"/>
      <c r="F2336" s="18"/>
      <c r="G2336" s="18"/>
      <c r="H2336" s="18"/>
      <c r="I2336" s="18"/>
      <c r="J2336" s="18"/>
      <c r="K2336" s="18"/>
      <c r="L2336" s="18"/>
      <c r="M2336" s="18"/>
      <c r="N2336" s="18"/>
      <c r="O2336" s="18"/>
      <c r="P2336" s="19">
        <v>100</v>
      </c>
      <c r="Q2336" s="19"/>
      <c r="R2336" s="19"/>
      <c r="S2336" s="19"/>
      <c r="T2336" s="19">
        <v>50</v>
      </c>
      <c r="U2336" s="19"/>
      <c r="V2336" s="19"/>
      <c r="W2336" s="19"/>
      <c r="X2336" s="19">
        <v>1</v>
      </c>
      <c r="Y2336" s="19"/>
      <c r="Z2336" s="19"/>
      <c r="AA2336" s="19"/>
    </row>
    <row r="2337" spans="1:27" s="1" customFormat="1" ht="14.1" customHeight="1" outlineLevel="2" x14ac:dyDescent="0.2">
      <c r="A2337" s="17"/>
      <c r="B2337" s="17"/>
      <c r="C2337" s="17"/>
      <c r="D2337" s="18"/>
      <c r="E2337" s="18"/>
      <c r="F2337" s="18"/>
      <c r="G2337" s="18"/>
      <c r="H2337" s="18"/>
      <c r="I2337" s="18"/>
      <c r="J2337" s="18"/>
      <c r="K2337" s="18"/>
      <c r="L2337" s="18"/>
      <c r="M2337" s="18"/>
      <c r="N2337" s="18"/>
      <c r="O2337" s="18"/>
      <c r="P2337" s="19"/>
      <c r="Q2337" s="19"/>
      <c r="R2337" s="19"/>
      <c r="S2337" s="19"/>
      <c r="T2337" s="19"/>
      <c r="U2337" s="19"/>
      <c r="V2337" s="19"/>
      <c r="W2337" s="19"/>
      <c r="X2337" s="19"/>
      <c r="Y2337" s="19"/>
      <c r="Z2337" s="19"/>
      <c r="AA2337" s="19"/>
    </row>
    <row r="2338" spans="1:27" s="1" customFormat="1" ht="11.1" customHeight="1" outlineLevel="2" x14ac:dyDescent="0.2">
      <c r="A2338" s="17">
        <v>16925</v>
      </c>
      <c r="B2338" s="17"/>
      <c r="C2338" s="17"/>
      <c r="D2338" s="18" t="s">
        <v>1177</v>
      </c>
      <c r="E2338" s="18"/>
      <c r="F2338" s="18"/>
      <c r="G2338" s="18"/>
      <c r="H2338" s="18"/>
      <c r="I2338" s="18"/>
      <c r="J2338" s="18"/>
      <c r="K2338" s="18"/>
      <c r="L2338" s="18"/>
      <c r="M2338" s="18"/>
      <c r="N2338" s="18"/>
      <c r="O2338" s="18"/>
      <c r="P2338" s="19">
        <v>150</v>
      </c>
      <c r="Q2338" s="19"/>
      <c r="R2338" s="19"/>
      <c r="S2338" s="19"/>
      <c r="T2338" s="19">
        <v>100</v>
      </c>
      <c r="U2338" s="19"/>
      <c r="V2338" s="19"/>
      <c r="W2338" s="19"/>
      <c r="X2338" s="19">
        <v>6</v>
      </c>
      <c r="Y2338" s="19"/>
      <c r="Z2338" s="19"/>
      <c r="AA2338" s="19"/>
    </row>
    <row r="2339" spans="1:27" s="1" customFormat="1" ht="11.1" customHeight="1" outlineLevel="2" x14ac:dyDescent="0.2">
      <c r="A2339" s="17"/>
      <c r="B2339" s="17"/>
      <c r="C2339" s="17"/>
      <c r="D2339" s="18"/>
      <c r="E2339" s="18"/>
      <c r="F2339" s="18"/>
      <c r="G2339" s="18"/>
      <c r="H2339" s="18"/>
      <c r="I2339" s="18"/>
      <c r="J2339" s="18"/>
      <c r="K2339" s="18"/>
      <c r="L2339" s="18"/>
      <c r="M2339" s="18"/>
      <c r="N2339" s="18"/>
      <c r="O2339" s="18"/>
      <c r="P2339" s="19"/>
      <c r="Q2339" s="19"/>
      <c r="R2339" s="19"/>
      <c r="S2339" s="19"/>
      <c r="T2339" s="19"/>
      <c r="U2339" s="19"/>
      <c r="V2339" s="19"/>
      <c r="W2339" s="19"/>
      <c r="X2339" s="19"/>
      <c r="Y2339" s="19"/>
      <c r="Z2339" s="19"/>
      <c r="AA2339" s="19"/>
    </row>
    <row r="2340" spans="1:27" s="1" customFormat="1" ht="14.1" customHeight="1" outlineLevel="2" x14ac:dyDescent="0.2">
      <c r="A2340" s="17">
        <v>16259</v>
      </c>
      <c r="B2340" s="17"/>
      <c r="C2340" s="17"/>
      <c r="D2340" s="18" t="s">
        <v>1178</v>
      </c>
      <c r="E2340" s="18"/>
      <c r="F2340" s="18"/>
      <c r="G2340" s="18"/>
      <c r="H2340" s="18"/>
      <c r="I2340" s="18"/>
      <c r="J2340" s="18"/>
      <c r="K2340" s="18"/>
      <c r="L2340" s="18"/>
      <c r="M2340" s="18"/>
      <c r="N2340" s="18"/>
      <c r="O2340" s="18"/>
      <c r="P2340" s="19">
        <v>150</v>
      </c>
      <c r="Q2340" s="19"/>
      <c r="R2340" s="19"/>
      <c r="S2340" s="19"/>
      <c r="T2340" s="19">
        <v>100</v>
      </c>
      <c r="U2340" s="19"/>
      <c r="V2340" s="19"/>
      <c r="W2340" s="19"/>
      <c r="X2340" s="19">
        <v>1</v>
      </c>
      <c r="Y2340" s="19"/>
      <c r="Z2340" s="19"/>
      <c r="AA2340" s="19"/>
    </row>
    <row r="2341" spans="1:27" s="1" customFormat="1" ht="14.1" customHeight="1" outlineLevel="2" x14ac:dyDescent="0.2">
      <c r="A2341" s="17"/>
      <c r="B2341" s="17"/>
      <c r="C2341" s="17"/>
      <c r="D2341" s="18"/>
      <c r="E2341" s="18"/>
      <c r="F2341" s="18"/>
      <c r="G2341" s="18"/>
      <c r="H2341" s="18"/>
      <c r="I2341" s="18"/>
      <c r="J2341" s="18"/>
      <c r="K2341" s="18"/>
      <c r="L2341" s="18"/>
      <c r="M2341" s="18"/>
      <c r="N2341" s="18"/>
      <c r="O2341" s="18"/>
      <c r="P2341" s="19"/>
      <c r="Q2341" s="19"/>
      <c r="R2341" s="19"/>
      <c r="S2341" s="19"/>
      <c r="T2341" s="19"/>
      <c r="U2341" s="19"/>
      <c r="V2341" s="19"/>
      <c r="W2341" s="19"/>
      <c r="X2341" s="19"/>
      <c r="Y2341" s="19"/>
      <c r="Z2341" s="19"/>
      <c r="AA2341" s="19"/>
    </row>
    <row r="2342" spans="1:27" s="1" customFormat="1" ht="11.1" customHeight="1" outlineLevel="2" x14ac:dyDescent="0.2">
      <c r="A2342" s="17">
        <v>17945</v>
      </c>
      <c r="B2342" s="17"/>
      <c r="C2342" s="17"/>
      <c r="D2342" s="18" t="s">
        <v>1179</v>
      </c>
      <c r="E2342" s="18"/>
      <c r="F2342" s="18"/>
      <c r="G2342" s="18"/>
      <c r="H2342" s="18"/>
      <c r="I2342" s="18"/>
      <c r="J2342" s="18"/>
      <c r="K2342" s="18"/>
      <c r="L2342" s="18"/>
      <c r="M2342" s="18"/>
      <c r="N2342" s="18"/>
      <c r="O2342" s="18"/>
      <c r="P2342" s="19">
        <v>90</v>
      </c>
      <c r="Q2342" s="19"/>
      <c r="R2342" s="19"/>
      <c r="S2342" s="19"/>
      <c r="T2342" s="19">
        <v>50</v>
      </c>
      <c r="U2342" s="19"/>
      <c r="V2342" s="19"/>
      <c r="W2342" s="19"/>
      <c r="X2342" s="19">
        <v>1</v>
      </c>
      <c r="Y2342" s="19"/>
      <c r="Z2342" s="19"/>
      <c r="AA2342" s="19"/>
    </row>
    <row r="2343" spans="1:27" s="1" customFormat="1" ht="11.1" customHeight="1" outlineLevel="2" x14ac:dyDescent="0.2">
      <c r="A2343" s="17"/>
      <c r="B2343" s="17"/>
      <c r="C2343" s="17"/>
      <c r="D2343" s="18"/>
      <c r="E2343" s="18"/>
      <c r="F2343" s="18"/>
      <c r="G2343" s="18"/>
      <c r="H2343" s="18"/>
      <c r="I2343" s="18"/>
      <c r="J2343" s="18"/>
      <c r="K2343" s="18"/>
      <c r="L2343" s="18"/>
      <c r="M2343" s="18"/>
      <c r="N2343" s="18"/>
      <c r="O2343" s="18"/>
      <c r="P2343" s="19"/>
      <c r="Q2343" s="19"/>
      <c r="R2343" s="19"/>
      <c r="S2343" s="19"/>
      <c r="T2343" s="19"/>
      <c r="U2343" s="19"/>
      <c r="V2343" s="19"/>
      <c r="W2343" s="19"/>
      <c r="X2343" s="19"/>
      <c r="Y2343" s="19"/>
      <c r="Z2343" s="19"/>
      <c r="AA2343" s="19"/>
    </row>
    <row r="2344" spans="1:27" s="1" customFormat="1" ht="11.1" customHeight="1" outlineLevel="2" x14ac:dyDescent="0.2">
      <c r="A2344" s="17">
        <v>10297</v>
      </c>
      <c r="B2344" s="17"/>
      <c r="C2344" s="17"/>
      <c r="D2344" s="18" t="s">
        <v>1180</v>
      </c>
      <c r="E2344" s="18"/>
      <c r="F2344" s="18"/>
      <c r="G2344" s="18"/>
      <c r="H2344" s="18"/>
      <c r="I2344" s="18"/>
      <c r="J2344" s="18"/>
      <c r="K2344" s="18"/>
      <c r="L2344" s="18"/>
      <c r="M2344" s="18"/>
      <c r="N2344" s="18"/>
      <c r="O2344" s="18"/>
      <c r="P2344" s="19">
        <v>130</v>
      </c>
      <c r="Q2344" s="19"/>
      <c r="R2344" s="19"/>
      <c r="S2344" s="19"/>
      <c r="T2344" s="19">
        <v>70</v>
      </c>
      <c r="U2344" s="19"/>
      <c r="V2344" s="19"/>
      <c r="W2344" s="19"/>
      <c r="X2344" s="19">
        <v>1</v>
      </c>
      <c r="Y2344" s="19"/>
      <c r="Z2344" s="19"/>
      <c r="AA2344" s="19"/>
    </row>
    <row r="2345" spans="1:27" s="1" customFormat="1" ht="11.1" customHeight="1" outlineLevel="2" x14ac:dyDescent="0.2">
      <c r="A2345" s="17"/>
      <c r="B2345" s="17"/>
      <c r="C2345" s="17"/>
      <c r="D2345" s="18"/>
      <c r="E2345" s="18"/>
      <c r="F2345" s="18"/>
      <c r="G2345" s="18"/>
      <c r="H2345" s="18"/>
      <c r="I2345" s="18"/>
      <c r="J2345" s="18"/>
      <c r="K2345" s="18"/>
      <c r="L2345" s="18"/>
      <c r="M2345" s="18"/>
      <c r="N2345" s="18"/>
      <c r="O2345" s="18"/>
      <c r="P2345" s="19"/>
      <c r="Q2345" s="19"/>
      <c r="R2345" s="19"/>
      <c r="S2345" s="19"/>
      <c r="T2345" s="19"/>
      <c r="U2345" s="19"/>
      <c r="V2345" s="19"/>
      <c r="W2345" s="19"/>
      <c r="X2345" s="19"/>
      <c r="Y2345" s="19"/>
      <c r="Z2345" s="19"/>
      <c r="AA2345" s="19"/>
    </row>
    <row r="2346" spans="1:27" s="1" customFormat="1" ht="11.1" customHeight="1" outlineLevel="2" x14ac:dyDescent="0.2">
      <c r="A2346" s="17">
        <v>9307</v>
      </c>
      <c r="B2346" s="17"/>
      <c r="C2346" s="17"/>
      <c r="D2346" s="18" t="s">
        <v>1181</v>
      </c>
      <c r="E2346" s="18"/>
      <c r="F2346" s="18"/>
      <c r="G2346" s="18"/>
      <c r="H2346" s="18"/>
      <c r="I2346" s="18"/>
      <c r="J2346" s="18"/>
      <c r="K2346" s="18"/>
      <c r="L2346" s="18"/>
      <c r="M2346" s="18"/>
      <c r="N2346" s="18"/>
      <c r="O2346" s="18"/>
      <c r="P2346" s="19">
        <v>220</v>
      </c>
      <c r="Q2346" s="19"/>
      <c r="R2346" s="19"/>
      <c r="S2346" s="19"/>
      <c r="T2346" s="19">
        <v>180</v>
      </c>
      <c r="U2346" s="19"/>
      <c r="V2346" s="19"/>
      <c r="W2346" s="19"/>
      <c r="X2346" s="19">
        <v>1</v>
      </c>
      <c r="Y2346" s="19"/>
      <c r="Z2346" s="19"/>
      <c r="AA2346" s="19"/>
    </row>
    <row r="2347" spans="1:27" s="1" customFormat="1" ht="11.1" customHeight="1" outlineLevel="2" x14ac:dyDescent="0.2">
      <c r="A2347" s="17"/>
      <c r="B2347" s="17"/>
      <c r="C2347" s="17"/>
      <c r="D2347" s="18"/>
      <c r="E2347" s="18"/>
      <c r="F2347" s="18"/>
      <c r="G2347" s="18"/>
      <c r="H2347" s="18"/>
      <c r="I2347" s="18"/>
      <c r="J2347" s="18"/>
      <c r="K2347" s="18"/>
      <c r="L2347" s="18"/>
      <c r="M2347" s="18"/>
      <c r="N2347" s="18"/>
      <c r="O2347" s="18"/>
      <c r="P2347" s="19"/>
      <c r="Q2347" s="19"/>
      <c r="R2347" s="19"/>
      <c r="S2347" s="19"/>
      <c r="T2347" s="19"/>
      <c r="U2347" s="19"/>
      <c r="V2347" s="19"/>
      <c r="W2347" s="19"/>
      <c r="X2347" s="19"/>
      <c r="Y2347" s="19"/>
      <c r="Z2347" s="19"/>
      <c r="AA2347" s="19"/>
    </row>
    <row r="2348" spans="1:27" s="1" customFormat="1" ht="11.1" customHeight="1" outlineLevel="2" x14ac:dyDescent="0.2">
      <c r="A2348" s="17">
        <v>17423</v>
      </c>
      <c r="B2348" s="17"/>
      <c r="C2348" s="17"/>
      <c r="D2348" s="18" t="s">
        <v>1182</v>
      </c>
      <c r="E2348" s="18"/>
      <c r="F2348" s="18"/>
      <c r="G2348" s="18"/>
      <c r="H2348" s="18"/>
      <c r="I2348" s="18"/>
      <c r="J2348" s="18"/>
      <c r="K2348" s="18"/>
      <c r="L2348" s="18"/>
      <c r="M2348" s="18"/>
      <c r="N2348" s="18"/>
      <c r="O2348" s="18"/>
      <c r="P2348" s="19">
        <v>200</v>
      </c>
      <c r="Q2348" s="19"/>
      <c r="R2348" s="19"/>
      <c r="S2348" s="19"/>
      <c r="T2348" s="19">
        <v>150</v>
      </c>
      <c r="U2348" s="19"/>
      <c r="V2348" s="19"/>
      <c r="W2348" s="19"/>
      <c r="X2348" s="19">
        <v>1</v>
      </c>
      <c r="Y2348" s="19"/>
      <c r="Z2348" s="19"/>
      <c r="AA2348" s="19"/>
    </row>
    <row r="2349" spans="1:27" s="1" customFormat="1" ht="11.1" customHeight="1" outlineLevel="2" x14ac:dyDescent="0.2">
      <c r="A2349" s="17"/>
      <c r="B2349" s="17"/>
      <c r="C2349" s="17"/>
      <c r="D2349" s="18"/>
      <c r="E2349" s="18"/>
      <c r="F2349" s="18"/>
      <c r="G2349" s="18"/>
      <c r="H2349" s="18"/>
      <c r="I2349" s="18"/>
      <c r="J2349" s="18"/>
      <c r="K2349" s="18"/>
      <c r="L2349" s="18"/>
      <c r="M2349" s="18"/>
      <c r="N2349" s="18"/>
      <c r="O2349" s="18"/>
      <c r="P2349" s="19"/>
      <c r="Q2349" s="19"/>
      <c r="R2349" s="19"/>
      <c r="S2349" s="19"/>
      <c r="T2349" s="19"/>
      <c r="U2349" s="19"/>
      <c r="V2349" s="19"/>
      <c r="W2349" s="19"/>
      <c r="X2349" s="19"/>
      <c r="Y2349" s="19"/>
      <c r="Z2349" s="19"/>
      <c r="AA2349" s="19"/>
    </row>
    <row r="2350" spans="1:27" s="1" customFormat="1" ht="11.1" customHeight="1" outlineLevel="2" x14ac:dyDescent="0.2">
      <c r="A2350" s="17">
        <v>17393</v>
      </c>
      <c r="B2350" s="17"/>
      <c r="C2350" s="17"/>
      <c r="D2350" s="18" t="s">
        <v>1183</v>
      </c>
      <c r="E2350" s="18"/>
      <c r="F2350" s="18"/>
      <c r="G2350" s="18"/>
      <c r="H2350" s="18"/>
      <c r="I2350" s="18"/>
      <c r="J2350" s="18"/>
      <c r="K2350" s="18"/>
      <c r="L2350" s="18"/>
      <c r="M2350" s="18"/>
      <c r="N2350" s="18"/>
      <c r="O2350" s="18"/>
      <c r="P2350" s="19">
        <v>300</v>
      </c>
      <c r="Q2350" s="19"/>
      <c r="R2350" s="19"/>
      <c r="S2350" s="19"/>
      <c r="T2350" s="19">
        <v>200</v>
      </c>
      <c r="U2350" s="19"/>
      <c r="V2350" s="19"/>
      <c r="W2350" s="19"/>
      <c r="X2350" s="19">
        <v>1</v>
      </c>
      <c r="Y2350" s="19"/>
      <c r="Z2350" s="19"/>
      <c r="AA2350" s="19"/>
    </row>
    <row r="2351" spans="1:27" s="1" customFormat="1" ht="11.1" customHeight="1" outlineLevel="2" x14ac:dyDescent="0.2">
      <c r="A2351" s="17"/>
      <c r="B2351" s="17"/>
      <c r="C2351" s="17"/>
      <c r="D2351" s="18"/>
      <c r="E2351" s="18"/>
      <c r="F2351" s="18"/>
      <c r="G2351" s="18"/>
      <c r="H2351" s="18"/>
      <c r="I2351" s="18"/>
      <c r="J2351" s="18"/>
      <c r="K2351" s="18"/>
      <c r="L2351" s="18"/>
      <c r="M2351" s="18"/>
      <c r="N2351" s="18"/>
      <c r="O2351" s="18"/>
      <c r="P2351" s="19"/>
      <c r="Q2351" s="19"/>
      <c r="R2351" s="19"/>
      <c r="S2351" s="19"/>
      <c r="T2351" s="19"/>
      <c r="U2351" s="19"/>
      <c r="V2351" s="19"/>
      <c r="W2351" s="19"/>
      <c r="X2351" s="19"/>
      <c r="Y2351" s="19"/>
      <c r="Z2351" s="19"/>
      <c r="AA2351" s="19"/>
    </row>
    <row r="2352" spans="1:27" s="1" customFormat="1" ht="11.1" customHeight="1" outlineLevel="2" x14ac:dyDescent="0.2">
      <c r="A2352" s="17">
        <v>10312</v>
      </c>
      <c r="B2352" s="17"/>
      <c r="C2352" s="17"/>
      <c r="D2352" s="18" t="s">
        <v>1184</v>
      </c>
      <c r="E2352" s="18"/>
      <c r="F2352" s="18"/>
      <c r="G2352" s="18"/>
      <c r="H2352" s="18"/>
      <c r="I2352" s="18"/>
      <c r="J2352" s="18"/>
      <c r="K2352" s="18"/>
      <c r="L2352" s="18"/>
      <c r="M2352" s="18"/>
      <c r="N2352" s="18"/>
      <c r="O2352" s="18"/>
      <c r="P2352" s="19">
        <v>200</v>
      </c>
      <c r="Q2352" s="19"/>
      <c r="R2352" s="19"/>
      <c r="S2352" s="19"/>
      <c r="T2352" s="19">
        <v>150</v>
      </c>
      <c r="U2352" s="19"/>
      <c r="V2352" s="19"/>
      <c r="W2352" s="19"/>
      <c r="X2352" s="19">
        <v>1</v>
      </c>
      <c r="Y2352" s="19"/>
      <c r="Z2352" s="19"/>
      <c r="AA2352" s="19"/>
    </row>
    <row r="2353" spans="1:27" s="1" customFormat="1" ht="11.1" customHeight="1" outlineLevel="2" x14ac:dyDescent="0.2">
      <c r="A2353" s="17"/>
      <c r="B2353" s="17"/>
      <c r="C2353" s="17"/>
      <c r="D2353" s="18"/>
      <c r="E2353" s="18"/>
      <c r="F2353" s="18"/>
      <c r="G2353" s="18"/>
      <c r="H2353" s="18"/>
      <c r="I2353" s="18"/>
      <c r="J2353" s="18"/>
      <c r="K2353" s="18"/>
      <c r="L2353" s="18"/>
      <c r="M2353" s="18"/>
      <c r="N2353" s="18"/>
      <c r="O2353" s="18"/>
      <c r="P2353" s="19"/>
      <c r="Q2353" s="19"/>
      <c r="R2353" s="19"/>
      <c r="S2353" s="19"/>
      <c r="T2353" s="19"/>
      <c r="U2353" s="19"/>
      <c r="V2353" s="19"/>
      <c r="W2353" s="19"/>
      <c r="X2353" s="19"/>
      <c r="Y2353" s="19"/>
      <c r="Z2353" s="19"/>
      <c r="AA2353" s="19"/>
    </row>
    <row r="2354" spans="1:27" s="1" customFormat="1" ht="11.1" customHeight="1" outlineLevel="2" x14ac:dyDescent="0.2">
      <c r="A2354" s="17">
        <v>11427</v>
      </c>
      <c r="B2354" s="17"/>
      <c r="C2354" s="17"/>
      <c r="D2354" s="18" t="s">
        <v>1185</v>
      </c>
      <c r="E2354" s="18"/>
      <c r="F2354" s="18"/>
      <c r="G2354" s="18"/>
      <c r="H2354" s="18"/>
      <c r="I2354" s="18"/>
      <c r="J2354" s="18"/>
      <c r="K2354" s="18"/>
      <c r="L2354" s="18"/>
      <c r="M2354" s="18"/>
      <c r="N2354" s="18"/>
      <c r="O2354" s="18"/>
      <c r="P2354" s="19">
        <v>180</v>
      </c>
      <c r="Q2354" s="19"/>
      <c r="R2354" s="19"/>
      <c r="S2354" s="19"/>
      <c r="T2354" s="19">
        <v>130</v>
      </c>
      <c r="U2354" s="19"/>
      <c r="V2354" s="19"/>
      <c r="W2354" s="19"/>
      <c r="X2354" s="19">
        <v>2</v>
      </c>
      <c r="Y2354" s="19"/>
      <c r="Z2354" s="19"/>
      <c r="AA2354" s="19"/>
    </row>
    <row r="2355" spans="1:27" s="1" customFormat="1" ht="11.1" customHeight="1" outlineLevel="2" x14ac:dyDescent="0.2">
      <c r="A2355" s="17"/>
      <c r="B2355" s="17"/>
      <c r="C2355" s="17"/>
      <c r="D2355" s="18"/>
      <c r="E2355" s="18"/>
      <c r="F2355" s="18"/>
      <c r="G2355" s="18"/>
      <c r="H2355" s="18"/>
      <c r="I2355" s="18"/>
      <c r="J2355" s="18"/>
      <c r="K2355" s="18"/>
      <c r="L2355" s="18"/>
      <c r="M2355" s="18"/>
      <c r="N2355" s="18"/>
      <c r="O2355" s="18"/>
      <c r="P2355" s="19"/>
      <c r="Q2355" s="19"/>
      <c r="R2355" s="19"/>
      <c r="S2355" s="19"/>
      <c r="T2355" s="19"/>
      <c r="U2355" s="19"/>
      <c r="V2355" s="19"/>
      <c r="W2355" s="19"/>
      <c r="X2355" s="19"/>
      <c r="Y2355" s="19"/>
      <c r="Z2355" s="19"/>
      <c r="AA2355" s="19"/>
    </row>
    <row r="2356" spans="1:27" s="1" customFormat="1" ht="11.1" customHeight="1" outlineLevel="2" x14ac:dyDescent="0.2">
      <c r="A2356" s="17">
        <v>8324</v>
      </c>
      <c r="B2356" s="17"/>
      <c r="C2356" s="17"/>
      <c r="D2356" s="18" t="s">
        <v>1186</v>
      </c>
      <c r="E2356" s="18"/>
      <c r="F2356" s="18"/>
      <c r="G2356" s="18"/>
      <c r="H2356" s="18"/>
      <c r="I2356" s="18"/>
      <c r="J2356" s="18"/>
      <c r="K2356" s="18"/>
      <c r="L2356" s="18"/>
      <c r="M2356" s="18"/>
      <c r="N2356" s="18"/>
      <c r="O2356" s="18"/>
      <c r="P2356" s="19">
        <v>120</v>
      </c>
      <c r="Q2356" s="19"/>
      <c r="R2356" s="19"/>
      <c r="S2356" s="19"/>
      <c r="T2356" s="19">
        <v>100</v>
      </c>
      <c r="U2356" s="19"/>
      <c r="V2356" s="19"/>
      <c r="W2356" s="19"/>
      <c r="X2356" s="19">
        <v>1</v>
      </c>
      <c r="Y2356" s="19"/>
      <c r="Z2356" s="19"/>
      <c r="AA2356" s="19"/>
    </row>
    <row r="2357" spans="1:27" s="1" customFormat="1" ht="11.1" customHeight="1" outlineLevel="2" x14ac:dyDescent="0.2">
      <c r="A2357" s="17"/>
      <c r="B2357" s="17"/>
      <c r="C2357" s="17"/>
      <c r="D2357" s="18"/>
      <c r="E2357" s="18"/>
      <c r="F2357" s="18"/>
      <c r="G2357" s="18"/>
      <c r="H2357" s="18"/>
      <c r="I2357" s="18"/>
      <c r="J2357" s="18"/>
      <c r="K2357" s="18"/>
      <c r="L2357" s="18"/>
      <c r="M2357" s="18"/>
      <c r="N2357" s="18"/>
      <c r="O2357" s="18"/>
      <c r="P2357" s="19"/>
      <c r="Q2357" s="19"/>
      <c r="R2357" s="19"/>
      <c r="S2357" s="19"/>
      <c r="T2357" s="19"/>
      <c r="U2357" s="19"/>
      <c r="V2357" s="19"/>
      <c r="W2357" s="19"/>
      <c r="X2357" s="19"/>
      <c r="Y2357" s="19"/>
      <c r="Z2357" s="19"/>
      <c r="AA2357" s="19"/>
    </row>
    <row r="2358" spans="1:27" s="1" customFormat="1" ht="11.1" customHeight="1" outlineLevel="2" x14ac:dyDescent="0.2">
      <c r="A2358" s="17">
        <v>7483</v>
      </c>
      <c r="B2358" s="17"/>
      <c r="C2358" s="17"/>
      <c r="D2358" s="18" t="s">
        <v>1187</v>
      </c>
      <c r="E2358" s="18"/>
      <c r="F2358" s="18"/>
      <c r="G2358" s="18"/>
      <c r="H2358" s="18"/>
      <c r="I2358" s="18"/>
      <c r="J2358" s="18"/>
      <c r="K2358" s="18"/>
      <c r="L2358" s="18"/>
      <c r="M2358" s="18"/>
      <c r="N2358" s="18"/>
      <c r="O2358" s="18"/>
      <c r="P2358" s="19">
        <v>130</v>
      </c>
      <c r="Q2358" s="19"/>
      <c r="R2358" s="19"/>
      <c r="S2358" s="19"/>
      <c r="T2358" s="19">
        <v>110</v>
      </c>
      <c r="U2358" s="19"/>
      <c r="V2358" s="19"/>
      <c r="W2358" s="19"/>
      <c r="X2358" s="19">
        <v>2</v>
      </c>
      <c r="Y2358" s="19"/>
      <c r="Z2358" s="19"/>
      <c r="AA2358" s="19"/>
    </row>
    <row r="2359" spans="1:27" s="1" customFormat="1" ht="11.1" customHeight="1" outlineLevel="2" x14ac:dyDescent="0.2">
      <c r="A2359" s="17"/>
      <c r="B2359" s="17"/>
      <c r="C2359" s="17"/>
      <c r="D2359" s="18"/>
      <c r="E2359" s="18"/>
      <c r="F2359" s="18"/>
      <c r="G2359" s="18"/>
      <c r="H2359" s="18"/>
      <c r="I2359" s="18"/>
      <c r="J2359" s="18"/>
      <c r="K2359" s="18"/>
      <c r="L2359" s="18"/>
      <c r="M2359" s="18"/>
      <c r="N2359" s="18"/>
      <c r="O2359" s="18"/>
      <c r="P2359" s="19"/>
      <c r="Q2359" s="19"/>
      <c r="R2359" s="19"/>
      <c r="S2359" s="19"/>
      <c r="T2359" s="19"/>
      <c r="U2359" s="19"/>
      <c r="V2359" s="19"/>
      <c r="W2359" s="19"/>
      <c r="X2359" s="19"/>
      <c r="Y2359" s="19"/>
      <c r="Z2359" s="19"/>
      <c r="AA2359" s="19"/>
    </row>
    <row r="2360" spans="1:27" s="1" customFormat="1" ht="14.1" customHeight="1" outlineLevel="2" x14ac:dyDescent="0.2">
      <c r="A2360" s="17">
        <v>17942</v>
      </c>
      <c r="B2360" s="17"/>
      <c r="C2360" s="17"/>
      <c r="D2360" s="18" t="s">
        <v>1188</v>
      </c>
      <c r="E2360" s="18"/>
      <c r="F2360" s="18"/>
      <c r="G2360" s="18"/>
      <c r="H2360" s="18"/>
      <c r="I2360" s="18"/>
      <c r="J2360" s="18"/>
      <c r="K2360" s="18"/>
      <c r="L2360" s="18"/>
      <c r="M2360" s="18"/>
      <c r="N2360" s="18"/>
      <c r="O2360" s="18"/>
      <c r="P2360" s="19">
        <v>300</v>
      </c>
      <c r="Q2360" s="19"/>
      <c r="R2360" s="19"/>
      <c r="S2360" s="19"/>
      <c r="T2360" s="19">
        <v>200</v>
      </c>
      <c r="U2360" s="19"/>
      <c r="V2360" s="19"/>
      <c r="W2360" s="19"/>
      <c r="X2360" s="19">
        <v>1</v>
      </c>
      <c r="Y2360" s="19"/>
      <c r="Z2360" s="19"/>
      <c r="AA2360" s="19"/>
    </row>
    <row r="2361" spans="1:27" s="1" customFormat="1" ht="14.1" customHeight="1" outlineLevel="2" x14ac:dyDescent="0.2">
      <c r="A2361" s="17"/>
      <c r="B2361" s="17"/>
      <c r="C2361" s="17"/>
      <c r="D2361" s="18"/>
      <c r="E2361" s="18"/>
      <c r="F2361" s="18"/>
      <c r="G2361" s="18"/>
      <c r="H2361" s="18"/>
      <c r="I2361" s="18"/>
      <c r="J2361" s="18"/>
      <c r="K2361" s="18"/>
      <c r="L2361" s="18"/>
      <c r="M2361" s="18"/>
      <c r="N2361" s="18"/>
      <c r="O2361" s="18"/>
      <c r="P2361" s="19"/>
      <c r="Q2361" s="19"/>
      <c r="R2361" s="19"/>
      <c r="S2361" s="19"/>
      <c r="T2361" s="19"/>
      <c r="U2361" s="19"/>
      <c r="V2361" s="19"/>
      <c r="W2361" s="19"/>
      <c r="X2361" s="19"/>
      <c r="Y2361" s="19"/>
      <c r="Z2361" s="19"/>
      <c r="AA2361" s="19"/>
    </row>
    <row r="2362" spans="1:27" s="1" customFormat="1" ht="11.1" customHeight="1" outlineLevel="2" x14ac:dyDescent="0.2">
      <c r="A2362" s="17">
        <v>7482</v>
      </c>
      <c r="B2362" s="17"/>
      <c r="C2362" s="17"/>
      <c r="D2362" s="18" t="s">
        <v>1189</v>
      </c>
      <c r="E2362" s="18"/>
      <c r="F2362" s="18"/>
      <c r="G2362" s="18"/>
      <c r="H2362" s="18"/>
      <c r="I2362" s="18"/>
      <c r="J2362" s="18"/>
      <c r="K2362" s="18"/>
      <c r="L2362" s="18"/>
      <c r="M2362" s="18"/>
      <c r="N2362" s="18"/>
      <c r="O2362" s="18"/>
      <c r="P2362" s="19">
        <v>120</v>
      </c>
      <c r="Q2362" s="19"/>
      <c r="R2362" s="19"/>
      <c r="S2362" s="19"/>
      <c r="T2362" s="19">
        <v>110</v>
      </c>
      <c r="U2362" s="19"/>
      <c r="V2362" s="19"/>
      <c r="W2362" s="19"/>
      <c r="X2362" s="19">
        <v>1</v>
      </c>
      <c r="Y2362" s="19"/>
      <c r="Z2362" s="19"/>
      <c r="AA2362" s="19"/>
    </row>
    <row r="2363" spans="1:27" s="1" customFormat="1" ht="11.1" customHeight="1" outlineLevel="2" x14ac:dyDescent="0.2">
      <c r="A2363" s="17"/>
      <c r="B2363" s="17"/>
      <c r="C2363" s="17"/>
      <c r="D2363" s="18"/>
      <c r="E2363" s="18"/>
      <c r="F2363" s="18"/>
      <c r="G2363" s="18"/>
      <c r="H2363" s="18"/>
      <c r="I2363" s="18"/>
      <c r="J2363" s="18"/>
      <c r="K2363" s="18"/>
      <c r="L2363" s="18"/>
      <c r="M2363" s="18"/>
      <c r="N2363" s="18"/>
      <c r="O2363" s="18"/>
      <c r="P2363" s="19"/>
      <c r="Q2363" s="19"/>
      <c r="R2363" s="19"/>
      <c r="S2363" s="19"/>
      <c r="T2363" s="19"/>
      <c r="U2363" s="19"/>
      <c r="V2363" s="19"/>
      <c r="W2363" s="19"/>
      <c r="X2363" s="19"/>
      <c r="Y2363" s="19"/>
      <c r="Z2363" s="19"/>
      <c r="AA2363" s="19"/>
    </row>
    <row r="2364" spans="1:27" s="1" customFormat="1" ht="14.1" customHeight="1" outlineLevel="2" x14ac:dyDescent="0.2">
      <c r="A2364" s="17">
        <v>17017</v>
      </c>
      <c r="B2364" s="17"/>
      <c r="C2364" s="17"/>
      <c r="D2364" s="18" t="s">
        <v>1190</v>
      </c>
      <c r="E2364" s="18"/>
      <c r="F2364" s="18"/>
      <c r="G2364" s="18"/>
      <c r="H2364" s="18"/>
      <c r="I2364" s="18"/>
      <c r="J2364" s="18"/>
      <c r="K2364" s="18"/>
      <c r="L2364" s="18"/>
      <c r="M2364" s="18"/>
      <c r="N2364" s="18"/>
      <c r="O2364" s="18"/>
      <c r="P2364" s="19">
        <v>200</v>
      </c>
      <c r="Q2364" s="19"/>
      <c r="R2364" s="19"/>
      <c r="S2364" s="19"/>
      <c r="T2364" s="19">
        <v>150</v>
      </c>
      <c r="U2364" s="19"/>
      <c r="V2364" s="19"/>
      <c r="W2364" s="19"/>
      <c r="X2364" s="19">
        <v>3</v>
      </c>
      <c r="Y2364" s="19"/>
      <c r="Z2364" s="19"/>
      <c r="AA2364" s="19"/>
    </row>
    <row r="2365" spans="1:27" s="1" customFormat="1" ht="14.1" customHeight="1" outlineLevel="2" x14ac:dyDescent="0.2">
      <c r="A2365" s="17"/>
      <c r="B2365" s="17"/>
      <c r="C2365" s="17"/>
      <c r="D2365" s="18"/>
      <c r="E2365" s="18"/>
      <c r="F2365" s="18"/>
      <c r="G2365" s="18"/>
      <c r="H2365" s="18"/>
      <c r="I2365" s="18"/>
      <c r="J2365" s="18"/>
      <c r="K2365" s="18"/>
      <c r="L2365" s="18"/>
      <c r="M2365" s="18"/>
      <c r="N2365" s="18"/>
      <c r="O2365" s="18"/>
      <c r="P2365" s="19"/>
      <c r="Q2365" s="19"/>
      <c r="R2365" s="19"/>
      <c r="S2365" s="19"/>
      <c r="T2365" s="19"/>
      <c r="U2365" s="19"/>
      <c r="V2365" s="19"/>
      <c r="W2365" s="19"/>
      <c r="X2365" s="19"/>
      <c r="Y2365" s="19"/>
      <c r="Z2365" s="19"/>
      <c r="AA2365" s="19"/>
    </row>
    <row r="2366" spans="1:27" s="1" customFormat="1" ht="14.1" customHeight="1" outlineLevel="2" x14ac:dyDescent="0.2">
      <c r="A2366" s="17">
        <v>11430</v>
      </c>
      <c r="B2366" s="17"/>
      <c r="C2366" s="17"/>
      <c r="D2366" s="18" t="s">
        <v>1191</v>
      </c>
      <c r="E2366" s="18"/>
      <c r="F2366" s="18"/>
      <c r="G2366" s="18"/>
      <c r="H2366" s="18"/>
      <c r="I2366" s="18"/>
      <c r="J2366" s="18"/>
      <c r="K2366" s="18"/>
      <c r="L2366" s="18"/>
      <c r="M2366" s="18"/>
      <c r="N2366" s="18"/>
      <c r="O2366" s="18"/>
      <c r="P2366" s="19">
        <v>140</v>
      </c>
      <c r="Q2366" s="19"/>
      <c r="R2366" s="19"/>
      <c r="S2366" s="19"/>
      <c r="T2366" s="19">
        <v>90</v>
      </c>
      <c r="U2366" s="19"/>
      <c r="V2366" s="19"/>
      <c r="W2366" s="19"/>
      <c r="X2366" s="19">
        <v>1</v>
      </c>
      <c r="Y2366" s="19"/>
      <c r="Z2366" s="19"/>
      <c r="AA2366" s="19"/>
    </row>
    <row r="2367" spans="1:27" s="1" customFormat="1" ht="14.1" customHeight="1" outlineLevel="2" x14ac:dyDescent="0.2">
      <c r="A2367" s="17"/>
      <c r="B2367" s="17"/>
      <c r="C2367" s="17"/>
      <c r="D2367" s="18"/>
      <c r="E2367" s="18"/>
      <c r="F2367" s="18"/>
      <c r="G2367" s="18"/>
      <c r="H2367" s="18"/>
      <c r="I2367" s="18"/>
      <c r="J2367" s="18"/>
      <c r="K2367" s="18"/>
      <c r="L2367" s="18"/>
      <c r="M2367" s="18"/>
      <c r="N2367" s="18"/>
      <c r="O2367" s="18"/>
      <c r="P2367" s="19"/>
      <c r="Q2367" s="19"/>
      <c r="R2367" s="19"/>
      <c r="S2367" s="19"/>
      <c r="T2367" s="19"/>
      <c r="U2367" s="19"/>
      <c r="V2367" s="19"/>
      <c r="W2367" s="19"/>
      <c r="X2367" s="19"/>
      <c r="Y2367" s="19"/>
      <c r="Z2367" s="19"/>
      <c r="AA2367" s="19"/>
    </row>
    <row r="2368" spans="1:27" s="1" customFormat="1" ht="11.1" customHeight="1" outlineLevel="2" x14ac:dyDescent="0.2">
      <c r="A2368" s="17">
        <v>11431</v>
      </c>
      <c r="B2368" s="17"/>
      <c r="C2368" s="17"/>
      <c r="D2368" s="18" t="s">
        <v>1192</v>
      </c>
      <c r="E2368" s="18"/>
      <c r="F2368" s="18"/>
      <c r="G2368" s="18"/>
      <c r="H2368" s="18"/>
      <c r="I2368" s="18"/>
      <c r="J2368" s="18"/>
      <c r="K2368" s="18"/>
      <c r="L2368" s="18"/>
      <c r="M2368" s="18"/>
      <c r="N2368" s="18"/>
      <c r="O2368" s="18"/>
      <c r="P2368" s="19">
        <v>180</v>
      </c>
      <c r="Q2368" s="19"/>
      <c r="R2368" s="19"/>
      <c r="S2368" s="19"/>
      <c r="T2368" s="19">
        <v>130</v>
      </c>
      <c r="U2368" s="19"/>
      <c r="V2368" s="19"/>
      <c r="W2368" s="19"/>
      <c r="X2368" s="19">
        <v>3</v>
      </c>
      <c r="Y2368" s="19"/>
      <c r="Z2368" s="19"/>
      <c r="AA2368" s="19"/>
    </row>
    <row r="2369" spans="1:27" s="1" customFormat="1" ht="11.1" customHeight="1" outlineLevel="2" x14ac:dyDescent="0.2">
      <c r="A2369" s="17"/>
      <c r="B2369" s="17"/>
      <c r="C2369" s="17"/>
      <c r="D2369" s="18"/>
      <c r="E2369" s="18"/>
      <c r="F2369" s="18"/>
      <c r="G2369" s="18"/>
      <c r="H2369" s="18"/>
      <c r="I2369" s="18"/>
      <c r="J2369" s="18"/>
      <c r="K2369" s="18"/>
      <c r="L2369" s="18"/>
      <c r="M2369" s="18"/>
      <c r="N2369" s="18"/>
      <c r="O2369" s="18"/>
      <c r="P2369" s="19"/>
      <c r="Q2369" s="19"/>
      <c r="R2369" s="19"/>
      <c r="S2369" s="19"/>
      <c r="T2369" s="19"/>
      <c r="U2369" s="19"/>
      <c r="V2369" s="19"/>
      <c r="W2369" s="19"/>
      <c r="X2369" s="19"/>
      <c r="Y2369" s="19"/>
      <c r="Z2369" s="19"/>
      <c r="AA2369" s="19"/>
    </row>
    <row r="2370" spans="1:27" s="1" customFormat="1" ht="11.1" customHeight="1" outlineLevel="2" x14ac:dyDescent="0.2">
      <c r="A2370" s="17">
        <v>11432</v>
      </c>
      <c r="B2370" s="17"/>
      <c r="C2370" s="17"/>
      <c r="D2370" s="18" t="s">
        <v>1193</v>
      </c>
      <c r="E2370" s="18"/>
      <c r="F2370" s="18"/>
      <c r="G2370" s="18"/>
      <c r="H2370" s="18"/>
      <c r="I2370" s="18"/>
      <c r="J2370" s="18"/>
      <c r="K2370" s="18"/>
      <c r="L2370" s="18"/>
      <c r="M2370" s="18"/>
      <c r="N2370" s="18"/>
      <c r="O2370" s="18"/>
      <c r="P2370" s="19">
        <v>140</v>
      </c>
      <c r="Q2370" s="19"/>
      <c r="R2370" s="19"/>
      <c r="S2370" s="19"/>
      <c r="T2370" s="19">
        <v>90</v>
      </c>
      <c r="U2370" s="19"/>
      <c r="V2370" s="19"/>
      <c r="W2370" s="19"/>
      <c r="X2370" s="19">
        <v>1</v>
      </c>
      <c r="Y2370" s="19"/>
      <c r="Z2370" s="19"/>
      <c r="AA2370" s="19"/>
    </row>
    <row r="2371" spans="1:27" s="1" customFormat="1" ht="11.1" customHeight="1" outlineLevel="2" x14ac:dyDescent="0.2">
      <c r="A2371" s="17"/>
      <c r="B2371" s="17"/>
      <c r="C2371" s="17"/>
      <c r="D2371" s="18"/>
      <c r="E2371" s="18"/>
      <c r="F2371" s="18"/>
      <c r="G2371" s="18"/>
      <c r="H2371" s="18"/>
      <c r="I2371" s="18"/>
      <c r="J2371" s="18"/>
      <c r="K2371" s="18"/>
      <c r="L2371" s="18"/>
      <c r="M2371" s="18"/>
      <c r="N2371" s="18"/>
      <c r="O2371" s="18"/>
      <c r="P2371" s="19"/>
      <c r="Q2371" s="19"/>
      <c r="R2371" s="19"/>
      <c r="S2371" s="19"/>
      <c r="T2371" s="19"/>
      <c r="U2371" s="19"/>
      <c r="V2371" s="19"/>
      <c r="W2371" s="19"/>
      <c r="X2371" s="19"/>
      <c r="Y2371" s="19"/>
      <c r="Z2371" s="19"/>
      <c r="AA2371" s="19"/>
    </row>
    <row r="2372" spans="1:27" s="1" customFormat="1" ht="14.1" customHeight="1" outlineLevel="2" x14ac:dyDescent="0.2">
      <c r="A2372" s="17">
        <v>11433</v>
      </c>
      <c r="B2372" s="17"/>
      <c r="C2372" s="17"/>
      <c r="D2372" s="18" t="s">
        <v>1194</v>
      </c>
      <c r="E2372" s="18"/>
      <c r="F2372" s="18"/>
      <c r="G2372" s="18"/>
      <c r="H2372" s="18"/>
      <c r="I2372" s="18"/>
      <c r="J2372" s="18"/>
      <c r="K2372" s="18"/>
      <c r="L2372" s="18"/>
      <c r="M2372" s="18"/>
      <c r="N2372" s="18"/>
      <c r="O2372" s="18"/>
      <c r="P2372" s="19">
        <v>130</v>
      </c>
      <c r="Q2372" s="19"/>
      <c r="R2372" s="19"/>
      <c r="S2372" s="19"/>
      <c r="T2372" s="19">
        <v>80</v>
      </c>
      <c r="U2372" s="19"/>
      <c r="V2372" s="19"/>
      <c r="W2372" s="19"/>
      <c r="X2372" s="19">
        <v>3</v>
      </c>
      <c r="Y2372" s="19"/>
      <c r="Z2372" s="19"/>
      <c r="AA2372" s="19"/>
    </row>
    <row r="2373" spans="1:27" s="1" customFormat="1" ht="14.1" customHeight="1" outlineLevel="2" x14ac:dyDescent="0.2">
      <c r="A2373" s="17"/>
      <c r="B2373" s="17"/>
      <c r="C2373" s="17"/>
      <c r="D2373" s="18"/>
      <c r="E2373" s="18"/>
      <c r="F2373" s="18"/>
      <c r="G2373" s="18"/>
      <c r="H2373" s="18"/>
      <c r="I2373" s="18"/>
      <c r="J2373" s="18"/>
      <c r="K2373" s="18"/>
      <c r="L2373" s="18"/>
      <c r="M2373" s="18"/>
      <c r="N2373" s="18"/>
      <c r="O2373" s="18"/>
      <c r="P2373" s="19"/>
      <c r="Q2373" s="19"/>
      <c r="R2373" s="19"/>
      <c r="S2373" s="19"/>
      <c r="T2373" s="19"/>
      <c r="U2373" s="19"/>
      <c r="V2373" s="19"/>
      <c r="W2373" s="19"/>
      <c r="X2373" s="19"/>
      <c r="Y2373" s="19"/>
      <c r="Z2373" s="19"/>
      <c r="AA2373" s="19"/>
    </row>
    <row r="2374" spans="1:27" s="1" customFormat="1" ht="14.1" customHeight="1" outlineLevel="2" x14ac:dyDescent="0.2">
      <c r="A2374" s="17">
        <v>17424</v>
      </c>
      <c r="B2374" s="17"/>
      <c r="C2374" s="17"/>
      <c r="D2374" s="18" t="s">
        <v>1195</v>
      </c>
      <c r="E2374" s="18"/>
      <c r="F2374" s="18"/>
      <c r="G2374" s="18"/>
      <c r="H2374" s="18"/>
      <c r="I2374" s="18"/>
      <c r="J2374" s="18"/>
      <c r="K2374" s="18"/>
      <c r="L2374" s="18"/>
      <c r="M2374" s="18"/>
      <c r="N2374" s="18"/>
      <c r="O2374" s="18"/>
      <c r="P2374" s="19">
        <v>130</v>
      </c>
      <c r="Q2374" s="19"/>
      <c r="R2374" s="19"/>
      <c r="S2374" s="19"/>
      <c r="T2374" s="19">
        <v>90</v>
      </c>
      <c r="U2374" s="19"/>
      <c r="V2374" s="19"/>
      <c r="W2374" s="19"/>
      <c r="X2374" s="19">
        <v>1</v>
      </c>
      <c r="Y2374" s="19"/>
      <c r="Z2374" s="19"/>
      <c r="AA2374" s="19"/>
    </row>
    <row r="2375" spans="1:27" s="1" customFormat="1" ht="14.1" customHeight="1" outlineLevel="2" x14ac:dyDescent="0.2">
      <c r="A2375" s="17"/>
      <c r="B2375" s="17"/>
      <c r="C2375" s="17"/>
      <c r="D2375" s="18"/>
      <c r="E2375" s="18"/>
      <c r="F2375" s="18"/>
      <c r="G2375" s="18"/>
      <c r="H2375" s="18"/>
      <c r="I2375" s="18"/>
      <c r="J2375" s="18"/>
      <c r="K2375" s="18"/>
      <c r="L2375" s="18"/>
      <c r="M2375" s="18"/>
      <c r="N2375" s="18"/>
      <c r="O2375" s="18"/>
      <c r="P2375" s="19"/>
      <c r="Q2375" s="19"/>
      <c r="R2375" s="19"/>
      <c r="S2375" s="19"/>
      <c r="T2375" s="19"/>
      <c r="U2375" s="19"/>
      <c r="V2375" s="19"/>
      <c r="W2375" s="19"/>
      <c r="X2375" s="19"/>
      <c r="Y2375" s="19"/>
      <c r="Z2375" s="19"/>
      <c r="AA2375" s="19"/>
    </row>
    <row r="2376" spans="1:27" s="1" customFormat="1" ht="11.1" customHeight="1" outlineLevel="2" x14ac:dyDescent="0.2">
      <c r="A2376" s="17">
        <v>16811</v>
      </c>
      <c r="B2376" s="17"/>
      <c r="C2376" s="17"/>
      <c r="D2376" s="18" t="s">
        <v>1196</v>
      </c>
      <c r="E2376" s="18"/>
      <c r="F2376" s="18"/>
      <c r="G2376" s="18"/>
      <c r="H2376" s="18"/>
      <c r="I2376" s="18"/>
      <c r="J2376" s="18"/>
      <c r="K2376" s="18"/>
      <c r="L2376" s="18"/>
      <c r="M2376" s="18"/>
      <c r="N2376" s="18"/>
      <c r="O2376" s="18"/>
      <c r="P2376" s="19">
        <v>200</v>
      </c>
      <c r="Q2376" s="19"/>
      <c r="R2376" s="19"/>
      <c r="S2376" s="19"/>
      <c r="T2376" s="19">
        <v>100</v>
      </c>
      <c r="U2376" s="19"/>
      <c r="V2376" s="19"/>
      <c r="W2376" s="19"/>
      <c r="X2376" s="19">
        <v>1</v>
      </c>
      <c r="Y2376" s="19"/>
      <c r="Z2376" s="19"/>
      <c r="AA2376" s="19"/>
    </row>
    <row r="2377" spans="1:27" s="1" customFormat="1" ht="11.1" customHeight="1" outlineLevel="2" x14ac:dyDescent="0.2">
      <c r="A2377" s="17"/>
      <c r="B2377" s="17"/>
      <c r="C2377" s="17"/>
      <c r="D2377" s="18"/>
      <c r="E2377" s="18"/>
      <c r="F2377" s="18"/>
      <c r="G2377" s="18"/>
      <c r="H2377" s="18"/>
      <c r="I2377" s="18"/>
      <c r="J2377" s="18"/>
      <c r="K2377" s="18"/>
      <c r="L2377" s="18"/>
      <c r="M2377" s="18"/>
      <c r="N2377" s="18"/>
      <c r="O2377" s="18"/>
      <c r="P2377" s="19"/>
      <c r="Q2377" s="19"/>
      <c r="R2377" s="19"/>
      <c r="S2377" s="19"/>
      <c r="T2377" s="19"/>
      <c r="U2377" s="19"/>
      <c r="V2377" s="19"/>
      <c r="W2377" s="19"/>
      <c r="X2377" s="19"/>
      <c r="Y2377" s="19"/>
      <c r="Z2377" s="19"/>
      <c r="AA2377" s="19"/>
    </row>
    <row r="2378" spans="1:27" s="1" customFormat="1" ht="14.1" customHeight="1" outlineLevel="2" x14ac:dyDescent="0.2">
      <c r="A2378" s="17">
        <v>16979</v>
      </c>
      <c r="B2378" s="17"/>
      <c r="C2378" s="17"/>
      <c r="D2378" s="18" t="s">
        <v>1197</v>
      </c>
      <c r="E2378" s="18"/>
      <c r="F2378" s="18"/>
      <c r="G2378" s="18"/>
      <c r="H2378" s="18"/>
      <c r="I2378" s="18"/>
      <c r="J2378" s="18"/>
      <c r="K2378" s="18"/>
      <c r="L2378" s="18"/>
      <c r="M2378" s="18"/>
      <c r="N2378" s="18"/>
      <c r="O2378" s="18"/>
      <c r="P2378" s="19">
        <v>150</v>
      </c>
      <c r="Q2378" s="19"/>
      <c r="R2378" s="19"/>
      <c r="S2378" s="19"/>
      <c r="T2378" s="19">
        <v>100</v>
      </c>
      <c r="U2378" s="19"/>
      <c r="V2378" s="19"/>
      <c r="W2378" s="19"/>
      <c r="X2378" s="19">
        <v>1</v>
      </c>
      <c r="Y2378" s="19"/>
      <c r="Z2378" s="19"/>
      <c r="AA2378" s="19"/>
    </row>
    <row r="2379" spans="1:27" s="1" customFormat="1" ht="14.1" customHeight="1" outlineLevel="2" x14ac:dyDescent="0.2">
      <c r="A2379" s="17"/>
      <c r="B2379" s="17"/>
      <c r="C2379" s="17"/>
      <c r="D2379" s="18"/>
      <c r="E2379" s="18"/>
      <c r="F2379" s="18"/>
      <c r="G2379" s="18"/>
      <c r="H2379" s="18"/>
      <c r="I2379" s="18"/>
      <c r="J2379" s="18"/>
      <c r="K2379" s="18"/>
      <c r="L2379" s="18"/>
      <c r="M2379" s="18"/>
      <c r="N2379" s="18"/>
      <c r="O2379" s="18"/>
      <c r="P2379" s="19"/>
      <c r="Q2379" s="19"/>
      <c r="R2379" s="19"/>
      <c r="S2379" s="19"/>
      <c r="T2379" s="19"/>
      <c r="U2379" s="19"/>
      <c r="V2379" s="19"/>
      <c r="W2379" s="19"/>
      <c r="X2379" s="19"/>
      <c r="Y2379" s="19"/>
      <c r="Z2379" s="19"/>
      <c r="AA2379" s="19"/>
    </row>
    <row r="2380" spans="1:27" s="1" customFormat="1" ht="11.1" customHeight="1" outlineLevel="2" x14ac:dyDescent="0.2">
      <c r="A2380" s="17">
        <v>10316</v>
      </c>
      <c r="B2380" s="17"/>
      <c r="C2380" s="17"/>
      <c r="D2380" s="18" t="s">
        <v>1198</v>
      </c>
      <c r="E2380" s="18"/>
      <c r="F2380" s="18"/>
      <c r="G2380" s="18"/>
      <c r="H2380" s="18"/>
      <c r="I2380" s="18"/>
      <c r="J2380" s="18"/>
      <c r="K2380" s="18"/>
      <c r="L2380" s="18"/>
      <c r="M2380" s="18"/>
      <c r="N2380" s="18"/>
      <c r="O2380" s="18"/>
      <c r="P2380" s="19">
        <v>120</v>
      </c>
      <c r="Q2380" s="19"/>
      <c r="R2380" s="19"/>
      <c r="S2380" s="19"/>
      <c r="T2380" s="19">
        <v>100</v>
      </c>
      <c r="U2380" s="19"/>
      <c r="V2380" s="19"/>
      <c r="W2380" s="19"/>
      <c r="X2380" s="19">
        <v>2</v>
      </c>
      <c r="Y2380" s="19"/>
      <c r="Z2380" s="19"/>
      <c r="AA2380" s="19"/>
    </row>
    <row r="2381" spans="1:27" s="1" customFormat="1" ht="11.1" customHeight="1" outlineLevel="2" x14ac:dyDescent="0.2">
      <c r="A2381" s="17"/>
      <c r="B2381" s="17"/>
      <c r="C2381" s="17"/>
      <c r="D2381" s="18"/>
      <c r="E2381" s="18"/>
      <c r="F2381" s="18"/>
      <c r="G2381" s="18"/>
      <c r="H2381" s="18"/>
      <c r="I2381" s="18"/>
      <c r="J2381" s="18"/>
      <c r="K2381" s="18"/>
      <c r="L2381" s="18"/>
      <c r="M2381" s="18"/>
      <c r="N2381" s="18"/>
      <c r="O2381" s="18"/>
      <c r="P2381" s="19"/>
      <c r="Q2381" s="19"/>
      <c r="R2381" s="19"/>
      <c r="S2381" s="19"/>
      <c r="T2381" s="19"/>
      <c r="U2381" s="19"/>
      <c r="V2381" s="19"/>
      <c r="W2381" s="19"/>
      <c r="X2381" s="19"/>
      <c r="Y2381" s="19"/>
      <c r="Z2381" s="19"/>
      <c r="AA2381" s="19"/>
    </row>
    <row r="2382" spans="1:27" s="1" customFormat="1" ht="14.1" customHeight="1" outlineLevel="2" x14ac:dyDescent="0.2">
      <c r="A2382" s="17">
        <v>16831</v>
      </c>
      <c r="B2382" s="17"/>
      <c r="C2382" s="17"/>
      <c r="D2382" s="18" t="s">
        <v>1199</v>
      </c>
      <c r="E2382" s="18"/>
      <c r="F2382" s="18"/>
      <c r="G2382" s="18"/>
      <c r="H2382" s="18"/>
      <c r="I2382" s="18"/>
      <c r="J2382" s="18"/>
      <c r="K2382" s="18"/>
      <c r="L2382" s="18"/>
      <c r="M2382" s="18"/>
      <c r="N2382" s="18"/>
      <c r="O2382" s="18"/>
      <c r="P2382" s="19">
        <v>190</v>
      </c>
      <c r="Q2382" s="19"/>
      <c r="R2382" s="19"/>
      <c r="S2382" s="19"/>
      <c r="T2382" s="19">
        <v>100</v>
      </c>
      <c r="U2382" s="19"/>
      <c r="V2382" s="19"/>
      <c r="W2382" s="19"/>
      <c r="X2382" s="19">
        <v>1</v>
      </c>
      <c r="Y2382" s="19"/>
      <c r="Z2382" s="19"/>
      <c r="AA2382" s="19"/>
    </row>
    <row r="2383" spans="1:27" s="1" customFormat="1" ht="14.1" customHeight="1" outlineLevel="2" x14ac:dyDescent="0.2">
      <c r="A2383" s="17"/>
      <c r="B2383" s="17"/>
      <c r="C2383" s="17"/>
      <c r="D2383" s="18"/>
      <c r="E2383" s="18"/>
      <c r="F2383" s="18"/>
      <c r="G2383" s="18"/>
      <c r="H2383" s="18"/>
      <c r="I2383" s="18"/>
      <c r="J2383" s="18"/>
      <c r="K2383" s="18"/>
      <c r="L2383" s="18"/>
      <c r="M2383" s="18"/>
      <c r="N2383" s="18"/>
      <c r="O2383" s="18"/>
      <c r="P2383" s="19"/>
      <c r="Q2383" s="19"/>
      <c r="R2383" s="19"/>
      <c r="S2383" s="19"/>
      <c r="T2383" s="19"/>
      <c r="U2383" s="19"/>
      <c r="V2383" s="19"/>
      <c r="W2383" s="19"/>
      <c r="X2383" s="19"/>
      <c r="Y2383" s="19"/>
      <c r="Z2383" s="19"/>
      <c r="AA2383" s="19"/>
    </row>
    <row r="2384" spans="1:27" s="1" customFormat="1" ht="14.1" customHeight="1" outlineLevel="2" x14ac:dyDescent="0.2">
      <c r="A2384" s="17">
        <v>17016</v>
      </c>
      <c r="B2384" s="17"/>
      <c r="C2384" s="17"/>
      <c r="D2384" s="18" t="s">
        <v>1200</v>
      </c>
      <c r="E2384" s="18"/>
      <c r="F2384" s="18"/>
      <c r="G2384" s="18"/>
      <c r="H2384" s="18"/>
      <c r="I2384" s="18"/>
      <c r="J2384" s="18"/>
      <c r="K2384" s="18"/>
      <c r="L2384" s="18"/>
      <c r="M2384" s="18"/>
      <c r="N2384" s="18"/>
      <c r="O2384" s="18"/>
      <c r="P2384" s="19">
        <v>150</v>
      </c>
      <c r="Q2384" s="19"/>
      <c r="R2384" s="19"/>
      <c r="S2384" s="19"/>
      <c r="T2384" s="19">
        <v>90</v>
      </c>
      <c r="U2384" s="19"/>
      <c r="V2384" s="19"/>
      <c r="W2384" s="19"/>
      <c r="X2384" s="19">
        <v>2</v>
      </c>
      <c r="Y2384" s="19"/>
      <c r="Z2384" s="19"/>
      <c r="AA2384" s="19"/>
    </row>
    <row r="2385" spans="1:27" s="1" customFormat="1" ht="14.1" customHeight="1" outlineLevel="2" x14ac:dyDescent="0.2">
      <c r="A2385" s="17"/>
      <c r="B2385" s="17"/>
      <c r="C2385" s="17"/>
      <c r="D2385" s="18"/>
      <c r="E2385" s="18"/>
      <c r="F2385" s="18"/>
      <c r="G2385" s="18"/>
      <c r="H2385" s="18"/>
      <c r="I2385" s="18"/>
      <c r="J2385" s="18"/>
      <c r="K2385" s="18"/>
      <c r="L2385" s="18"/>
      <c r="M2385" s="18"/>
      <c r="N2385" s="18"/>
      <c r="O2385" s="18"/>
      <c r="P2385" s="19"/>
      <c r="Q2385" s="19"/>
      <c r="R2385" s="19"/>
      <c r="S2385" s="19"/>
      <c r="T2385" s="19"/>
      <c r="U2385" s="19"/>
      <c r="V2385" s="19"/>
      <c r="W2385" s="19"/>
      <c r="X2385" s="19"/>
      <c r="Y2385" s="19"/>
      <c r="Z2385" s="19"/>
      <c r="AA2385" s="19"/>
    </row>
    <row r="2386" spans="1:27" s="1" customFormat="1" ht="14.1" customHeight="1" outlineLevel="2" x14ac:dyDescent="0.2">
      <c r="A2386" s="17">
        <v>16265</v>
      </c>
      <c r="B2386" s="17"/>
      <c r="C2386" s="17"/>
      <c r="D2386" s="18" t="s">
        <v>1201</v>
      </c>
      <c r="E2386" s="18"/>
      <c r="F2386" s="18"/>
      <c r="G2386" s="18"/>
      <c r="H2386" s="18"/>
      <c r="I2386" s="18"/>
      <c r="J2386" s="18"/>
      <c r="K2386" s="18"/>
      <c r="L2386" s="18"/>
      <c r="M2386" s="18"/>
      <c r="N2386" s="18"/>
      <c r="O2386" s="18"/>
      <c r="P2386" s="19">
        <v>200</v>
      </c>
      <c r="Q2386" s="19"/>
      <c r="R2386" s="19"/>
      <c r="S2386" s="19"/>
      <c r="T2386" s="19">
        <v>100</v>
      </c>
      <c r="U2386" s="19"/>
      <c r="V2386" s="19"/>
      <c r="W2386" s="19"/>
      <c r="X2386" s="19">
        <v>1</v>
      </c>
      <c r="Y2386" s="19"/>
      <c r="Z2386" s="19"/>
      <c r="AA2386" s="19"/>
    </row>
    <row r="2387" spans="1:27" s="1" customFormat="1" ht="14.1" customHeight="1" outlineLevel="2" x14ac:dyDescent="0.2">
      <c r="A2387" s="17"/>
      <c r="B2387" s="17"/>
      <c r="C2387" s="17"/>
      <c r="D2387" s="18"/>
      <c r="E2387" s="18"/>
      <c r="F2387" s="18"/>
      <c r="G2387" s="18"/>
      <c r="H2387" s="18"/>
      <c r="I2387" s="18"/>
      <c r="J2387" s="18"/>
      <c r="K2387" s="18"/>
      <c r="L2387" s="18"/>
      <c r="M2387" s="18"/>
      <c r="N2387" s="18"/>
      <c r="O2387" s="18"/>
      <c r="P2387" s="19"/>
      <c r="Q2387" s="19"/>
      <c r="R2387" s="19"/>
      <c r="S2387" s="19"/>
      <c r="T2387" s="19"/>
      <c r="U2387" s="19"/>
      <c r="V2387" s="19"/>
      <c r="W2387" s="19"/>
      <c r="X2387" s="19"/>
      <c r="Y2387" s="19"/>
      <c r="Z2387" s="19"/>
      <c r="AA2387" s="19"/>
    </row>
    <row r="2388" spans="1:27" s="1" customFormat="1" ht="11.1" customHeight="1" outlineLevel="1" x14ac:dyDescent="0.2">
      <c r="A2388" s="16" t="s">
        <v>1202</v>
      </c>
      <c r="B2388" s="16"/>
      <c r="C2388" s="16"/>
      <c r="D2388" s="16"/>
      <c r="E2388" s="16"/>
      <c r="F2388" s="16"/>
      <c r="G2388" s="16"/>
      <c r="H2388" s="16"/>
      <c r="I2388" s="16"/>
      <c r="J2388" s="16"/>
      <c r="K2388" s="16"/>
      <c r="L2388" s="16"/>
      <c r="M2388" s="16"/>
      <c r="N2388" s="16"/>
      <c r="O2388" s="16"/>
      <c r="P2388" s="16"/>
      <c r="Q2388" s="16"/>
      <c r="R2388" s="16"/>
      <c r="S2388" s="16"/>
      <c r="T2388" s="16"/>
      <c r="U2388" s="16"/>
      <c r="V2388" s="16"/>
      <c r="W2388" s="16"/>
      <c r="X2388" s="16"/>
      <c r="Y2388" s="16"/>
      <c r="Z2388" s="16"/>
      <c r="AA2388" s="16"/>
    </row>
    <row r="2389" spans="1:27" s="1" customFormat="1" ht="11.1" customHeight="1" outlineLevel="1" x14ac:dyDescent="0.2">
      <c r="A2389" s="16"/>
      <c r="B2389" s="16"/>
      <c r="C2389" s="16"/>
      <c r="D2389" s="16"/>
      <c r="E2389" s="16"/>
      <c r="F2389" s="16"/>
      <c r="G2389" s="16"/>
      <c r="H2389" s="16"/>
      <c r="I2389" s="16"/>
      <c r="J2389" s="16"/>
      <c r="K2389" s="16"/>
      <c r="L2389" s="16"/>
      <c r="M2389" s="16"/>
      <c r="N2389" s="16"/>
      <c r="O2389" s="16"/>
      <c r="P2389" s="16"/>
      <c r="Q2389" s="16"/>
      <c r="R2389" s="16"/>
      <c r="S2389" s="16"/>
      <c r="T2389" s="16"/>
      <c r="U2389" s="16"/>
      <c r="V2389" s="16"/>
      <c r="W2389" s="16"/>
      <c r="X2389" s="16"/>
      <c r="Y2389" s="16"/>
      <c r="Z2389" s="16"/>
      <c r="AA2389" s="16"/>
    </row>
    <row r="2390" spans="1:27" s="1" customFormat="1" ht="14.1" customHeight="1" outlineLevel="2" x14ac:dyDescent="0.2">
      <c r="A2390" s="17">
        <v>12949</v>
      </c>
      <c r="B2390" s="17"/>
      <c r="C2390" s="17"/>
      <c r="D2390" s="18" t="s">
        <v>1203</v>
      </c>
      <c r="E2390" s="18"/>
      <c r="F2390" s="18"/>
      <c r="G2390" s="18"/>
      <c r="H2390" s="18"/>
      <c r="I2390" s="18"/>
      <c r="J2390" s="18"/>
      <c r="K2390" s="18"/>
      <c r="L2390" s="18"/>
      <c r="M2390" s="18"/>
      <c r="N2390" s="18"/>
      <c r="O2390" s="18"/>
      <c r="P2390" s="19">
        <v>200</v>
      </c>
      <c r="Q2390" s="19"/>
      <c r="R2390" s="19"/>
      <c r="S2390" s="19"/>
      <c r="T2390" s="19">
        <v>150</v>
      </c>
      <c r="U2390" s="19"/>
      <c r="V2390" s="19"/>
      <c r="W2390" s="19"/>
      <c r="X2390" s="19">
        <v>1</v>
      </c>
      <c r="Y2390" s="19"/>
      <c r="Z2390" s="19"/>
      <c r="AA2390" s="19"/>
    </row>
    <row r="2391" spans="1:27" s="1" customFormat="1" ht="14.1" customHeight="1" outlineLevel="2" x14ac:dyDescent="0.2">
      <c r="A2391" s="17"/>
      <c r="B2391" s="17"/>
      <c r="C2391" s="17"/>
      <c r="D2391" s="18"/>
      <c r="E2391" s="18"/>
      <c r="F2391" s="18"/>
      <c r="G2391" s="18"/>
      <c r="H2391" s="18"/>
      <c r="I2391" s="18"/>
      <c r="J2391" s="18"/>
      <c r="K2391" s="18"/>
      <c r="L2391" s="18"/>
      <c r="M2391" s="18"/>
      <c r="N2391" s="18"/>
      <c r="O2391" s="18"/>
      <c r="P2391" s="19"/>
      <c r="Q2391" s="19"/>
      <c r="R2391" s="19"/>
      <c r="S2391" s="19"/>
      <c r="T2391" s="19"/>
      <c r="U2391" s="19"/>
      <c r="V2391" s="19"/>
      <c r="W2391" s="19"/>
      <c r="X2391" s="19"/>
      <c r="Y2391" s="19"/>
      <c r="Z2391" s="19"/>
      <c r="AA2391" s="19"/>
    </row>
    <row r="2392" spans="1:27" s="1" customFormat="1" ht="14.1" customHeight="1" outlineLevel="2" x14ac:dyDescent="0.2">
      <c r="A2392" s="17">
        <v>12950</v>
      </c>
      <c r="B2392" s="17"/>
      <c r="C2392" s="17"/>
      <c r="D2392" s="18" t="s">
        <v>1204</v>
      </c>
      <c r="E2392" s="18"/>
      <c r="F2392" s="18"/>
      <c r="G2392" s="18"/>
      <c r="H2392" s="18"/>
      <c r="I2392" s="18"/>
      <c r="J2392" s="18"/>
      <c r="K2392" s="18"/>
      <c r="L2392" s="18"/>
      <c r="M2392" s="18"/>
      <c r="N2392" s="18"/>
      <c r="O2392" s="18"/>
      <c r="P2392" s="19">
        <v>100</v>
      </c>
      <c r="Q2392" s="19"/>
      <c r="R2392" s="19"/>
      <c r="S2392" s="19"/>
      <c r="T2392" s="19">
        <v>70</v>
      </c>
      <c r="U2392" s="19"/>
      <c r="V2392" s="19"/>
      <c r="W2392" s="19"/>
      <c r="X2392" s="19">
        <v>2</v>
      </c>
      <c r="Y2392" s="19"/>
      <c r="Z2392" s="19"/>
      <c r="AA2392" s="19"/>
    </row>
    <row r="2393" spans="1:27" s="1" customFormat="1" ht="14.1" customHeight="1" outlineLevel="2" x14ac:dyDescent="0.2">
      <c r="A2393" s="17"/>
      <c r="B2393" s="17"/>
      <c r="C2393" s="17"/>
      <c r="D2393" s="18"/>
      <c r="E2393" s="18"/>
      <c r="F2393" s="18"/>
      <c r="G2393" s="18"/>
      <c r="H2393" s="18"/>
      <c r="I2393" s="18"/>
      <c r="J2393" s="18"/>
      <c r="K2393" s="18"/>
      <c r="L2393" s="18"/>
      <c r="M2393" s="18"/>
      <c r="N2393" s="18"/>
      <c r="O2393" s="18"/>
      <c r="P2393" s="19"/>
      <c r="Q2393" s="19"/>
      <c r="R2393" s="19"/>
      <c r="S2393" s="19"/>
      <c r="T2393" s="19"/>
      <c r="U2393" s="19"/>
      <c r="V2393" s="19"/>
      <c r="W2393" s="19"/>
      <c r="X2393" s="19"/>
      <c r="Y2393" s="19"/>
      <c r="Z2393" s="19"/>
      <c r="AA2393" s="19"/>
    </row>
    <row r="2394" spans="1:27" s="1" customFormat="1" ht="11.1" customHeight="1" outlineLevel="1" x14ac:dyDescent="0.2">
      <c r="A2394" s="16" t="s">
        <v>1205</v>
      </c>
      <c r="B2394" s="16"/>
      <c r="C2394" s="16"/>
      <c r="D2394" s="16"/>
      <c r="E2394" s="16"/>
      <c r="F2394" s="16"/>
      <c r="G2394" s="16"/>
      <c r="H2394" s="16"/>
      <c r="I2394" s="16"/>
      <c r="J2394" s="16"/>
      <c r="K2394" s="16"/>
      <c r="L2394" s="16"/>
      <c r="M2394" s="16"/>
      <c r="N2394" s="16"/>
      <c r="O2394" s="16"/>
      <c r="P2394" s="16"/>
      <c r="Q2394" s="16"/>
      <c r="R2394" s="16"/>
      <c r="S2394" s="16"/>
      <c r="T2394" s="16"/>
      <c r="U2394" s="16"/>
      <c r="V2394" s="16"/>
      <c r="W2394" s="16"/>
      <c r="X2394" s="16"/>
      <c r="Y2394" s="16"/>
      <c r="Z2394" s="16"/>
      <c r="AA2394" s="16"/>
    </row>
    <row r="2395" spans="1:27" s="1" customFormat="1" ht="11.1" customHeight="1" outlineLevel="1" x14ac:dyDescent="0.2">
      <c r="A2395" s="16"/>
      <c r="B2395" s="16"/>
      <c r="C2395" s="16"/>
      <c r="D2395" s="16"/>
      <c r="E2395" s="16"/>
      <c r="F2395" s="16"/>
      <c r="G2395" s="16"/>
      <c r="H2395" s="16"/>
      <c r="I2395" s="16"/>
      <c r="J2395" s="16"/>
      <c r="K2395" s="16"/>
      <c r="L2395" s="16"/>
      <c r="M2395" s="16"/>
      <c r="N2395" s="16"/>
      <c r="O2395" s="16"/>
      <c r="P2395" s="16"/>
      <c r="Q2395" s="16"/>
      <c r="R2395" s="16"/>
      <c r="S2395" s="16"/>
      <c r="T2395" s="16"/>
      <c r="U2395" s="16"/>
      <c r="V2395" s="16"/>
      <c r="W2395" s="16"/>
      <c r="X2395" s="16"/>
      <c r="Y2395" s="16"/>
      <c r="Z2395" s="16"/>
      <c r="AA2395" s="16"/>
    </row>
    <row r="2396" spans="1:27" s="1" customFormat="1" ht="11.1" customHeight="1" outlineLevel="2" x14ac:dyDescent="0.2">
      <c r="A2396" s="17">
        <v>16950</v>
      </c>
      <c r="B2396" s="17"/>
      <c r="C2396" s="17"/>
      <c r="D2396" s="18" t="s">
        <v>1206</v>
      </c>
      <c r="E2396" s="18"/>
      <c r="F2396" s="18"/>
      <c r="G2396" s="18"/>
      <c r="H2396" s="18"/>
      <c r="I2396" s="18"/>
      <c r="J2396" s="18"/>
      <c r="K2396" s="18"/>
      <c r="L2396" s="18"/>
      <c r="M2396" s="18"/>
      <c r="N2396" s="18"/>
      <c r="O2396" s="18"/>
      <c r="P2396" s="19">
        <v>100</v>
      </c>
      <c r="Q2396" s="19"/>
      <c r="R2396" s="19"/>
      <c r="S2396" s="19"/>
      <c r="T2396" s="21"/>
      <c r="U2396" s="21"/>
      <c r="V2396" s="21"/>
      <c r="W2396" s="21"/>
      <c r="X2396" s="19">
        <v>1</v>
      </c>
      <c r="Y2396" s="19"/>
      <c r="Z2396" s="19"/>
      <c r="AA2396" s="19"/>
    </row>
    <row r="2397" spans="1:27" s="1" customFormat="1" ht="11.1" customHeight="1" outlineLevel="2" x14ac:dyDescent="0.2">
      <c r="A2397" s="17"/>
      <c r="B2397" s="17"/>
      <c r="C2397" s="17"/>
      <c r="D2397" s="18"/>
      <c r="E2397" s="18"/>
      <c r="F2397" s="18"/>
      <c r="G2397" s="18"/>
      <c r="H2397" s="18"/>
      <c r="I2397" s="18"/>
      <c r="J2397" s="18"/>
      <c r="K2397" s="18"/>
      <c r="L2397" s="18"/>
      <c r="M2397" s="18"/>
      <c r="N2397" s="18"/>
      <c r="O2397" s="18"/>
      <c r="P2397" s="19"/>
      <c r="Q2397" s="19"/>
      <c r="R2397" s="19"/>
      <c r="S2397" s="19"/>
      <c r="T2397" s="21"/>
      <c r="U2397" s="21"/>
      <c r="V2397" s="21"/>
      <c r="W2397" s="21"/>
      <c r="X2397" s="19"/>
      <c r="Y2397" s="19"/>
      <c r="Z2397" s="19"/>
      <c r="AA2397" s="19"/>
    </row>
    <row r="2398" spans="1:27" s="1" customFormat="1" ht="11.1" customHeight="1" outlineLevel="2" x14ac:dyDescent="0.2">
      <c r="A2398" s="17">
        <v>16849</v>
      </c>
      <c r="B2398" s="17"/>
      <c r="C2398" s="17"/>
      <c r="D2398" s="18" t="s">
        <v>1207</v>
      </c>
      <c r="E2398" s="18"/>
      <c r="F2398" s="18"/>
      <c r="G2398" s="18"/>
      <c r="H2398" s="18"/>
      <c r="I2398" s="18"/>
      <c r="J2398" s="18"/>
      <c r="K2398" s="18"/>
      <c r="L2398" s="18"/>
      <c r="M2398" s="18"/>
      <c r="N2398" s="18"/>
      <c r="O2398" s="18"/>
      <c r="P2398" s="19">
        <v>300</v>
      </c>
      <c r="Q2398" s="19"/>
      <c r="R2398" s="19"/>
      <c r="S2398" s="19"/>
      <c r="T2398" s="19">
        <v>200</v>
      </c>
      <c r="U2398" s="19"/>
      <c r="V2398" s="19"/>
      <c r="W2398" s="19"/>
      <c r="X2398" s="19">
        <v>1</v>
      </c>
      <c r="Y2398" s="19"/>
      <c r="Z2398" s="19"/>
      <c r="AA2398" s="19"/>
    </row>
    <row r="2399" spans="1:27" s="1" customFormat="1" ht="11.1" customHeight="1" outlineLevel="2" x14ac:dyDescent="0.2">
      <c r="A2399" s="17"/>
      <c r="B2399" s="17"/>
      <c r="C2399" s="17"/>
      <c r="D2399" s="18"/>
      <c r="E2399" s="18"/>
      <c r="F2399" s="18"/>
      <c r="G2399" s="18"/>
      <c r="H2399" s="18"/>
      <c r="I2399" s="18"/>
      <c r="J2399" s="18"/>
      <c r="K2399" s="18"/>
      <c r="L2399" s="18"/>
      <c r="M2399" s="18"/>
      <c r="N2399" s="18"/>
      <c r="O2399" s="18"/>
      <c r="P2399" s="19"/>
      <c r="Q2399" s="19"/>
      <c r="R2399" s="19"/>
      <c r="S2399" s="19"/>
      <c r="T2399" s="19"/>
      <c r="U2399" s="19"/>
      <c r="V2399" s="19"/>
      <c r="W2399" s="19"/>
      <c r="X2399" s="19"/>
      <c r="Y2399" s="19"/>
      <c r="Z2399" s="19"/>
      <c r="AA2399" s="19"/>
    </row>
    <row r="2400" spans="1:27" s="1" customFormat="1" ht="14.1" customHeight="1" outlineLevel="2" x14ac:dyDescent="0.2">
      <c r="A2400" s="17">
        <v>17632</v>
      </c>
      <c r="B2400" s="17"/>
      <c r="C2400" s="17"/>
      <c r="D2400" s="18" t="s">
        <v>1208</v>
      </c>
      <c r="E2400" s="18"/>
      <c r="F2400" s="18"/>
      <c r="G2400" s="18"/>
      <c r="H2400" s="18"/>
      <c r="I2400" s="18"/>
      <c r="J2400" s="18"/>
      <c r="K2400" s="18"/>
      <c r="L2400" s="18"/>
      <c r="M2400" s="18"/>
      <c r="N2400" s="18"/>
      <c r="O2400" s="18"/>
      <c r="P2400" s="19">
        <v>250</v>
      </c>
      <c r="Q2400" s="19"/>
      <c r="R2400" s="19"/>
      <c r="S2400" s="19"/>
      <c r="T2400" s="19">
        <v>150</v>
      </c>
      <c r="U2400" s="19"/>
      <c r="V2400" s="19"/>
      <c r="W2400" s="19"/>
      <c r="X2400" s="19">
        <v>1</v>
      </c>
      <c r="Y2400" s="19"/>
      <c r="Z2400" s="19"/>
      <c r="AA2400" s="19"/>
    </row>
    <row r="2401" spans="1:27" s="1" customFormat="1" ht="14.1" customHeight="1" outlineLevel="2" x14ac:dyDescent="0.2">
      <c r="A2401" s="17"/>
      <c r="B2401" s="17"/>
      <c r="C2401" s="17"/>
      <c r="D2401" s="18"/>
      <c r="E2401" s="18"/>
      <c r="F2401" s="18"/>
      <c r="G2401" s="18"/>
      <c r="H2401" s="18"/>
      <c r="I2401" s="18"/>
      <c r="J2401" s="18"/>
      <c r="K2401" s="18"/>
      <c r="L2401" s="18"/>
      <c r="M2401" s="18"/>
      <c r="N2401" s="18"/>
      <c r="O2401" s="18"/>
      <c r="P2401" s="19"/>
      <c r="Q2401" s="19"/>
      <c r="R2401" s="19"/>
      <c r="S2401" s="19"/>
      <c r="T2401" s="19"/>
      <c r="U2401" s="19"/>
      <c r="V2401" s="19"/>
      <c r="W2401" s="19"/>
      <c r="X2401" s="19"/>
      <c r="Y2401" s="19"/>
      <c r="Z2401" s="19"/>
      <c r="AA2401" s="19"/>
    </row>
    <row r="2402" spans="1:27" s="1" customFormat="1" ht="11.1" customHeight="1" outlineLevel="2" x14ac:dyDescent="0.2">
      <c r="A2402" s="17">
        <v>16850</v>
      </c>
      <c r="B2402" s="17"/>
      <c r="C2402" s="17"/>
      <c r="D2402" s="18" t="s">
        <v>1209</v>
      </c>
      <c r="E2402" s="18"/>
      <c r="F2402" s="18"/>
      <c r="G2402" s="18"/>
      <c r="H2402" s="18"/>
      <c r="I2402" s="18"/>
      <c r="J2402" s="18"/>
      <c r="K2402" s="18"/>
      <c r="L2402" s="18"/>
      <c r="M2402" s="18"/>
      <c r="N2402" s="18"/>
      <c r="O2402" s="18"/>
      <c r="P2402" s="19">
        <v>200</v>
      </c>
      <c r="Q2402" s="19"/>
      <c r="R2402" s="19"/>
      <c r="S2402" s="19"/>
      <c r="T2402" s="19">
        <v>100</v>
      </c>
      <c r="U2402" s="19"/>
      <c r="V2402" s="19"/>
      <c r="W2402" s="19"/>
      <c r="X2402" s="19">
        <v>1</v>
      </c>
      <c r="Y2402" s="19"/>
      <c r="Z2402" s="19"/>
      <c r="AA2402" s="19"/>
    </row>
    <row r="2403" spans="1:27" s="1" customFormat="1" ht="11.1" customHeight="1" outlineLevel="2" x14ac:dyDescent="0.2">
      <c r="A2403" s="17"/>
      <c r="B2403" s="17"/>
      <c r="C2403" s="17"/>
      <c r="D2403" s="18"/>
      <c r="E2403" s="18"/>
      <c r="F2403" s="18"/>
      <c r="G2403" s="18"/>
      <c r="H2403" s="18"/>
      <c r="I2403" s="18"/>
      <c r="J2403" s="18"/>
      <c r="K2403" s="18"/>
      <c r="L2403" s="18"/>
      <c r="M2403" s="18"/>
      <c r="N2403" s="18"/>
      <c r="O2403" s="18"/>
      <c r="P2403" s="19"/>
      <c r="Q2403" s="19"/>
      <c r="R2403" s="19"/>
      <c r="S2403" s="19"/>
      <c r="T2403" s="19"/>
      <c r="U2403" s="19"/>
      <c r="V2403" s="19"/>
      <c r="W2403" s="19"/>
      <c r="X2403" s="19"/>
      <c r="Y2403" s="19"/>
      <c r="Z2403" s="19"/>
      <c r="AA2403" s="19"/>
    </row>
    <row r="2404" spans="1:27" s="1" customFormat="1" ht="14.1" customHeight="1" outlineLevel="2" x14ac:dyDescent="0.2">
      <c r="A2404" s="17">
        <v>17631</v>
      </c>
      <c r="B2404" s="17"/>
      <c r="C2404" s="17"/>
      <c r="D2404" s="18" t="s">
        <v>1210</v>
      </c>
      <c r="E2404" s="18"/>
      <c r="F2404" s="18"/>
      <c r="G2404" s="18"/>
      <c r="H2404" s="18"/>
      <c r="I2404" s="18"/>
      <c r="J2404" s="18"/>
      <c r="K2404" s="18"/>
      <c r="L2404" s="18"/>
      <c r="M2404" s="18"/>
      <c r="N2404" s="18"/>
      <c r="O2404" s="18"/>
      <c r="P2404" s="19">
        <v>140</v>
      </c>
      <c r="Q2404" s="19"/>
      <c r="R2404" s="19"/>
      <c r="S2404" s="19"/>
      <c r="T2404" s="19">
        <v>90</v>
      </c>
      <c r="U2404" s="19"/>
      <c r="V2404" s="19"/>
      <c r="W2404" s="19"/>
      <c r="X2404" s="19">
        <v>1</v>
      </c>
      <c r="Y2404" s="19"/>
      <c r="Z2404" s="19"/>
      <c r="AA2404" s="19"/>
    </row>
    <row r="2405" spans="1:27" s="1" customFormat="1" ht="14.1" customHeight="1" outlineLevel="2" x14ac:dyDescent="0.2">
      <c r="A2405" s="17"/>
      <c r="B2405" s="17"/>
      <c r="C2405" s="17"/>
      <c r="D2405" s="18"/>
      <c r="E2405" s="18"/>
      <c r="F2405" s="18"/>
      <c r="G2405" s="18"/>
      <c r="H2405" s="18"/>
      <c r="I2405" s="18"/>
      <c r="J2405" s="18"/>
      <c r="K2405" s="18"/>
      <c r="L2405" s="18"/>
      <c r="M2405" s="18"/>
      <c r="N2405" s="18"/>
      <c r="O2405" s="18"/>
      <c r="P2405" s="19"/>
      <c r="Q2405" s="19"/>
      <c r="R2405" s="19"/>
      <c r="S2405" s="19"/>
      <c r="T2405" s="19"/>
      <c r="U2405" s="19"/>
      <c r="V2405" s="19"/>
      <c r="W2405" s="19"/>
      <c r="X2405" s="19"/>
      <c r="Y2405" s="19"/>
      <c r="Z2405" s="19"/>
      <c r="AA2405" s="19"/>
    </row>
    <row r="2406" spans="1:27" s="1" customFormat="1" ht="14.1" customHeight="1" outlineLevel="2" x14ac:dyDescent="0.2">
      <c r="A2406" s="17">
        <v>17006</v>
      </c>
      <c r="B2406" s="17"/>
      <c r="C2406" s="17"/>
      <c r="D2406" s="18" t="s">
        <v>1211</v>
      </c>
      <c r="E2406" s="18"/>
      <c r="F2406" s="18"/>
      <c r="G2406" s="18"/>
      <c r="H2406" s="18"/>
      <c r="I2406" s="18"/>
      <c r="J2406" s="18"/>
      <c r="K2406" s="18"/>
      <c r="L2406" s="18"/>
      <c r="M2406" s="18"/>
      <c r="N2406" s="18"/>
      <c r="O2406" s="18"/>
      <c r="P2406" s="19">
        <v>190</v>
      </c>
      <c r="Q2406" s="19"/>
      <c r="R2406" s="19"/>
      <c r="S2406" s="19"/>
      <c r="T2406" s="19">
        <v>100</v>
      </c>
      <c r="U2406" s="19"/>
      <c r="V2406" s="19"/>
      <c r="W2406" s="19"/>
      <c r="X2406" s="19">
        <v>1</v>
      </c>
      <c r="Y2406" s="19"/>
      <c r="Z2406" s="19"/>
      <c r="AA2406" s="19"/>
    </row>
    <row r="2407" spans="1:27" s="1" customFormat="1" ht="14.1" customHeight="1" outlineLevel="2" x14ac:dyDescent="0.2">
      <c r="A2407" s="17"/>
      <c r="B2407" s="17"/>
      <c r="C2407" s="17"/>
      <c r="D2407" s="18"/>
      <c r="E2407" s="18"/>
      <c r="F2407" s="18"/>
      <c r="G2407" s="18"/>
      <c r="H2407" s="18"/>
      <c r="I2407" s="18"/>
      <c r="J2407" s="18"/>
      <c r="K2407" s="18"/>
      <c r="L2407" s="18"/>
      <c r="M2407" s="18"/>
      <c r="N2407" s="18"/>
      <c r="O2407" s="18"/>
      <c r="P2407" s="19"/>
      <c r="Q2407" s="19"/>
      <c r="R2407" s="19"/>
      <c r="S2407" s="19"/>
      <c r="T2407" s="19"/>
      <c r="U2407" s="19"/>
      <c r="V2407" s="19"/>
      <c r="W2407" s="19"/>
      <c r="X2407" s="19"/>
      <c r="Y2407" s="19"/>
      <c r="Z2407" s="19"/>
      <c r="AA2407" s="19"/>
    </row>
    <row r="2408" spans="1:27" s="1" customFormat="1" ht="11.1" customHeight="1" outlineLevel="1" x14ac:dyDescent="0.2">
      <c r="A2408" s="16" t="s">
        <v>1212</v>
      </c>
      <c r="B2408" s="16"/>
      <c r="C2408" s="16"/>
      <c r="D2408" s="16"/>
      <c r="E2408" s="16"/>
      <c r="F2408" s="16"/>
      <c r="G2408" s="16"/>
      <c r="H2408" s="16"/>
      <c r="I2408" s="16"/>
      <c r="J2408" s="16"/>
      <c r="K2408" s="16"/>
      <c r="L2408" s="16"/>
      <c r="M2408" s="16"/>
      <c r="N2408" s="16"/>
      <c r="O2408" s="16"/>
      <c r="P2408" s="16"/>
      <c r="Q2408" s="16"/>
      <c r="R2408" s="16"/>
      <c r="S2408" s="16"/>
      <c r="T2408" s="16"/>
      <c r="U2408" s="16"/>
      <c r="V2408" s="16"/>
      <c r="W2408" s="16"/>
      <c r="X2408" s="16"/>
      <c r="Y2408" s="16"/>
      <c r="Z2408" s="16"/>
      <c r="AA2408" s="16"/>
    </row>
    <row r="2409" spans="1:27" s="1" customFormat="1" ht="11.1" customHeight="1" outlineLevel="1" x14ac:dyDescent="0.2">
      <c r="A2409" s="16"/>
      <c r="B2409" s="16"/>
      <c r="C2409" s="16"/>
      <c r="D2409" s="16"/>
      <c r="E2409" s="16"/>
      <c r="F2409" s="16"/>
      <c r="G2409" s="16"/>
      <c r="H2409" s="16"/>
      <c r="I2409" s="16"/>
      <c r="J2409" s="16"/>
      <c r="K2409" s="16"/>
      <c r="L2409" s="16"/>
      <c r="M2409" s="16"/>
      <c r="N2409" s="16"/>
      <c r="O2409" s="16"/>
      <c r="P2409" s="16"/>
      <c r="Q2409" s="16"/>
      <c r="R2409" s="16"/>
      <c r="S2409" s="16"/>
      <c r="T2409" s="16"/>
      <c r="U2409" s="16"/>
      <c r="V2409" s="16"/>
      <c r="W2409" s="16"/>
      <c r="X2409" s="16"/>
      <c r="Y2409" s="16"/>
      <c r="Z2409" s="16"/>
      <c r="AA2409" s="16"/>
    </row>
    <row r="2410" spans="1:27" s="1" customFormat="1" ht="14.1" customHeight="1" outlineLevel="2" x14ac:dyDescent="0.2">
      <c r="A2410" s="17">
        <v>17476</v>
      </c>
      <c r="B2410" s="17"/>
      <c r="C2410" s="17"/>
      <c r="D2410" s="18" t="s">
        <v>1213</v>
      </c>
      <c r="E2410" s="18"/>
      <c r="F2410" s="18"/>
      <c r="G2410" s="18"/>
      <c r="H2410" s="18"/>
      <c r="I2410" s="18"/>
      <c r="J2410" s="18"/>
      <c r="K2410" s="18"/>
      <c r="L2410" s="18"/>
      <c r="M2410" s="18"/>
      <c r="N2410" s="18"/>
      <c r="O2410" s="18"/>
      <c r="P2410" s="19">
        <v>60</v>
      </c>
      <c r="Q2410" s="19"/>
      <c r="R2410" s="19"/>
      <c r="S2410" s="19"/>
      <c r="T2410" s="19">
        <v>50</v>
      </c>
      <c r="U2410" s="19"/>
      <c r="V2410" s="19"/>
      <c r="W2410" s="19"/>
      <c r="X2410" s="19">
        <v>1</v>
      </c>
      <c r="Y2410" s="19"/>
      <c r="Z2410" s="19"/>
      <c r="AA2410" s="19"/>
    </row>
    <row r="2411" spans="1:27" s="1" customFormat="1" ht="14.1" customHeight="1" outlineLevel="2" x14ac:dyDescent="0.2">
      <c r="A2411" s="17"/>
      <c r="B2411" s="17"/>
      <c r="C2411" s="17"/>
      <c r="D2411" s="18"/>
      <c r="E2411" s="18"/>
      <c r="F2411" s="18"/>
      <c r="G2411" s="18"/>
      <c r="H2411" s="18"/>
      <c r="I2411" s="18"/>
      <c r="J2411" s="18"/>
      <c r="K2411" s="18"/>
      <c r="L2411" s="18"/>
      <c r="M2411" s="18"/>
      <c r="N2411" s="18"/>
      <c r="O2411" s="18"/>
      <c r="P2411" s="19"/>
      <c r="Q2411" s="19"/>
      <c r="R2411" s="19"/>
      <c r="S2411" s="19"/>
      <c r="T2411" s="19"/>
      <c r="U2411" s="19"/>
      <c r="V2411" s="19"/>
      <c r="W2411" s="19"/>
      <c r="X2411" s="19"/>
      <c r="Y2411" s="19"/>
      <c r="Z2411" s="19"/>
      <c r="AA2411" s="19"/>
    </row>
    <row r="2412" spans="1:27" s="1" customFormat="1" ht="11.1" customHeight="1" outlineLevel="2" x14ac:dyDescent="0.2">
      <c r="A2412" s="17">
        <v>13469</v>
      </c>
      <c r="B2412" s="17"/>
      <c r="C2412" s="17"/>
      <c r="D2412" s="18" t="s">
        <v>1214</v>
      </c>
      <c r="E2412" s="18"/>
      <c r="F2412" s="18"/>
      <c r="G2412" s="18"/>
      <c r="H2412" s="18"/>
      <c r="I2412" s="18"/>
      <c r="J2412" s="18"/>
      <c r="K2412" s="18"/>
      <c r="L2412" s="18"/>
      <c r="M2412" s="18"/>
      <c r="N2412" s="18"/>
      <c r="O2412" s="18"/>
      <c r="P2412" s="19">
        <v>75</v>
      </c>
      <c r="Q2412" s="19"/>
      <c r="R2412" s="19"/>
      <c r="S2412" s="19"/>
      <c r="T2412" s="19">
        <v>50</v>
      </c>
      <c r="U2412" s="19"/>
      <c r="V2412" s="19"/>
      <c r="W2412" s="19"/>
      <c r="X2412" s="19">
        <v>1</v>
      </c>
      <c r="Y2412" s="19"/>
      <c r="Z2412" s="19"/>
      <c r="AA2412" s="19"/>
    </row>
    <row r="2413" spans="1:27" s="1" customFormat="1" ht="11.1" customHeight="1" outlineLevel="2" x14ac:dyDescent="0.2">
      <c r="A2413" s="17"/>
      <c r="B2413" s="17"/>
      <c r="C2413" s="17"/>
      <c r="D2413" s="18"/>
      <c r="E2413" s="18"/>
      <c r="F2413" s="18"/>
      <c r="G2413" s="18"/>
      <c r="H2413" s="18"/>
      <c r="I2413" s="18"/>
      <c r="J2413" s="18"/>
      <c r="K2413" s="18"/>
      <c r="L2413" s="18"/>
      <c r="M2413" s="18"/>
      <c r="N2413" s="18"/>
      <c r="O2413" s="18"/>
      <c r="P2413" s="19"/>
      <c r="Q2413" s="19"/>
      <c r="R2413" s="19"/>
      <c r="S2413" s="19"/>
      <c r="T2413" s="19"/>
      <c r="U2413" s="19"/>
      <c r="V2413" s="19"/>
      <c r="W2413" s="19"/>
      <c r="X2413" s="19"/>
      <c r="Y2413" s="19"/>
      <c r="Z2413" s="19"/>
      <c r="AA2413" s="19"/>
    </row>
    <row r="2414" spans="1:27" s="1" customFormat="1" ht="14.1" customHeight="1" outlineLevel="2" x14ac:dyDescent="0.2">
      <c r="A2414" s="17">
        <v>12652</v>
      </c>
      <c r="B2414" s="17"/>
      <c r="C2414" s="17"/>
      <c r="D2414" s="18" t="s">
        <v>1215</v>
      </c>
      <c r="E2414" s="18"/>
      <c r="F2414" s="18"/>
      <c r="G2414" s="18"/>
      <c r="H2414" s="18"/>
      <c r="I2414" s="18"/>
      <c r="J2414" s="18"/>
      <c r="K2414" s="18"/>
      <c r="L2414" s="18"/>
      <c r="M2414" s="18"/>
      <c r="N2414" s="18"/>
      <c r="O2414" s="18"/>
      <c r="P2414" s="19">
        <v>80</v>
      </c>
      <c r="Q2414" s="19"/>
      <c r="R2414" s="19"/>
      <c r="S2414" s="19"/>
      <c r="T2414" s="19">
        <v>50</v>
      </c>
      <c r="U2414" s="19"/>
      <c r="V2414" s="19"/>
      <c r="W2414" s="19"/>
      <c r="X2414" s="19">
        <v>13</v>
      </c>
      <c r="Y2414" s="19"/>
      <c r="Z2414" s="19"/>
      <c r="AA2414" s="19"/>
    </row>
    <row r="2415" spans="1:27" s="1" customFormat="1" ht="14.1" customHeight="1" outlineLevel="2" x14ac:dyDescent="0.2">
      <c r="A2415" s="17"/>
      <c r="B2415" s="17"/>
      <c r="C2415" s="17"/>
      <c r="D2415" s="18"/>
      <c r="E2415" s="18"/>
      <c r="F2415" s="18"/>
      <c r="G2415" s="18"/>
      <c r="H2415" s="18"/>
      <c r="I2415" s="18"/>
      <c r="J2415" s="18"/>
      <c r="K2415" s="18"/>
      <c r="L2415" s="18"/>
      <c r="M2415" s="18"/>
      <c r="N2415" s="18"/>
      <c r="O2415" s="18"/>
      <c r="P2415" s="19"/>
      <c r="Q2415" s="19"/>
      <c r="R2415" s="19"/>
      <c r="S2415" s="19"/>
      <c r="T2415" s="19"/>
      <c r="U2415" s="19"/>
      <c r="V2415" s="19"/>
      <c r="W2415" s="19"/>
      <c r="X2415" s="19"/>
      <c r="Y2415" s="19"/>
      <c r="Z2415" s="19"/>
      <c r="AA2415" s="19"/>
    </row>
    <row r="2416" spans="1:27" s="1" customFormat="1" ht="14.1" customHeight="1" outlineLevel="2" x14ac:dyDescent="0.2">
      <c r="A2416" s="17">
        <v>13348</v>
      </c>
      <c r="B2416" s="17"/>
      <c r="C2416" s="17"/>
      <c r="D2416" s="18" t="s">
        <v>1216</v>
      </c>
      <c r="E2416" s="18"/>
      <c r="F2416" s="18"/>
      <c r="G2416" s="18"/>
      <c r="H2416" s="18"/>
      <c r="I2416" s="18"/>
      <c r="J2416" s="18"/>
      <c r="K2416" s="18"/>
      <c r="L2416" s="18"/>
      <c r="M2416" s="18"/>
      <c r="N2416" s="18"/>
      <c r="O2416" s="18"/>
      <c r="P2416" s="19">
        <v>110</v>
      </c>
      <c r="Q2416" s="19"/>
      <c r="R2416" s="19"/>
      <c r="S2416" s="19"/>
      <c r="T2416" s="19">
        <v>70</v>
      </c>
      <c r="U2416" s="19"/>
      <c r="V2416" s="19"/>
      <c r="W2416" s="19"/>
      <c r="X2416" s="19">
        <v>1</v>
      </c>
      <c r="Y2416" s="19"/>
      <c r="Z2416" s="19"/>
      <c r="AA2416" s="19"/>
    </row>
    <row r="2417" spans="1:27" s="1" customFormat="1" ht="14.1" customHeight="1" outlineLevel="2" x14ac:dyDescent="0.2">
      <c r="A2417" s="17"/>
      <c r="B2417" s="17"/>
      <c r="C2417" s="17"/>
      <c r="D2417" s="18"/>
      <c r="E2417" s="18"/>
      <c r="F2417" s="18"/>
      <c r="G2417" s="18"/>
      <c r="H2417" s="18"/>
      <c r="I2417" s="18"/>
      <c r="J2417" s="18"/>
      <c r="K2417" s="18"/>
      <c r="L2417" s="18"/>
      <c r="M2417" s="18"/>
      <c r="N2417" s="18"/>
      <c r="O2417" s="18"/>
      <c r="P2417" s="19"/>
      <c r="Q2417" s="19"/>
      <c r="R2417" s="19"/>
      <c r="S2417" s="19"/>
      <c r="T2417" s="19"/>
      <c r="U2417" s="19"/>
      <c r="V2417" s="19"/>
      <c r="W2417" s="19"/>
      <c r="X2417" s="19"/>
      <c r="Y2417" s="19"/>
      <c r="Z2417" s="19"/>
      <c r="AA2417" s="19"/>
    </row>
    <row r="2418" spans="1:27" s="1" customFormat="1" ht="14.1" customHeight="1" outlineLevel="2" x14ac:dyDescent="0.2">
      <c r="A2418" s="17">
        <v>18138</v>
      </c>
      <c r="B2418" s="17"/>
      <c r="C2418" s="17"/>
      <c r="D2418" s="18" t="s">
        <v>1217</v>
      </c>
      <c r="E2418" s="18"/>
      <c r="F2418" s="18"/>
      <c r="G2418" s="18"/>
      <c r="H2418" s="18"/>
      <c r="I2418" s="18"/>
      <c r="J2418" s="18"/>
      <c r="K2418" s="18"/>
      <c r="L2418" s="18"/>
      <c r="M2418" s="18"/>
      <c r="N2418" s="18"/>
      <c r="O2418" s="18"/>
      <c r="P2418" s="19">
        <v>90</v>
      </c>
      <c r="Q2418" s="19"/>
      <c r="R2418" s="19"/>
      <c r="S2418" s="19"/>
      <c r="T2418" s="19">
        <v>50</v>
      </c>
      <c r="U2418" s="19"/>
      <c r="V2418" s="19"/>
      <c r="W2418" s="19"/>
      <c r="X2418" s="19">
        <v>1</v>
      </c>
      <c r="Y2418" s="19"/>
      <c r="Z2418" s="19"/>
      <c r="AA2418" s="19"/>
    </row>
    <row r="2419" spans="1:27" s="1" customFormat="1" ht="14.1" customHeight="1" outlineLevel="2" x14ac:dyDescent="0.2">
      <c r="A2419" s="17"/>
      <c r="B2419" s="17"/>
      <c r="C2419" s="17"/>
      <c r="D2419" s="18"/>
      <c r="E2419" s="18"/>
      <c r="F2419" s="18"/>
      <c r="G2419" s="18"/>
      <c r="H2419" s="18"/>
      <c r="I2419" s="18"/>
      <c r="J2419" s="18"/>
      <c r="K2419" s="18"/>
      <c r="L2419" s="18"/>
      <c r="M2419" s="18"/>
      <c r="N2419" s="18"/>
      <c r="O2419" s="18"/>
      <c r="P2419" s="19"/>
      <c r="Q2419" s="19"/>
      <c r="R2419" s="19"/>
      <c r="S2419" s="19"/>
      <c r="T2419" s="19"/>
      <c r="U2419" s="19"/>
      <c r="V2419" s="19"/>
      <c r="W2419" s="19"/>
      <c r="X2419" s="19"/>
      <c r="Y2419" s="19"/>
      <c r="Z2419" s="19"/>
      <c r="AA2419" s="19"/>
    </row>
    <row r="2420" spans="1:27" s="1" customFormat="1" ht="14.1" customHeight="1" outlineLevel="2" x14ac:dyDescent="0.2">
      <c r="A2420" s="17">
        <v>16789</v>
      </c>
      <c r="B2420" s="17"/>
      <c r="C2420" s="17"/>
      <c r="D2420" s="18" t="s">
        <v>1218</v>
      </c>
      <c r="E2420" s="18"/>
      <c r="F2420" s="18"/>
      <c r="G2420" s="18"/>
      <c r="H2420" s="18"/>
      <c r="I2420" s="18"/>
      <c r="J2420" s="18"/>
      <c r="K2420" s="18"/>
      <c r="L2420" s="18"/>
      <c r="M2420" s="18"/>
      <c r="N2420" s="18"/>
      <c r="O2420" s="18"/>
      <c r="P2420" s="19">
        <v>100</v>
      </c>
      <c r="Q2420" s="19"/>
      <c r="R2420" s="19"/>
      <c r="S2420" s="19"/>
      <c r="T2420" s="19">
        <v>50</v>
      </c>
      <c r="U2420" s="19"/>
      <c r="V2420" s="19"/>
      <c r="W2420" s="19"/>
      <c r="X2420" s="19">
        <v>1</v>
      </c>
      <c r="Y2420" s="19"/>
      <c r="Z2420" s="19"/>
      <c r="AA2420" s="19"/>
    </row>
    <row r="2421" spans="1:27" s="1" customFormat="1" ht="14.1" customHeight="1" outlineLevel="2" x14ac:dyDescent="0.2">
      <c r="A2421" s="17"/>
      <c r="B2421" s="17"/>
      <c r="C2421" s="17"/>
      <c r="D2421" s="18"/>
      <c r="E2421" s="18"/>
      <c r="F2421" s="18"/>
      <c r="G2421" s="18"/>
      <c r="H2421" s="18"/>
      <c r="I2421" s="18"/>
      <c r="J2421" s="18"/>
      <c r="K2421" s="18"/>
      <c r="L2421" s="18"/>
      <c r="M2421" s="18"/>
      <c r="N2421" s="18"/>
      <c r="O2421" s="18"/>
      <c r="P2421" s="19"/>
      <c r="Q2421" s="19"/>
      <c r="R2421" s="19"/>
      <c r="S2421" s="19"/>
      <c r="T2421" s="19"/>
      <c r="U2421" s="19"/>
      <c r="V2421" s="19"/>
      <c r="W2421" s="19"/>
      <c r="X2421" s="19"/>
      <c r="Y2421" s="19"/>
      <c r="Z2421" s="19"/>
      <c r="AA2421" s="19"/>
    </row>
    <row r="2422" spans="1:27" s="1" customFormat="1" ht="14.1" customHeight="1" outlineLevel="2" x14ac:dyDescent="0.2">
      <c r="A2422" s="17">
        <v>16921</v>
      </c>
      <c r="B2422" s="17"/>
      <c r="C2422" s="17"/>
      <c r="D2422" s="18" t="s">
        <v>1219</v>
      </c>
      <c r="E2422" s="18"/>
      <c r="F2422" s="18"/>
      <c r="G2422" s="18"/>
      <c r="H2422" s="18"/>
      <c r="I2422" s="18"/>
      <c r="J2422" s="18"/>
      <c r="K2422" s="18"/>
      <c r="L2422" s="18"/>
      <c r="M2422" s="18"/>
      <c r="N2422" s="18"/>
      <c r="O2422" s="18"/>
      <c r="P2422" s="19">
        <v>100</v>
      </c>
      <c r="Q2422" s="19"/>
      <c r="R2422" s="19"/>
      <c r="S2422" s="19"/>
      <c r="T2422" s="19">
        <v>50</v>
      </c>
      <c r="U2422" s="19"/>
      <c r="V2422" s="19"/>
      <c r="W2422" s="19"/>
      <c r="X2422" s="19">
        <v>1</v>
      </c>
      <c r="Y2422" s="19"/>
      <c r="Z2422" s="19"/>
      <c r="AA2422" s="19"/>
    </row>
    <row r="2423" spans="1:27" s="1" customFormat="1" ht="14.1" customHeight="1" outlineLevel="2" x14ac:dyDescent="0.2">
      <c r="A2423" s="17"/>
      <c r="B2423" s="17"/>
      <c r="C2423" s="17"/>
      <c r="D2423" s="18"/>
      <c r="E2423" s="18"/>
      <c r="F2423" s="18"/>
      <c r="G2423" s="18"/>
      <c r="H2423" s="18"/>
      <c r="I2423" s="18"/>
      <c r="J2423" s="18"/>
      <c r="K2423" s="18"/>
      <c r="L2423" s="18"/>
      <c r="M2423" s="18"/>
      <c r="N2423" s="18"/>
      <c r="O2423" s="18"/>
      <c r="P2423" s="19"/>
      <c r="Q2423" s="19"/>
      <c r="R2423" s="19"/>
      <c r="S2423" s="19"/>
      <c r="T2423" s="19"/>
      <c r="U2423" s="19"/>
      <c r="V2423" s="19"/>
      <c r="W2423" s="19"/>
      <c r="X2423" s="19"/>
      <c r="Y2423" s="19"/>
      <c r="Z2423" s="19"/>
      <c r="AA2423" s="19"/>
    </row>
    <row r="2424" spans="1:27" s="1" customFormat="1" ht="11.1" customHeight="1" outlineLevel="2" x14ac:dyDescent="0.2">
      <c r="A2424" s="17">
        <v>13365</v>
      </c>
      <c r="B2424" s="17"/>
      <c r="C2424" s="17"/>
      <c r="D2424" s="18" t="s">
        <v>1220</v>
      </c>
      <c r="E2424" s="18"/>
      <c r="F2424" s="18"/>
      <c r="G2424" s="18"/>
      <c r="H2424" s="18"/>
      <c r="I2424" s="18"/>
      <c r="J2424" s="18"/>
      <c r="K2424" s="18"/>
      <c r="L2424" s="18"/>
      <c r="M2424" s="18"/>
      <c r="N2424" s="18"/>
      <c r="O2424" s="18"/>
      <c r="P2424" s="19">
        <v>110</v>
      </c>
      <c r="Q2424" s="19"/>
      <c r="R2424" s="19"/>
      <c r="S2424" s="19"/>
      <c r="T2424" s="19">
        <v>70</v>
      </c>
      <c r="U2424" s="19"/>
      <c r="V2424" s="19"/>
      <c r="W2424" s="19"/>
      <c r="X2424" s="19">
        <v>1</v>
      </c>
      <c r="Y2424" s="19"/>
      <c r="Z2424" s="19"/>
      <c r="AA2424" s="19"/>
    </row>
    <row r="2425" spans="1:27" s="1" customFormat="1" ht="11.1" customHeight="1" outlineLevel="2" x14ac:dyDescent="0.2">
      <c r="A2425" s="17"/>
      <c r="B2425" s="17"/>
      <c r="C2425" s="17"/>
      <c r="D2425" s="18"/>
      <c r="E2425" s="18"/>
      <c r="F2425" s="18"/>
      <c r="G2425" s="18"/>
      <c r="H2425" s="18"/>
      <c r="I2425" s="18"/>
      <c r="J2425" s="18"/>
      <c r="K2425" s="18"/>
      <c r="L2425" s="18"/>
      <c r="M2425" s="18"/>
      <c r="N2425" s="18"/>
      <c r="O2425" s="18"/>
      <c r="P2425" s="19"/>
      <c r="Q2425" s="19"/>
      <c r="R2425" s="19"/>
      <c r="S2425" s="19"/>
      <c r="T2425" s="19"/>
      <c r="U2425" s="19"/>
      <c r="V2425" s="19"/>
      <c r="W2425" s="19"/>
      <c r="X2425" s="19"/>
      <c r="Y2425" s="19"/>
      <c r="Z2425" s="19"/>
      <c r="AA2425" s="19"/>
    </row>
    <row r="2426" spans="1:27" s="1" customFormat="1" ht="14.1" customHeight="1" outlineLevel="2" x14ac:dyDescent="0.2">
      <c r="A2426" s="17">
        <v>17852</v>
      </c>
      <c r="B2426" s="17"/>
      <c r="C2426" s="17"/>
      <c r="D2426" s="18" t="s">
        <v>1221</v>
      </c>
      <c r="E2426" s="18"/>
      <c r="F2426" s="18"/>
      <c r="G2426" s="18"/>
      <c r="H2426" s="18"/>
      <c r="I2426" s="18"/>
      <c r="J2426" s="18"/>
      <c r="K2426" s="18"/>
      <c r="L2426" s="18"/>
      <c r="M2426" s="18"/>
      <c r="N2426" s="18"/>
      <c r="O2426" s="18"/>
      <c r="P2426" s="19">
        <v>90</v>
      </c>
      <c r="Q2426" s="19"/>
      <c r="R2426" s="19"/>
      <c r="S2426" s="19"/>
      <c r="T2426" s="19">
        <v>50</v>
      </c>
      <c r="U2426" s="19"/>
      <c r="V2426" s="19"/>
      <c r="W2426" s="19"/>
      <c r="X2426" s="19">
        <v>2</v>
      </c>
      <c r="Y2426" s="19"/>
      <c r="Z2426" s="19"/>
      <c r="AA2426" s="19"/>
    </row>
    <row r="2427" spans="1:27" s="1" customFormat="1" ht="14.1" customHeight="1" outlineLevel="2" x14ac:dyDescent="0.2">
      <c r="A2427" s="17"/>
      <c r="B2427" s="17"/>
      <c r="C2427" s="17"/>
      <c r="D2427" s="18"/>
      <c r="E2427" s="18"/>
      <c r="F2427" s="18"/>
      <c r="G2427" s="18"/>
      <c r="H2427" s="18"/>
      <c r="I2427" s="18"/>
      <c r="J2427" s="18"/>
      <c r="K2427" s="18"/>
      <c r="L2427" s="18"/>
      <c r="M2427" s="18"/>
      <c r="N2427" s="18"/>
      <c r="O2427" s="18"/>
      <c r="P2427" s="19"/>
      <c r="Q2427" s="19"/>
      <c r="R2427" s="19"/>
      <c r="S2427" s="19"/>
      <c r="T2427" s="19"/>
      <c r="U2427" s="19"/>
      <c r="V2427" s="19"/>
      <c r="W2427" s="19"/>
      <c r="X2427" s="19"/>
      <c r="Y2427" s="19"/>
      <c r="Z2427" s="19"/>
      <c r="AA2427" s="19"/>
    </row>
    <row r="2428" spans="1:27" s="1" customFormat="1" ht="14.1" customHeight="1" outlineLevel="2" x14ac:dyDescent="0.2">
      <c r="A2428" s="17">
        <v>13330</v>
      </c>
      <c r="B2428" s="17"/>
      <c r="C2428" s="17"/>
      <c r="D2428" s="18" t="s">
        <v>1222</v>
      </c>
      <c r="E2428" s="18"/>
      <c r="F2428" s="18"/>
      <c r="G2428" s="18"/>
      <c r="H2428" s="18"/>
      <c r="I2428" s="18"/>
      <c r="J2428" s="18"/>
      <c r="K2428" s="18"/>
      <c r="L2428" s="18"/>
      <c r="M2428" s="18"/>
      <c r="N2428" s="18"/>
      <c r="O2428" s="18"/>
      <c r="P2428" s="19">
        <v>90</v>
      </c>
      <c r="Q2428" s="19"/>
      <c r="R2428" s="19"/>
      <c r="S2428" s="19"/>
      <c r="T2428" s="19">
        <v>50</v>
      </c>
      <c r="U2428" s="19"/>
      <c r="V2428" s="19"/>
      <c r="W2428" s="19"/>
      <c r="X2428" s="19">
        <v>1</v>
      </c>
      <c r="Y2428" s="19"/>
      <c r="Z2428" s="19"/>
      <c r="AA2428" s="19"/>
    </row>
    <row r="2429" spans="1:27" s="1" customFormat="1" ht="14.1" customHeight="1" outlineLevel="2" x14ac:dyDescent="0.2">
      <c r="A2429" s="17"/>
      <c r="B2429" s="17"/>
      <c r="C2429" s="17"/>
      <c r="D2429" s="18"/>
      <c r="E2429" s="18"/>
      <c r="F2429" s="18"/>
      <c r="G2429" s="18"/>
      <c r="H2429" s="18"/>
      <c r="I2429" s="18"/>
      <c r="J2429" s="18"/>
      <c r="K2429" s="18"/>
      <c r="L2429" s="18"/>
      <c r="M2429" s="18"/>
      <c r="N2429" s="18"/>
      <c r="O2429" s="18"/>
      <c r="P2429" s="19"/>
      <c r="Q2429" s="19"/>
      <c r="R2429" s="19"/>
      <c r="S2429" s="19"/>
      <c r="T2429" s="19"/>
      <c r="U2429" s="19"/>
      <c r="V2429" s="19"/>
      <c r="W2429" s="19"/>
      <c r="X2429" s="19"/>
      <c r="Y2429" s="19"/>
      <c r="Z2429" s="19"/>
      <c r="AA2429" s="19"/>
    </row>
    <row r="2430" spans="1:27" s="1" customFormat="1" ht="14.1" customHeight="1" outlineLevel="2" x14ac:dyDescent="0.2">
      <c r="A2430" s="17">
        <v>18071</v>
      </c>
      <c r="B2430" s="17"/>
      <c r="C2430" s="17"/>
      <c r="D2430" s="18" t="s">
        <v>1223</v>
      </c>
      <c r="E2430" s="18"/>
      <c r="F2430" s="18"/>
      <c r="G2430" s="18"/>
      <c r="H2430" s="18"/>
      <c r="I2430" s="18"/>
      <c r="J2430" s="18"/>
      <c r="K2430" s="18"/>
      <c r="L2430" s="18"/>
      <c r="M2430" s="18"/>
      <c r="N2430" s="18"/>
      <c r="O2430" s="18"/>
      <c r="P2430" s="19">
        <v>150</v>
      </c>
      <c r="Q2430" s="19"/>
      <c r="R2430" s="19"/>
      <c r="S2430" s="19"/>
      <c r="T2430" s="19">
        <v>100</v>
      </c>
      <c r="U2430" s="19"/>
      <c r="V2430" s="19"/>
      <c r="W2430" s="19"/>
      <c r="X2430" s="19">
        <v>1</v>
      </c>
      <c r="Y2430" s="19"/>
      <c r="Z2430" s="19"/>
      <c r="AA2430" s="19"/>
    </row>
    <row r="2431" spans="1:27" s="1" customFormat="1" ht="14.1" customHeight="1" outlineLevel="2" x14ac:dyDescent="0.2">
      <c r="A2431" s="17"/>
      <c r="B2431" s="17"/>
      <c r="C2431" s="17"/>
      <c r="D2431" s="18"/>
      <c r="E2431" s="18"/>
      <c r="F2431" s="18"/>
      <c r="G2431" s="18"/>
      <c r="H2431" s="18"/>
      <c r="I2431" s="18"/>
      <c r="J2431" s="18"/>
      <c r="K2431" s="18"/>
      <c r="L2431" s="18"/>
      <c r="M2431" s="18"/>
      <c r="N2431" s="18"/>
      <c r="O2431" s="18"/>
      <c r="P2431" s="19"/>
      <c r="Q2431" s="19"/>
      <c r="R2431" s="19"/>
      <c r="S2431" s="19"/>
      <c r="T2431" s="19"/>
      <c r="U2431" s="19"/>
      <c r="V2431" s="19"/>
      <c r="W2431" s="19"/>
      <c r="X2431" s="19"/>
      <c r="Y2431" s="19"/>
      <c r="Z2431" s="19"/>
      <c r="AA2431" s="19"/>
    </row>
    <row r="2432" spans="1:27" s="1" customFormat="1" ht="14.1" customHeight="1" outlineLevel="2" x14ac:dyDescent="0.2">
      <c r="A2432" s="17">
        <v>17061</v>
      </c>
      <c r="B2432" s="17"/>
      <c r="C2432" s="17"/>
      <c r="D2432" s="18" t="s">
        <v>1224</v>
      </c>
      <c r="E2432" s="18"/>
      <c r="F2432" s="18"/>
      <c r="G2432" s="18"/>
      <c r="H2432" s="18"/>
      <c r="I2432" s="18"/>
      <c r="J2432" s="18"/>
      <c r="K2432" s="18"/>
      <c r="L2432" s="18"/>
      <c r="M2432" s="18"/>
      <c r="N2432" s="18"/>
      <c r="O2432" s="18"/>
      <c r="P2432" s="19">
        <v>100</v>
      </c>
      <c r="Q2432" s="19"/>
      <c r="R2432" s="19"/>
      <c r="S2432" s="19"/>
      <c r="T2432" s="19">
        <v>60</v>
      </c>
      <c r="U2432" s="19"/>
      <c r="V2432" s="19"/>
      <c r="W2432" s="19"/>
      <c r="X2432" s="19">
        <v>1</v>
      </c>
      <c r="Y2432" s="19"/>
      <c r="Z2432" s="19"/>
      <c r="AA2432" s="19"/>
    </row>
    <row r="2433" spans="1:27" s="1" customFormat="1" ht="14.1" customHeight="1" outlineLevel="2" x14ac:dyDescent="0.2">
      <c r="A2433" s="17"/>
      <c r="B2433" s="17"/>
      <c r="C2433" s="17"/>
      <c r="D2433" s="18"/>
      <c r="E2433" s="18"/>
      <c r="F2433" s="18"/>
      <c r="G2433" s="18"/>
      <c r="H2433" s="18"/>
      <c r="I2433" s="18"/>
      <c r="J2433" s="18"/>
      <c r="K2433" s="18"/>
      <c r="L2433" s="18"/>
      <c r="M2433" s="18"/>
      <c r="N2433" s="18"/>
      <c r="O2433" s="18"/>
      <c r="P2433" s="19"/>
      <c r="Q2433" s="19"/>
      <c r="R2433" s="19"/>
      <c r="S2433" s="19"/>
      <c r="T2433" s="19"/>
      <c r="U2433" s="19"/>
      <c r="V2433" s="19"/>
      <c r="W2433" s="19"/>
      <c r="X2433" s="19"/>
      <c r="Y2433" s="19"/>
      <c r="Z2433" s="19"/>
      <c r="AA2433" s="19"/>
    </row>
    <row r="2434" spans="1:27" s="1" customFormat="1" ht="14.1" customHeight="1" outlineLevel="2" x14ac:dyDescent="0.2">
      <c r="A2434" s="17">
        <v>16825</v>
      </c>
      <c r="B2434" s="17"/>
      <c r="C2434" s="17"/>
      <c r="D2434" s="18" t="s">
        <v>1225</v>
      </c>
      <c r="E2434" s="18"/>
      <c r="F2434" s="18"/>
      <c r="G2434" s="18"/>
      <c r="H2434" s="18"/>
      <c r="I2434" s="18"/>
      <c r="J2434" s="18"/>
      <c r="K2434" s="18"/>
      <c r="L2434" s="18"/>
      <c r="M2434" s="18"/>
      <c r="N2434" s="18"/>
      <c r="O2434" s="18"/>
      <c r="P2434" s="19">
        <v>100</v>
      </c>
      <c r="Q2434" s="19"/>
      <c r="R2434" s="19"/>
      <c r="S2434" s="19"/>
      <c r="T2434" s="19">
        <v>50</v>
      </c>
      <c r="U2434" s="19"/>
      <c r="V2434" s="19"/>
      <c r="W2434" s="19"/>
      <c r="X2434" s="19">
        <v>1</v>
      </c>
      <c r="Y2434" s="19"/>
      <c r="Z2434" s="19"/>
      <c r="AA2434" s="19"/>
    </row>
    <row r="2435" spans="1:27" s="1" customFormat="1" ht="14.1" customHeight="1" outlineLevel="2" x14ac:dyDescent="0.2">
      <c r="A2435" s="17"/>
      <c r="B2435" s="17"/>
      <c r="C2435" s="17"/>
      <c r="D2435" s="18"/>
      <c r="E2435" s="18"/>
      <c r="F2435" s="18"/>
      <c r="G2435" s="18"/>
      <c r="H2435" s="18"/>
      <c r="I2435" s="18"/>
      <c r="J2435" s="18"/>
      <c r="K2435" s="18"/>
      <c r="L2435" s="18"/>
      <c r="M2435" s="18"/>
      <c r="N2435" s="18"/>
      <c r="O2435" s="18"/>
      <c r="P2435" s="19"/>
      <c r="Q2435" s="19"/>
      <c r="R2435" s="19"/>
      <c r="S2435" s="19"/>
      <c r="T2435" s="19"/>
      <c r="U2435" s="19"/>
      <c r="V2435" s="19"/>
      <c r="W2435" s="19"/>
      <c r="X2435" s="19"/>
      <c r="Y2435" s="19"/>
      <c r="Z2435" s="19"/>
      <c r="AA2435" s="19"/>
    </row>
    <row r="2436" spans="1:27" s="1" customFormat="1" ht="14.1" customHeight="1" outlineLevel="2" x14ac:dyDescent="0.2">
      <c r="A2436" s="17">
        <v>16989</v>
      </c>
      <c r="B2436" s="17"/>
      <c r="C2436" s="17"/>
      <c r="D2436" s="18" t="s">
        <v>1226</v>
      </c>
      <c r="E2436" s="18"/>
      <c r="F2436" s="18"/>
      <c r="G2436" s="18"/>
      <c r="H2436" s="18"/>
      <c r="I2436" s="18"/>
      <c r="J2436" s="18"/>
      <c r="K2436" s="18"/>
      <c r="L2436" s="18"/>
      <c r="M2436" s="18"/>
      <c r="N2436" s="18"/>
      <c r="O2436" s="18"/>
      <c r="P2436" s="19">
        <v>90</v>
      </c>
      <c r="Q2436" s="19"/>
      <c r="R2436" s="19"/>
      <c r="S2436" s="19"/>
      <c r="T2436" s="19">
        <v>50</v>
      </c>
      <c r="U2436" s="19"/>
      <c r="V2436" s="19"/>
      <c r="W2436" s="19"/>
      <c r="X2436" s="19">
        <v>1</v>
      </c>
      <c r="Y2436" s="19"/>
      <c r="Z2436" s="19"/>
      <c r="AA2436" s="19"/>
    </row>
    <row r="2437" spans="1:27" s="1" customFormat="1" ht="14.1" customHeight="1" outlineLevel="2" x14ac:dyDescent="0.2">
      <c r="A2437" s="17"/>
      <c r="B2437" s="17"/>
      <c r="C2437" s="17"/>
      <c r="D2437" s="18"/>
      <c r="E2437" s="18"/>
      <c r="F2437" s="18"/>
      <c r="G2437" s="18"/>
      <c r="H2437" s="18"/>
      <c r="I2437" s="18"/>
      <c r="J2437" s="18"/>
      <c r="K2437" s="18"/>
      <c r="L2437" s="18"/>
      <c r="M2437" s="18"/>
      <c r="N2437" s="18"/>
      <c r="O2437" s="18"/>
      <c r="P2437" s="19"/>
      <c r="Q2437" s="19"/>
      <c r="R2437" s="19"/>
      <c r="S2437" s="19"/>
      <c r="T2437" s="19"/>
      <c r="U2437" s="19"/>
      <c r="V2437" s="19"/>
      <c r="W2437" s="19"/>
      <c r="X2437" s="19"/>
      <c r="Y2437" s="19"/>
      <c r="Z2437" s="19"/>
      <c r="AA2437" s="19"/>
    </row>
    <row r="2438" spans="1:27" s="1" customFormat="1" ht="14.1" customHeight="1" outlineLevel="2" x14ac:dyDescent="0.2">
      <c r="A2438" s="17">
        <v>17575</v>
      </c>
      <c r="B2438" s="17"/>
      <c r="C2438" s="17"/>
      <c r="D2438" s="18" t="s">
        <v>1227</v>
      </c>
      <c r="E2438" s="18"/>
      <c r="F2438" s="18"/>
      <c r="G2438" s="18"/>
      <c r="H2438" s="18"/>
      <c r="I2438" s="18"/>
      <c r="J2438" s="18"/>
      <c r="K2438" s="18"/>
      <c r="L2438" s="18"/>
      <c r="M2438" s="18"/>
      <c r="N2438" s="18"/>
      <c r="O2438" s="18"/>
      <c r="P2438" s="19">
        <v>100</v>
      </c>
      <c r="Q2438" s="19"/>
      <c r="R2438" s="19"/>
      <c r="S2438" s="19"/>
      <c r="T2438" s="19">
        <v>50</v>
      </c>
      <c r="U2438" s="19"/>
      <c r="V2438" s="19"/>
      <c r="W2438" s="19"/>
      <c r="X2438" s="19">
        <v>1</v>
      </c>
      <c r="Y2438" s="19"/>
      <c r="Z2438" s="19"/>
      <c r="AA2438" s="19"/>
    </row>
    <row r="2439" spans="1:27" s="1" customFormat="1" ht="14.1" customHeight="1" outlineLevel="2" x14ac:dyDescent="0.2">
      <c r="A2439" s="17"/>
      <c r="B2439" s="17"/>
      <c r="C2439" s="17"/>
      <c r="D2439" s="18"/>
      <c r="E2439" s="18"/>
      <c r="F2439" s="18"/>
      <c r="G2439" s="18"/>
      <c r="H2439" s="18"/>
      <c r="I2439" s="18"/>
      <c r="J2439" s="18"/>
      <c r="K2439" s="18"/>
      <c r="L2439" s="18"/>
      <c r="M2439" s="18"/>
      <c r="N2439" s="18"/>
      <c r="O2439" s="18"/>
      <c r="P2439" s="19"/>
      <c r="Q2439" s="19"/>
      <c r="R2439" s="19"/>
      <c r="S2439" s="19"/>
      <c r="T2439" s="19"/>
      <c r="U2439" s="19"/>
      <c r="V2439" s="19"/>
      <c r="W2439" s="19"/>
      <c r="X2439" s="19"/>
      <c r="Y2439" s="19"/>
      <c r="Z2439" s="19"/>
      <c r="AA2439" s="19"/>
    </row>
    <row r="2440" spans="1:27" s="1" customFormat="1" ht="14.1" customHeight="1" outlineLevel="2" x14ac:dyDescent="0.2">
      <c r="A2440" s="17">
        <v>17042</v>
      </c>
      <c r="B2440" s="17"/>
      <c r="C2440" s="17"/>
      <c r="D2440" s="18" t="s">
        <v>1228</v>
      </c>
      <c r="E2440" s="18"/>
      <c r="F2440" s="18"/>
      <c r="G2440" s="18"/>
      <c r="H2440" s="18"/>
      <c r="I2440" s="18"/>
      <c r="J2440" s="18"/>
      <c r="K2440" s="18"/>
      <c r="L2440" s="18"/>
      <c r="M2440" s="18"/>
      <c r="N2440" s="18"/>
      <c r="O2440" s="18"/>
      <c r="P2440" s="19">
        <v>90</v>
      </c>
      <c r="Q2440" s="19"/>
      <c r="R2440" s="19"/>
      <c r="S2440" s="19"/>
      <c r="T2440" s="19">
        <v>50</v>
      </c>
      <c r="U2440" s="19"/>
      <c r="V2440" s="19"/>
      <c r="W2440" s="19"/>
      <c r="X2440" s="19">
        <v>3</v>
      </c>
      <c r="Y2440" s="19"/>
      <c r="Z2440" s="19"/>
      <c r="AA2440" s="19"/>
    </row>
    <row r="2441" spans="1:27" s="1" customFormat="1" ht="14.1" customHeight="1" outlineLevel="2" x14ac:dyDescent="0.2">
      <c r="A2441" s="17"/>
      <c r="B2441" s="17"/>
      <c r="C2441" s="17"/>
      <c r="D2441" s="18"/>
      <c r="E2441" s="18"/>
      <c r="F2441" s="18"/>
      <c r="G2441" s="18"/>
      <c r="H2441" s="18"/>
      <c r="I2441" s="18"/>
      <c r="J2441" s="18"/>
      <c r="K2441" s="18"/>
      <c r="L2441" s="18"/>
      <c r="M2441" s="18"/>
      <c r="N2441" s="18"/>
      <c r="O2441" s="18"/>
      <c r="P2441" s="19"/>
      <c r="Q2441" s="19"/>
      <c r="R2441" s="19"/>
      <c r="S2441" s="19"/>
      <c r="T2441" s="19"/>
      <c r="U2441" s="19"/>
      <c r="V2441" s="19"/>
      <c r="W2441" s="19"/>
      <c r="X2441" s="19"/>
      <c r="Y2441" s="19"/>
      <c r="Z2441" s="19"/>
      <c r="AA2441" s="19"/>
    </row>
    <row r="2442" spans="1:27" s="1" customFormat="1" ht="14.1" customHeight="1" outlineLevel="2" x14ac:dyDescent="0.2">
      <c r="A2442" s="17">
        <v>15553</v>
      </c>
      <c r="B2442" s="17"/>
      <c r="C2442" s="17"/>
      <c r="D2442" s="18" t="s">
        <v>1229</v>
      </c>
      <c r="E2442" s="18"/>
      <c r="F2442" s="18"/>
      <c r="G2442" s="18"/>
      <c r="H2442" s="18"/>
      <c r="I2442" s="18"/>
      <c r="J2442" s="18"/>
      <c r="K2442" s="18"/>
      <c r="L2442" s="18"/>
      <c r="M2442" s="18"/>
      <c r="N2442" s="18"/>
      <c r="O2442" s="18"/>
      <c r="P2442" s="19">
        <v>140</v>
      </c>
      <c r="Q2442" s="19"/>
      <c r="R2442" s="19"/>
      <c r="S2442" s="19"/>
      <c r="T2442" s="19">
        <v>100</v>
      </c>
      <c r="U2442" s="19"/>
      <c r="V2442" s="19"/>
      <c r="W2442" s="19"/>
      <c r="X2442" s="19">
        <v>3</v>
      </c>
      <c r="Y2442" s="19"/>
      <c r="Z2442" s="19"/>
      <c r="AA2442" s="19"/>
    </row>
    <row r="2443" spans="1:27" s="1" customFormat="1" ht="14.1" customHeight="1" outlineLevel="2" x14ac:dyDescent="0.2">
      <c r="A2443" s="17"/>
      <c r="B2443" s="17"/>
      <c r="C2443" s="17"/>
      <c r="D2443" s="18"/>
      <c r="E2443" s="18"/>
      <c r="F2443" s="18"/>
      <c r="G2443" s="18"/>
      <c r="H2443" s="18"/>
      <c r="I2443" s="18"/>
      <c r="J2443" s="18"/>
      <c r="K2443" s="18"/>
      <c r="L2443" s="18"/>
      <c r="M2443" s="18"/>
      <c r="N2443" s="18"/>
      <c r="O2443" s="18"/>
      <c r="P2443" s="19"/>
      <c r="Q2443" s="19"/>
      <c r="R2443" s="19"/>
      <c r="S2443" s="19"/>
      <c r="T2443" s="19"/>
      <c r="U2443" s="19"/>
      <c r="V2443" s="19"/>
      <c r="W2443" s="19"/>
      <c r="X2443" s="19"/>
      <c r="Y2443" s="19"/>
      <c r="Z2443" s="19"/>
      <c r="AA2443" s="19"/>
    </row>
    <row r="2444" spans="1:27" s="1" customFormat="1" ht="11.1" customHeight="1" outlineLevel="2" x14ac:dyDescent="0.2">
      <c r="A2444" s="17">
        <v>15827</v>
      </c>
      <c r="B2444" s="17"/>
      <c r="C2444" s="17"/>
      <c r="D2444" s="18" t="s">
        <v>1230</v>
      </c>
      <c r="E2444" s="18"/>
      <c r="F2444" s="18"/>
      <c r="G2444" s="18"/>
      <c r="H2444" s="18"/>
      <c r="I2444" s="18"/>
      <c r="J2444" s="18"/>
      <c r="K2444" s="18"/>
      <c r="L2444" s="18"/>
      <c r="M2444" s="18"/>
      <c r="N2444" s="18"/>
      <c r="O2444" s="18"/>
      <c r="P2444" s="19">
        <v>70</v>
      </c>
      <c r="Q2444" s="19"/>
      <c r="R2444" s="19"/>
      <c r="S2444" s="19"/>
      <c r="T2444" s="19">
        <v>50</v>
      </c>
      <c r="U2444" s="19"/>
      <c r="V2444" s="19"/>
      <c r="W2444" s="19"/>
      <c r="X2444" s="19">
        <v>2</v>
      </c>
      <c r="Y2444" s="19"/>
      <c r="Z2444" s="19"/>
      <c r="AA2444" s="19"/>
    </row>
    <row r="2445" spans="1:27" s="1" customFormat="1" ht="11.1" customHeight="1" outlineLevel="2" x14ac:dyDescent="0.2">
      <c r="A2445" s="17"/>
      <c r="B2445" s="17"/>
      <c r="C2445" s="17"/>
      <c r="D2445" s="18"/>
      <c r="E2445" s="18"/>
      <c r="F2445" s="18"/>
      <c r="G2445" s="18"/>
      <c r="H2445" s="18"/>
      <c r="I2445" s="18"/>
      <c r="J2445" s="18"/>
      <c r="K2445" s="18"/>
      <c r="L2445" s="18"/>
      <c r="M2445" s="18"/>
      <c r="N2445" s="18"/>
      <c r="O2445" s="18"/>
      <c r="P2445" s="19"/>
      <c r="Q2445" s="19"/>
      <c r="R2445" s="19"/>
      <c r="S2445" s="19"/>
      <c r="T2445" s="19"/>
      <c r="U2445" s="19"/>
      <c r="V2445" s="19"/>
      <c r="W2445" s="19"/>
      <c r="X2445" s="19"/>
      <c r="Y2445" s="19"/>
      <c r="Z2445" s="19"/>
      <c r="AA2445" s="19"/>
    </row>
    <row r="2446" spans="1:27" s="1" customFormat="1" ht="14.1" customHeight="1" outlineLevel="2" x14ac:dyDescent="0.2">
      <c r="A2446" s="17">
        <v>13363</v>
      </c>
      <c r="B2446" s="17"/>
      <c r="C2446" s="17"/>
      <c r="D2446" s="18" t="s">
        <v>1231</v>
      </c>
      <c r="E2446" s="18"/>
      <c r="F2446" s="18"/>
      <c r="G2446" s="18"/>
      <c r="H2446" s="18"/>
      <c r="I2446" s="18"/>
      <c r="J2446" s="18"/>
      <c r="K2446" s="18"/>
      <c r="L2446" s="18"/>
      <c r="M2446" s="18"/>
      <c r="N2446" s="18"/>
      <c r="O2446" s="18"/>
      <c r="P2446" s="19">
        <v>110</v>
      </c>
      <c r="Q2446" s="19"/>
      <c r="R2446" s="19"/>
      <c r="S2446" s="19"/>
      <c r="T2446" s="19">
        <v>70</v>
      </c>
      <c r="U2446" s="19"/>
      <c r="V2446" s="19"/>
      <c r="W2446" s="19"/>
      <c r="X2446" s="19">
        <v>1</v>
      </c>
      <c r="Y2446" s="19"/>
      <c r="Z2446" s="19"/>
      <c r="AA2446" s="19"/>
    </row>
    <row r="2447" spans="1:27" s="1" customFormat="1" ht="14.1" customHeight="1" outlineLevel="2" x14ac:dyDescent="0.2">
      <c r="A2447" s="17"/>
      <c r="B2447" s="17"/>
      <c r="C2447" s="17"/>
      <c r="D2447" s="18"/>
      <c r="E2447" s="18"/>
      <c r="F2447" s="18"/>
      <c r="G2447" s="18"/>
      <c r="H2447" s="18"/>
      <c r="I2447" s="18"/>
      <c r="J2447" s="18"/>
      <c r="K2447" s="18"/>
      <c r="L2447" s="18"/>
      <c r="M2447" s="18"/>
      <c r="N2447" s="18"/>
      <c r="O2447" s="18"/>
      <c r="P2447" s="19"/>
      <c r="Q2447" s="19"/>
      <c r="R2447" s="19"/>
      <c r="S2447" s="19"/>
      <c r="T2447" s="19"/>
      <c r="U2447" s="19"/>
      <c r="V2447" s="19"/>
      <c r="W2447" s="19"/>
      <c r="X2447" s="19"/>
      <c r="Y2447" s="19"/>
      <c r="Z2447" s="19"/>
      <c r="AA2447" s="19"/>
    </row>
    <row r="2448" spans="1:27" s="1" customFormat="1" ht="14.1" customHeight="1" outlineLevel="2" x14ac:dyDescent="0.2">
      <c r="A2448" s="17">
        <v>17411</v>
      </c>
      <c r="B2448" s="17"/>
      <c r="C2448" s="17"/>
      <c r="D2448" s="18" t="s">
        <v>1232</v>
      </c>
      <c r="E2448" s="18"/>
      <c r="F2448" s="18"/>
      <c r="G2448" s="18"/>
      <c r="H2448" s="18"/>
      <c r="I2448" s="18"/>
      <c r="J2448" s="18"/>
      <c r="K2448" s="18"/>
      <c r="L2448" s="18"/>
      <c r="M2448" s="18"/>
      <c r="N2448" s="18"/>
      <c r="O2448" s="18"/>
      <c r="P2448" s="19">
        <v>500</v>
      </c>
      <c r="Q2448" s="19"/>
      <c r="R2448" s="19"/>
      <c r="S2448" s="19"/>
      <c r="T2448" s="19">
        <v>400</v>
      </c>
      <c r="U2448" s="19"/>
      <c r="V2448" s="19"/>
      <c r="W2448" s="19"/>
      <c r="X2448" s="19">
        <v>2</v>
      </c>
      <c r="Y2448" s="19"/>
      <c r="Z2448" s="19"/>
      <c r="AA2448" s="19"/>
    </row>
    <row r="2449" spans="1:27" s="1" customFormat="1" ht="14.1" customHeight="1" outlineLevel="2" x14ac:dyDescent="0.2">
      <c r="A2449" s="17"/>
      <c r="B2449" s="17"/>
      <c r="C2449" s="17"/>
      <c r="D2449" s="18"/>
      <c r="E2449" s="18"/>
      <c r="F2449" s="18"/>
      <c r="G2449" s="18"/>
      <c r="H2449" s="18"/>
      <c r="I2449" s="18"/>
      <c r="J2449" s="18"/>
      <c r="K2449" s="18"/>
      <c r="L2449" s="18"/>
      <c r="M2449" s="18"/>
      <c r="N2449" s="18"/>
      <c r="O2449" s="18"/>
      <c r="P2449" s="19"/>
      <c r="Q2449" s="19"/>
      <c r="R2449" s="19"/>
      <c r="S2449" s="19"/>
      <c r="T2449" s="19"/>
      <c r="U2449" s="19"/>
      <c r="V2449" s="19"/>
      <c r="W2449" s="19"/>
      <c r="X2449" s="19"/>
      <c r="Y2449" s="19"/>
      <c r="Z2449" s="19"/>
      <c r="AA2449" s="19"/>
    </row>
    <row r="2450" spans="1:27" s="1" customFormat="1" ht="14.1" customHeight="1" outlineLevel="2" x14ac:dyDescent="0.2">
      <c r="A2450" s="17">
        <v>18114</v>
      </c>
      <c r="B2450" s="17"/>
      <c r="C2450" s="17"/>
      <c r="D2450" s="18" t="s">
        <v>1233</v>
      </c>
      <c r="E2450" s="18"/>
      <c r="F2450" s="18"/>
      <c r="G2450" s="18"/>
      <c r="H2450" s="18"/>
      <c r="I2450" s="18"/>
      <c r="J2450" s="18"/>
      <c r="K2450" s="18"/>
      <c r="L2450" s="18"/>
      <c r="M2450" s="18"/>
      <c r="N2450" s="18"/>
      <c r="O2450" s="18"/>
      <c r="P2450" s="19">
        <v>200</v>
      </c>
      <c r="Q2450" s="19"/>
      <c r="R2450" s="19"/>
      <c r="S2450" s="19"/>
      <c r="T2450" s="19">
        <v>150</v>
      </c>
      <c r="U2450" s="19"/>
      <c r="V2450" s="19"/>
      <c r="W2450" s="19"/>
      <c r="X2450" s="19">
        <v>1</v>
      </c>
      <c r="Y2450" s="19"/>
      <c r="Z2450" s="19"/>
      <c r="AA2450" s="19"/>
    </row>
    <row r="2451" spans="1:27" s="1" customFormat="1" ht="14.1" customHeight="1" outlineLevel="2" x14ac:dyDescent="0.2">
      <c r="A2451" s="17"/>
      <c r="B2451" s="17"/>
      <c r="C2451" s="17"/>
      <c r="D2451" s="18"/>
      <c r="E2451" s="18"/>
      <c r="F2451" s="18"/>
      <c r="G2451" s="18"/>
      <c r="H2451" s="18"/>
      <c r="I2451" s="18"/>
      <c r="J2451" s="18"/>
      <c r="K2451" s="18"/>
      <c r="L2451" s="18"/>
      <c r="M2451" s="18"/>
      <c r="N2451" s="18"/>
      <c r="O2451" s="18"/>
      <c r="P2451" s="19"/>
      <c r="Q2451" s="19"/>
      <c r="R2451" s="19"/>
      <c r="S2451" s="19"/>
      <c r="T2451" s="19"/>
      <c r="U2451" s="19"/>
      <c r="V2451" s="19"/>
      <c r="W2451" s="19"/>
      <c r="X2451" s="19"/>
      <c r="Y2451" s="19"/>
      <c r="Z2451" s="19"/>
      <c r="AA2451" s="19"/>
    </row>
    <row r="2452" spans="1:27" s="1" customFormat="1" ht="11.1" customHeight="1" outlineLevel="2" x14ac:dyDescent="0.2">
      <c r="A2452" s="17">
        <v>15101</v>
      </c>
      <c r="B2452" s="17"/>
      <c r="C2452" s="17"/>
      <c r="D2452" s="18" t="s">
        <v>1234</v>
      </c>
      <c r="E2452" s="18"/>
      <c r="F2452" s="18"/>
      <c r="G2452" s="18"/>
      <c r="H2452" s="18"/>
      <c r="I2452" s="18"/>
      <c r="J2452" s="18"/>
      <c r="K2452" s="18"/>
      <c r="L2452" s="18"/>
      <c r="M2452" s="18"/>
      <c r="N2452" s="18"/>
      <c r="O2452" s="18"/>
      <c r="P2452" s="19">
        <v>140</v>
      </c>
      <c r="Q2452" s="19"/>
      <c r="R2452" s="19"/>
      <c r="S2452" s="19"/>
      <c r="T2452" s="19">
        <v>100</v>
      </c>
      <c r="U2452" s="19"/>
      <c r="V2452" s="19"/>
      <c r="W2452" s="19"/>
      <c r="X2452" s="19">
        <v>1</v>
      </c>
      <c r="Y2452" s="19"/>
      <c r="Z2452" s="19"/>
      <c r="AA2452" s="19"/>
    </row>
    <row r="2453" spans="1:27" s="1" customFormat="1" ht="11.1" customHeight="1" outlineLevel="2" x14ac:dyDescent="0.2">
      <c r="A2453" s="17"/>
      <c r="B2453" s="17"/>
      <c r="C2453" s="17"/>
      <c r="D2453" s="18"/>
      <c r="E2453" s="18"/>
      <c r="F2453" s="18"/>
      <c r="G2453" s="18"/>
      <c r="H2453" s="18"/>
      <c r="I2453" s="18"/>
      <c r="J2453" s="18"/>
      <c r="K2453" s="18"/>
      <c r="L2453" s="18"/>
      <c r="M2453" s="18"/>
      <c r="N2453" s="18"/>
      <c r="O2453" s="18"/>
      <c r="P2453" s="19"/>
      <c r="Q2453" s="19"/>
      <c r="R2453" s="19"/>
      <c r="S2453" s="19"/>
      <c r="T2453" s="19"/>
      <c r="U2453" s="19"/>
      <c r="V2453" s="19"/>
      <c r="W2453" s="19"/>
      <c r="X2453" s="19"/>
      <c r="Y2453" s="19"/>
      <c r="Z2453" s="19"/>
      <c r="AA2453" s="19"/>
    </row>
    <row r="2454" spans="1:27" s="1" customFormat="1" ht="14.1" customHeight="1" outlineLevel="2" x14ac:dyDescent="0.2">
      <c r="A2454" s="17">
        <v>16102</v>
      </c>
      <c r="B2454" s="17"/>
      <c r="C2454" s="17"/>
      <c r="D2454" s="18" t="s">
        <v>1235</v>
      </c>
      <c r="E2454" s="18"/>
      <c r="F2454" s="18"/>
      <c r="G2454" s="18"/>
      <c r="H2454" s="18"/>
      <c r="I2454" s="18"/>
      <c r="J2454" s="18"/>
      <c r="K2454" s="18"/>
      <c r="L2454" s="18"/>
      <c r="M2454" s="18"/>
      <c r="N2454" s="18"/>
      <c r="O2454" s="18"/>
      <c r="P2454" s="19">
        <v>220</v>
      </c>
      <c r="Q2454" s="19"/>
      <c r="R2454" s="19"/>
      <c r="S2454" s="19"/>
      <c r="T2454" s="19">
        <v>170</v>
      </c>
      <c r="U2454" s="19"/>
      <c r="V2454" s="19"/>
      <c r="W2454" s="19"/>
      <c r="X2454" s="19">
        <v>10</v>
      </c>
      <c r="Y2454" s="19"/>
      <c r="Z2454" s="19"/>
      <c r="AA2454" s="19"/>
    </row>
    <row r="2455" spans="1:27" s="1" customFormat="1" ht="14.1" customHeight="1" outlineLevel="2" x14ac:dyDescent="0.2">
      <c r="A2455" s="17"/>
      <c r="B2455" s="17"/>
      <c r="C2455" s="17"/>
      <c r="D2455" s="18"/>
      <c r="E2455" s="18"/>
      <c r="F2455" s="18"/>
      <c r="G2455" s="18"/>
      <c r="H2455" s="18"/>
      <c r="I2455" s="18"/>
      <c r="J2455" s="18"/>
      <c r="K2455" s="18"/>
      <c r="L2455" s="18"/>
      <c r="M2455" s="18"/>
      <c r="N2455" s="18"/>
      <c r="O2455" s="18"/>
      <c r="P2455" s="19"/>
      <c r="Q2455" s="19"/>
      <c r="R2455" s="19"/>
      <c r="S2455" s="19"/>
      <c r="T2455" s="19"/>
      <c r="U2455" s="19"/>
      <c r="V2455" s="19"/>
      <c r="W2455" s="19"/>
      <c r="X2455" s="19"/>
      <c r="Y2455" s="19"/>
      <c r="Z2455" s="19"/>
      <c r="AA2455" s="19"/>
    </row>
    <row r="2456" spans="1:27" s="1" customFormat="1" ht="14.1" customHeight="1" outlineLevel="2" x14ac:dyDescent="0.2">
      <c r="A2456" s="17">
        <v>17477</v>
      </c>
      <c r="B2456" s="17"/>
      <c r="C2456" s="17"/>
      <c r="D2456" s="18" t="s">
        <v>1236</v>
      </c>
      <c r="E2456" s="18"/>
      <c r="F2456" s="18"/>
      <c r="G2456" s="18"/>
      <c r="H2456" s="18"/>
      <c r="I2456" s="18"/>
      <c r="J2456" s="18"/>
      <c r="K2456" s="18"/>
      <c r="L2456" s="18"/>
      <c r="M2456" s="18"/>
      <c r="N2456" s="18"/>
      <c r="O2456" s="18"/>
      <c r="P2456" s="19">
        <v>150</v>
      </c>
      <c r="Q2456" s="19"/>
      <c r="R2456" s="19"/>
      <c r="S2456" s="19"/>
      <c r="T2456" s="19">
        <v>100</v>
      </c>
      <c r="U2456" s="19"/>
      <c r="V2456" s="19"/>
      <c r="W2456" s="19"/>
      <c r="X2456" s="19">
        <v>1</v>
      </c>
      <c r="Y2456" s="19"/>
      <c r="Z2456" s="19"/>
      <c r="AA2456" s="19"/>
    </row>
    <row r="2457" spans="1:27" s="1" customFormat="1" ht="14.1" customHeight="1" outlineLevel="2" x14ac:dyDescent="0.2">
      <c r="A2457" s="17"/>
      <c r="B2457" s="17"/>
      <c r="C2457" s="17"/>
      <c r="D2457" s="18"/>
      <c r="E2457" s="18"/>
      <c r="F2457" s="18"/>
      <c r="G2457" s="18"/>
      <c r="H2457" s="18"/>
      <c r="I2457" s="18"/>
      <c r="J2457" s="18"/>
      <c r="K2457" s="18"/>
      <c r="L2457" s="18"/>
      <c r="M2457" s="18"/>
      <c r="N2457" s="18"/>
      <c r="O2457" s="18"/>
      <c r="P2457" s="19"/>
      <c r="Q2457" s="19"/>
      <c r="R2457" s="19"/>
      <c r="S2457" s="19"/>
      <c r="T2457" s="19"/>
      <c r="U2457" s="19"/>
      <c r="V2457" s="19"/>
      <c r="W2457" s="19"/>
      <c r="X2457" s="19"/>
      <c r="Y2457" s="19"/>
      <c r="Z2457" s="19"/>
      <c r="AA2457" s="19"/>
    </row>
    <row r="2458" spans="1:27" s="1" customFormat="1" ht="14.1" customHeight="1" outlineLevel="2" x14ac:dyDescent="0.2">
      <c r="A2458" s="17">
        <v>13457</v>
      </c>
      <c r="B2458" s="17"/>
      <c r="C2458" s="17"/>
      <c r="D2458" s="18" t="s">
        <v>1237</v>
      </c>
      <c r="E2458" s="18"/>
      <c r="F2458" s="18"/>
      <c r="G2458" s="18"/>
      <c r="H2458" s="18"/>
      <c r="I2458" s="18"/>
      <c r="J2458" s="18"/>
      <c r="K2458" s="18"/>
      <c r="L2458" s="18"/>
      <c r="M2458" s="18"/>
      <c r="N2458" s="18"/>
      <c r="O2458" s="18"/>
      <c r="P2458" s="19">
        <v>220</v>
      </c>
      <c r="Q2458" s="19"/>
      <c r="R2458" s="19"/>
      <c r="S2458" s="19"/>
      <c r="T2458" s="19">
        <v>170</v>
      </c>
      <c r="U2458" s="19"/>
      <c r="V2458" s="19"/>
      <c r="W2458" s="19"/>
      <c r="X2458" s="19">
        <v>1</v>
      </c>
      <c r="Y2458" s="19"/>
      <c r="Z2458" s="19"/>
      <c r="AA2458" s="19"/>
    </row>
    <row r="2459" spans="1:27" s="1" customFormat="1" ht="14.1" customHeight="1" outlineLevel="2" x14ac:dyDescent="0.2">
      <c r="A2459" s="17"/>
      <c r="B2459" s="17"/>
      <c r="C2459" s="17"/>
      <c r="D2459" s="18"/>
      <c r="E2459" s="18"/>
      <c r="F2459" s="18"/>
      <c r="G2459" s="18"/>
      <c r="H2459" s="18"/>
      <c r="I2459" s="18"/>
      <c r="J2459" s="18"/>
      <c r="K2459" s="18"/>
      <c r="L2459" s="18"/>
      <c r="M2459" s="18"/>
      <c r="N2459" s="18"/>
      <c r="O2459" s="18"/>
      <c r="P2459" s="19"/>
      <c r="Q2459" s="19"/>
      <c r="R2459" s="19"/>
      <c r="S2459" s="19"/>
      <c r="T2459" s="19"/>
      <c r="U2459" s="19"/>
      <c r="V2459" s="19"/>
      <c r="W2459" s="19"/>
      <c r="X2459" s="19"/>
      <c r="Y2459" s="19"/>
      <c r="Z2459" s="19"/>
      <c r="AA2459" s="19"/>
    </row>
    <row r="2460" spans="1:27" s="1" customFormat="1" ht="14.1" customHeight="1" outlineLevel="2" x14ac:dyDescent="0.2">
      <c r="A2460" s="17">
        <v>16784</v>
      </c>
      <c r="B2460" s="17"/>
      <c r="C2460" s="17"/>
      <c r="D2460" s="18" t="s">
        <v>1238</v>
      </c>
      <c r="E2460" s="18"/>
      <c r="F2460" s="18"/>
      <c r="G2460" s="18"/>
      <c r="H2460" s="18"/>
      <c r="I2460" s="18"/>
      <c r="J2460" s="18"/>
      <c r="K2460" s="18"/>
      <c r="L2460" s="18"/>
      <c r="M2460" s="18"/>
      <c r="N2460" s="18"/>
      <c r="O2460" s="18"/>
      <c r="P2460" s="19">
        <v>200</v>
      </c>
      <c r="Q2460" s="19"/>
      <c r="R2460" s="19"/>
      <c r="S2460" s="19"/>
      <c r="T2460" s="19">
        <v>150</v>
      </c>
      <c r="U2460" s="19"/>
      <c r="V2460" s="19"/>
      <c r="W2460" s="19"/>
      <c r="X2460" s="19">
        <v>1</v>
      </c>
      <c r="Y2460" s="19"/>
      <c r="Z2460" s="19"/>
      <c r="AA2460" s="19"/>
    </row>
    <row r="2461" spans="1:27" s="1" customFormat="1" ht="14.1" customHeight="1" outlineLevel="2" x14ac:dyDescent="0.2">
      <c r="A2461" s="17"/>
      <c r="B2461" s="17"/>
      <c r="C2461" s="17"/>
      <c r="D2461" s="18"/>
      <c r="E2461" s="18"/>
      <c r="F2461" s="18"/>
      <c r="G2461" s="18"/>
      <c r="H2461" s="18"/>
      <c r="I2461" s="18"/>
      <c r="J2461" s="18"/>
      <c r="K2461" s="18"/>
      <c r="L2461" s="18"/>
      <c r="M2461" s="18"/>
      <c r="N2461" s="18"/>
      <c r="O2461" s="18"/>
      <c r="P2461" s="19"/>
      <c r="Q2461" s="19"/>
      <c r="R2461" s="19"/>
      <c r="S2461" s="19"/>
      <c r="T2461" s="19"/>
      <c r="U2461" s="19"/>
      <c r="V2461" s="19"/>
      <c r="W2461" s="19"/>
      <c r="X2461" s="19"/>
      <c r="Y2461" s="19"/>
      <c r="Z2461" s="19"/>
      <c r="AA2461" s="19"/>
    </row>
    <row r="2462" spans="1:27" s="1" customFormat="1" ht="14.1" customHeight="1" outlineLevel="2" x14ac:dyDescent="0.2">
      <c r="A2462" s="17">
        <v>8703</v>
      </c>
      <c r="B2462" s="17"/>
      <c r="C2462" s="17"/>
      <c r="D2462" s="18" t="s">
        <v>1239</v>
      </c>
      <c r="E2462" s="18"/>
      <c r="F2462" s="18"/>
      <c r="G2462" s="18"/>
      <c r="H2462" s="18"/>
      <c r="I2462" s="18"/>
      <c r="J2462" s="18"/>
      <c r="K2462" s="18"/>
      <c r="L2462" s="18"/>
      <c r="M2462" s="18"/>
      <c r="N2462" s="18"/>
      <c r="O2462" s="18"/>
      <c r="P2462" s="19">
        <v>250</v>
      </c>
      <c r="Q2462" s="19"/>
      <c r="R2462" s="19"/>
      <c r="S2462" s="19"/>
      <c r="T2462" s="19">
        <v>200</v>
      </c>
      <c r="U2462" s="19"/>
      <c r="V2462" s="19"/>
      <c r="W2462" s="19"/>
      <c r="X2462" s="19">
        <v>4</v>
      </c>
      <c r="Y2462" s="19"/>
      <c r="Z2462" s="19"/>
      <c r="AA2462" s="19"/>
    </row>
    <row r="2463" spans="1:27" s="1" customFormat="1" ht="14.1" customHeight="1" outlineLevel="2" x14ac:dyDescent="0.2">
      <c r="A2463" s="17"/>
      <c r="B2463" s="17"/>
      <c r="C2463" s="17"/>
      <c r="D2463" s="18"/>
      <c r="E2463" s="18"/>
      <c r="F2463" s="18"/>
      <c r="G2463" s="18"/>
      <c r="H2463" s="18"/>
      <c r="I2463" s="18"/>
      <c r="J2463" s="18"/>
      <c r="K2463" s="18"/>
      <c r="L2463" s="18"/>
      <c r="M2463" s="18"/>
      <c r="N2463" s="18"/>
      <c r="O2463" s="18"/>
      <c r="P2463" s="19"/>
      <c r="Q2463" s="19"/>
      <c r="R2463" s="19"/>
      <c r="S2463" s="19"/>
      <c r="T2463" s="19"/>
      <c r="U2463" s="19"/>
      <c r="V2463" s="19"/>
      <c r="W2463" s="19"/>
      <c r="X2463" s="19"/>
      <c r="Y2463" s="19"/>
      <c r="Z2463" s="19"/>
      <c r="AA2463" s="19"/>
    </row>
    <row r="2464" spans="1:27" s="1" customFormat="1" ht="14.1" customHeight="1" outlineLevel="2" x14ac:dyDescent="0.2">
      <c r="A2464" s="17">
        <v>13924</v>
      </c>
      <c r="B2464" s="17"/>
      <c r="C2464" s="17"/>
      <c r="D2464" s="18" t="s">
        <v>1240</v>
      </c>
      <c r="E2464" s="18"/>
      <c r="F2464" s="18"/>
      <c r="G2464" s="18"/>
      <c r="H2464" s="18"/>
      <c r="I2464" s="18"/>
      <c r="J2464" s="18"/>
      <c r="K2464" s="18"/>
      <c r="L2464" s="18"/>
      <c r="M2464" s="18"/>
      <c r="N2464" s="18"/>
      <c r="O2464" s="18"/>
      <c r="P2464" s="19">
        <v>100</v>
      </c>
      <c r="Q2464" s="19"/>
      <c r="R2464" s="19"/>
      <c r="S2464" s="19"/>
      <c r="T2464" s="19">
        <v>65</v>
      </c>
      <c r="U2464" s="19"/>
      <c r="V2464" s="19"/>
      <c r="W2464" s="19"/>
      <c r="X2464" s="19">
        <v>8</v>
      </c>
      <c r="Y2464" s="19"/>
      <c r="Z2464" s="19"/>
      <c r="AA2464" s="19"/>
    </row>
    <row r="2465" spans="1:27" s="1" customFormat="1" ht="14.1" customHeight="1" outlineLevel="2" x14ac:dyDescent="0.2">
      <c r="A2465" s="17"/>
      <c r="B2465" s="17"/>
      <c r="C2465" s="17"/>
      <c r="D2465" s="18"/>
      <c r="E2465" s="18"/>
      <c r="F2465" s="18"/>
      <c r="G2465" s="18"/>
      <c r="H2465" s="18"/>
      <c r="I2465" s="18"/>
      <c r="J2465" s="18"/>
      <c r="K2465" s="18"/>
      <c r="L2465" s="18"/>
      <c r="M2465" s="18"/>
      <c r="N2465" s="18"/>
      <c r="O2465" s="18"/>
      <c r="P2465" s="19"/>
      <c r="Q2465" s="19"/>
      <c r="R2465" s="19"/>
      <c r="S2465" s="19"/>
      <c r="T2465" s="19"/>
      <c r="U2465" s="19"/>
      <c r="V2465" s="19"/>
      <c r="W2465" s="19"/>
      <c r="X2465" s="19"/>
      <c r="Y2465" s="19"/>
      <c r="Z2465" s="19"/>
      <c r="AA2465" s="19"/>
    </row>
    <row r="2466" spans="1:27" s="1" customFormat="1" ht="14.1" customHeight="1" outlineLevel="2" x14ac:dyDescent="0.2">
      <c r="A2466" s="17">
        <v>12808</v>
      </c>
      <c r="B2466" s="17"/>
      <c r="C2466" s="17"/>
      <c r="D2466" s="18" t="s">
        <v>1241</v>
      </c>
      <c r="E2466" s="18"/>
      <c r="F2466" s="18"/>
      <c r="G2466" s="18"/>
      <c r="H2466" s="18"/>
      <c r="I2466" s="18"/>
      <c r="J2466" s="18"/>
      <c r="K2466" s="18"/>
      <c r="L2466" s="18"/>
      <c r="M2466" s="18"/>
      <c r="N2466" s="18"/>
      <c r="O2466" s="18"/>
      <c r="P2466" s="19">
        <v>300</v>
      </c>
      <c r="Q2466" s="19"/>
      <c r="R2466" s="19"/>
      <c r="S2466" s="19"/>
      <c r="T2466" s="19">
        <v>200</v>
      </c>
      <c r="U2466" s="19"/>
      <c r="V2466" s="19"/>
      <c r="W2466" s="19"/>
      <c r="X2466" s="19">
        <v>1</v>
      </c>
      <c r="Y2466" s="19"/>
      <c r="Z2466" s="19"/>
      <c r="AA2466" s="19"/>
    </row>
    <row r="2467" spans="1:27" s="1" customFormat="1" ht="14.1" customHeight="1" outlineLevel="2" x14ac:dyDescent="0.2">
      <c r="A2467" s="17"/>
      <c r="B2467" s="17"/>
      <c r="C2467" s="17"/>
      <c r="D2467" s="18"/>
      <c r="E2467" s="18"/>
      <c r="F2467" s="18"/>
      <c r="G2467" s="18"/>
      <c r="H2467" s="18"/>
      <c r="I2467" s="18"/>
      <c r="J2467" s="18"/>
      <c r="K2467" s="18"/>
      <c r="L2467" s="18"/>
      <c r="M2467" s="18"/>
      <c r="N2467" s="18"/>
      <c r="O2467" s="18"/>
      <c r="P2467" s="19"/>
      <c r="Q2467" s="19"/>
      <c r="R2467" s="19"/>
      <c r="S2467" s="19"/>
      <c r="T2467" s="19"/>
      <c r="U2467" s="19"/>
      <c r="V2467" s="19"/>
      <c r="W2467" s="19"/>
      <c r="X2467" s="19"/>
      <c r="Y2467" s="19"/>
      <c r="Z2467" s="19"/>
      <c r="AA2467" s="19"/>
    </row>
    <row r="2468" spans="1:27" s="1" customFormat="1" ht="14.1" customHeight="1" outlineLevel="2" x14ac:dyDescent="0.2">
      <c r="A2468" s="17">
        <v>16894</v>
      </c>
      <c r="B2468" s="17"/>
      <c r="C2468" s="17"/>
      <c r="D2468" s="18" t="s">
        <v>1242</v>
      </c>
      <c r="E2468" s="18"/>
      <c r="F2468" s="18"/>
      <c r="G2468" s="18"/>
      <c r="H2468" s="18"/>
      <c r="I2468" s="18"/>
      <c r="J2468" s="18"/>
      <c r="K2468" s="18"/>
      <c r="L2468" s="18"/>
      <c r="M2468" s="18"/>
      <c r="N2468" s="18"/>
      <c r="O2468" s="18"/>
      <c r="P2468" s="19">
        <v>350</v>
      </c>
      <c r="Q2468" s="19"/>
      <c r="R2468" s="19"/>
      <c r="S2468" s="19"/>
      <c r="T2468" s="19">
        <v>250</v>
      </c>
      <c r="U2468" s="19"/>
      <c r="V2468" s="19"/>
      <c r="W2468" s="19"/>
      <c r="X2468" s="19">
        <v>1</v>
      </c>
      <c r="Y2468" s="19"/>
      <c r="Z2468" s="19"/>
      <c r="AA2468" s="19"/>
    </row>
    <row r="2469" spans="1:27" s="1" customFormat="1" ht="14.1" customHeight="1" outlineLevel="2" x14ac:dyDescent="0.2">
      <c r="A2469" s="17"/>
      <c r="B2469" s="17"/>
      <c r="C2469" s="17"/>
      <c r="D2469" s="18"/>
      <c r="E2469" s="18"/>
      <c r="F2469" s="18"/>
      <c r="G2469" s="18"/>
      <c r="H2469" s="18"/>
      <c r="I2469" s="18"/>
      <c r="J2469" s="18"/>
      <c r="K2469" s="18"/>
      <c r="L2469" s="18"/>
      <c r="M2469" s="18"/>
      <c r="N2469" s="18"/>
      <c r="O2469" s="18"/>
      <c r="P2469" s="19"/>
      <c r="Q2469" s="19"/>
      <c r="R2469" s="19"/>
      <c r="S2469" s="19"/>
      <c r="T2469" s="19"/>
      <c r="U2469" s="19"/>
      <c r="V2469" s="19"/>
      <c r="W2469" s="19"/>
      <c r="X2469" s="19"/>
      <c r="Y2469" s="19"/>
      <c r="Z2469" s="19"/>
      <c r="AA2469" s="19"/>
    </row>
    <row r="2470" spans="1:27" s="1" customFormat="1" ht="14.1" customHeight="1" outlineLevel="2" x14ac:dyDescent="0.2">
      <c r="A2470" s="17">
        <v>13364</v>
      </c>
      <c r="B2470" s="17"/>
      <c r="C2470" s="17"/>
      <c r="D2470" s="18" t="s">
        <v>1243</v>
      </c>
      <c r="E2470" s="18"/>
      <c r="F2470" s="18"/>
      <c r="G2470" s="18"/>
      <c r="H2470" s="18"/>
      <c r="I2470" s="18"/>
      <c r="J2470" s="18"/>
      <c r="K2470" s="18"/>
      <c r="L2470" s="18"/>
      <c r="M2470" s="18"/>
      <c r="N2470" s="18"/>
      <c r="O2470" s="18"/>
      <c r="P2470" s="19">
        <v>170</v>
      </c>
      <c r="Q2470" s="19"/>
      <c r="R2470" s="19"/>
      <c r="S2470" s="19"/>
      <c r="T2470" s="19">
        <v>120</v>
      </c>
      <c r="U2470" s="19"/>
      <c r="V2470" s="19"/>
      <c r="W2470" s="19"/>
      <c r="X2470" s="19">
        <v>1</v>
      </c>
      <c r="Y2470" s="19"/>
      <c r="Z2470" s="19"/>
      <c r="AA2470" s="19"/>
    </row>
    <row r="2471" spans="1:27" s="1" customFormat="1" ht="14.1" customHeight="1" outlineLevel="2" x14ac:dyDescent="0.2">
      <c r="A2471" s="17"/>
      <c r="B2471" s="17"/>
      <c r="C2471" s="17"/>
      <c r="D2471" s="18"/>
      <c r="E2471" s="18"/>
      <c r="F2471" s="18"/>
      <c r="G2471" s="18"/>
      <c r="H2471" s="18"/>
      <c r="I2471" s="18"/>
      <c r="J2471" s="18"/>
      <c r="K2471" s="18"/>
      <c r="L2471" s="18"/>
      <c r="M2471" s="18"/>
      <c r="N2471" s="18"/>
      <c r="O2471" s="18"/>
      <c r="P2471" s="19"/>
      <c r="Q2471" s="19"/>
      <c r="R2471" s="19"/>
      <c r="S2471" s="19"/>
      <c r="T2471" s="19"/>
      <c r="U2471" s="19"/>
      <c r="V2471" s="19"/>
      <c r="W2471" s="19"/>
      <c r="X2471" s="19"/>
      <c r="Y2471" s="19"/>
      <c r="Z2471" s="19"/>
      <c r="AA2471" s="19"/>
    </row>
    <row r="2472" spans="1:27" s="1" customFormat="1" ht="14.1" customHeight="1" outlineLevel="2" x14ac:dyDescent="0.2">
      <c r="A2472" s="17">
        <v>8860</v>
      </c>
      <c r="B2472" s="17"/>
      <c r="C2472" s="17"/>
      <c r="D2472" s="18" t="s">
        <v>1244</v>
      </c>
      <c r="E2472" s="18"/>
      <c r="F2472" s="18"/>
      <c r="G2472" s="18"/>
      <c r="H2472" s="18"/>
      <c r="I2472" s="18"/>
      <c r="J2472" s="18"/>
      <c r="K2472" s="18"/>
      <c r="L2472" s="18"/>
      <c r="M2472" s="18"/>
      <c r="N2472" s="18"/>
      <c r="O2472" s="18"/>
      <c r="P2472" s="19">
        <v>200</v>
      </c>
      <c r="Q2472" s="19"/>
      <c r="R2472" s="19"/>
      <c r="S2472" s="19"/>
      <c r="T2472" s="19">
        <v>150</v>
      </c>
      <c r="U2472" s="19"/>
      <c r="V2472" s="19"/>
      <c r="W2472" s="19"/>
      <c r="X2472" s="19">
        <v>2</v>
      </c>
      <c r="Y2472" s="19"/>
      <c r="Z2472" s="19"/>
      <c r="AA2472" s="19"/>
    </row>
    <row r="2473" spans="1:27" s="1" customFormat="1" ht="14.1" customHeight="1" outlineLevel="2" x14ac:dyDescent="0.2">
      <c r="A2473" s="17"/>
      <c r="B2473" s="17"/>
      <c r="C2473" s="17"/>
      <c r="D2473" s="18"/>
      <c r="E2473" s="18"/>
      <c r="F2473" s="18"/>
      <c r="G2473" s="18"/>
      <c r="H2473" s="18"/>
      <c r="I2473" s="18"/>
      <c r="J2473" s="18"/>
      <c r="K2473" s="18"/>
      <c r="L2473" s="18"/>
      <c r="M2473" s="18"/>
      <c r="N2473" s="18"/>
      <c r="O2473" s="18"/>
      <c r="P2473" s="19"/>
      <c r="Q2473" s="19"/>
      <c r="R2473" s="19"/>
      <c r="S2473" s="19"/>
      <c r="T2473" s="19"/>
      <c r="U2473" s="19"/>
      <c r="V2473" s="19"/>
      <c r="W2473" s="19"/>
      <c r="X2473" s="19"/>
      <c r="Y2473" s="19"/>
      <c r="Z2473" s="19"/>
      <c r="AA2473" s="19"/>
    </row>
    <row r="2474" spans="1:27" s="1" customFormat="1" ht="14.1" customHeight="1" outlineLevel="2" x14ac:dyDescent="0.2">
      <c r="A2474" s="17">
        <v>18186</v>
      </c>
      <c r="B2474" s="17"/>
      <c r="C2474" s="17"/>
      <c r="D2474" s="18" t="s">
        <v>1245</v>
      </c>
      <c r="E2474" s="18"/>
      <c r="F2474" s="18"/>
      <c r="G2474" s="18"/>
      <c r="H2474" s="18"/>
      <c r="I2474" s="18"/>
      <c r="J2474" s="18"/>
      <c r="K2474" s="18"/>
      <c r="L2474" s="18"/>
      <c r="M2474" s="18"/>
      <c r="N2474" s="18"/>
      <c r="O2474" s="18"/>
      <c r="P2474" s="19">
        <v>250</v>
      </c>
      <c r="Q2474" s="19"/>
      <c r="R2474" s="19"/>
      <c r="S2474" s="19"/>
      <c r="T2474" s="19">
        <v>150</v>
      </c>
      <c r="U2474" s="19"/>
      <c r="V2474" s="19"/>
      <c r="W2474" s="19"/>
      <c r="X2474" s="19">
        <v>1</v>
      </c>
      <c r="Y2474" s="19"/>
      <c r="Z2474" s="19"/>
      <c r="AA2474" s="19"/>
    </row>
    <row r="2475" spans="1:27" s="1" customFormat="1" ht="14.1" customHeight="1" outlineLevel="2" x14ac:dyDescent="0.2">
      <c r="A2475" s="17"/>
      <c r="B2475" s="17"/>
      <c r="C2475" s="17"/>
      <c r="D2475" s="18"/>
      <c r="E2475" s="18"/>
      <c r="F2475" s="18"/>
      <c r="G2475" s="18"/>
      <c r="H2475" s="18"/>
      <c r="I2475" s="18"/>
      <c r="J2475" s="18"/>
      <c r="K2475" s="18"/>
      <c r="L2475" s="18"/>
      <c r="M2475" s="18"/>
      <c r="N2475" s="18"/>
      <c r="O2475" s="18"/>
      <c r="P2475" s="19"/>
      <c r="Q2475" s="19"/>
      <c r="R2475" s="19"/>
      <c r="S2475" s="19"/>
      <c r="T2475" s="19"/>
      <c r="U2475" s="19"/>
      <c r="V2475" s="19"/>
      <c r="W2475" s="19"/>
      <c r="X2475" s="19"/>
      <c r="Y2475" s="19"/>
      <c r="Z2475" s="19"/>
      <c r="AA2475" s="19"/>
    </row>
    <row r="2476" spans="1:27" s="1" customFormat="1" ht="14.1" customHeight="1" outlineLevel="2" x14ac:dyDescent="0.2">
      <c r="A2476" s="17">
        <v>13449</v>
      </c>
      <c r="B2476" s="17"/>
      <c r="C2476" s="17"/>
      <c r="D2476" s="18" t="s">
        <v>1246</v>
      </c>
      <c r="E2476" s="18"/>
      <c r="F2476" s="18"/>
      <c r="G2476" s="18"/>
      <c r="H2476" s="18"/>
      <c r="I2476" s="18"/>
      <c r="J2476" s="18"/>
      <c r="K2476" s="18"/>
      <c r="L2476" s="18"/>
      <c r="M2476" s="18"/>
      <c r="N2476" s="18"/>
      <c r="O2476" s="18"/>
      <c r="P2476" s="19">
        <v>190</v>
      </c>
      <c r="Q2476" s="19"/>
      <c r="R2476" s="19"/>
      <c r="S2476" s="19"/>
      <c r="T2476" s="19">
        <v>150</v>
      </c>
      <c r="U2476" s="19"/>
      <c r="V2476" s="19"/>
      <c r="W2476" s="19"/>
      <c r="X2476" s="19">
        <v>3</v>
      </c>
      <c r="Y2476" s="19"/>
      <c r="Z2476" s="19"/>
      <c r="AA2476" s="19"/>
    </row>
    <row r="2477" spans="1:27" s="1" customFormat="1" ht="14.1" customHeight="1" outlineLevel="2" x14ac:dyDescent="0.2">
      <c r="A2477" s="17"/>
      <c r="B2477" s="17"/>
      <c r="C2477" s="17"/>
      <c r="D2477" s="18"/>
      <c r="E2477" s="18"/>
      <c r="F2477" s="18"/>
      <c r="G2477" s="18"/>
      <c r="H2477" s="18"/>
      <c r="I2477" s="18"/>
      <c r="J2477" s="18"/>
      <c r="K2477" s="18"/>
      <c r="L2477" s="18"/>
      <c r="M2477" s="18"/>
      <c r="N2477" s="18"/>
      <c r="O2477" s="18"/>
      <c r="P2477" s="19"/>
      <c r="Q2477" s="19"/>
      <c r="R2477" s="19"/>
      <c r="S2477" s="19"/>
      <c r="T2477" s="19"/>
      <c r="U2477" s="19"/>
      <c r="V2477" s="19"/>
      <c r="W2477" s="19"/>
      <c r="X2477" s="19"/>
      <c r="Y2477" s="19"/>
      <c r="Z2477" s="19"/>
      <c r="AA2477" s="19"/>
    </row>
    <row r="2478" spans="1:27" s="1" customFormat="1" ht="14.1" customHeight="1" outlineLevel="2" x14ac:dyDescent="0.2">
      <c r="A2478" s="17">
        <v>13329</v>
      </c>
      <c r="B2478" s="17"/>
      <c r="C2478" s="17"/>
      <c r="D2478" s="18" t="s">
        <v>1247</v>
      </c>
      <c r="E2478" s="18"/>
      <c r="F2478" s="18"/>
      <c r="G2478" s="18"/>
      <c r="H2478" s="18"/>
      <c r="I2478" s="18"/>
      <c r="J2478" s="18"/>
      <c r="K2478" s="18"/>
      <c r="L2478" s="18"/>
      <c r="M2478" s="18"/>
      <c r="N2478" s="18"/>
      <c r="O2478" s="18"/>
      <c r="P2478" s="19">
        <v>150</v>
      </c>
      <c r="Q2478" s="19"/>
      <c r="R2478" s="19"/>
      <c r="S2478" s="19"/>
      <c r="T2478" s="19">
        <v>100</v>
      </c>
      <c r="U2478" s="19"/>
      <c r="V2478" s="19"/>
      <c r="W2478" s="19"/>
      <c r="X2478" s="19">
        <v>3</v>
      </c>
      <c r="Y2478" s="19"/>
      <c r="Z2478" s="19"/>
      <c r="AA2478" s="19"/>
    </row>
    <row r="2479" spans="1:27" s="1" customFormat="1" ht="14.1" customHeight="1" outlineLevel="2" x14ac:dyDescent="0.2">
      <c r="A2479" s="17"/>
      <c r="B2479" s="17"/>
      <c r="C2479" s="17"/>
      <c r="D2479" s="18"/>
      <c r="E2479" s="18"/>
      <c r="F2479" s="18"/>
      <c r="G2479" s="18"/>
      <c r="H2479" s="18"/>
      <c r="I2479" s="18"/>
      <c r="J2479" s="18"/>
      <c r="K2479" s="18"/>
      <c r="L2479" s="18"/>
      <c r="M2479" s="18"/>
      <c r="N2479" s="18"/>
      <c r="O2479" s="18"/>
      <c r="P2479" s="19"/>
      <c r="Q2479" s="19"/>
      <c r="R2479" s="19"/>
      <c r="S2479" s="19"/>
      <c r="T2479" s="19"/>
      <c r="U2479" s="19"/>
      <c r="V2479" s="19"/>
      <c r="W2479" s="19"/>
      <c r="X2479" s="19"/>
      <c r="Y2479" s="19"/>
      <c r="Z2479" s="19"/>
      <c r="AA2479" s="19"/>
    </row>
    <row r="2480" spans="1:27" s="1" customFormat="1" ht="14.1" customHeight="1" outlineLevel="2" x14ac:dyDescent="0.2">
      <c r="A2480" s="17">
        <v>18069</v>
      </c>
      <c r="B2480" s="17"/>
      <c r="C2480" s="17"/>
      <c r="D2480" s="18" t="s">
        <v>1248</v>
      </c>
      <c r="E2480" s="18"/>
      <c r="F2480" s="18"/>
      <c r="G2480" s="18"/>
      <c r="H2480" s="18"/>
      <c r="I2480" s="18"/>
      <c r="J2480" s="18"/>
      <c r="K2480" s="18"/>
      <c r="L2480" s="18"/>
      <c r="M2480" s="18"/>
      <c r="N2480" s="18"/>
      <c r="O2480" s="18"/>
      <c r="P2480" s="19">
        <v>150</v>
      </c>
      <c r="Q2480" s="19"/>
      <c r="R2480" s="19"/>
      <c r="S2480" s="19"/>
      <c r="T2480" s="19">
        <v>100</v>
      </c>
      <c r="U2480" s="19"/>
      <c r="V2480" s="19"/>
      <c r="W2480" s="19"/>
      <c r="X2480" s="19">
        <v>1</v>
      </c>
      <c r="Y2480" s="19"/>
      <c r="Z2480" s="19"/>
      <c r="AA2480" s="19"/>
    </row>
    <row r="2481" spans="1:27" s="1" customFormat="1" ht="14.1" customHeight="1" outlineLevel="2" x14ac:dyDescent="0.2">
      <c r="A2481" s="17"/>
      <c r="B2481" s="17"/>
      <c r="C2481" s="17"/>
      <c r="D2481" s="18"/>
      <c r="E2481" s="18"/>
      <c r="F2481" s="18"/>
      <c r="G2481" s="18"/>
      <c r="H2481" s="18"/>
      <c r="I2481" s="18"/>
      <c r="J2481" s="18"/>
      <c r="K2481" s="18"/>
      <c r="L2481" s="18"/>
      <c r="M2481" s="18"/>
      <c r="N2481" s="18"/>
      <c r="O2481" s="18"/>
      <c r="P2481" s="19"/>
      <c r="Q2481" s="19"/>
      <c r="R2481" s="19"/>
      <c r="S2481" s="19"/>
      <c r="T2481" s="19"/>
      <c r="U2481" s="19"/>
      <c r="V2481" s="19"/>
      <c r="W2481" s="19"/>
      <c r="X2481" s="19"/>
      <c r="Y2481" s="19"/>
      <c r="Z2481" s="19"/>
      <c r="AA2481" s="19"/>
    </row>
    <row r="2482" spans="1:27" s="1" customFormat="1" ht="11.1" customHeight="1" outlineLevel="2" x14ac:dyDescent="0.2">
      <c r="A2482" s="17">
        <v>10304</v>
      </c>
      <c r="B2482" s="17"/>
      <c r="C2482" s="17"/>
      <c r="D2482" s="18" t="s">
        <v>1249</v>
      </c>
      <c r="E2482" s="18"/>
      <c r="F2482" s="18"/>
      <c r="G2482" s="18"/>
      <c r="H2482" s="18"/>
      <c r="I2482" s="18"/>
      <c r="J2482" s="18"/>
      <c r="K2482" s="18"/>
      <c r="L2482" s="18"/>
      <c r="M2482" s="18"/>
      <c r="N2482" s="18"/>
      <c r="O2482" s="18"/>
      <c r="P2482" s="19">
        <v>190</v>
      </c>
      <c r="Q2482" s="19"/>
      <c r="R2482" s="19"/>
      <c r="S2482" s="19"/>
      <c r="T2482" s="19">
        <v>150</v>
      </c>
      <c r="U2482" s="19"/>
      <c r="V2482" s="19"/>
      <c r="W2482" s="19"/>
      <c r="X2482" s="19">
        <v>1</v>
      </c>
      <c r="Y2482" s="19"/>
      <c r="Z2482" s="19"/>
      <c r="AA2482" s="19"/>
    </row>
    <row r="2483" spans="1:27" s="1" customFormat="1" ht="11.1" customHeight="1" outlineLevel="2" x14ac:dyDescent="0.2">
      <c r="A2483" s="17"/>
      <c r="B2483" s="17"/>
      <c r="C2483" s="17"/>
      <c r="D2483" s="18"/>
      <c r="E2483" s="18"/>
      <c r="F2483" s="18"/>
      <c r="G2483" s="18"/>
      <c r="H2483" s="18"/>
      <c r="I2483" s="18"/>
      <c r="J2483" s="18"/>
      <c r="K2483" s="18"/>
      <c r="L2483" s="18"/>
      <c r="M2483" s="18"/>
      <c r="N2483" s="18"/>
      <c r="O2483" s="18"/>
      <c r="P2483" s="19"/>
      <c r="Q2483" s="19"/>
      <c r="R2483" s="19"/>
      <c r="S2483" s="19"/>
      <c r="T2483" s="19"/>
      <c r="U2483" s="19"/>
      <c r="V2483" s="19"/>
      <c r="W2483" s="19"/>
      <c r="X2483" s="19"/>
      <c r="Y2483" s="19"/>
      <c r="Z2483" s="19"/>
      <c r="AA2483" s="19"/>
    </row>
    <row r="2484" spans="1:27" s="1" customFormat="1" ht="14.1" customHeight="1" outlineLevel="2" x14ac:dyDescent="0.2">
      <c r="A2484" s="17">
        <v>15782</v>
      </c>
      <c r="B2484" s="17"/>
      <c r="C2484" s="17"/>
      <c r="D2484" s="18" t="s">
        <v>1250</v>
      </c>
      <c r="E2484" s="18"/>
      <c r="F2484" s="18"/>
      <c r="G2484" s="18"/>
      <c r="H2484" s="18"/>
      <c r="I2484" s="18"/>
      <c r="J2484" s="18"/>
      <c r="K2484" s="18"/>
      <c r="L2484" s="18"/>
      <c r="M2484" s="18"/>
      <c r="N2484" s="18"/>
      <c r="O2484" s="18"/>
      <c r="P2484" s="19">
        <v>200</v>
      </c>
      <c r="Q2484" s="19"/>
      <c r="R2484" s="19"/>
      <c r="S2484" s="19"/>
      <c r="T2484" s="19">
        <v>150</v>
      </c>
      <c r="U2484" s="19"/>
      <c r="V2484" s="19"/>
      <c r="W2484" s="19"/>
      <c r="X2484" s="19">
        <v>2</v>
      </c>
      <c r="Y2484" s="19"/>
      <c r="Z2484" s="19"/>
      <c r="AA2484" s="19"/>
    </row>
    <row r="2485" spans="1:27" s="1" customFormat="1" ht="14.1" customHeight="1" outlineLevel="2" x14ac:dyDescent="0.2">
      <c r="A2485" s="17"/>
      <c r="B2485" s="17"/>
      <c r="C2485" s="17"/>
      <c r="D2485" s="18"/>
      <c r="E2485" s="18"/>
      <c r="F2485" s="18"/>
      <c r="G2485" s="18"/>
      <c r="H2485" s="18"/>
      <c r="I2485" s="18"/>
      <c r="J2485" s="18"/>
      <c r="K2485" s="18"/>
      <c r="L2485" s="18"/>
      <c r="M2485" s="18"/>
      <c r="N2485" s="18"/>
      <c r="O2485" s="18"/>
      <c r="P2485" s="19"/>
      <c r="Q2485" s="19"/>
      <c r="R2485" s="19"/>
      <c r="S2485" s="19"/>
      <c r="T2485" s="19"/>
      <c r="U2485" s="19"/>
      <c r="V2485" s="19"/>
      <c r="W2485" s="19"/>
      <c r="X2485" s="19"/>
      <c r="Y2485" s="19"/>
      <c r="Z2485" s="19"/>
      <c r="AA2485" s="19"/>
    </row>
    <row r="2486" spans="1:27" s="1" customFormat="1" ht="14.1" customHeight="1" outlineLevel="2" x14ac:dyDescent="0.2">
      <c r="A2486" s="17">
        <v>17384</v>
      </c>
      <c r="B2486" s="17"/>
      <c r="C2486" s="17"/>
      <c r="D2486" s="18" t="s">
        <v>1251</v>
      </c>
      <c r="E2486" s="18"/>
      <c r="F2486" s="18"/>
      <c r="G2486" s="18"/>
      <c r="H2486" s="18"/>
      <c r="I2486" s="18"/>
      <c r="J2486" s="18"/>
      <c r="K2486" s="18"/>
      <c r="L2486" s="18"/>
      <c r="M2486" s="18"/>
      <c r="N2486" s="18"/>
      <c r="O2486" s="18"/>
      <c r="P2486" s="19">
        <v>250</v>
      </c>
      <c r="Q2486" s="19"/>
      <c r="R2486" s="19"/>
      <c r="S2486" s="19"/>
      <c r="T2486" s="19">
        <v>150</v>
      </c>
      <c r="U2486" s="19"/>
      <c r="V2486" s="19"/>
      <c r="W2486" s="19"/>
      <c r="X2486" s="19">
        <v>1</v>
      </c>
      <c r="Y2486" s="19"/>
      <c r="Z2486" s="19"/>
      <c r="AA2486" s="19"/>
    </row>
    <row r="2487" spans="1:27" s="1" customFormat="1" ht="14.1" customHeight="1" outlineLevel="2" x14ac:dyDescent="0.2">
      <c r="A2487" s="17"/>
      <c r="B2487" s="17"/>
      <c r="C2487" s="17"/>
      <c r="D2487" s="18"/>
      <c r="E2487" s="18"/>
      <c r="F2487" s="18"/>
      <c r="G2487" s="18"/>
      <c r="H2487" s="18"/>
      <c r="I2487" s="18"/>
      <c r="J2487" s="18"/>
      <c r="K2487" s="18"/>
      <c r="L2487" s="18"/>
      <c r="M2487" s="18"/>
      <c r="N2487" s="18"/>
      <c r="O2487" s="18"/>
      <c r="P2487" s="19"/>
      <c r="Q2487" s="19"/>
      <c r="R2487" s="19"/>
      <c r="S2487" s="19"/>
      <c r="T2487" s="19"/>
      <c r="U2487" s="19"/>
      <c r="V2487" s="19"/>
      <c r="W2487" s="19"/>
      <c r="X2487" s="19"/>
      <c r="Y2487" s="19"/>
      <c r="Z2487" s="19"/>
      <c r="AA2487" s="19"/>
    </row>
    <row r="2488" spans="1:27" s="1" customFormat="1" ht="14.1" customHeight="1" outlineLevel="2" x14ac:dyDescent="0.2">
      <c r="A2488" s="17">
        <v>17590</v>
      </c>
      <c r="B2488" s="17"/>
      <c r="C2488" s="17"/>
      <c r="D2488" s="18" t="s">
        <v>1252</v>
      </c>
      <c r="E2488" s="18"/>
      <c r="F2488" s="18"/>
      <c r="G2488" s="18"/>
      <c r="H2488" s="18"/>
      <c r="I2488" s="18"/>
      <c r="J2488" s="18"/>
      <c r="K2488" s="18"/>
      <c r="L2488" s="18"/>
      <c r="M2488" s="18"/>
      <c r="N2488" s="18"/>
      <c r="O2488" s="18"/>
      <c r="P2488" s="19">
        <v>250</v>
      </c>
      <c r="Q2488" s="19"/>
      <c r="R2488" s="19"/>
      <c r="S2488" s="19"/>
      <c r="T2488" s="19">
        <v>150</v>
      </c>
      <c r="U2488" s="19"/>
      <c r="V2488" s="19"/>
      <c r="W2488" s="19"/>
      <c r="X2488" s="19">
        <v>1</v>
      </c>
      <c r="Y2488" s="19"/>
      <c r="Z2488" s="19"/>
      <c r="AA2488" s="19"/>
    </row>
    <row r="2489" spans="1:27" s="1" customFormat="1" ht="14.1" customHeight="1" outlineLevel="2" x14ac:dyDescent="0.2">
      <c r="A2489" s="17"/>
      <c r="B2489" s="17"/>
      <c r="C2489" s="17"/>
      <c r="D2489" s="18"/>
      <c r="E2489" s="18"/>
      <c r="F2489" s="18"/>
      <c r="G2489" s="18"/>
      <c r="H2489" s="18"/>
      <c r="I2489" s="18"/>
      <c r="J2489" s="18"/>
      <c r="K2489" s="18"/>
      <c r="L2489" s="18"/>
      <c r="M2489" s="18"/>
      <c r="N2489" s="18"/>
      <c r="O2489" s="18"/>
      <c r="P2489" s="19"/>
      <c r="Q2489" s="19"/>
      <c r="R2489" s="19"/>
      <c r="S2489" s="19"/>
      <c r="T2489" s="19"/>
      <c r="U2489" s="19"/>
      <c r="V2489" s="19"/>
      <c r="W2489" s="19"/>
      <c r="X2489" s="19"/>
      <c r="Y2489" s="19"/>
      <c r="Z2489" s="19"/>
      <c r="AA2489" s="19"/>
    </row>
    <row r="2490" spans="1:27" s="1" customFormat="1" ht="11.1" customHeight="1" outlineLevel="2" x14ac:dyDescent="0.2">
      <c r="A2490" s="17">
        <v>9203</v>
      </c>
      <c r="B2490" s="17"/>
      <c r="C2490" s="17"/>
      <c r="D2490" s="18" t="s">
        <v>1253</v>
      </c>
      <c r="E2490" s="18"/>
      <c r="F2490" s="18"/>
      <c r="G2490" s="18"/>
      <c r="H2490" s="18"/>
      <c r="I2490" s="18"/>
      <c r="J2490" s="18"/>
      <c r="K2490" s="18"/>
      <c r="L2490" s="18"/>
      <c r="M2490" s="18"/>
      <c r="N2490" s="18"/>
      <c r="O2490" s="18"/>
      <c r="P2490" s="19">
        <v>220</v>
      </c>
      <c r="Q2490" s="19"/>
      <c r="R2490" s="19"/>
      <c r="S2490" s="19"/>
      <c r="T2490" s="19">
        <v>175</v>
      </c>
      <c r="U2490" s="19"/>
      <c r="V2490" s="19"/>
      <c r="W2490" s="19"/>
      <c r="X2490" s="19">
        <v>1</v>
      </c>
      <c r="Y2490" s="19"/>
      <c r="Z2490" s="19"/>
      <c r="AA2490" s="19"/>
    </row>
    <row r="2491" spans="1:27" s="1" customFormat="1" ht="11.1" customHeight="1" outlineLevel="2" x14ac:dyDescent="0.2">
      <c r="A2491" s="17"/>
      <c r="B2491" s="17"/>
      <c r="C2491" s="17"/>
      <c r="D2491" s="18"/>
      <c r="E2491" s="18"/>
      <c r="F2491" s="18"/>
      <c r="G2491" s="18"/>
      <c r="H2491" s="18"/>
      <c r="I2491" s="18"/>
      <c r="J2491" s="18"/>
      <c r="K2491" s="18"/>
      <c r="L2491" s="18"/>
      <c r="M2491" s="18"/>
      <c r="N2491" s="18"/>
      <c r="O2491" s="18"/>
      <c r="P2491" s="19"/>
      <c r="Q2491" s="19"/>
      <c r="R2491" s="19"/>
      <c r="S2491" s="19"/>
      <c r="T2491" s="19"/>
      <c r="U2491" s="19"/>
      <c r="V2491" s="19"/>
      <c r="W2491" s="19"/>
      <c r="X2491" s="19"/>
      <c r="Y2491" s="19"/>
      <c r="Z2491" s="19"/>
      <c r="AA2491" s="19"/>
    </row>
    <row r="2492" spans="1:27" s="1" customFormat="1" ht="14.1" customHeight="1" outlineLevel="2" x14ac:dyDescent="0.2">
      <c r="A2492" s="17">
        <v>17457</v>
      </c>
      <c r="B2492" s="17"/>
      <c r="C2492" s="17"/>
      <c r="D2492" s="18" t="s">
        <v>1254</v>
      </c>
      <c r="E2492" s="18"/>
      <c r="F2492" s="18"/>
      <c r="G2492" s="18"/>
      <c r="H2492" s="18"/>
      <c r="I2492" s="18"/>
      <c r="J2492" s="18"/>
      <c r="K2492" s="18"/>
      <c r="L2492" s="18"/>
      <c r="M2492" s="18"/>
      <c r="N2492" s="18"/>
      <c r="O2492" s="18"/>
      <c r="P2492" s="19">
        <v>300</v>
      </c>
      <c r="Q2492" s="19"/>
      <c r="R2492" s="19"/>
      <c r="S2492" s="19"/>
      <c r="T2492" s="19">
        <v>200</v>
      </c>
      <c r="U2492" s="19"/>
      <c r="V2492" s="19"/>
      <c r="W2492" s="19"/>
      <c r="X2492" s="19">
        <v>2</v>
      </c>
      <c r="Y2492" s="19"/>
      <c r="Z2492" s="19"/>
      <c r="AA2492" s="19"/>
    </row>
    <row r="2493" spans="1:27" s="1" customFormat="1" ht="14.1" customHeight="1" outlineLevel="2" x14ac:dyDescent="0.2">
      <c r="A2493" s="17"/>
      <c r="B2493" s="17"/>
      <c r="C2493" s="17"/>
      <c r="D2493" s="18"/>
      <c r="E2493" s="18"/>
      <c r="F2493" s="18"/>
      <c r="G2493" s="18"/>
      <c r="H2493" s="18"/>
      <c r="I2493" s="18"/>
      <c r="J2493" s="18"/>
      <c r="K2493" s="18"/>
      <c r="L2493" s="18"/>
      <c r="M2493" s="18"/>
      <c r="N2493" s="18"/>
      <c r="O2493" s="18"/>
      <c r="P2493" s="19"/>
      <c r="Q2493" s="19"/>
      <c r="R2493" s="19"/>
      <c r="S2493" s="19"/>
      <c r="T2493" s="19"/>
      <c r="U2493" s="19"/>
      <c r="V2493" s="19"/>
      <c r="W2493" s="19"/>
      <c r="X2493" s="19"/>
      <c r="Y2493" s="19"/>
      <c r="Z2493" s="19"/>
      <c r="AA2493" s="19"/>
    </row>
    <row r="2494" spans="1:27" s="1" customFormat="1" ht="14.1" customHeight="1" outlineLevel="2" x14ac:dyDescent="0.2">
      <c r="A2494" s="17">
        <v>14659</v>
      </c>
      <c r="B2494" s="17"/>
      <c r="C2494" s="17"/>
      <c r="D2494" s="18" t="s">
        <v>1255</v>
      </c>
      <c r="E2494" s="18"/>
      <c r="F2494" s="18"/>
      <c r="G2494" s="18"/>
      <c r="H2494" s="18"/>
      <c r="I2494" s="18"/>
      <c r="J2494" s="18"/>
      <c r="K2494" s="18"/>
      <c r="L2494" s="18"/>
      <c r="M2494" s="18"/>
      <c r="N2494" s="18"/>
      <c r="O2494" s="18"/>
      <c r="P2494" s="19">
        <v>340</v>
      </c>
      <c r="Q2494" s="19"/>
      <c r="R2494" s="19"/>
      <c r="S2494" s="19"/>
      <c r="T2494" s="19">
        <v>280</v>
      </c>
      <c r="U2494" s="19"/>
      <c r="V2494" s="19"/>
      <c r="W2494" s="19"/>
      <c r="X2494" s="19">
        <v>1</v>
      </c>
      <c r="Y2494" s="19"/>
      <c r="Z2494" s="19"/>
      <c r="AA2494" s="19"/>
    </row>
    <row r="2495" spans="1:27" s="1" customFormat="1" ht="14.1" customHeight="1" outlineLevel="2" x14ac:dyDescent="0.2">
      <c r="A2495" s="17"/>
      <c r="B2495" s="17"/>
      <c r="C2495" s="17"/>
      <c r="D2495" s="18"/>
      <c r="E2495" s="18"/>
      <c r="F2495" s="18"/>
      <c r="G2495" s="18"/>
      <c r="H2495" s="18"/>
      <c r="I2495" s="18"/>
      <c r="J2495" s="18"/>
      <c r="K2495" s="18"/>
      <c r="L2495" s="18"/>
      <c r="M2495" s="18"/>
      <c r="N2495" s="18"/>
      <c r="O2495" s="18"/>
      <c r="P2495" s="19"/>
      <c r="Q2495" s="19"/>
      <c r="R2495" s="19"/>
      <c r="S2495" s="19"/>
      <c r="T2495" s="19"/>
      <c r="U2495" s="19"/>
      <c r="V2495" s="19"/>
      <c r="W2495" s="19"/>
      <c r="X2495" s="19"/>
      <c r="Y2495" s="19"/>
      <c r="Z2495" s="19"/>
      <c r="AA2495" s="19"/>
    </row>
    <row r="2496" spans="1:27" s="1" customFormat="1" ht="14.1" customHeight="1" outlineLevel="2" x14ac:dyDescent="0.2">
      <c r="A2496" s="17">
        <v>17569</v>
      </c>
      <c r="B2496" s="17"/>
      <c r="C2496" s="17"/>
      <c r="D2496" s="18" t="s">
        <v>1256</v>
      </c>
      <c r="E2496" s="18"/>
      <c r="F2496" s="18"/>
      <c r="G2496" s="18"/>
      <c r="H2496" s="18"/>
      <c r="I2496" s="18"/>
      <c r="J2496" s="18"/>
      <c r="K2496" s="18"/>
      <c r="L2496" s="18"/>
      <c r="M2496" s="18"/>
      <c r="N2496" s="18"/>
      <c r="O2496" s="18"/>
      <c r="P2496" s="19">
        <v>300</v>
      </c>
      <c r="Q2496" s="19"/>
      <c r="R2496" s="19"/>
      <c r="S2496" s="19"/>
      <c r="T2496" s="19">
        <v>200</v>
      </c>
      <c r="U2496" s="19"/>
      <c r="V2496" s="19"/>
      <c r="W2496" s="19"/>
      <c r="X2496" s="19">
        <v>1</v>
      </c>
      <c r="Y2496" s="19"/>
      <c r="Z2496" s="19"/>
      <c r="AA2496" s="19"/>
    </row>
    <row r="2497" spans="1:27" s="1" customFormat="1" ht="14.1" customHeight="1" outlineLevel="2" x14ac:dyDescent="0.2">
      <c r="A2497" s="17"/>
      <c r="B2497" s="17"/>
      <c r="C2497" s="17"/>
      <c r="D2497" s="18"/>
      <c r="E2497" s="18"/>
      <c r="F2497" s="18"/>
      <c r="G2497" s="18"/>
      <c r="H2497" s="18"/>
      <c r="I2497" s="18"/>
      <c r="J2497" s="18"/>
      <c r="K2497" s="18"/>
      <c r="L2497" s="18"/>
      <c r="M2497" s="18"/>
      <c r="N2497" s="18"/>
      <c r="O2497" s="18"/>
      <c r="P2497" s="19"/>
      <c r="Q2497" s="19"/>
      <c r="R2497" s="19"/>
      <c r="S2497" s="19"/>
      <c r="T2497" s="19"/>
      <c r="U2497" s="19"/>
      <c r="V2497" s="19"/>
      <c r="W2497" s="19"/>
      <c r="X2497" s="19"/>
      <c r="Y2497" s="19"/>
      <c r="Z2497" s="19"/>
      <c r="AA2497" s="19"/>
    </row>
    <row r="2498" spans="1:27" s="1" customFormat="1" ht="14.1" customHeight="1" outlineLevel="2" x14ac:dyDescent="0.2">
      <c r="A2498" s="17">
        <v>15340</v>
      </c>
      <c r="B2498" s="17"/>
      <c r="C2498" s="17"/>
      <c r="D2498" s="18" t="s">
        <v>1257</v>
      </c>
      <c r="E2498" s="18"/>
      <c r="F2498" s="18"/>
      <c r="G2498" s="18"/>
      <c r="H2498" s="18"/>
      <c r="I2498" s="18"/>
      <c r="J2498" s="18"/>
      <c r="K2498" s="18"/>
      <c r="L2498" s="18"/>
      <c r="M2498" s="18"/>
      <c r="N2498" s="18"/>
      <c r="O2498" s="18"/>
      <c r="P2498" s="19">
        <v>360</v>
      </c>
      <c r="Q2498" s="19"/>
      <c r="R2498" s="19"/>
      <c r="S2498" s="19"/>
      <c r="T2498" s="19">
        <v>300</v>
      </c>
      <c r="U2498" s="19"/>
      <c r="V2498" s="19"/>
      <c r="W2498" s="19"/>
      <c r="X2498" s="19">
        <v>1</v>
      </c>
      <c r="Y2498" s="19"/>
      <c r="Z2498" s="19"/>
      <c r="AA2498" s="19"/>
    </row>
    <row r="2499" spans="1:27" s="1" customFormat="1" ht="14.1" customHeight="1" outlineLevel="2" x14ac:dyDescent="0.2">
      <c r="A2499" s="17"/>
      <c r="B2499" s="17"/>
      <c r="C2499" s="17"/>
      <c r="D2499" s="18"/>
      <c r="E2499" s="18"/>
      <c r="F2499" s="18"/>
      <c r="G2499" s="18"/>
      <c r="H2499" s="18"/>
      <c r="I2499" s="18"/>
      <c r="J2499" s="18"/>
      <c r="K2499" s="18"/>
      <c r="L2499" s="18"/>
      <c r="M2499" s="18"/>
      <c r="N2499" s="18"/>
      <c r="O2499" s="18"/>
      <c r="P2499" s="19"/>
      <c r="Q2499" s="19"/>
      <c r="R2499" s="19"/>
      <c r="S2499" s="19"/>
      <c r="T2499" s="19"/>
      <c r="U2499" s="19"/>
      <c r="V2499" s="19"/>
      <c r="W2499" s="19"/>
      <c r="X2499" s="19"/>
      <c r="Y2499" s="19"/>
      <c r="Z2499" s="19"/>
      <c r="AA2499" s="19"/>
    </row>
    <row r="2500" spans="1:27" s="1" customFormat="1" ht="14.1" customHeight="1" outlineLevel="2" x14ac:dyDescent="0.2">
      <c r="A2500" s="17">
        <v>6678</v>
      </c>
      <c r="B2500" s="17"/>
      <c r="C2500" s="17"/>
      <c r="D2500" s="18" t="s">
        <v>1258</v>
      </c>
      <c r="E2500" s="18"/>
      <c r="F2500" s="18"/>
      <c r="G2500" s="18"/>
      <c r="H2500" s="18"/>
      <c r="I2500" s="18"/>
      <c r="J2500" s="18"/>
      <c r="K2500" s="18"/>
      <c r="L2500" s="18"/>
      <c r="M2500" s="18"/>
      <c r="N2500" s="18"/>
      <c r="O2500" s="18"/>
      <c r="P2500" s="19">
        <v>250</v>
      </c>
      <c r="Q2500" s="19"/>
      <c r="R2500" s="19"/>
      <c r="S2500" s="19"/>
      <c r="T2500" s="19">
        <v>150</v>
      </c>
      <c r="U2500" s="19"/>
      <c r="V2500" s="19"/>
      <c r="W2500" s="19"/>
      <c r="X2500" s="19">
        <v>5</v>
      </c>
      <c r="Y2500" s="19"/>
      <c r="Z2500" s="19"/>
      <c r="AA2500" s="19"/>
    </row>
    <row r="2501" spans="1:27" s="1" customFormat="1" ht="14.1" customHeight="1" outlineLevel="2" x14ac:dyDescent="0.2">
      <c r="A2501" s="17"/>
      <c r="B2501" s="17"/>
      <c r="C2501" s="17"/>
      <c r="D2501" s="18"/>
      <c r="E2501" s="18"/>
      <c r="F2501" s="18"/>
      <c r="G2501" s="18"/>
      <c r="H2501" s="18"/>
      <c r="I2501" s="18"/>
      <c r="J2501" s="18"/>
      <c r="K2501" s="18"/>
      <c r="L2501" s="18"/>
      <c r="M2501" s="18"/>
      <c r="N2501" s="18"/>
      <c r="O2501" s="18"/>
      <c r="P2501" s="19"/>
      <c r="Q2501" s="19"/>
      <c r="R2501" s="19"/>
      <c r="S2501" s="19"/>
      <c r="T2501" s="19"/>
      <c r="U2501" s="19"/>
      <c r="V2501" s="19"/>
      <c r="W2501" s="19"/>
      <c r="X2501" s="19"/>
      <c r="Y2501" s="19"/>
      <c r="Z2501" s="19"/>
      <c r="AA2501" s="19"/>
    </row>
    <row r="2502" spans="1:27" s="1" customFormat="1" ht="14.1" customHeight="1" outlineLevel="2" x14ac:dyDescent="0.2">
      <c r="A2502" s="17">
        <v>9291</v>
      </c>
      <c r="B2502" s="17"/>
      <c r="C2502" s="17"/>
      <c r="D2502" s="18" t="s">
        <v>1259</v>
      </c>
      <c r="E2502" s="18"/>
      <c r="F2502" s="18"/>
      <c r="G2502" s="18"/>
      <c r="H2502" s="18"/>
      <c r="I2502" s="18"/>
      <c r="J2502" s="18"/>
      <c r="K2502" s="18"/>
      <c r="L2502" s="18"/>
      <c r="M2502" s="18"/>
      <c r="N2502" s="18"/>
      <c r="O2502" s="18"/>
      <c r="P2502" s="19">
        <v>300</v>
      </c>
      <c r="Q2502" s="19"/>
      <c r="R2502" s="19"/>
      <c r="S2502" s="19"/>
      <c r="T2502" s="19">
        <v>200</v>
      </c>
      <c r="U2502" s="19"/>
      <c r="V2502" s="19"/>
      <c r="W2502" s="19"/>
      <c r="X2502" s="19">
        <v>2</v>
      </c>
      <c r="Y2502" s="19"/>
      <c r="Z2502" s="19"/>
      <c r="AA2502" s="19"/>
    </row>
    <row r="2503" spans="1:27" s="1" customFormat="1" ht="14.1" customHeight="1" outlineLevel="2" x14ac:dyDescent="0.2">
      <c r="A2503" s="17"/>
      <c r="B2503" s="17"/>
      <c r="C2503" s="17"/>
      <c r="D2503" s="18"/>
      <c r="E2503" s="18"/>
      <c r="F2503" s="18"/>
      <c r="G2503" s="18"/>
      <c r="H2503" s="18"/>
      <c r="I2503" s="18"/>
      <c r="J2503" s="18"/>
      <c r="K2503" s="18"/>
      <c r="L2503" s="18"/>
      <c r="M2503" s="18"/>
      <c r="N2503" s="18"/>
      <c r="O2503" s="18"/>
      <c r="P2503" s="19"/>
      <c r="Q2503" s="19"/>
      <c r="R2503" s="19"/>
      <c r="S2503" s="19"/>
      <c r="T2503" s="19"/>
      <c r="U2503" s="19"/>
      <c r="V2503" s="19"/>
      <c r="W2503" s="19"/>
      <c r="X2503" s="19"/>
      <c r="Y2503" s="19"/>
      <c r="Z2503" s="19"/>
      <c r="AA2503" s="19"/>
    </row>
    <row r="2504" spans="1:27" s="1" customFormat="1" ht="14.1" customHeight="1" outlineLevel="2" x14ac:dyDescent="0.2">
      <c r="A2504" s="17">
        <v>9287</v>
      </c>
      <c r="B2504" s="17"/>
      <c r="C2504" s="17"/>
      <c r="D2504" s="18" t="s">
        <v>1260</v>
      </c>
      <c r="E2504" s="18"/>
      <c r="F2504" s="18"/>
      <c r="G2504" s="18"/>
      <c r="H2504" s="18"/>
      <c r="I2504" s="18"/>
      <c r="J2504" s="18"/>
      <c r="K2504" s="18"/>
      <c r="L2504" s="18"/>
      <c r="M2504" s="18"/>
      <c r="N2504" s="18"/>
      <c r="O2504" s="18"/>
      <c r="P2504" s="19">
        <v>300</v>
      </c>
      <c r="Q2504" s="19"/>
      <c r="R2504" s="19"/>
      <c r="S2504" s="19"/>
      <c r="T2504" s="19">
        <v>200</v>
      </c>
      <c r="U2504" s="19"/>
      <c r="V2504" s="19"/>
      <c r="W2504" s="19"/>
      <c r="X2504" s="19">
        <v>6</v>
      </c>
      <c r="Y2504" s="19"/>
      <c r="Z2504" s="19"/>
      <c r="AA2504" s="19"/>
    </row>
    <row r="2505" spans="1:27" s="1" customFormat="1" ht="14.1" customHeight="1" outlineLevel="2" x14ac:dyDescent="0.2">
      <c r="A2505" s="17"/>
      <c r="B2505" s="17"/>
      <c r="C2505" s="17"/>
      <c r="D2505" s="18"/>
      <c r="E2505" s="18"/>
      <c r="F2505" s="18"/>
      <c r="G2505" s="18"/>
      <c r="H2505" s="18"/>
      <c r="I2505" s="18"/>
      <c r="J2505" s="18"/>
      <c r="K2505" s="18"/>
      <c r="L2505" s="18"/>
      <c r="M2505" s="18"/>
      <c r="N2505" s="18"/>
      <c r="O2505" s="18"/>
      <c r="P2505" s="19"/>
      <c r="Q2505" s="19"/>
      <c r="R2505" s="19"/>
      <c r="S2505" s="19"/>
      <c r="T2505" s="19"/>
      <c r="U2505" s="19"/>
      <c r="V2505" s="19"/>
      <c r="W2505" s="19"/>
      <c r="X2505" s="19"/>
      <c r="Y2505" s="19"/>
      <c r="Z2505" s="19"/>
      <c r="AA2505" s="19"/>
    </row>
    <row r="2506" spans="1:27" s="1" customFormat="1" ht="14.1" customHeight="1" outlineLevel="2" x14ac:dyDescent="0.2">
      <c r="A2506" s="17">
        <v>15552</v>
      </c>
      <c r="B2506" s="17"/>
      <c r="C2506" s="17"/>
      <c r="D2506" s="18" t="s">
        <v>1261</v>
      </c>
      <c r="E2506" s="18"/>
      <c r="F2506" s="18"/>
      <c r="G2506" s="18"/>
      <c r="H2506" s="18"/>
      <c r="I2506" s="18"/>
      <c r="J2506" s="18"/>
      <c r="K2506" s="18"/>
      <c r="L2506" s="18"/>
      <c r="M2506" s="18"/>
      <c r="N2506" s="18"/>
      <c r="O2506" s="18"/>
      <c r="P2506" s="19">
        <v>250</v>
      </c>
      <c r="Q2506" s="19"/>
      <c r="R2506" s="19"/>
      <c r="S2506" s="19"/>
      <c r="T2506" s="19">
        <v>200</v>
      </c>
      <c r="U2506" s="19"/>
      <c r="V2506" s="19"/>
      <c r="W2506" s="19"/>
      <c r="X2506" s="19">
        <v>3</v>
      </c>
      <c r="Y2506" s="19"/>
      <c r="Z2506" s="19"/>
      <c r="AA2506" s="19"/>
    </row>
    <row r="2507" spans="1:27" s="1" customFormat="1" ht="14.1" customHeight="1" outlineLevel="2" x14ac:dyDescent="0.2">
      <c r="A2507" s="17"/>
      <c r="B2507" s="17"/>
      <c r="C2507" s="17"/>
      <c r="D2507" s="18"/>
      <c r="E2507" s="18"/>
      <c r="F2507" s="18"/>
      <c r="G2507" s="18"/>
      <c r="H2507" s="18"/>
      <c r="I2507" s="18"/>
      <c r="J2507" s="18"/>
      <c r="K2507" s="18"/>
      <c r="L2507" s="18"/>
      <c r="M2507" s="18"/>
      <c r="N2507" s="18"/>
      <c r="O2507" s="18"/>
      <c r="P2507" s="19"/>
      <c r="Q2507" s="19"/>
      <c r="R2507" s="19"/>
      <c r="S2507" s="19"/>
      <c r="T2507" s="19"/>
      <c r="U2507" s="19"/>
      <c r="V2507" s="19"/>
      <c r="W2507" s="19"/>
      <c r="X2507" s="19"/>
      <c r="Y2507" s="19"/>
      <c r="Z2507" s="19"/>
      <c r="AA2507" s="19"/>
    </row>
    <row r="2508" spans="1:27" s="1" customFormat="1" ht="14.1" customHeight="1" outlineLevel="2" x14ac:dyDescent="0.2">
      <c r="A2508" s="17">
        <v>12909</v>
      </c>
      <c r="B2508" s="17"/>
      <c r="C2508" s="17"/>
      <c r="D2508" s="18" t="s">
        <v>1262</v>
      </c>
      <c r="E2508" s="18"/>
      <c r="F2508" s="18"/>
      <c r="G2508" s="18"/>
      <c r="H2508" s="18"/>
      <c r="I2508" s="18"/>
      <c r="J2508" s="18"/>
      <c r="K2508" s="18"/>
      <c r="L2508" s="18"/>
      <c r="M2508" s="18"/>
      <c r="N2508" s="18"/>
      <c r="O2508" s="18"/>
      <c r="P2508" s="19">
        <v>300</v>
      </c>
      <c r="Q2508" s="19"/>
      <c r="R2508" s="19"/>
      <c r="S2508" s="19"/>
      <c r="T2508" s="19">
        <v>200</v>
      </c>
      <c r="U2508" s="19"/>
      <c r="V2508" s="19"/>
      <c r="W2508" s="19"/>
      <c r="X2508" s="19">
        <v>1</v>
      </c>
      <c r="Y2508" s="19"/>
      <c r="Z2508" s="19"/>
      <c r="AA2508" s="19"/>
    </row>
    <row r="2509" spans="1:27" s="1" customFormat="1" ht="14.1" customHeight="1" outlineLevel="2" x14ac:dyDescent="0.2">
      <c r="A2509" s="17"/>
      <c r="B2509" s="17"/>
      <c r="C2509" s="17"/>
      <c r="D2509" s="18"/>
      <c r="E2509" s="18"/>
      <c r="F2509" s="18"/>
      <c r="G2509" s="18"/>
      <c r="H2509" s="18"/>
      <c r="I2509" s="18"/>
      <c r="J2509" s="18"/>
      <c r="K2509" s="18"/>
      <c r="L2509" s="18"/>
      <c r="M2509" s="18"/>
      <c r="N2509" s="18"/>
      <c r="O2509" s="18"/>
      <c r="P2509" s="19"/>
      <c r="Q2509" s="19"/>
      <c r="R2509" s="19"/>
      <c r="S2509" s="19"/>
      <c r="T2509" s="19"/>
      <c r="U2509" s="19"/>
      <c r="V2509" s="19"/>
      <c r="W2509" s="19"/>
      <c r="X2509" s="19"/>
      <c r="Y2509" s="19"/>
      <c r="Z2509" s="19"/>
      <c r="AA2509" s="19"/>
    </row>
    <row r="2510" spans="1:27" s="1" customFormat="1" ht="14.1" customHeight="1" outlineLevel="2" x14ac:dyDescent="0.2">
      <c r="A2510" s="17">
        <v>17077</v>
      </c>
      <c r="B2510" s="17"/>
      <c r="C2510" s="17"/>
      <c r="D2510" s="18" t="s">
        <v>1263</v>
      </c>
      <c r="E2510" s="18"/>
      <c r="F2510" s="18"/>
      <c r="G2510" s="18"/>
      <c r="H2510" s="18"/>
      <c r="I2510" s="18"/>
      <c r="J2510" s="18"/>
      <c r="K2510" s="18"/>
      <c r="L2510" s="18"/>
      <c r="M2510" s="18"/>
      <c r="N2510" s="18"/>
      <c r="O2510" s="18"/>
      <c r="P2510" s="19">
        <v>300</v>
      </c>
      <c r="Q2510" s="19"/>
      <c r="R2510" s="19"/>
      <c r="S2510" s="19"/>
      <c r="T2510" s="19">
        <v>200</v>
      </c>
      <c r="U2510" s="19"/>
      <c r="V2510" s="19"/>
      <c r="W2510" s="19"/>
      <c r="X2510" s="19">
        <v>2</v>
      </c>
      <c r="Y2510" s="19"/>
      <c r="Z2510" s="19"/>
      <c r="AA2510" s="19"/>
    </row>
    <row r="2511" spans="1:27" s="1" customFormat="1" ht="14.1" customHeight="1" outlineLevel="2" x14ac:dyDescent="0.2">
      <c r="A2511" s="17"/>
      <c r="B2511" s="17"/>
      <c r="C2511" s="17"/>
      <c r="D2511" s="18"/>
      <c r="E2511" s="18"/>
      <c r="F2511" s="18"/>
      <c r="G2511" s="18"/>
      <c r="H2511" s="18"/>
      <c r="I2511" s="18"/>
      <c r="J2511" s="18"/>
      <c r="K2511" s="18"/>
      <c r="L2511" s="18"/>
      <c r="M2511" s="18"/>
      <c r="N2511" s="18"/>
      <c r="O2511" s="18"/>
      <c r="P2511" s="19"/>
      <c r="Q2511" s="19"/>
      <c r="R2511" s="19"/>
      <c r="S2511" s="19"/>
      <c r="T2511" s="19"/>
      <c r="U2511" s="19"/>
      <c r="V2511" s="19"/>
      <c r="W2511" s="19"/>
      <c r="X2511" s="19"/>
      <c r="Y2511" s="19"/>
      <c r="Z2511" s="19"/>
      <c r="AA2511" s="19"/>
    </row>
    <row r="2512" spans="1:27" s="1" customFormat="1" ht="14.1" customHeight="1" outlineLevel="2" x14ac:dyDescent="0.2">
      <c r="A2512" s="17">
        <v>16858</v>
      </c>
      <c r="B2512" s="17"/>
      <c r="C2512" s="17"/>
      <c r="D2512" s="18" t="s">
        <v>1264</v>
      </c>
      <c r="E2512" s="18"/>
      <c r="F2512" s="18"/>
      <c r="G2512" s="18"/>
      <c r="H2512" s="18"/>
      <c r="I2512" s="18"/>
      <c r="J2512" s="18"/>
      <c r="K2512" s="18"/>
      <c r="L2512" s="18"/>
      <c r="M2512" s="18"/>
      <c r="N2512" s="18"/>
      <c r="O2512" s="18"/>
      <c r="P2512" s="19">
        <v>300</v>
      </c>
      <c r="Q2512" s="19"/>
      <c r="R2512" s="19"/>
      <c r="S2512" s="19"/>
      <c r="T2512" s="19">
        <v>200</v>
      </c>
      <c r="U2512" s="19"/>
      <c r="V2512" s="19"/>
      <c r="W2512" s="19"/>
      <c r="X2512" s="19">
        <v>1</v>
      </c>
      <c r="Y2512" s="19"/>
      <c r="Z2512" s="19"/>
      <c r="AA2512" s="19"/>
    </row>
    <row r="2513" spans="1:27" s="1" customFormat="1" ht="14.1" customHeight="1" outlineLevel="2" x14ac:dyDescent="0.2">
      <c r="A2513" s="17"/>
      <c r="B2513" s="17"/>
      <c r="C2513" s="17"/>
      <c r="D2513" s="18"/>
      <c r="E2513" s="18"/>
      <c r="F2513" s="18"/>
      <c r="G2513" s="18"/>
      <c r="H2513" s="18"/>
      <c r="I2513" s="18"/>
      <c r="J2513" s="18"/>
      <c r="K2513" s="18"/>
      <c r="L2513" s="18"/>
      <c r="M2513" s="18"/>
      <c r="N2513" s="18"/>
      <c r="O2513" s="18"/>
      <c r="P2513" s="19"/>
      <c r="Q2513" s="19"/>
      <c r="R2513" s="19"/>
      <c r="S2513" s="19"/>
      <c r="T2513" s="19"/>
      <c r="U2513" s="19"/>
      <c r="V2513" s="19"/>
      <c r="W2513" s="19"/>
      <c r="X2513" s="19"/>
      <c r="Y2513" s="19"/>
      <c r="Z2513" s="19"/>
      <c r="AA2513" s="19"/>
    </row>
    <row r="2514" spans="1:27" s="1" customFormat="1" ht="14.1" customHeight="1" outlineLevel="2" x14ac:dyDescent="0.2">
      <c r="A2514" s="17">
        <v>15825</v>
      </c>
      <c r="B2514" s="17"/>
      <c r="C2514" s="17"/>
      <c r="D2514" s="18" t="s">
        <v>1265</v>
      </c>
      <c r="E2514" s="18"/>
      <c r="F2514" s="18"/>
      <c r="G2514" s="18"/>
      <c r="H2514" s="18"/>
      <c r="I2514" s="18"/>
      <c r="J2514" s="18"/>
      <c r="K2514" s="18"/>
      <c r="L2514" s="18"/>
      <c r="M2514" s="18"/>
      <c r="N2514" s="18"/>
      <c r="O2514" s="18"/>
      <c r="P2514" s="19">
        <v>250</v>
      </c>
      <c r="Q2514" s="19"/>
      <c r="R2514" s="19"/>
      <c r="S2514" s="19"/>
      <c r="T2514" s="19">
        <v>200</v>
      </c>
      <c r="U2514" s="19"/>
      <c r="V2514" s="19"/>
      <c r="W2514" s="19"/>
      <c r="X2514" s="19">
        <v>2</v>
      </c>
      <c r="Y2514" s="19"/>
      <c r="Z2514" s="19"/>
      <c r="AA2514" s="19"/>
    </row>
    <row r="2515" spans="1:27" s="1" customFormat="1" ht="14.1" customHeight="1" outlineLevel="2" x14ac:dyDescent="0.2">
      <c r="A2515" s="17"/>
      <c r="B2515" s="17"/>
      <c r="C2515" s="17"/>
      <c r="D2515" s="18"/>
      <c r="E2515" s="18"/>
      <c r="F2515" s="18"/>
      <c r="G2515" s="18"/>
      <c r="H2515" s="18"/>
      <c r="I2515" s="18"/>
      <c r="J2515" s="18"/>
      <c r="K2515" s="18"/>
      <c r="L2515" s="18"/>
      <c r="M2515" s="18"/>
      <c r="N2515" s="18"/>
      <c r="O2515" s="18"/>
      <c r="P2515" s="19"/>
      <c r="Q2515" s="19"/>
      <c r="R2515" s="19"/>
      <c r="S2515" s="19"/>
      <c r="T2515" s="19"/>
      <c r="U2515" s="19"/>
      <c r="V2515" s="19"/>
      <c r="W2515" s="19"/>
      <c r="X2515" s="19"/>
      <c r="Y2515" s="19"/>
      <c r="Z2515" s="19"/>
      <c r="AA2515" s="19"/>
    </row>
    <row r="2516" spans="1:27" s="1" customFormat="1" ht="11.1" customHeight="1" outlineLevel="2" x14ac:dyDescent="0.2">
      <c r="A2516" s="17">
        <v>4656</v>
      </c>
      <c r="B2516" s="17"/>
      <c r="C2516" s="17"/>
      <c r="D2516" s="18" t="s">
        <v>1266</v>
      </c>
      <c r="E2516" s="18"/>
      <c r="F2516" s="18"/>
      <c r="G2516" s="18"/>
      <c r="H2516" s="18"/>
      <c r="I2516" s="18"/>
      <c r="J2516" s="18"/>
      <c r="K2516" s="18"/>
      <c r="L2516" s="18"/>
      <c r="M2516" s="18"/>
      <c r="N2516" s="18"/>
      <c r="O2516" s="18"/>
      <c r="P2516" s="19">
        <v>200</v>
      </c>
      <c r="Q2516" s="19"/>
      <c r="R2516" s="19"/>
      <c r="S2516" s="19"/>
      <c r="T2516" s="19">
        <v>160</v>
      </c>
      <c r="U2516" s="19"/>
      <c r="V2516" s="19"/>
      <c r="W2516" s="19"/>
      <c r="X2516" s="19">
        <v>1</v>
      </c>
      <c r="Y2516" s="19"/>
      <c r="Z2516" s="19"/>
      <c r="AA2516" s="19"/>
    </row>
    <row r="2517" spans="1:27" s="1" customFormat="1" ht="11.1" customHeight="1" outlineLevel="2" x14ac:dyDescent="0.2">
      <c r="A2517" s="17"/>
      <c r="B2517" s="17"/>
      <c r="C2517" s="17"/>
      <c r="D2517" s="18"/>
      <c r="E2517" s="18"/>
      <c r="F2517" s="18"/>
      <c r="G2517" s="18"/>
      <c r="H2517" s="18"/>
      <c r="I2517" s="18"/>
      <c r="J2517" s="18"/>
      <c r="K2517" s="18"/>
      <c r="L2517" s="18"/>
      <c r="M2517" s="18"/>
      <c r="N2517" s="18"/>
      <c r="O2517" s="18"/>
      <c r="P2517" s="19"/>
      <c r="Q2517" s="19"/>
      <c r="R2517" s="19"/>
      <c r="S2517" s="19"/>
      <c r="T2517" s="19"/>
      <c r="U2517" s="19"/>
      <c r="V2517" s="19"/>
      <c r="W2517" s="19"/>
      <c r="X2517" s="19"/>
      <c r="Y2517" s="19"/>
      <c r="Z2517" s="19"/>
      <c r="AA2517" s="19"/>
    </row>
    <row r="2518" spans="1:27" s="1" customFormat="1" ht="14.1" customHeight="1" outlineLevel="2" x14ac:dyDescent="0.2">
      <c r="A2518" s="17">
        <v>17410</v>
      </c>
      <c r="B2518" s="17"/>
      <c r="C2518" s="17"/>
      <c r="D2518" s="18" t="s">
        <v>1267</v>
      </c>
      <c r="E2518" s="18"/>
      <c r="F2518" s="18"/>
      <c r="G2518" s="18"/>
      <c r="H2518" s="18"/>
      <c r="I2518" s="18"/>
      <c r="J2518" s="18"/>
      <c r="K2518" s="18"/>
      <c r="L2518" s="18"/>
      <c r="M2518" s="18"/>
      <c r="N2518" s="18"/>
      <c r="O2518" s="18"/>
      <c r="P2518" s="19">
        <v>300</v>
      </c>
      <c r="Q2518" s="19"/>
      <c r="R2518" s="19"/>
      <c r="S2518" s="19"/>
      <c r="T2518" s="19">
        <v>200</v>
      </c>
      <c r="U2518" s="19"/>
      <c r="V2518" s="19"/>
      <c r="W2518" s="19"/>
      <c r="X2518" s="19">
        <v>2</v>
      </c>
      <c r="Y2518" s="19"/>
      <c r="Z2518" s="19"/>
      <c r="AA2518" s="19"/>
    </row>
    <row r="2519" spans="1:27" s="1" customFormat="1" ht="14.1" customHeight="1" outlineLevel="2" x14ac:dyDescent="0.2">
      <c r="A2519" s="17"/>
      <c r="B2519" s="17"/>
      <c r="C2519" s="17"/>
      <c r="D2519" s="18"/>
      <c r="E2519" s="18"/>
      <c r="F2519" s="18"/>
      <c r="G2519" s="18"/>
      <c r="H2519" s="18"/>
      <c r="I2519" s="18"/>
      <c r="J2519" s="18"/>
      <c r="K2519" s="18"/>
      <c r="L2519" s="18"/>
      <c r="M2519" s="18"/>
      <c r="N2519" s="18"/>
      <c r="O2519" s="18"/>
      <c r="P2519" s="19"/>
      <c r="Q2519" s="19"/>
      <c r="R2519" s="19"/>
      <c r="S2519" s="19"/>
      <c r="T2519" s="19"/>
      <c r="U2519" s="19"/>
      <c r="V2519" s="19"/>
      <c r="W2519" s="19"/>
      <c r="X2519" s="19"/>
      <c r="Y2519" s="19"/>
      <c r="Z2519" s="19"/>
      <c r="AA2519" s="19"/>
    </row>
    <row r="2520" spans="1:27" s="1" customFormat="1" ht="14.1" customHeight="1" outlineLevel="2" x14ac:dyDescent="0.2">
      <c r="A2520" s="17">
        <v>15100</v>
      </c>
      <c r="B2520" s="17"/>
      <c r="C2520" s="17"/>
      <c r="D2520" s="18" t="s">
        <v>1268</v>
      </c>
      <c r="E2520" s="18"/>
      <c r="F2520" s="18"/>
      <c r="G2520" s="18"/>
      <c r="H2520" s="18"/>
      <c r="I2520" s="18"/>
      <c r="J2520" s="18"/>
      <c r="K2520" s="18"/>
      <c r="L2520" s="18"/>
      <c r="M2520" s="18"/>
      <c r="N2520" s="18"/>
      <c r="O2520" s="18"/>
      <c r="P2520" s="19">
        <v>140</v>
      </c>
      <c r="Q2520" s="19"/>
      <c r="R2520" s="19"/>
      <c r="S2520" s="19"/>
      <c r="T2520" s="19">
        <v>100</v>
      </c>
      <c r="U2520" s="19"/>
      <c r="V2520" s="19"/>
      <c r="W2520" s="19"/>
      <c r="X2520" s="19">
        <v>1</v>
      </c>
      <c r="Y2520" s="19"/>
      <c r="Z2520" s="19"/>
      <c r="AA2520" s="19"/>
    </row>
    <row r="2521" spans="1:27" s="1" customFormat="1" ht="14.1" customHeight="1" outlineLevel="2" x14ac:dyDescent="0.2">
      <c r="A2521" s="17"/>
      <c r="B2521" s="17"/>
      <c r="C2521" s="17"/>
      <c r="D2521" s="18"/>
      <c r="E2521" s="18"/>
      <c r="F2521" s="18"/>
      <c r="G2521" s="18"/>
      <c r="H2521" s="18"/>
      <c r="I2521" s="18"/>
      <c r="J2521" s="18"/>
      <c r="K2521" s="18"/>
      <c r="L2521" s="18"/>
      <c r="M2521" s="18"/>
      <c r="N2521" s="18"/>
      <c r="O2521" s="18"/>
      <c r="P2521" s="19"/>
      <c r="Q2521" s="19"/>
      <c r="R2521" s="19"/>
      <c r="S2521" s="19"/>
      <c r="T2521" s="19"/>
      <c r="U2521" s="19"/>
      <c r="V2521" s="19"/>
      <c r="W2521" s="19"/>
      <c r="X2521" s="19"/>
      <c r="Y2521" s="19"/>
      <c r="Z2521" s="19"/>
      <c r="AA2521" s="19"/>
    </row>
    <row r="2522" spans="1:27" s="1" customFormat="1" ht="14.1" customHeight="1" outlineLevel="2" x14ac:dyDescent="0.2">
      <c r="A2522" s="17">
        <v>13479</v>
      </c>
      <c r="B2522" s="17"/>
      <c r="C2522" s="17"/>
      <c r="D2522" s="18" t="s">
        <v>1269</v>
      </c>
      <c r="E2522" s="18"/>
      <c r="F2522" s="18"/>
      <c r="G2522" s="18"/>
      <c r="H2522" s="18"/>
      <c r="I2522" s="18"/>
      <c r="J2522" s="18"/>
      <c r="K2522" s="18"/>
      <c r="L2522" s="18"/>
      <c r="M2522" s="18"/>
      <c r="N2522" s="18"/>
      <c r="O2522" s="18"/>
      <c r="P2522" s="19">
        <v>200</v>
      </c>
      <c r="Q2522" s="19"/>
      <c r="R2522" s="19"/>
      <c r="S2522" s="19"/>
      <c r="T2522" s="19">
        <v>150</v>
      </c>
      <c r="U2522" s="19"/>
      <c r="V2522" s="19"/>
      <c r="W2522" s="19"/>
      <c r="X2522" s="19">
        <v>1</v>
      </c>
      <c r="Y2522" s="19"/>
      <c r="Z2522" s="19"/>
      <c r="AA2522" s="19"/>
    </row>
    <row r="2523" spans="1:27" s="1" customFormat="1" ht="14.1" customHeight="1" outlineLevel="2" x14ac:dyDescent="0.2">
      <c r="A2523" s="17"/>
      <c r="B2523" s="17"/>
      <c r="C2523" s="17"/>
      <c r="D2523" s="18"/>
      <c r="E2523" s="18"/>
      <c r="F2523" s="18"/>
      <c r="G2523" s="18"/>
      <c r="H2523" s="18"/>
      <c r="I2523" s="18"/>
      <c r="J2523" s="18"/>
      <c r="K2523" s="18"/>
      <c r="L2523" s="18"/>
      <c r="M2523" s="18"/>
      <c r="N2523" s="18"/>
      <c r="O2523" s="18"/>
      <c r="P2523" s="19"/>
      <c r="Q2523" s="19"/>
      <c r="R2523" s="19"/>
      <c r="S2523" s="19"/>
      <c r="T2523" s="19"/>
      <c r="U2523" s="19"/>
      <c r="V2523" s="19"/>
      <c r="W2523" s="19"/>
      <c r="X2523" s="19"/>
      <c r="Y2523" s="19"/>
      <c r="Z2523" s="19"/>
      <c r="AA2523" s="19"/>
    </row>
    <row r="2524" spans="1:27" s="1" customFormat="1" ht="14.1" customHeight="1" outlineLevel="2" x14ac:dyDescent="0.2">
      <c r="A2524" s="17">
        <v>8704</v>
      </c>
      <c r="B2524" s="17"/>
      <c r="C2524" s="17"/>
      <c r="D2524" s="18" t="s">
        <v>1270</v>
      </c>
      <c r="E2524" s="18"/>
      <c r="F2524" s="18"/>
      <c r="G2524" s="18"/>
      <c r="H2524" s="18"/>
      <c r="I2524" s="18"/>
      <c r="J2524" s="18"/>
      <c r="K2524" s="18"/>
      <c r="L2524" s="18"/>
      <c r="M2524" s="18"/>
      <c r="N2524" s="18"/>
      <c r="O2524" s="18"/>
      <c r="P2524" s="19">
        <v>130</v>
      </c>
      <c r="Q2524" s="19"/>
      <c r="R2524" s="19"/>
      <c r="S2524" s="19"/>
      <c r="T2524" s="19">
        <v>90</v>
      </c>
      <c r="U2524" s="19"/>
      <c r="V2524" s="19"/>
      <c r="W2524" s="19"/>
      <c r="X2524" s="19">
        <v>15</v>
      </c>
      <c r="Y2524" s="19"/>
      <c r="Z2524" s="19"/>
      <c r="AA2524" s="19"/>
    </row>
    <row r="2525" spans="1:27" s="1" customFormat="1" ht="14.1" customHeight="1" outlineLevel="2" x14ac:dyDescent="0.2">
      <c r="A2525" s="17"/>
      <c r="B2525" s="17"/>
      <c r="C2525" s="17"/>
      <c r="D2525" s="18"/>
      <c r="E2525" s="18"/>
      <c r="F2525" s="18"/>
      <c r="G2525" s="18"/>
      <c r="H2525" s="18"/>
      <c r="I2525" s="18"/>
      <c r="J2525" s="18"/>
      <c r="K2525" s="18"/>
      <c r="L2525" s="18"/>
      <c r="M2525" s="18"/>
      <c r="N2525" s="18"/>
      <c r="O2525" s="18"/>
      <c r="P2525" s="19"/>
      <c r="Q2525" s="19"/>
      <c r="R2525" s="19"/>
      <c r="S2525" s="19"/>
      <c r="T2525" s="19"/>
      <c r="U2525" s="19"/>
      <c r="V2525" s="19"/>
      <c r="W2525" s="19"/>
      <c r="X2525" s="19"/>
      <c r="Y2525" s="19"/>
      <c r="Z2525" s="19"/>
      <c r="AA2525" s="19"/>
    </row>
    <row r="2526" spans="1:27" s="1" customFormat="1" ht="14.1" customHeight="1" outlineLevel="2" x14ac:dyDescent="0.2">
      <c r="A2526" s="17">
        <v>13397</v>
      </c>
      <c r="B2526" s="17"/>
      <c r="C2526" s="17"/>
      <c r="D2526" s="18" t="s">
        <v>1271</v>
      </c>
      <c r="E2526" s="18"/>
      <c r="F2526" s="18"/>
      <c r="G2526" s="18"/>
      <c r="H2526" s="18"/>
      <c r="I2526" s="18"/>
      <c r="J2526" s="18"/>
      <c r="K2526" s="18"/>
      <c r="L2526" s="18"/>
      <c r="M2526" s="18"/>
      <c r="N2526" s="18"/>
      <c r="O2526" s="18"/>
      <c r="P2526" s="19">
        <v>100</v>
      </c>
      <c r="Q2526" s="19"/>
      <c r="R2526" s="19"/>
      <c r="S2526" s="19"/>
      <c r="T2526" s="19">
        <v>70</v>
      </c>
      <c r="U2526" s="19"/>
      <c r="V2526" s="19"/>
      <c r="W2526" s="19"/>
      <c r="X2526" s="19">
        <v>2</v>
      </c>
      <c r="Y2526" s="19"/>
      <c r="Z2526" s="19"/>
      <c r="AA2526" s="19"/>
    </row>
    <row r="2527" spans="1:27" s="1" customFormat="1" ht="14.1" customHeight="1" outlineLevel="2" x14ac:dyDescent="0.2">
      <c r="A2527" s="17"/>
      <c r="B2527" s="17"/>
      <c r="C2527" s="17"/>
      <c r="D2527" s="18"/>
      <c r="E2527" s="18"/>
      <c r="F2527" s="18"/>
      <c r="G2527" s="18"/>
      <c r="H2527" s="18"/>
      <c r="I2527" s="18"/>
      <c r="J2527" s="18"/>
      <c r="K2527" s="18"/>
      <c r="L2527" s="18"/>
      <c r="M2527" s="18"/>
      <c r="N2527" s="18"/>
      <c r="O2527" s="18"/>
      <c r="P2527" s="19"/>
      <c r="Q2527" s="19"/>
      <c r="R2527" s="19"/>
      <c r="S2527" s="19"/>
      <c r="T2527" s="19"/>
      <c r="U2527" s="19"/>
      <c r="V2527" s="19"/>
      <c r="W2527" s="19"/>
      <c r="X2527" s="19"/>
      <c r="Y2527" s="19"/>
      <c r="Z2527" s="19"/>
      <c r="AA2527" s="19"/>
    </row>
    <row r="2528" spans="1:27" s="1" customFormat="1" ht="14.1" customHeight="1" outlineLevel="2" x14ac:dyDescent="0.2">
      <c r="A2528" s="17">
        <v>13466</v>
      </c>
      <c r="B2528" s="17"/>
      <c r="C2528" s="17"/>
      <c r="D2528" s="18" t="s">
        <v>1272</v>
      </c>
      <c r="E2528" s="18"/>
      <c r="F2528" s="18"/>
      <c r="G2528" s="18"/>
      <c r="H2528" s="18"/>
      <c r="I2528" s="18"/>
      <c r="J2528" s="18"/>
      <c r="K2528" s="18"/>
      <c r="L2528" s="18"/>
      <c r="M2528" s="18"/>
      <c r="N2528" s="18"/>
      <c r="O2528" s="18"/>
      <c r="P2528" s="19">
        <v>100</v>
      </c>
      <c r="Q2528" s="19"/>
      <c r="R2528" s="19"/>
      <c r="S2528" s="19"/>
      <c r="T2528" s="19">
        <v>70</v>
      </c>
      <c r="U2528" s="19"/>
      <c r="V2528" s="19"/>
      <c r="W2528" s="19"/>
      <c r="X2528" s="19">
        <v>1</v>
      </c>
      <c r="Y2528" s="19"/>
      <c r="Z2528" s="19"/>
      <c r="AA2528" s="19"/>
    </row>
    <row r="2529" spans="1:27" s="1" customFormat="1" ht="14.1" customHeight="1" outlineLevel="2" x14ac:dyDescent="0.2">
      <c r="A2529" s="17"/>
      <c r="B2529" s="17"/>
      <c r="C2529" s="17"/>
      <c r="D2529" s="18"/>
      <c r="E2529" s="18"/>
      <c r="F2529" s="18"/>
      <c r="G2529" s="18"/>
      <c r="H2529" s="18"/>
      <c r="I2529" s="18"/>
      <c r="J2529" s="18"/>
      <c r="K2529" s="18"/>
      <c r="L2529" s="18"/>
      <c r="M2529" s="18"/>
      <c r="N2529" s="18"/>
      <c r="O2529" s="18"/>
      <c r="P2529" s="19"/>
      <c r="Q2529" s="19"/>
      <c r="R2529" s="19"/>
      <c r="S2529" s="19"/>
      <c r="T2529" s="19"/>
      <c r="U2529" s="19"/>
      <c r="V2529" s="19"/>
      <c r="W2529" s="19"/>
      <c r="X2529" s="19"/>
      <c r="Y2529" s="19"/>
      <c r="Z2529" s="19"/>
      <c r="AA2529" s="19"/>
    </row>
    <row r="2530" spans="1:27" s="1" customFormat="1" ht="14.1" customHeight="1" outlineLevel="2" x14ac:dyDescent="0.2">
      <c r="A2530" s="17">
        <v>17507</v>
      </c>
      <c r="B2530" s="17"/>
      <c r="C2530" s="17"/>
      <c r="D2530" s="18" t="s">
        <v>1273</v>
      </c>
      <c r="E2530" s="18"/>
      <c r="F2530" s="18"/>
      <c r="G2530" s="18"/>
      <c r="H2530" s="18"/>
      <c r="I2530" s="18"/>
      <c r="J2530" s="18"/>
      <c r="K2530" s="18"/>
      <c r="L2530" s="18"/>
      <c r="M2530" s="18"/>
      <c r="N2530" s="18"/>
      <c r="O2530" s="18"/>
      <c r="P2530" s="19">
        <v>150</v>
      </c>
      <c r="Q2530" s="19"/>
      <c r="R2530" s="19"/>
      <c r="S2530" s="19"/>
      <c r="T2530" s="19">
        <v>90</v>
      </c>
      <c r="U2530" s="19"/>
      <c r="V2530" s="19"/>
      <c r="W2530" s="19"/>
      <c r="X2530" s="19">
        <v>4</v>
      </c>
      <c r="Y2530" s="19"/>
      <c r="Z2530" s="19"/>
      <c r="AA2530" s="19"/>
    </row>
    <row r="2531" spans="1:27" s="1" customFormat="1" ht="14.1" customHeight="1" outlineLevel="2" x14ac:dyDescent="0.2">
      <c r="A2531" s="17"/>
      <c r="B2531" s="17"/>
      <c r="C2531" s="17"/>
      <c r="D2531" s="18"/>
      <c r="E2531" s="18"/>
      <c r="F2531" s="18"/>
      <c r="G2531" s="18"/>
      <c r="H2531" s="18"/>
      <c r="I2531" s="18"/>
      <c r="J2531" s="18"/>
      <c r="K2531" s="18"/>
      <c r="L2531" s="18"/>
      <c r="M2531" s="18"/>
      <c r="N2531" s="18"/>
      <c r="O2531" s="18"/>
      <c r="P2531" s="19"/>
      <c r="Q2531" s="19"/>
      <c r="R2531" s="19"/>
      <c r="S2531" s="19"/>
      <c r="T2531" s="19"/>
      <c r="U2531" s="19"/>
      <c r="V2531" s="19"/>
      <c r="W2531" s="19"/>
      <c r="X2531" s="19"/>
      <c r="Y2531" s="19"/>
      <c r="Z2531" s="19"/>
      <c r="AA2531" s="19"/>
    </row>
    <row r="2532" spans="1:27" s="1" customFormat="1" ht="14.1" customHeight="1" outlineLevel="2" x14ac:dyDescent="0.2">
      <c r="A2532" s="17">
        <v>17049</v>
      </c>
      <c r="B2532" s="17"/>
      <c r="C2532" s="17"/>
      <c r="D2532" s="18" t="s">
        <v>1274</v>
      </c>
      <c r="E2532" s="18"/>
      <c r="F2532" s="18"/>
      <c r="G2532" s="18"/>
      <c r="H2532" s="18"/>
      <c r="I2532" s="18"/>
      <c r="J2532" s="18"/>
      <c r="K2532" s="18"/>
      <c r="L2532" s="18"/>
      <c r="M2532" s="18"/>
      <c r="N2532" s="18"/>
      <c r="O2532" s="18"/>
      <c r="P2532" s="19">
        <v>150</v>
      </c>
      <c r="Q2532" s="19"/>
      <c r="R2532" s="19"/>
      <c r="S2532" s="19"/>
      <c r="T2532" s="19">
        <v>80</v>
      </c>
      <c r="U2532" s="19"/>
      <c r="V2532" s="19"/>
      <c r="W2532" s="19"/>
      <c r="X2532" s="19">
        <v>1</v>
      </c>
      <c r="Y2532" s="19"/>
      <c r="Z2532" s="19"/>
      <c r="AA2532" s="19"/>
    </row>
    <row r="2533" spans="1:27" s="1" customFormat="1" ht="14.1" customHeight="1" outlineLevel="2" x14ac:dyDescent="0.2">
      <c r="A2533" s="17"/>
      <c r="B2533" s="17"/>
      <c r="C2533" s="17"/>
      <c r="D2533" s="18"/>
      <c r="E2533" s="18"/>
      <c r="F2533" s="18"/>
      <c r="G2533" s="18"/>
      <c r="H2533" s="18"/>
      <c r="I2533" s="18"/>
      <c r="J2533" s="18"/>
      <c r="K2533" s="18"/>
      <c r="L2533" s="18"/>
      <c r="M2533" s="18"/>
      <c r="N2533" s="18"/>
      <c r="O2533" s="18"/>
      <c r="P2533" s="19"/>
      <c r="Q2533" s="19"/>
      <c r="R2533" s="19"/>
      <c r="S2533" s="19"/>
      <c r="T2533" s="19"/>
      <c r="U2533" s="19"/>
      <c r="V2533" s="19"/>
      <c r="W2533" s="19"/>
      <c r="X2533" s="19"/>
      <c r="Y2533" s="19"/>
      <c r="Z2533" s="19"/>
      <c r="AA2533" s="19"/>
    </row>
    <row r="2534" spans="1:27" s="1" customFormat="1" ht="14.1" customHeight="1" outlineLevel="2" x14ac:dyDescent="0.2">
      <c r="A2534" s="17">
        <v>8859</v>
      </c>
      <c r="B2534" s="17"/>
      <c r="C2534" s="17"/>
      <c r="D2534" s="18" t="s">
        <v>1275</v>
      </c>
      <c r="E2534" s="18"/>
      <c r="F2534" s="18"/>
      <c r="G2534" s="18"/>
      <c r="H2534" s="18"/>
      <c r="I2534" s="18"/>
      <c r="J2534" s="18"/>
      <c r="K2534" s="18"/>
      <c r="L2534" s="18"/>
      <c r="M2534" s="18"/>
      <c r="N2534" s="18"/>
      <c r="O2534" s="18"/>
      <c r="P2534" s="19">
        <v>150</v>
      </c>
      <c r="Q2534" s="19"/>
      <c r="R2534" s="19"/>
      <c r="S2534" s="19"/>
      <c r="T2534" s="19">
        <v>100</v>
      </c>
      <c r="U2534" s="19"/>
      <c r="V2534" s="19"/>
      <c r="W2534" s="19"/>
      <c r="X2534" s="19">
        <v>2</v>
      </c>
      <c r="Y2534" s="19"/>
      <c r="Z2534" s="19"/>
      <c r="AA2534" s="19"/>
    </row>
    <row r="2535" spans="1:27" s="1" customFormat="1" ht="14.1" customHeight="1" outlineLevel="2" x14ac:dyDescent="0.2">
      <c r="A2535" s="17"/>
      <c r="B2535" s="17"/>
      <c r="C2535" s="17"/>
      <c r="D2535" s="18"/>
      <c r="E2535" s="18"/>
      <c r="F2535" s="18"/>
      <c r="G2535" s="18"/>
      <c r="H2535" s="18"/>
      <c r="I2535" s="18"/>
      <c r="J2535" s="18"/>
      <c r="K2535" s="18"/>
      <c r="L2535" s="18"/>
      <c r="M2535" s="18"/>
      <c r="N2535" s="18"/>
      <c r="O2535" s="18"/>
      <c r="P2535" s="19"/>
      <c r="Q2535" s="19"/>
      <c r="R2535" s="19"/>
      <c r="S2535" s="19"/>
      <c r="T2535" s="19"/>
      <c r="U2535" s="19"/>
      <c r="V2535" s="19"/>
      <c r="W2535" s="19"/>
      <c r="X2535" s="19"/>
      <c r="Y2535" s="19"/>
      <c r="Z2535" s="19"/>
      <c r="AA2535" s="19"/>
    </row>
    <row r="2536" spans="1:27" s="1" customFormat="1" ht="14.1" customHeight="1" outlineLevel="2" x14ac:dyDescent="0.2">
      <c r="A2536" s="17">
        <v>13328</v>
      </c>
      <c r="B2536" s="17"/>
      <c r="C2536" s="17"/>
      <c r="D2536" s="18" t="s">
        <v>1276</v>
      </c>
      <c r="E2536" s="18"/>
      <c r="F2536" s="18"/>
      <c r="G2536" s="18"/>
      <c r="H2536" s="18"/>
      <c r="I2536" s="18"/>
      <c r="J2536" s="18"/>
      <c r="K2536" s="18"/>
      <c r="L2536" s="18"/>
      <c r="M2536" s="18"/>
      <c r="N2536" s="18"/>
      <c r="O2536" s="18"/>
      <c r="P2536" s="19">
        <v>130</v>
      </c>
      <c r="Q2536" s="19"/>
      <c r="R2536" s="19"/>
      <c r="S2536" s="19"/>
      <c r="T2536" s="19">
        <v>70</v>
      </c>
      <c r="U2536" s="19"/>
      <c r="V2536" s="19"/>
      <c r="W2536" s="19"/>
      <c r="X2536" s="19">
        <v>2</v>
      </c>
      <c r="Y2536" s="19"/>
      <c r="Z2536" s="19"/>
      <c r="AA2536" s="19"/>
    </row>
    <row r="2537" spans="1:27" s="1" customFormat="1" ht="14.1" customHeight="1" outlineLevel="2" x14ac:dyDescent="0.2">
      <c r="A2537" s="17"/>
      <c r="B2537" s="17"/>
      <c r="C2537" s="17"/>
      <c r="D2537" s="18"/>
      <c r="E2537" s="18"/>
      <c r="F2537" s="18"/>
      <c r="G2537" s="18"/>
      <c r="H2537" s="18"/>
      <c r="I2537" s="18"/>
      <c r="J2537" s="18"/>
      <c r="K2537" s="18"/>
      <c r="L2537" s="18"/>
      <c r="M2537" s="18"/>
      <c r="N2537" s="18"/>
      <c r="O2537" s="18"/>
      <c r="P2537" s="19"/>
      <c r="Q2537" s="19"/>
      <c r="R2537" s="19"/>
      <c r="S2537" s="19"/>
      <c r="T2537" s="19"/>
      <c r="U2537" s="19"/>
      <c r="V2537" s="19"/>
      <c r="W2537" s="19"/>
      <c r="X2537" s="19"/>
      <c r="Y2537" s="19"/>
      <c r="Z2537" s="19"/>
      <c r="AA2537" s="19"/>
    </row>
    <row r="2538" spans="1:27" s="1" customFormat="1" ht="14.1" customHeight="1" outlineLevel="2" x14ac:dyDescent="0.2">
      <c r="A2538" s="17">
        <v>18070</v>
      </c>
      <c r="B2538" s="17"/>
      <c r="C2538" s="17"/>
      <c r="D2538" s="18" t="s">
        <v>1277</v>
      </c>
      <c r="E2538" s="18"/>
      <c r="F2538" s="18"/>
      <c r="G2538" s="18"/>
      <c r="H2538" s="18"/>
      <c r="I2538" s="18"/>
      <c r="J2538" s="18"/>
      <c r="K2538" s="18"/>
      <c r="L2538" s="18"/>
      <c r="M2538" s="18"/>
      <c r="N2538" s="18"/>
      <c r="O2538" s="18"/>
      <c r="P2538" s="19">
        <v>150</v>
      </c>
      <c r="Q2538" s="19"/>
      <c r="R2538" s="19"/>
      <c r="S2538" s="19"/>
      <c r="T2538" s="19">
        <v>100</v>
      </c>
      <c r="U2538" s="19"/>
      <c r="V2538" s="19"/>
      <c r="W2538" s="19"/>
      <c r="X2538" s="19">
        <v>1</v>
      </c>
      <c r="Y2538" s="19"/>
      <c r="Z2538" s="19"/>
      <c r="AA2538" s="19"/>
    </row>
    <row r="2539" spans="1:27" s="1" customFormat="1" ht="14.1" customHeight="1" outlineLevel="2" x14ac:dyDescent="0.2">
      <c r="A2539" s="17"/>
      <c r="B2539" s="17"/>
      <c r="C2539" s="17"/>
      <c r="D2539" s="18"/>
      <c r="E2539" s="18"/>
      <c r="F2539" s="18"/>
      <c r="G2539" s="18"/>
      <c r="H2539" s="18"/>
      <c r="I2539" s="18"/>
      <c r="J2539" s="18"/>
      <c r="K2539" s="18"/>
      <c r="L2539" s="18"/>
      <c r="M2539" s="18"/>
      <c r="N2539" s="18"/>
      <c r="O2539" s="18"/>
      <c r="P2539" s="19"/>
      <c r="Q2539" s="19"/>
      <c r="R2539" s="19"/>
      <c r="S2539" s="19"/>
      <c r="T2539" s="19"/>
      <c r="U2539" s="19"/>
      <c r="V2539" s="19"/>
      <c r="W2539" s="19"/>
      <c r="X2539" s="19"/>
      <c r="Y2539" s="19"/>
      <c r="Z2539" s="19"/>
      <c r="AA2539" s="19"/>
    </row>
    <row r="2540" spans="1:27" s="1" customFormat="1" ht="14.1" customHeight="1" outlineLevel="2" x14ac:dyDescent="0.2">
      <c r="A2540" s="17">
        <v>16798</v>
      </c>
      <c r="B2540" s="17"/>
      <c r="C2540" s="17"/>
      <c r="D2540" s="18" t="s">
        <v>1278</v>
      </c>
      <c r="E2540" s="18"/>
      <c r="F2540" s="18"/>
      <c r="G2540" s="18"/>
      <c r="H2540" s="18"/>
      <c r="I2540" s="18"/>
      <c r="J2540" s="18"/>
      <c r="K2540" s="18"/>
      <c r="L2540" s="18"/>
      <c r="M2540" s="18"/>
      <c r="N2540" s="18"/>
      <c r="O2540" s="18"/>
      <c r="P2540" s="19">
        <v>150</v>
      </c>
      <c r="Q2540" s="19"/>
      <c r="R2540" s="19"/>
      <c r="S2540" s="19"/>
      <c r="T2540" s="19">
        <v>100</v>
      </c>
      <c r="U2540" s="19"/>
      <c r="V2540" s="19"/>
      <c r="W2540" s="19"/>
      <c r="X2540" s="19">
        <v>1</v>
      </c>
      <c r="Y2540" s="19"/>
      <c r="Z2540" s="19"/>
      <c r="AA2540" s="19"/>
    </row>
    <row r="2541" spans="1:27" s="1" customFormat="1" ht="14.1" customHeight="1" outlineLevel="2" x14ac:dyDescent="0.2">
      <c r="A2541" s="17"/>
      <c r="B2541" s="17"/>
      <c r="C2541" s="17"/>
      <c r="D2541" s="18"/>
      <c r="E2541" s="18"/>
      <c r="F2541" s="18"/>
      <c r="G2541" s="18"/>
      <c r="H2541" s="18"/>
      <c r="I2541" s="18"/>
      <c r="J2541" s="18"/>
      <c r="K2541" s="18"/>
      <c r="L2541" s="18"/>
      <c r="M2541" s="18"/>
      <c r="N2541" s="18"/>
      <c r="O2541" s="18"/>
      <c r="P2541" s="19"/>
      <c r="Q2541" s="19"/>
      <c r="R2541" s="19"/>
      <c r="S2541" s="19"/>
      <c r="T2541" s="19"/>
      <c r="U2541" s="19"/>
      <c r="V2541" s="19"/>
      <c r="W2541" s="19"/>
      <c r="X2541" s="19"/>
      <c r="Y2541" s="19"/>
      <c r="Z2541" s="19"/>
      <c r="AA2541" s="19"/>
    </row>
    <row r="2542" spans="1:27" s="1" customFormat="1" ht="14.1" customHeight="1" outlineLevel="2" x14ac:dyDescent="0.2">
      <c r="A2542" s="17">
        <v>17060</v>
      </c>
      <c r="B2542" s="17"/>
      <c r="C2542" s="17"/>
      <c r="D2542" s="18" t="s">
        <v>1279</v>
      </c>
      <c r="E2542" s="18"/>
      <c r="F2542" s="18"/>
      <c r="G2542" s="18"/>
      <c r="H2542" s="18"/>
      <c r="I2542" s="18"/>
      <c r="J2542" s="18"/>
      <c r="K2542" s="18"/>
      <c r="L2542" s="18"/>
      <c r="M2542" s="18"/>
      <c r="N2542" s="18"/>
      <c r="O2542" s="18"/>
      <c r="P2542" s="19">
        <v>190</v>
      </c>
      <c r="Q2542" s="19"/>
      <c r="R2542" s="19"/>
      <c r="S2542" s="19"/>
      <c r="T2542" s="19">
        <v>100</v>
      </c>
      <c r="U2542" s="19"/>
      <c r="V2542" s="19"/>
      <c r="W2542" s="19"/>
      <c r="X2542" s="19">
        <v>1</v>
      </c>
      <c r="Y2542" s="19"/>
      <c r="Z2542" s="19"/>
      <c r="AA2542" s="19"/>
    </row>
    <row r="2543" spans="1:27" s="1" customFormat="1" ht="14.1" customHeight="1" outlineLevel="2" x14ac:dyDescent="0.2">
      <c r="A2543" s="17"/>
      <c r="B2543" s="17"/>
      <c r="C2543" s="17"/>
      <c r="D2543" s="18"/>
      <c r="E2543" s="18"/>
      <c r="F2543" s="18"/>
      <c r="G2543" s="18"/>
      <c r="H2543" s="18"/>
      <c r="I2543" s="18"/>
      <c r="J2543" s="18"/>
      <c r="K2543" s="18"/>
      <c r="L2543" s="18"/>
      <c r="M2543" s="18"/>
      <c r="N2543" s="18"/>
      <c r="O2543" s="18"/>
      <c r="P2543" s="19"/>
      <c r="Q2543" s="19"/>
      <c r="R2543" s="19"/>
      <c r="S2543" s="19"/>
      <c r="T2543" s="19"/>
      <c r="U2543" s="19"/>
      <c r="V2543" s="19"/>
      <c r="W2543" s="19"/>
      <c r="X2543" s="19"/>
      <c r="Y2543" s="19"/>
      <c r="Z2543" s="19"/>
      <c r="AA2543" s="19"/>
    </row>
    <row r="2544" spans="1:27" s="1" customFormat="1" ht="14.1" customHeight="1" outlineLevel="2" x14ac:dyDescent="0.2">
      <c r="A2544" s="17">
        <v>10320</v>
      </c>
      <c r="B2544" s="17"/>
      <c r="C2544" s="17"/>
      <c r="D2544" s="18" t="s">
        <v>1280</v>
      </c>
      <c r="E2544" s="18"/>
      <c r="F2544" s="18"/>
      <c r="G2544" s="18"/>
      <c r="H2544" s="18"/>
      <c r="I2544" s="18"/>
      <c r="J2544" s="18"/>
      <c r="K2544" s="18"/>
      <c r="L2544" s="18"/>
      <c r="M2544" s="18"/>
      <c r="N2544" s="18"/>
      <c r="O2544" s="18"/>
      <c r="P2544" s="19">
        <v>230</v>
      </c>
      <c r="Q2544" s="19"/>
      <c r="R2544" s="19"/>
      <c r="S2544" s="19"/>
      <c r="T2544" s="19">
        <v>200</v>
      </c>
      <c r="U2544" s="19"/>
      <c r="V2544" s="19"/>
      <c r="W2544" s="19"/>
      <c r="X2544" s="19">
        <v>1</v>
      </c>
      <c r="Y2544" s="19"/>
      <c r="Z2544" s="19"/>
      <c r="AA2544" s="19"/>
    </row>
    <row r="2545" spans="1:27" s="1" customFormat="1" ht="14.1" customHeight="1" outlineLevel="2" x14ac:dyDescent="0.2">
      <c r="A2545" s="17"/>
      <c r="B2545" s="17"/>
      <c r="C2545" s="17"/>
      <c r="D2545" s="18"/>
      <c r="E2545" s="18"/>
      <c r="F2545" s="18"/>
      <c r="G2545" s="18"/>
      <c r="H2545" s="18"/>
      <c r="I2545" s="18"/>
      <c r="J2545" s="18"/>
      <c r="K2545" s="18"/>
      <c r="L2545" s="18"/>
      <c r="M2545" s="18"/>
      <c r="N2545" s="18"/>
      <c r="O2545" s="18"/>
      <c r="P2545" s="19"/>
      <c r="Q2545" s="19"/>
      <c r="R2545" s="19"/>
      <c r="S2545" s="19"/>
      <c r="T2545" s="19"/>
      <c r="U2545" s="19"/>
      <c r="V2545" s="19"/>
      <c r="W2545" s="19"/>
      <c r="X2545" s="19"/>
      <c r="Y2545" s="19"/>
      <c r="Z2545" s="19"/>
      <c r="AA2545" s="19"/>
    </row>
    <row r="2546" spans="1:27" s="1" customFormat="1" ht="14.1" customHeight="1" outlineLevel="2" x14ac:dyDescent="0.2">
      <c r="A2546" s="17">
        <v>16826</v>
      </c>
      <c r="B2546" s="17"/>
      <c r="C2546" s="17"/>
      <c r="D2546" s="18" t="s">
        <v>1281</v>
      </c>
      <c r="E2546" s="18"/>
      <c r="F2546" s="18"/>
      <c r="G2546" s="18"/>
      <c r="H2546" s="18"/>
      <c r="I2546" s="18"/>
      <c r="J2546" s="18"/>
      <c r="K2546" s="18"/>
      <c r="L2546" s="18"/>
      <c r="M2546" s="18"/>
      <c r="N2546" s="18"/>
      <c r="O2546" s="18"/>
      <c r="P2546" s="19">
        <v>200</v>
      </c>
      <c r="Q2546" s="19"/>
      <c r="R2546" s="19"/>
      <c r="S2546" s="19"/>
      <c r="T2546" s="19">
        <v>100</v>
      </c>
      <c r="U2546" s="19"/>
      <c r="V2546" s="19"/>
      <c r="W2546" s="19"/>
      <c r="X2546" s="19">
        <v>1</v>
      </c>
      <c r="Y2546" s="19"/>
      <c r="Z2546" s="19"/>
      <c r="AA2546" s="19"/>
    </row>
    <row r="2547" spans="1:27" s="1" customFormat="1" ht="14.1" customHeight="1" outlineLevel="2" x14ac:dyDescent="0.2">
      <c r="A2547" s="17"/>
      <c r="B2547" s="17"/>
      <c r="C2547" s="17"/>
      <c r="D2547" s="18"/>
      <c r="E2547" s="18"/>
      <c r="F2547" s="18"/>
      <c r="G2547" s="18"/>
      <c r="H2547" s="18"/>
      <c r="I2547" s="18"/>
      <c r="J2547" s="18"/>
      <c r="K2547" s="18"/>
      <c r="L2547" s="18"/>
      <c r="M2547" s="18"/>
      <c r="N2547" s="18"/>
      <c r="O2547" s="18"/>
      <c r="P2547" s="19"/>
      <c r="Q2547" s="19"/>
      <c r="R2547" s="19"/>
      <c r="S2547" s="19"/>
      <c r="T2547" s="19"/>
      <c r="U2547" s="19"/>
      <c r="V2547" s="19"/>
      <c r="W2547" s="19"/>
      <c r="X2547" s="19"/>
      <c r="Y2547" s="19"/>
      <c r="Z2547" s="19"/>
      <c r="AA2547" s="19"/>
    </row>
    <row r="2548" spans="1:27" s="1" customFormat="1" ht="14.1" customHeight="1" outlineLevel="2" x14ac:dyDescent="0.2">
      <c r="A2548" s="17">
        <v>16990</v>
      </c>
      <c r="B2548" s="17"/>
      <c r="C2548" s="17"/>
      <c r="D2548" s="18" t="s">
        <v>1282</v>
      </c>
      <c r="E2548" s="18"/>
      <c r="F2548" s="18"/>
      <c r="G2548" s="18"/>
      <c r="H2548" s="18"/>
      <c r="I2548" s="18"/>
      <c r="J2548" s="18"/>
      <c r="K2548" s="18"/>
      <c r="L2548" s="18"/>
      <c r="M2548" s="18"/>
      <c r="N2548" s="18"/>
      <c r="O2548" s="18"/>
      <c r="P2548" s="19">
        <v>190</v>
      </c>
      <c r="Q2548" s="19"/>
      <c r="R2548" s="19"/>
      <c r="S2548" s="19"/>
      <c r="T2548" s="19">
        <v>100</v>
      </c>
      <c r="U2548" s="19"/>
      <c r="V2548" s="19"/>
      <c r="W2548" s="19"/>
      <c r="X2548" s="19">
        <v>1</v>
      </c>
      <c r="Y2548" s="19"/>
      <c r="Z2548" s="19"/>
      <c r="AA2548" s="19"/>
    </row>
    <row r="2549" spans="1:27" s="1" customFormat="1" ht="14.1" customHeight="1" outlineLevel="2" x14ac:dyDescent="0.2">
      <c r="A2549" s="17"/>
      <c r="B2549" s="17"/>
      <c r="C2549" s="17"/>
      <c r="D2549" s="18"/>
      <c r="E2549" s="18"/>
      <c r="F2549" s="18"/>
      <c r="G2549" s="18"/>
      <c r="H2549" s="18"/>
      <c r="I2549" s="18"/>
      <c r="J2549" s="18"/>
      <c r="K2549" s="18"/>
      <c r="L2549" s="18"/>
      <c r="M2549" s="18"/>
      <c r="N2549" s="18"/>
      <c r="O2549" s="18"/>
      <c r="P2549" s="19"/>
      <c r="Q2549" s="19"/>
      <c r="R2549" s="19"/>
      <c r="S2549" s="19"/>
      <c r="T2549" s="19"/>
      <c r="U2549" s="19"/>
      <c r="V2549" s="19"/>
      <c r="W2549" s="19"/>
      <c r="X2549" s="19"/>
      <c r="Y2549" s="19"/>
      <c r="Z2549" s="19"/>
      <c r="AA2549" s="19"/>
    </row>
    <row r="2550" spans="1:27" s="1" customFormat="1" ht="14.1" customHeight="1" outlineLevel="2" x14ac:dyDescent="0.2">
      <c r="A2550" s="17">
        <v>14660</v>
      </c>
      <c r="B2550" s="17"/>
      <c r="C2550" s="17"/>
      <c r="D2550" s="18" t="s">
        <v>1283</v>
      </c>
      <c r="E2550" s="18"/>
      <c r="F2550" s="18"/>
      <c r="G2550" s="18"/>
      <c r="H2550" s="18"/>
      <c r="I2550" s="18"/>
      <c r="J2550" s="18"/>
      <c r="K2550" s="18"/>
      <c r="L2550" s="18"/>
      <c r="M2550" s="18"/>
      <c r="N2550" s="18"/>
      <c r="O2550" s="18"/>
      <c r="P2550" s="19">
        <v>110</v>
      </c>
      <c r="Q2550" s="19"/>
      <c r="R2550" s="19"/>
      <c r="S2550" s="19"/>
      <c r="T2550" s="19">
        <v>70</v>
      </c>
      <c r="U2550" s="19"/>
      <c r="V2550" s="19"/>
      <c r="W2550" s="19"/>
      <c r="X2550" s="19">
        <v>1</v>
      </c>
      <c r="Y2550" s="19"/>
      <c r="Z2550" s="19"/>
      <c r="AA2550" s="19"/>
    </row>
    <row r="2551" spans="1:27" s="1" customFormat="1" ht="14.1" customHeight="1" outlineLevel="2" x14ac:dyDescent="0.2">
      <c r="A2551" s="17"/>
      <c r="B2551" s="17"/>
      <c r="C2551" s="17"/>
      <c r="D2551" s="18"/>
      <c r="E2551" s="18"/>
      <c r="F2551" s="18"/>
      <c r="G2551" s="18"/>
      <c r="H2551" s="18"/>
      <c r="I2551" s="18"/>
      <c r="J2551" s="18"/>
      <c r="K2551" s="18"/>
      <c r="L2551" s="18"/>
      <c r="M2551" s="18"/>
      <c r="N2551" s="18"/>
      <c r="O2551" s="18"/>
      <c r="P2551" s="19"/>
      <c r="Q2551" s="19"/>
      <c r="R2551" s="19"/>
      <c r="S2551" s="19"/>
      <c r="T2551" s="19"/>
      <c r="U2551" s="19"/>
      <c r="V2551" s="19"/>
      <c r="W2551" s="19"/>
      <c r="X2551" s="19"/>
      <c r="Y2551" s="19"/>
      <c r="Z2551" s="19"/>
      <c r="AA2551" s="19"/>
    </row>
    <row r="2552" spans="1:27" s="1" customFormat="1" ht="14.1" customHeight="1" outlineLevel="2" x14ac:dyDescent="0.2">
      <c r="A2552" s="17">
        <v>15339</v>
      </c>
      <c r="B2552" s="17"/>
      <c r="C2552" s="17"/>
      <c r="D2552" s="18" t="s">
        <v>1284</v>
      </c>
      <c r="E2552" s="18"/>
      <c r="F2552" s="18"/>
      <c r="G2552" s="18"/>
      <c r="H2552" s="18"/>
      <c r="I2552" s="18"/>
      <c r="J2552" s="18"/>
      <c r="K2552" s="18"/>
      <c r="L2552" s="18"/>
      <c r="M2552" s="18"/>
      <c r="N2552" s="18"/>
      <c r="O2552" s="18"/>
      <c r="P2552" s="19">
        <v>360</v>
      </c>
      <c r="Q2552" s="19"/>
      <c r="R2552" s="19"/>
      <c r="S2552" s="19"/>
      <c r="T2552" s="19">
        <v>300</v>
      </c>
      <c r="U2552" s="19"/>
      <c r="V2552" s="19"/>
      <c r="W2552" s="19"/>
      <c r="X2552" s="19">
        <v>1</v>
      </c>
      <c r="Y2552" s="19"/>
      <c r="Z2552" s="19"/>
      <c r="AA2552" s="19"/>
    </row>
    <row r="2553" spans="1:27" s="1" customFormat="1" ht="14.1" customHeight="1" outlineLevel="2" x14ac:dyDescent="0.2">
      <c r="A2553" s="17"/>
      <c r="B2553" s="17"/>
      <c r="C2553" s="17"/>
      <c r="D2553" s="18"/>
      <c r="E2553" s="18"/>
      <c r="F2553" s="18"/>
      <c r="G2553" s="18"/>
      <c r="H2553" s="18"/>
      <c r="I2553" s="18"/>
      <c r="J2553" s="18"/>
      <c r="K2553" s="18"/>
      <c r="L2553" s="18"/>
      <c r="M2553" s="18"/>
      <c r="N2553" s="18"/>
      <c r="O2553" s="18"/>
      <c r="P2553" s="19"/>
      <c r="Q2553" s="19"/>
      <c r="R2553" s="19"/>
      <c r="S2553" s="19"/>
      <c r="T2553" s="19"/>
      <c r="U2553" s="19"/>
      <c r="V2553" s="19"/>
      <c r="W2553" s="19"/>
      <c r="X2553" s="19"/>
      <c r="Y2553" s="19"/>
      <c r="Z2553" s="19"/>
      <c r="AA2553" s="19"/>
    </row>
    <row r="2554" spans="1:27" s="1" customFormat="1" ht="14.1" customHeight="1" outlineLevel="2" x14ac:dyDescent="0.2">
      <c r="A2554" s="17">
        <v>13498</v>
      </c>
      <c r="B2554" s="17"/>
      <c r="C2554" s="17"/>
      <c r="D2554" s="18" t="s">
        <v>1285</v>
      </c>
      <c r="E2554" s="18"/>
      <c r="F2554" s="18"/>
      <c r="G2554" s="18"/>
      <c r="H2554" s="18"/>
      <c r="I2554" s="18"/>
      <c r="J2554" s="18"/>
      <c r="K2554" s="18"/>
      <c r="L2554" s="18"/>
      <c r="M2554" s="18"/>
      <c r="N2554" s="18"/>
      <c r="O2554" s="18"/>
      <c r="P2554" s="19">
        <v>190</v>
      </c>
      <c r="Q2554" s="19"/>
      <c r="R2554" s="19"/>
      <c r="S2554" s="19"/>
      <c r="T2554" s="19">
        <v>100</v>
      </c>
      <c r="U2554" s="19"/>
      <c r="V2554" s="19"/>
      <c r="W2554" s="19"/>
      <c r="X2554" s="19">
        <v>5</v>
      </c>
      <c r="Y2554" s="19"/>
      <c r="Z2554" s="19"/>
      <c r="AA2554" s="19"/>
    </row>
    <row r="2555" spans="1:27" s="1" customFormat="1" ht="14.1" customHeight="1" outlineLevel="2" x14ac:dyDescent="0.2">
      <c r="A2555" s="17"/>
      <c r="B2555" s="17"/>
      <c r="C2555" s="17"/>
      <c r="D2555" s="18"/>
      <c r="E2555" s="18"/>
      <c r="F2555" s="18"/>
      <c r="G2555" s="18"/>
      <c r="H2555" s="18"/>
      <c r="I2555" s="18"/>
      <c r="J2555" s="18"/>
      <c r="K2555" s="18"/>
      <c r="L2555" s="18"/>
      <c r="M2555" s="18"/>
      <c r="N2555" s="18"/>
      <c r="O2555" s="18"/>
      <c r="P2555" s="19"/>
      <c r="Q2555" s="19"/>
      <c r="R2555" s="19"/>
      <c r="S2555" s="19"/>
      <c r="T2555" s="19"/>
      <c r="U2555" s="19"/>
      <c r="V2555" s="19"/>
      <c r="W2555" s="19"/>
      <c r="X2555" s="19"/>
      <c r="Y2555" s="19"/>
      <c r="Z2555" s="19"/>
      <c r="AA2555" s="19"/>
    </row>
    <row r="2556" spans="1:27" s="1" customFormat="1" ht="14.1" customHeight="1" outlineLevel="2" x14ac:dyDescent="0.2">
      <c r="A2556" s="17">
        <v>8903</v>
      </c>
      <c r="B2556" s="17"/>
      <c r="C2556" s="17"/>
      <c r="D2556" s="18" t="s">
        <v>1286</v>
      </c>
      <c r="E2556" s="18"/>
      <c r="F2556" s="18"/>
      <c r="G2556" s="18"/>
      <c r="H2556" s="18"/>
      <c r="I2556" s="18"/>
      <c r="J2556" s="18"/>
      <c r="K2556" s="18"/>
      <c r="L2556" s="18"/>
      <c r="M2556" s="18"/>
      <c r="N2556" s="18"/>
      <c r="O2556" s="18"/>
      <c r="P2556" s="19">
        <v>130</v>
      </c>
      <c r="Q2556" s="19"/>
      <c r="R2556" s="19"/>
      <c r="S2556" s="19"/>
      <c r="T2556" s="19">
        <v>100</v>
      </c>
      <c r="U2556" s="19"/>
      <c r="V2556" s="19"/>
      <c r="W2556" s="19"/>
      <c r="X2556" s="19">
        <v>12</v>
      </c>
      <c r="Y2556" s="19"/>
      <c r="Z2556" s="19"/>
      <c r="AA2556" s="19"/>
    </row>
    <row r="2557" spans="1:27" s="1" customFormat="1" ht="14.1" customHeight="1" outlineLevel="2" x14ac:dyDescent="0.2">
      <c r="A2557" s="17"/>
      <c r="B2557" s="17"/>
      <c r="C2557" s="17"/>
      <c r="D2557" s="18"/>
      <c r="E2557" s="18"/>
      <c r="F2557" s="18"/>
      <c r="G2557" s="18"/>
      <c r="H2557" s="18"/>
      <c r="I2557" s="18"/>
      <c r="J2557" s="18"/>
      <c r="K2557" s="18"/>
      <c r="L2557" s="18"/>
      <c r="M2557" s="18"/>
      <c r="N2557" s="18"/>
      <c r="O2557" s="18"/>
      <c r="P2557" s="19"/>
      <c r="Q2557" s="19"/>
      <c r="R2557" s="19"/>
      <c r="S2557" s="19"/>
      <c r="T2557" s="19"/>
      <c r="U2557" s="19"/>
      <c r="V2557" s="19"/>
      <c r="W2557" s="19"/>
      <c r="X2557" s="19"/>
      <c r="Y2557" s="19"/>
      <c r="Z2557" s="19"/>
      <c r="AA2557" s="19"/>
    </row>
    <row r="2558" spans="1:27" s="1" customFormat="1" ht="14.1" customHeight="1" outlineLevel="2" x14ac:dyDescent="0.2">
      <c r="A2558" s="17">
        <v>12910</v>
      </c>
      <c r="B2558" s="17"/>
      <c r="C2558" s="17"/>
      <c r="D2558" s="18" t="s">
        <v>1287</v>
      </c>
      <c r="E2558" s="18"/>
      <c r="F2558" s="18"/>
      <c r="G2558" s="18"/>
      <c r="H2558" s="18"/>
      <c r="I2558" s="18"/>
      <c r="J2558" s="18"/>
      <c r="K2558" s="18"/>
      <c r="L2558" s="18"/>
      <c r="M2558" s="18"/>
      <c r="N2558" s="18"/>
      <c r="O2558" s="18"/>
      <c r="P2558" s="19">
        <v>150</v>
      </c>
      <c r="Q2558" s="19"/>
      <c r="R2558" s="19"/>
      <c r="S2558" s="19"/>
      <c r="T2558" s="19">
        <v>100</v>
      </c>
      <c r="U2558" s="19"/>
      <c r="V2558" s="19"/>
      <c r="W2558" s="19"/>
      <c r="X2558" s="19">
        <v>3</v>
      </c>
      <c r="Y2558" s="19"/>
      <c r="Z2558" s="19"/>
      <c r="AA2558" s="19"/>
    </row>
    <row r="2559" spans="1:27" s="1" customFormat="1" ht="14.1" customHeight="1" outlineLevel="2" x14ac:dyDescent="0.2">
      <c r="A2559" s="17"/>
      <c r="B2559" s="17"/>
      <c r="C2559" s="17"/>
      <c r="D2559" s="18"/>
      <c r="E2559" s="18"/>
      <c r="F2559" s="18"/>
      <c r="G2559" s="18"/>
      <c r="H2559" s="18"/>
      <c r="I2559" s="18"/>
      <c r="J2559" s="18"/>
      <c r="K2559" s="18"/>
      <c r="L2559" s="18"/>
      <c r="M2559" s="18"/>
      <c r="N2559" s="18"/>
      <c r="O2559" s="18"/>
      <c r="P2559" s="19"/>
      <c r="Q2559" s="19"/>
      <c r="R2559" s="19"/>
      <c r="S2559" s="19"/>
      <c r="T2559" s="19"/>
      <c r="U2559" s="19"/>
      <c r="V2559" s="19"/>
      <c r="W2559" s="19"/>
      <c r="X2559" s="19"/>
      <c r="Y2559" s="19"/>
      <c r="Z2559" s="19"/>
      <c r="AA2559" s="19"/>
    </row>
    <row r="2560" spans="1:27" s="1" customFormat="1" ht="14.1" customHeight="1" outlineLevel="2" x14ac:dyDescent="0.2">
      <c r="A2560" s="17">
        <v>17078</v>
      </c>
      <c r="B2560" s="17"/>
      <c r="C2560" s="17"/>
      <c r="D2560" s="18" t="s">
        <v>1288</v>
      </c>
      <c r="E2560" s="18"/>
      <c r="F2560" s="18"/>
      <c r="G2560" s="18"/>
      <c r="H2560" s="18"/>
      <c r="I2560" s="18"/>
      <c r="J2560" s="18"/>
      <c r="K2560" s="18"/>
      <c r="L2560" s="18"/>
      <c r="M2560" s="18"/>
      <c r="N2560" s="18"/>
      <c r="O2560" s="18"/>
      <c r="P2560" s="19">
        <v>190</v>
      </c>
      <c r="Q2560" s="19"/>
      <c r="R2560" s="19"/>
      <c r="S2560" s="19"/>
      <c r="T2560" s="19">
        <v>100</v>
      </c>
      <c r="U2560" s="19"/>
      <c r="V2560" s="19"/>
      <c r="W2560" s="19"/>
      <c r="X2560" s="19">
        <v>2</v>
      </c>
      <c r="Y2560" s="19"/>
      <c r="Z2560" s="19"/>
      <c r="AA2560" s="19"/>
    </row>
    <row r="2561" spans="1:27" s="1" customFormat="1" ht="14.1" customHeight="1" outlineLevel="2" x14ac:dyDescent="0.2">
      <c r="A2561" s="17"/>
      <c r="B2561" s="17"/>
      <c r="C2561" s="17"/>
      <c r="D2561" s="18"/>
      <c r="E2561" s="18"/>
      <c r="F2561" s="18"/>
      <c r="G2561" s="18"/>
      <c r="H2561" s="18"/>
      <c r="I2561" s="18"/>
      <c r="J2561" s="18"/>
      <c r="K2561" s="18"/>
      <c r="L2561" s="18"/>
      <c r="M2561" s="18"/>
      <c r="N2561" s="18"/>
      <c r="O2561" s="18"/>
      <c r="P2561" s="19"/>
      <c r="Q2561" s="19"/>
      <c r="R2561" s="19"/>
      <c r="S2561" s="19"/>
      <c r="T2561" s="19"/>
      <c r="U2561" s="19"/>
      <c r="V2561" s="19"/>
      <c r="W2561" s="19"/>
      <c r="X2561" s="19"/>
      <c r="Y2561" s="19"/>
      <c r="Z2561" s="19"/>
      <c r="AA2561" s="19"/>
    </row>
    <row r="2562" spans="1:27" s="1" customFormat="1" ht="14.1" customHeight="1" outlineLevel="2" x14ac:dyDescent="0.2">
      <c r="A2562" s="17">
        <v>15826</v>
      </c>
      <c r="B2562" s="17"/>
      <c r="C2562" s="17"/>
      <c r="D2562" s="18" t="s">
        <v>1289</v>
      </c>
      <c r="E2562" s="18"/>
      <c r="F2562" s="18"/>
      <c r="G2562" s="18"/>
      <c r="H2562" s="18"/>
      <c r="I2562" s="18"/>
      <c r="J2562" s="18"/>
      <c r="K2562" s="18"/>
      <c r="L2562" s="18"/>
      <c r="M2562" s="18"/>
      <c r="N2562" s="18"/>
      <c r="O2562" s="18"/>
      <c r="P2562" s="19">
        <v>150</v>
      </c>
      <c r="Q2562" s="19"/>
      <c r="R2562" s="19"/>
      <c r="S2562" s="19"/>
      <c r="T2562" s="19">
        <v>100</v>
      </c>
      <c r="U2562" s="19"/>
      <c r="V2562" s="19"/>
      <c r="W2562" s="19"/>
      <c r="X2562" s="19">
        <v>2</v>
      </c>
      <c r="Y2562" s="19"/>
      <c r="Z2562" s="19"/>
      <c r="AA2562" s="19"/>
    </row>
    <row r="2563" spans="1:27" s="1" customFormat="1" ht="14.1" customHeight="1" outlineLevel="2" x14ac:dyDescent="0.2">
      <c r="A2563" s="17"/>
      <c r="B2563" s="17"/>
      <c r="C2563" s="17"/>
      <c r="D2563" s="18"/>
      <c r="E2563" s="18"/>
      <c r="F2563" s="18"/>
      <c r="G2563" s="18"/>
      <c r="H2563" s="18"/>
      <c r="I2563" s="18"/>
      <c r="J2563" s="18"/>
      <c r="K2563" s="18"/>
      <c r="L2563" s="18"/>
      <c r="M2563" s="18"/>
      <c r="N2563" s="18"/>
      <c r="O2563" s="18"/>
      <c r="P2563" s="19"/>
      <c r="Q2563" s="19"/>
      <c r="R2563" s="19"/>
      <c r="S2563" s="19"/>
      <c r="T2563" s="19"/>
      <c r="U2563" s="19"/>
      <c r="V2563" s="19"/>
      <c r="W2563" s="19"/>
      <c r="X2563" s="19"/>
      <c r="Y2563" s="19"/>
      <c r="Z2563" s="19"/>
      <c r="AA2563" s="19"/>
    </row>
    <row r="2564" spans="1:27" s="1" customFormat="1" ht="11.1" customHeight="1" outlineLevel="2" x14ac:dyDescent="0.2">
      <c r="A2564" s="17">
        <v>10293</v>
      </c>
      <c r="B2564" s="17"/>
      <c r="C2564" s="17"/>
      <c r="D2564" s="18" t="s">
        <v>1290</v>
      </c>
      <c r="E2564" s="18"/>
      <c r="F2564" s="18"/>
      <c r="G2564" s="18"/>
      <c r="H2564" s="18"/>
      <c r="I2564" s="18"/>
      <c r="J2564" s="18"/>
      <c r="K2564" s="18"/>
      <c r="L2564" s="18"/>
      <c r="M2564" s="18"/>
      <c r="N2564" s="18"/>
      <c r="O2564" s="18"/>
      <c r="P2564" s="19">
        <v>200</v>
      </c>
      <c r="Q2564" s="19"/>
      <c r="R2564" s="19"/>
      <c r="S2564" s="19"/>
      <c r="T2564" s="19">
        <v>200</v>
      </c>
      <c r="U2564" s="19"/>
      <c r="V2564" s="19"/>
      <c r="W2564" s="19"/>
      <c r="X2564" s="19">
        <v>1</v>
      </c>
      <c r="Y2564" s="19"/>
      <c r="Z2564" s="19"/>
      <c r="AA2564" s="19"/>
    </row>
    <row r="2565" spans="1:27" s="1" customFormat="1" ht="11.1" customHeight="1" outlineLevel="2" x14ac:dyDescent="0.2">
      <c r="A2565" s="17"/>
      <c r="B2565" s="17"/>
      <c r="C2565" s="17"/>
      <c r="D2565" s="18"/>
      <c r="E2565" s="18"/>
      <c r="F2565" s="18"/>
      <c r="G2565" s="18"/>
      <c r="H2565" s="18"/>
      <c r="I2565" s="18"/>
      <c r="J2565" s="18"/>
      <c r="K2565" s="18"/>
      <c r="L2565" s="18"/>
      <c r="M2565" s="18"/>
      <c r="N2565" s="18"/>
      <c r="O2565" s="18"/>
      <c r="P2565" s="19"/>
      <c r="Q2565" s="19"/>
      <c r="R2565" s="19"/>
      <c r="S2565" s="19"/>
      <c r="T2565" s="19"/>
      <c r="U2565" s="19"/>
      <c r="V2565" s="19"/>
      <c r="W2565" s="19"/>
      <c r="X2565" s="19"/>
      <c r="Y2565" s="19"/>
      <c r="Z2565" s="19"/>
      <c r="AA2565" s="19"/>
    </row>
    <row r="2566" spans="1:27" s="1" customFormat="1" ht="14.1" customHeight="1" outlineLevel="2" x14ac:dyDescent="0.2">
      <c r="A2566" s="17">
        <v>14608</v>
      </c>
      <c r="B2566" s="17"/>
      <c r="C2566" s="17"/>
      <c r="D2566" s="18" t="s">
        <v>1291</v>
      </c>
      <c r="E2566" s="18"/>
      <c r="F2566" s="18"/>
      <c r="G2566" s="18"/>
      <c r="H2566" s="18"/>
      <c r="I2566" s="18"/>
      <c r="J2566" s="18"/>
      <c r="K2566" s="18"/>
      <c r="L2566" s="18"/>
      <c r="M2566" s="18"/>
      <c r="N2566" s="18"/>
      <c r="O2566" s="18"/>
      <c r="P2566" s="19">
        <v>320</v>
      </c>
      <c r="Q2566" s="19"/>
      <c r="R2566" s="19"/>
      <c r="S2566" s="19"/>
      <c r="T2566" s="19">
        <v>250</v>
      </c>
      <c r="U2566" s="19"/>
      <c r="V2566" s="19"/>
      <c r="W2566" s="19"/>
      <c r="X2566" s="19">
        <v>1</v>
      </c>
      <c r="Y2566" s="19"/>
      <c r="Z2566" s="19"/>
      <c r="AA2566" s="19"/>
    </row>
    <row r="2567" spans="1:27" s="1" customFormat="1" ht="14.1" customHeight="1" outlineLevel="2" x14ac:dyDescent="0.2">
      <c r="A2567" s="17"/>
      <c r="B2567" s="17"/>
      <c r="C2567" s="17"/>
      <c r="D2567" s="18"/>
      <c r="E2567" s="18"/>
      <c r="F2567" s="18"/>
      <c r="G2567" s="18"/>
      <c r="H2567" s="18"/>
      <c r="I2567" s="18"/>
      <c r="J2567" s="18"/>
      <c r="K2567" s="18"/>
      <c r="L2567" s="18"/>
      <c r="M2567" s="18"/>
      <c r="N2567" s="18"/>
      <c r="O2567" s="18"/>
      <c r="P2567" s="19"/>
      <c r="Q2567" s="19"/>
      <c r="R2567" s="19"/>
      <c r="S2567" s="19"/>
      <c r="T2567" s="19"/>
      <c r="U2567" s="19"/>
      <c r="V2567" s="19"/>
      <c r="W2567" s="19"/>
      <c r="X2567" s="19"/>
      <c r="Y2567" s="19"/>
      <c r="Z2567" s="19"/>
      <c r="AA2567" s="19"/>
    </row>
    <row r="2568" spans="1:27" s="1" customFormat="1" ht="11.1" customHeight="1" outlineLevel="2" x14ac:dyDescent="0.2">
      <c r="A2568" s="17">
        <v>1594</v>
      </c>
      <c r="B2568" s="17"/>
      <c r="C2568" s="17"/>
      <c r="D2568" s="18" t="s">
        <v>1292</v>
      </c>
      <c r="E2568" s="18"/>
      <c r="F2568" s="18"/>
      <c r="G2568" s="18"/>
      <c r="H2568" s="18"/>
      <c r="I2568" s="18"/>
      <c r="J2568" s="18"/>
      <c r="K2568" s="18"/>
      <c r="L2568" s="18"/>
      <c r="M2568" s="18"/>
      <c r="N2568" s="18"/>
      <c r="O2568" s="18"/>
      <c r="P2568" s="19">
        <v>110</v>
      </c>
      <c r="Q2568" s="19"/>
      <c r="R2568" s="19"/>
      <c r="S2568" s="19"/>
      <c r="T2568" s="19">
        <v>70</v>
      </c>
      <c r="U2568" s="19"/>
      <c r="V2568" s="19"/>
      <c r="W2568" s="19"/>
      <c r="X2568" s="19">
        <v>1</v>
      </c>
      <c r="Y2568" s="19"/>
      <c r="Z2568" s="19"/>
      <c r="AA2568" s="19"/>
    </row>
    <row r="2569" spans="1:27" s="1" customFormat="1" ht="11.1" customHeight="1" outlineLevel="2" x14ac:dyDescent="0.2">
      <c r="A2569" s="17"/>
      <c r="B2569" s="17"/>
      <c r="C2569" s="17"/>
      <c r="D2569" s="18"/>
      <c r="E2569" s="18"/>
      <c r="F2569" s="18"/>
      <c r="G2569" s="18"/>
      <c r="H2569" s="18"/>
      <c r="I2569" s="18"/>
      <c r="J2569" s="18"/>
      <c r="K2569" s="18"/>
      <c r="L2569" s="18"/>
      <c r="M2569" s="18"/>
      <c r="N2569" s="18"/>
      <c r="O2569" s="18"/>
      <c r="P2569" s="19"/>
      <c r="Q2569" s="19"/>
      <c r="R2569" s="19"/>
      <c r="S2569" s="19"/>
      <c r="T2569" s="19"/>
      <c r="U2569" s="19"/>
      <c r="V2569" s="19"/>
      <c r="W2569" s="19"/>
      <c r="X2569" s="19"/>
      <c r="Y2569" s="19"/>
      <c r="Z2569" s="19"/>
      <c r="AA2569" s="19"/>
    </row>
    <row r="2570" spans="1:27" s="1" customFormat="1" ht="11.1" customHeight="1" outlineLevel="2" x14ac:dyDescent="0.2">
      <c r="A2570" s="17">
        <v>4655</v>
      </c>
      <c r="B2570" s="17"/>
      <c r="C2570" s="17"/>
      <c r="D2570" s="18" t="s">
        <v>1293</v>
      </c>
      <c r="E2570" s="18"/>
      <c r="F2570" s="18"/>
      <c r="G2570" s="18"/>
      <c r="H2570" s="18"/>
      <c r="I2570" s="18"/>
      <c r="J2570" s="18"/>
      <c r="K2570" s="18"/>
      <c r="L2570" s="18"/>
      <c r="M2570" s="18"/>
      <c r="N2570" s="18"/>
      <c r="O2570" s="18"/>
      <c r="P2570" s="19">
        <v>200</v>
      </c>
      <c r="Q2570" s="19"/>
      <c r="R2570" s="19"/>
      <c r="S2570" s="19"/>
      <c r="T2570" s="19">
        <v>160</v>
      </c>
      <c r="U2570" s="19"/>
      <c r="V2570" s="19"/>
      <c r="W2570" s="19"/>
      <c r="X2570" s="19">
        <v>1</v>
      </c>
      <c r="Y2570" s="19"/>
      <c r="Z2570" s="19"/>
      <c r="AA2570" s="19"/>
    </row>
    <row r="2571" spans="1:27" s="1" customFormat="1" ht="11.1" customHeight="1" outlineLevel="2" x14ac:dyDescent="0.2">
      <c r="A2571" s="17"/>
      <c r="B2571" s="17"/>
      <c r="C2571" s="17"/>
      <c r="D2571" s="18"/>
      <c r="E2571" s="18"/>
      <c r="F2571" s="18"/>
      <c r="G2571" s="18"/>
      <c r="H2571" s="18"/>
      <c r="I2571" s="18"/>
      <c r="J2571" s="18"/>
      <c r="K2571" s="18"/>
      <c r="L2571" s="18"/>
      <c r="M2571" s="18"/>
      <c r="N2571" s="18"/>
      <c r="O2571" s="18"/>
      <c r="P2571" s="19"/>
      <c r="Q2571" s="19"/>
      <c r="R2571" s="19"/>
      <c r="S2571" s="19"/>
      <c r="T2571" s="19"/>
      <c r="U2571" s="19"/>
      <c r="V2571" s="19"/>
      <c r="W2571" s="19"/>
      <c r="X2571" s="19"/>
      <c r="Y2571" s="19"/>
      <c r="Z2571" s="19"/>
      <c r="AA2571" s="19"/>
    </row>
    <row r="2572" spans="1:27" s="1" customFormat="1" ht="11.1" customHeight="1" outlineLevel="2" x14ac:dyDescent="0.2">
      <c r="A2572" s="17">
        <v>1595</v>
      </c>
      <c r="B2572" s="17"/>
      <c r="C2572" s="17"/>
      <c r="D2572" s="18" t="s">
        <v>1294</v>
      </c>
      <c r="E2572" s="18"/>
      <c r="F2572" s="18"/>
      <c r="G2572" s="18"/>
      <c r="H2572" s="18"/>
      <c r="I2572" s="18"/>
      <c r="J2572" s="18"/>
      <c r="K2572" s="18"/>
      <c r="L2572" s="18"/>
      <c r="M2572" s="18"/>
      <c r="N2572" s="18"/>
      <c r="O2572" s="18"/>
      <c r="P2572" s="19">
        <v>110</v>
      </c>
      <c r="Q2572" s="19"/>
      <c r="R2572" s="19"/>
      <c r="S2572" s="19"/>
      <c r="T2572" s="19">
        <v>70</v>
      </c>
      <c r="U2572" s="19"/>
      <c r="V2572" s="19"/>
      <c r="W2572" s="19"/>
      <c r="X2572" s="19">
        <v>8</v>
      </c>
      <c r="Y2572" s="19"/>
      <c r="Z2572" s="19"/>
      <c r="AA2572" s="19"/>
    </row>
    <row r="2573" spans="1:27" s="1" customFormat="1" ht="11.1" customHeight="1" outlineLevel="2" x14ac:dyDescent="0.2">
      <c r="A2573" s="17"/>
      <c r="B2573" s="17"/>
      <c r="C2573" s="17"/>
      <c r="D2573" s="18"/>
      <c r="E2573" s="18"/>
      <c r="F2573" s="18"/>
      <c r="G2573" s="18"/>
      <c r="H2573" s="18"/>
      <c r="I2573" s="18"/>
      <c r="J2573" s="18"/>
      <c r="K2573" s="18"/>
      <c r="L2573" s="18"/>
      <c r="M2573" s="18"/>
      <c r="N2573" s="18"/>
      <c r="O2573" s="18"/>
      <c r="P2573" s="19"/>
      <c r="Q2573" s="19"/>
      <c r="R2573" s="19"/>
      <c r="S2573" s="19"/>
      <c r="T2573" s="19"/>
      <c r="U2573" s="19"/>
      <c r="V2573" s="19"/>
      <c r="W2573" s="19"/>
      <c r="X2573" s="19"/>
      <c r="Y2573" s="19"/>
      <c r="Z2573" s="19"/>
      <c r="AA2573" s="19"/>
    </row>
    <row r="2574" spans="1:27" s="1" customFormat="1" ht="11.1" customHeight="1" outlineLevel="1" x14ac:dyDescent="0.2">
      <c r="A2574" s="16" t="s">
        <v>1295</v>
      </c>
      <c r="B2574" s="16"/>
      <c r="C2574" s="16"/>
      <c r="D2574" s="16"/>
      <c r="E2574" s="16"/>
      <c r="F2574" s="16"/>
      <c r="G2574" s="16"/>
      <c r="H2574" s="16"/>
      <c r="I2574" s="16"/>
      <c r="J2574" s="16"/>
      <c r="K2574" s="16"/>
      <c r="L2574" s="16"/>
      <c r="M2574" s="16"/>
      <c r="N2574" s="16"/>
      <c r="O2574" s="16"/>
      <c r="P2574" s="16"/>
      <c r="Q2574" s="16"/>
      <c r="R2574" s="16"/>
      <c r="S2574" s="16"/>
      <c r="T2574" s="16"/>
      <c r="U2574" s="16"/>
      <c r="V2574" s="16"/>
      <c r="W2574" s="16"/>
      <c r="X2574" s="16"/>
      <c r="Y2574" s="16"/>
      <c r="Z2574" s="16"/>
      <c r="AA2574" s="16"/>
    </row>
    <row r="2575" spans="1:27" s="1" customFormat="1" ht="11.1" customHeight="1" outlineLevel="1" x14ac:dyDescent="0.2">
      <c r="A2575" s="16"/>
      <c r="B2575" s="16"/>
      <c r="C2575" s="16"/>
      <c r="D2575" s="16"/>
      <c r="E2575" s="16"/>
      <c r="F2575" s="16"/>
      <c r="G2575" s="16"/>
      <c r="H2575" s="16"/>
      <c r="I2575" s="16"/>
      <c r="J2575" s="16"/>
      <c r="K2575" s="16"/>
      <c r="L2575" s="16"/>
      <c r="M2575" s="16"/>
      <c r="N2575" s="16"/>
      <c r="O2575" s="16"/>
      <c r="P2575" s="16"/>
      <c r="Q2575" s="16"/>
      <c r="R2575" s="16"/>
      <c r="S2575" s="16"/>
      <c r="T2575" s="16"/>
      <c r="U2575" s="16"/>
      <c r="V2575" s="16"/>
      <c r="W2575" s="16"/>
      <c r="X2575" s="16"/>
      <c r="Y2575" s="16"/>
      <c r="Z2575" s="16"/>
      <c r="AA2575" s="16"/>
    </row>
    <row r="2576" spans="1:27" s="1" customFormat="1" ht="14.1" customHeight="1" outlineLevel="2" x14ac:dyDescent="0.2">
      <c r="A2576" s="17">
        <v>12135</v>
      </c>
      <c r="B2576" s="17"/>
      <c r="C2576" s="17"/>
      <c r="D2576" s="18" t="s">
        <v>1296</v>
      </c>
      <c r="E2576" s="18"/>
      <c r="F2576" s="18"/>
      <c r="G2576" s="18"/>
      <c r="H2576" s="18"/>
      <c r="I2576" s="18"/>
      <c r="J2576" s="18"/>
      <c r="K2576" s="18"/>
      <c r="L2576" s="18"/>
      <c r="M2576" s="18"/>
      <c r="N2576" s="18"/>
      <c r="O2576" s="18"/>
      <c r="P2576" s="19">
        <v>200</v>
      </c>
      <c r="Q2576" s="19"/>
      <c r="R2576" s="19"/>
      <c r="S2576" s="19"/>
      <c r="T2576" s="19">
        <v>150</v>
      </c>
      <c r="U2576" s="19"/>
      <c r="V2576" s="19"/>
      <c r="W2576" s="19"/>
      <c r="X2576" s="19">
        <v>1</v>
      </c>
      <c r="Y2576" s="19"/>
      <c r="Z2576" s="19"/>
      <c r="AA2576" s="19"/>
    </row>
    <row r="2577" spans="1:27" s="1" customFormat="1" ht="14.1" customHeight="1" outlineLevel="2" x14ac:dyDescent="0.2">
      <c r="A2577" s="17"/>
      <c r="B2577" s="17"/>
      <c r="C2577" s="17"/>
      <c r="D2577" s="18"/>
      <c r="E2577" s="18"/>
      <c r="F2577" s="18"/>
      <c r="G2577" s="18"/>
      <c r="H2577" s="18"/>
      <c r="I2577" s="18"/>
      <c r="J2577" s="18"/>
      <c r="K2577" s="18"/>
      <c r="L2577" s="18"/>
      <c r="M2577" s="18"/>
      <c r="N2577" s="18"/>
      <c r="O2577" s="18"/>
      <c r="P2577" s="19"/>
      <c r="Q2577" s="19"/>
      <c r="R2577" s="19"/>
      <c r="S2577" s="19"/>
      <c r="T2577" s="19"/>
      <c r="U2577" s="19"/>
      <c r="V2577" s="19"/>
      <c r="W2577" s="19"/>
      <c r="X2577" s="19"/>
      <c r="Y2577" s="19"/>
      <c r="Z2577" s="19"/>
      <c r="AA2577" s="19"/>
    </row>
    <row r="2578" spans="1:27" s="1" customFormat="1" ht="14.1" customHeight="1" outlineLevel="2" x14ac:dyDescent="0.2">
      <c r="A2578" s="17">
        <v>13989</v>
      </c>
      <c r="B2578" s="17"/>
      <c r="C2578" s="17"/>
      <c r="D2578" s="18" t="s">
        <v>1297</v>
      </c>
      <c r="E2578" s="18"/>
      <c r="F2578" s="18"/>
      <c r="G2578" s="18"/>
      <c r="H2578" s="18"/>
      <c r="I2578" s="18"/>
      <c r="J2578" s="18"/>
      <c r="K2578" s="18"/>
      <c r="L2578" s="18"/>
      <c r="M2578" s="18"/>
      <c r="N2578" s="18"/>
      <c r="O2578" s="18"/>
      <c r="P2578" s="19">
        <v>300</v>
      </c>
      <c r="Q2578" s="19"/>
      <c r="R2578" s="19"/>
      <c r="S2578" s="19"/>
      <c r="T2578" s="19">
        <v>240</v>
      </c>
      <c r="U2578" s="19"/>
      <c r="V2578" s="19"/>
      <c r="W2578" s="19"/>
      <c r="X2578" s="19">
        <v>1</v>
      </c>
      <c r="Y2578" s="19"/>
      <c r="Z2578" s="19"/>
      <c r="AA2578" s="19"/>
    </row>
    <row r="2579" spans="1:27" s="1" customFormat="1" ht="14.1" customHeight="1" outlineLevel="2" x14ac:dyDescent="0.2">
      <c r="A2579" s="17"/>
      <c r="B2579" s="17"/>
      <c r="C2579" s="17"/>
      <c r="D2579" s="18"/>
      <c r="E2579" s="18"/>
      <c r="F2579" s="18"/>
      <c r="G2579" s="18"/>
      <c r="H2579" s="18"/>
      <c r="I2579" s="18"/>
      <c r="J2579" s="18"/>
      <c r="K2579" s="18"/>
      <c r="L2579" s="18"/>
      <c r="M2579" s="18"/>
      <c r="N2579" s="18"/>
      <c r="O2579" s="18"/>
      <c r="P2579" s="19"/>
      <c r="Q2579" s="19"/>
      <c r="R2579" s="19"/>
      <c r="S2579" s="19"/>
      <c r="T2579" s="19"/>
      <c r="U2579" s="19"/>
      <c r="V2579" s="19"/>
      <c r="W2579" s="19"/>
      <c r="X2579" s="19"/>
      <c r="Y2579" s="19"/>
      <c r="Z2579" s="19"/>
      <c r="AA2579" s="19"/>
    </row>
    <row r="2580" spans="1:27" s="1" customFormat="1" ht="11.1" customHeight="1" outlineLevel="1" x14ac:dyDescent="0.2">
      <c r="A2580" s="16" t="s">
        <v>1298</v>
      </c>
      <c r="B2580" s="16"/>
      <c r="C2580" s="16"/>
      <c r="D2580" s="16"/>
      <c r="E2580" s="16"/>
      <c r="F2580" s="16"/>
      <c r="G2580" s="16"/>
      <c r="H2580" s="16"/>
      <c r="I2580" s="16"/>
      <c r="J2580" s="16"/>
      <c r="K2580" s="16"/>
      <c r="L2580" s="16"/>
      <c r="M2580" s="16"/>
      <c r="N2580" s="16"/>
      <c r="O2580" s="16"/>
      <c r="P2580" s="16"/>
      <c r="Q2580" s="16"/>
      <c r="R2580" s="16"/>
      <c r="S2580" s="16"/>
      <c r="T2580" s="16"/>
      <c r="U2580" s="16"/>
      <c r="V2580" s="16"/>
      <c r="W2580" s="16"/>
      <c r="X2580" s="16"/>
      <c r="Y2580" s="16"/>
      <c r="Z2580" s="16"/>
      <c r="AA2580" s="16"/>
    </row>
    <row r="2581" spans="1:27" s="1" customFormat="1" ht="11.1" customHeight="1" outlineLevel="1" x14ac:dyDescent="0.2">
      <c r="A2581" s="16"/>
      <c r="B2581" s="16"/>
      <c r="C2581" s="16"/>
      <c r="D2581" s="16"/>
      <c r="E2581" s="16"/>
      <c r="F2581" s="16"/>
      <c r="G2581" s="16"/>
      <c r="H2581" s="16"/>
      <c r="I2581" s="16"/>
      <c r="J2581" s="16"/>
      <c r="K2581" s="16"/>
      <c r="L2581" s="16"/>
      <c r="M2581" s="16"/>
      <c r="N2581" s="16"/>
      <c r="O2581" s="16"/>
      <c r="P2581" s="16"/>
      <c r="Q2581" s="16"/>
      <c r="R2581" s="16"/>
      <c r="S2581" s="16"/>
      <c r="T2581" s="16"/>
      <c r="U2581" s="16"/>
      <c r="V2581" s="16"/>
      <c r="W2581" s="16"/>
      <c r="X2581" s="16"/>
      <c r="Y2581" s="16"/>
      <c r="Z2581" s="16"/>
      <c r="AA2581" s="16"/>
    </row>
    <row r="2582" spans="1:27" s="1" customFormat="1" ht="11.1" customHeight="1" outlineLevel="2" x14ac:dyDescent="0.2">
      <c r="A2582" s="17">
        <v>15203</v>
      </c>
      <c r="B2582" s="17"/>
      <c r="C2582" s="17"/>
      <c r="D2582" s="18" t="s">
        <v>1299</v>
      </c>
      <c r="E2582" s="18"/>
      <c r="F2582" s="18"/>
      <c r="G2582" s="18"/>
      <c r="H2582" s="18"/>
      <c r="I2582" s="18"/>
      <c r="J2582" s="18"/>
      <c r="K2582" s="18"/>
      <c r="L2582" s="18"/>
      <c r="M2582" s="18"/>
      <c r="N2582" s="18"/>
      <c r="O2582" s="18"/>
      <c r="P2582" s="19">
        <v>120</v>
      </c>
      <c r="Q2582" s="19"/>
      <c r="R2582" s="19"/>
      <c r="S2582" s="19"/>
      <c r="T2582" s="19">
        <v>80</v>
      </c>
      <c r="U2582" s="19"/>
      <c r="V2582" s="19"/>
      <c r="W2582" s="19"/>
      <c r="X2582" s="19">
        <v>1</v>
      </c>
      <c r="Y2582" s="19"/>
      <c r="Z2582" s="19"/>
      <c r="AA2582" s="19"/>
    </row>
    <row r="2583" spans="1:27" s="1" customFormat="1" ht="11.1" customHeight="1" outlineLevel="2" x14ac:dyDescent="0.2">
      <c r="A2583" s="17"/>
      <c r="B2583" s="17"/>
      <c r="C2583" s="17"/>
      <c r="D2583" s="18"/>
      <c r="E2583" s="18"/>
      <c r="F2583" s="18"/>
      <c r="G2583" s="18"/>
      <c r="H2583" s="18"/>
      <c r="I2583" s="18"/>
      <c r="J2583" s="18"/>
      <c r="K2583" s="18"/>
      <c r="L2583" s="18"/>
      <c r="M2583" s="18"/>
      <c r="N2583" s="18"/>
      <c r="O2583" s="18"/>
      <c r="P2583" s="19"/>
      <c r="Q2583" s="19"/>
      <c r="R2583" s="19"/>
      <c r="S2583" s="19"/>
      <c r="T2583" s="19"/>
      <c r="U2583" s="19"/>
      <c r="V2583" s="19"/>
      <c r="W2583" s="19"/>
      <c r="X2583" s="19"/>
      <c r="Y2583" s="19"/>
      <c r="Z2583" s="19"/>
      <c r="AA2583" s="19"/>
    </row>
    <row r="2584" spans="1:27" s="1" customFormat="1" ht="11.1" customHeight="1" outlineLevel="2" x14ac:dyDescent="0.2">
      <c r="A2584" s="17">
        <v>17029</v>
      </c>
      <c r="B2584" s="17"/>
      <c r="C2584" s="17"/>
      <c r="D2584" s="18" t="s">
        <v>1300</v>
      </c>
      <c r="E2584" s="18"/>
      <c r="F2584" s="18"/>
      <c r="G2584" s="18"/>
      <c r="H2584" s="18"/>
      <c r="I2584" s="18"/>
      <c r="J2584" s="18"/>
      <c r="K2584" s="18"/>
      <c r="L2584" s="18"/>
      <c r="M2584" s="18"/>
      <c r="N2584" s="18"/>
      <c r="O2584" s="18"/>
      <c r="P2584" s="19">
        <v>90</v>
      </c>
      <c r="Q2584" s="19"/>
      <c r="R2584" s="19"/>
      <c r="S2584" s="19"/>
      <c r="T2584" s="19">
        <v>50</v>
      </c>
      <c r="U2584" s="19"/>
      <c r="V2584" s="19"/>
      <c r="W2584" s="19"/>
      <c r="X2584" s="19">
        <v>2</v>
      </c>
      <c r="Y2584" s="19"/>
      <c r="Z2584" s="19"/>
      <c r="AA2584" s="19"/>
    </row>
    <row r="2585" spans="1:27" s="1" customFormat="1" ht="11.1" customHeight="1" outlineLevel="2" x14ac:dyDescent="0.2">
      <c r="A2585" s="17"/>
      <c r="B2585" s="17"/>
      <c r="C2585" s="17"/>
      <c r="D2585" s="18"/>
      <c r="E2585" s="18"/>
      <c r="F2585" s="18"/>
      <c r="G2585" s="18"/>
      <c r="H2585" s="18"/>
      <c r="I2585" s="18"/>
      <c r="J2585" s="18"/>
      <c r="K2585" s="18"/>
      <c r="L2585" s="18"/>
      <c r="M2585" s="18"/>
      <c r="N2585" s="18"/>
      <c r="O2585" s="18"/>
      <c r="P2585" s="19"/>
      <c r="Q2585" s="19"/>
      <c r="R2585" s="19"/>
      <c r="S2585" s="19"/>
      <c r="T2585" s="19"/>
      <c r="U2585" s="19"/>
      <c r="V2585" s="19"/>
      <c r="W2585" s="19"/>
      <c r="X2585" s="19"/>
      <c r="Y2585" s="19"/>
      <c r="Z2585" s="19"/>
      <c r="AA2585" s="19"/>
    </row>
    <row r="2586" spans="1:27" s="1" customFormat="1" ht="11.1" customHeight="1" outlineLevel="2" x14ac:dyDescent="0.2">
      <c r="A2586" s="17">
        <v>12109</v>
      </c>
      <c r="B2586" s="17"/>
      <c r="C2586" s="17"/>
      <c r="D2586" s="18" t="s">
        <v>1301</v>
      </c>
      <c r="E2586" s="18"/>
      <c r="F2586" s="18"/>
      <c r="G2586" s="18"/>
      <c r="H2586" s="18"/>
      <c r="I2586" s="18"/>
      <c r="J2586" s="18"/>
      <c r="K2586" s="18"/>
      <c r="L2586" s="18"/>
      <c r="M2586" s="18"/>
      <c r="N2586" s="18"/>
      <c r="O2586" s="18"/>
      <c r="P2586" s="19">
        <v>100</v>
      </c>
      <c r="Q2586" s="19"/>
      <c r="R2586" s="19"/>
      <c r="S2586" s="19"/>
      <c r="T2586" s="19">
        <v>50</v>
      </c>
      <c r="U2586" s="19"/>
      <c r="V2586" s="19"/>
      <c r="W2586" s="19"/>
      <c r="X2586" s="19">
        <v>7</v>
      </c>
      <c r="Y2586" s="19"/>
      <c r="Z2586" s="19"/>
      <c r="AA2586" s="19"/>
    </row>
    <row r="2587" spans="1:27" s="1" customFormat="1" ht="11.1" customHeight="1" outlineLevel="2" x14ac:dyDescent="0.2">
      <c r="A2587" s="17"/>
      <c r="B2587" s="17"/>
      <c r="C2587" s="17"/>
      <c r="D2587" s="18"/>
      <c r="E2587" s="18"/>
      <c r="F2587" s="18"/>
      <c r="G2587" s="18"/>
      <c r="H2587" s="18"/>
      <c r="I2587" s="18"/>
      <c r="J2587" s="18"/>
      <c r="K2587" s="18"/>
      <c r="L2587" s="18"/>
      <c r="M2587" s="18"/>
      <c r="N2587" s="18"/>
      <c r="O2587" s="18"/>
      <c r="P2587" s="19"/>
      <c r="Q2587" s="19"/>
      <c r="R2587" s="19"/>
      <c r="S2587" s="19"/>
      <c r="T2587" s="19"/>
      <c r="U2587" s="19"/>
      <c r="V2587" s="19"/>
      <c r="W2587" s="19"/>
      <c r="X2587" s="19"/>
      <c r="Y2587" s="19"/>
      <c r="Z2587" s="19"/>
      <c r="AA2587" s="19"/>
    </row>
    <row r="2588" spans="1:27" s="1" customFormat="1" ht="11.1" customHeight="1" outlineLevel="2" x14ac:dyDescent="0.2">
      <c r="A2588" s="17">
        <v>16806</v>
      </c>
      <c r="B2588" s="17"/>
      <c r="C2588" s="17"/>
      <c r="D2588" s="18" t="s">
        <v>1302</v>
      </c>
      <c r="E2588" s="18"/>
      <c r="F2588" s="18"/>
      <c r="G2588" s="18"/>
      <c r="H2588" s="18"/>
      <c r="I2588" s="18"/>
      <c r="J2588" s="18"/>
      <c r="K2588" s="18"/>
      <c r="L2588" s="18"/>
      <c r="M2588" s="18"/>
      <c r="N2588" s="18"/>
      <c r="O2588" s="18"/>
      <c r="P2588" s="19">
        <v>100</v>
      </c>
      <c r="Q2588" s="19"/>
      <c r="R2588" s="19"/>
      <c r="S2588" s="19"/>
      <c r="T2588" s="19">
        <v>50</v>
      </c>
      <c r="U2588" s="19"/>
      <c r="V2588" s="19"/>
      <c r="W2588" s="19"/>
      <c r="X2588" s="19">
        <v>1</v>
      </c>
      <c r="Y2588" s="19"/>
      <c r="Z2588" s="19"/>
      <c r="AA2588" s="19"/>
    </row>
    <row r="2589" spans="1:27" s="1" customFormat="1" ht="11.1" customHeight="1" outlineLevel="2" x14ac:dyDescent="0.2">
      <c r="A2589" s="17"/>
      <c r="B2589" s="17"/>
      <c r="C2589" s="17"/>
      <c r="D2589" s="18"/>
      <c r="E2589" s="18"/>
      <c r="F2589" s="18"/>
      <c r="G2589" s="18"/>
      <c r="H2589" s="18"/>
      <c r="I2589" s="18"/>
      <c r="J2589" s="18"/>
      <c r="K2589" s="18"/>
      <c r="L2589" s="18"/>
      <c r="M2589" s="18"/>
      <c r="N2589" s="18"/>
      <c r="O2589" s="18"/>
      <c r="P2589" s="19"/>
      <c r="Q2589" s="19"/>
      <c r="R2589" s="19"/>
      <c r="S2589" s="19"/>
      <c r="T2589" s="19"/>
      <c r="U2589" s="19"/>
      <c r="V2589" s="19"/>
      <c r="W2589" s="19"/>
      <c r="X2589" s="19"/>
      <c r="Y2589" s="19"/>
      <c r="Z2589" s="19"/>
      <c r="AA2589" s="19"/>
    </row>
    <row r="2590" spans="1:27" s="1" customFormat="1" ht="11.1" customHeight="1" outlineLevel="2" x14ac:dyDescent="0.2">
      <c r="A2590" s="17">
        <v>12743</v>
      </c>
      <c r="B2590" s="17"/>
      <c r="C2590" s="17"/>
      <c r="D2590" s="18" t="s">
        <v>1303</v>
      </c>
      <c r="E2590" s="18"/>
      <c r="F2590" s="18"/>
      <c r="G2590" s="18"/>
      <c r="H2590" s="18"/>
      <c r="I2590" s="18"/>
      <c r="J2590" s="18"/>
      <c r="K2590" s="18"/>
      <c r="L2590" s="18"/>
      <c r="M2590" s="18"/>
      <c r="N2590" s="18"/>
      <c r="O2590" s="18"/>
      <c r="P2590" s="19">
        <v>75</v>
      </c>
      <c r="Q2590" s="19"/>
      <c r="R2590" s="19"/>
      <c r="S2590" s="19"/>
      <c r="T2590" s="19">
        <v>50</v>
      </c>
      <c r="U2590" s="19"/>
      <c r="V2590" s="19"/>
      <c r="W2590" s="19"/>
      <c r="X2590" s="19">
        <v>4</v>
      </c>
      <c r="Y2590" s="19"/>
      <c r="Z2590" s="19"/>
      <c r="AA2590" s="19"/>
    </row>
    <row r="2591" spans="1:27" s="1" customFormat="1" ht="11.1" customHeight="1" outlineLevel="2" x14ac:dyDescent="0.2">
      <c r="A2591" s="17"/>
      <c r="B2591" s="17"/>
      <c r="C2591" s="17"/>
      <c r="D2591" s="18"/>
      <c r="E2591" s="18"/>
      <c r="F2591" s="18"/>
      <c r="G2591" s="18"/>
      <c r="H2591" s="18"/>
      <c r="I2591" s="18"/>
      <c r="J2591" s="18"/>
      <c r="K2591" s="18"/>
      <c r="L2591" s="18"/>
      <c r="M2591" s="18"/>
      <c r="N2591" s="18"/>
      <c r="O2591" s="18"/>
      <c r="P2591" s="19"/>
      <c r="Q2591" s="19"/>
      <c r="R2591" s="19"/>
      <c r="S2591" s="19"/>
      <c r="T2591" s="19"/>
      <c r="U2591" s="19"/>
      <c r="V2591" s="19"/>
      <c r="W2591" s="19"/>
      <c r="X2591" s="19"/>
      <c r="Y2591" s="19"/>
      <c r="Z2591" s="19"/>
      <c r="AA2591" s="19"/>
    </row>
    <row r="2592" spans="1:27" s="1" customFormat="1" ht="11.1" customHeight="1" outlineLevel="2" x14ac:dyDescent="0.2">
      <c r="A2592" s="17">
        <v>12086</v>
      </c>
      <c r="B2592" s="17"/>
      <c r="C2592" s="17"/>
      <c r="D2592" s="18" t="s">
        <v>1304</v>
      </c>
      <c r="E2592" s="18"/>
      <c r="F2592" s="18"/>
      <c r="G2592" s="18"/>
      <c r="H2592" s="18"/>
      <c r="I2592" s="18"/>
      <c r="J2592" s="18"/>
      <c r="K2592" s="18"/>
      <c r="L2592" s="18"/>
      <c r="M2592" s="18"/>
      <c r="N2592" s="18"/>
      <c r="O2592" s="18"/>
      <c r="P2592" s="19">
        <v>100</v>
      </c>
      <c r="Q2592" s="19"/>
      <c r="R2592" s="19"/>
      <c r="S2592" s="19"/>
      <c r="T2592" s="19">
        <v>60</v>
      </c>
      <c r="U2592" s="19"/>
      <c r="V2592" s="19"/>
      <c r="W2592" s="19"/>
      <c r="X2592" s="19">
        <v>1</v>
      </c>
      <c r="Y2592" s="19"/>
      <c r="Z2592" s="19"/>
      <c r="AA2592" s="19"/>
    </row>
    <row r="2593" spans="1:27" s="1" customFormat="1" ht="11.1" customHeight="1" outlineLevel="2" x14ac:dyDescent="0.2">
      <c r="A2593" s="17"/>
      <c r="B2593" s="17"/>
      <c r="C2593" s="17"/>
      <c r="D2593" s="18"/>
      <c r="E2593" s="18"/>
      <c r="F2593" s="18"/>
      <c r="G2593" s="18"/>
      <c r="H2593" s="18"/>
      <c r="I2593" s="18"/>
      <c r="J2593" s="18"/>
      <c r="K2593" s="18"/>
      <c r="L2593" s="18"/>
      <c r="M2593" s="18"/>
      <c r="N2593" s="18"/>
      <c r="O2593" s="18"/>
      <c r="P2593" s="19"/>
      <c r="Q2593" s="19"/>
      <c r="R2593" s="19"/>
      <c r="S2593" s="19"/>
      <c r="T2593" s="19"/>
      <c r="U2593" s="19"/>
      <c r="V2593" s="19"/>
      <c r="W2593" s="19"/>
      <c r="X2593" s="19"/>
      <c r="Y2593" s="19"/>
      <c r="Z2593" s="19"/>
      <c r="AA2593" s="19"/>
    </row>
    <row r="2594" spans="1:27" s="1" customFormat="1" ht="11.1" customHeight="1" outlineLevel="2" x14ac:dyDescent="0.2">
      <c r="A2594" s="17">
        <v>12838</v>
      </c>
      <c r="B2594" s="17"/>
      <c r="C2594" s="17"/>
      <c r="D2594" s="18" t="s">
        <v>1305</v>
      </c>
      <c r="E2594" s="18"/>
      <c r="F2594" s="18"/>
      <c r="G2594" s="18"/>
      <c r="H2594" s="18"/>
      <c r="I2594" s="18"/>
      <c r="J2594" s="18"/>
      <c r="K2594" s="18"/>
      <c r="L2594" s="18"/>
      <c r="M2594" s="18"/>
      <c r="N2594" s="18"/>
      <c r="O2594" s="18"/>
      <c r="P2594" s="19">
        <v>100</v>
      </c>
      <c r="Q2594" s="19"/>
      <c r="R2594" s="19"/>
      <c r="S2594" s="19"/>
      <c r="T2594" s="19">
        <v>70</v>
      </c>
      <c r="U2594" s="19"/>
      <c r="V2594" s="19"/>
      <c r="W2594" s="19"/>
      <c r="X2594" s="19">
        <v>1</v>
      </c>
      <c r="Y2594" s="19"/>
      <c r="Z2594" s="19"/>
      <c r="AA2594" s="19"/>
    </row>
    <row r="2595" spans="1:27" s="1" customFormat="1" ht="11.1" customHeight="1" outlineLevel="2" x14ac:dyDescent="0.2">
      <c r="A2595" s="17"/>
      <c r="B2595" s="17"/>
      <c r="C2595" s="17"/>
      <c r="D2595" s="18"/>
      <c r="E2595" s="18"/>
      <c r="F2595" s="18"/>
      <c r="G2595" s="18"/>
      <c r="H2595" s="18"/>
      <c r="I2595" s="18"/>
      <c r="J2595" s="18"/>
      <c r="K2595" s="18"/>
      <c r="L2595" s="18"/>
      <c r="M2595" s="18"/>
      <c r="N2595" s="18"/>
      <c r="O2595" s="18"/>
      <c r="P2595" s="19"/>
      <c r="Q2595" s="19"/>
      <c r="R2595" s="19"/>
      <c r="S2595" s="19"/>
      <c r="T2595" s="19"/>
      <c r="U2595" s="19"/>
      <c r="V2595" s="19"/>
      <c r="W2595" s="19"/>
      <c r="X2595" s="19"/>
      <c r="Y2595" s="19"/>
      <c r="Z2595" s="19"/>
      <c r="AA2595" s="19"/>
    </row>
    <row r="2596" spans="1:27" s="1" customFormat="1" ht="14.1" customHeight="1" outlineLevel="2" x14ac:dyDescent="0.2">
      <c r="A2596" s="17">
        <v>12865</v>
      </c>
      <c r="B2596" s="17"/>
      <c r="C2596" s="17"/>
      <c r="D2596" s="18" t="s">
        <v>1306</v>
      </c>
      <c r="E2596" s="18"/>
      <c r="F2596" s="18"/>
      <c r="G2596" s="18"/>
      <c r="H2596" s="18"/>
      <c r="I2596" s="18"/>
      <c r="J2596" s="18"/>
      <c r="K2596" s="18"/>
      <c r="L2596" s="18"/>
      <c r="M2596" s="18"/>
      <c r="N2596" s="18"/>
      <c r="O2596" s="18"/>
      <c r="P2596" s="19">
        <v>100</v>
      </c>
      <c r="Q2596" s="19"/>
      <c r="R2596" s="19"/>
      <c r="S2596" s="19"/>
      <c r="T2596" s="19">
        <v>50</v>
      </c>
      <c r="U2596" s="19"/>
      <c r="V2596" s="19"/>
      <c r="W2596" s="19"/>
      <c r="X2596" s="19">
        <v>4</v>
      </c>
      <c r="Y2596" s="19"/>
      <c r="Z2596" s="19"/>
      <c r="AA2596" s="19"/>
    </row>
    <row r="2597" spans="1:27" s="1" customFormat="1" ht="14.1" customHeight="1" outlineLevel="2" x14ac:dyDescent="0.2">
      <c r="A2597" s="17"/>
      <c r="B2597" s="17"/>
      <c r="C2597" s="17"/>
      <c r="D2597" s="18"/>
      <c r="E2597" s="18"/>
      <c r="F2597" s="18"/>
      <c r="G2597" s="18"/>
      <c r="H2597" s="18"/>
      <c r="I2597" s="18"/>
      <c r="J2597" s="18"/>
      <c r="K2597" s="18"/>
      <c r="L2597" s="18"/>
      <c r="M2597" s="18"/>
      <c r="N2597" s="18"/>
      <c r="O2597" s="18"/>
      <c r="P2597" s="19"/>
      <c r="Q2597" s="19"/>
      <c r="R2597" s="19"/>
      <c r="S2597" s="19"/>
      <c r="T2597" s="19"/>
      <c r="U2597" s="19"/>
      <c r="V2597" s="19"/>
      <c r="W2597" s="19"/>
      <c r="X2597" s="19"/>
      <c r="Y2597" s="19"/>
      <c r="Z2597" s="19"/>
      <c r="AA2597" s="19"/>
    </row>
    <row r="2598" spans="1:27" s="1" customFormat="1" ht="11.1" customHeight="1" outlineLevel="2" x14ac:dyDescent="0.2">
      <c r="A2598" s="17">
        <v>12790</v>
      </c>
      <c r="B2598" s="17"/>
      <c r="C2598" s="17"/>
      <c r="D2598" s="18" t="s">
        <v>1307</v>
      </c>
      <c r="E2598" s="18"/>
      <c r="F2598" s="18"/>
      <c r="G2598" s="18"/>
      <c r="H2598" s="18"/>
      <c r="I2598" s="18"/>
      <c r="J2598" s="18"/>
      <c r="K2598" s="18"/>
      <c r="L2598" s="18"/>
      <c r="M2598" s="18"/>
      <c r="N2598" s="18"/>
      <c r="O2598" s="18"/>
      <c r="P2598" s="19">
        <v>120</v>
      </c>
      <c r="Q2598" s="19"/>
      <c r="R2598" s="19"/>
      <c r="S2598" s="19"/>
      <c r="T2598" s="19">
        <v>90</v>
      </c>
      <c r="U2598" s="19"/>
      <c r="V2598" s="19"/>
      <c r="W2598" s="19"/>
      <c r="X2598" s="19">
        <v>5</v>
      </c>
      <c r="Y2598" s="19"/>
      <c r="Z2598" s="19"/>
      <c r="AA2598" s="19"/>
    </row>
    <row r="2599" spans="1:27" s="1" customFormat="1" ht="11.1" customHeight="1" outlineLevel="2" x14ac:dyDescent="0.2">
      <c r="A2599" s="17"/>
      <c r="B2599" s="17"/>
      <c r="C2599" s="17"/>
      <c r="D2599" s="18"/>
      <c r="E2599" s="18"/>
      <c r="F2599" s="18"/>
      <c r="G2599" s="18"/>
      <c r="H2599" s="18"/>
      <c r="I2599" s="18"/>
      <c r="J2599" s="18"/>
      <c r="K2599" s="18"/>
      <c r="L2599" s="18"/>
      <c r="M2599" s="18"/>
      <c r="N2599" s="18"/>
      <c r="O2599" s="18"/>
      <c r="P2599" s="19"/>
      <c r="Q2599" s="19"/>
      <c r="R2599" s="19"/>
      <c r="S2599" s="19"/>
      <c r="T2599" s="19"/>
      <c r="U2599" s="19"/>
      <c r="V2599" s="19"/>
      <c r="W2599" s="19"/>
      <c r="X2599" s="19"/>
      <c r="Y2599" s="19"/>
      <c r="Z2599" s="19"/>
      <c r="AA2599" s="19"/>
    </row>
    <row r="2600" spans="1:27" s="1" customFormat="1" ht="14.1" customHeight="1" outlineLevel="2" x14ac:dyDescent="0.2">
      <c r="A2600" s="17">
        <v>16936</v>
      </c>
      <c r="B2600" s="17"/>
      <c r="C2600" s="17"/>
      <c r="D2600" s="18" t="s">
        <v>1308</v>
      </c>
      <c r="E2600" s="18"/>
      <c r="F2600" s="18"/>
      <c r="G2600" s="18"/>
      <c r="H2600" s="18"/>
      <c r="I2600" s="18"/>
      <c r="J2600" s="18"/>
      <c r="K2600" s="18"/>
      <c r="L2600" s="18"/>
      <c r="M2600" s="18"/>
      <c r="N2600" s="18"/>
      <c r="O2600" s="18"/>
      <c r="P2600" s="19">
        <v>100</v>
      </c>
      <c r="Q2600" s="19"/>
      <c r="R2600" s="19"/>
      <c r="S2600" s="19"/>
      <c r="T2600" s="19">
        <v>50</v>
      </c>
      <c r="U2600" s="19"/>
      <c r="V2600" s="19"/>
      <c r="W2600" s="19"/>
      <c r="X2600" s="19">
        <v>2</v>
      </c>
      <c r="Y2600" s="19"/>
      <c r="Z2600" s="19"/>
      <c r="AA2600" s="19"/>
    </row>
    <row r="2601" spans="1:27" s="1" customFormat="1" ht="14.1" customHeight="1" outlineLevel="2" x14ac:dyDescent="0.2">
      <c r="A2601" s="17"/>
      <c r="B2601" s="17"/>
      <c r="C2601" s="17"/>
      <c r="D2601" s="18"/>
      <c r="E2601" s="18"/>
      <c r="F2601" s="18"/>
      <c r="G2601" s="18"/>
      <c r="H2601" s="18"/>
      <c r="I2601" s="18"/>
      <c r="J2601" s="18"/>
      <c r="K2601" s="18"/>
      <c r="L2601" s="18"/>
      <c r="M2601" s="18"/>
      <c r="N2601" s="18"/>
      <c r="O2601" s="18"/>
      <c r="P2601" s="19"/>
      <c r="Q2601" s="19"/>
      <c r="R2601" s="19"/>
      <c r="S2601" s="19"/>
      <c r="T2601" s="19"/>
      <c r="U2601" s="19"/>
      <c r="V2601" s="19"/>
      <c r="W2601" s="19"/>
      <c r="X2601" s="19"/>
      <c r="Y2601" s="19"/>
      <c r="Z2601" s="19"/>
      <c r="AA2601" s="19"/>
    </row>
    <row r="2602" spans="1:27" s="1" customFormat="1" ht="14.1" customHeight="1" outlineLevel="2" x14ac:dyDescent="0.2">
      <c r="A2602" s="17">
        <v>17493</v>
      </c>
      <c r="B2602" s="17"/>
      <c r="C2602" s="17"/>
      <c r="D2602" s="18" t="s">
        <v>1309</v>
      </c>
      <c r="E2602" s="18"/>
      <c r="F2602" s="18"/>
      <c r="G2602" s="18"/>
      <c r="H2602" s="18"/>
      <c r="I2602" s="18"/>
      <c r="J2602" s="18"/>
      <c r="K2602" s="18"/>
      <c r="L2602" s="18"/>
      <c r="M2602" s="18"/>
      <c r="N2602" s="18"/>
      <c r="O2602" s="18"/>
      <c r="P2602" s="19">
        <v>90</v>
      </c>
      <c r="Q2602" s="19"/>
      <c r="R2602" s="19"/>
      <c r="S2602" s="19"/>
      <c r="T2602" s="19">
        <v>50</v>
      </c>
      <c r="U2602" s="19"/>
      <c r="V2602" s="19"/>
      <c r="W2602" s="19"/>
      <c r="X2602" s="19">
        <v>1</v>
      </c>
      <c r="Y2602" s="19"/>
      <c r="Z2602" s="19"/>
      <c r="AA2602" s="19"/>
    </row>
    <row r="2603" spans="1:27" s="1" customFormat="1" ht="14.1" customHeight="1" outlineLevel="2" x14ac:dyDescent="0.2">
      <c r="A2603" s="17"/>
      <c r="B2603" s="17"/>
      <c r="C2603" s="17"/>
      <c r="D2603" s="18"/>
      <c r="E2603" s="18"/>
      <c r="F2603" s="18"/>
      <c r="G2603" s="18"/>
      <c r="H2603" s="18"/>
      <c r="I2603" s="18"/>
      <c r="J2603" s="18"/>
      <c r="K2603" s="18"/>
      <c r="L2603" s="18"/>
      <c r="M2603" s="18"/>
      <c r="N2603" s="18"/>
      <c r="O2603" s="18"/>
      <c r="P2603" s="19"/>
      <c r="Q2603" s="19"/>
      <c r="R2603" s="19"/>
      <c r="S2603" s="19"/>
      <c r="T2603" s="19"/>
      <c r="U2603" s="19"/>
      <c r="V2603" s="19"/>
      <c r="W2603" s="19"/>
      <c r="X2603" s="19"/>
      <c r="Y2603" s="19"/>
      <c r="Z2603" s="19"/>
      <c r="AA2603" s="19"/>
    </row>
    <row r="2604" spans="1:27" s="1" customFormat="1" ht="14.1" customHeight="1" outlineLevel="2" x14ac:dyDescent="0.2">
      <c r="A2604" s="17">
        <v>18141</v>
      </c>
      <c r="B2604" s="17"/>
      <c r="C2604" s="17"/>
      <c r="D2604" s="18" t="s">
        <v>1310</v>
      </c>
      <c r="E2604" s="18"/>
      <c r="F2604" s="18"/>
      <c r="G2604" s="18"/>
      <c r="H2604" s="18"/>
      <c r="I2604" s="18"/>
      <c r="J2604" s="18"/>
      <c r="K2604" s="18"/>
      <c r="L2604" s="18"/>
      <c r="M2604" s="18"/>
      <c r="N2604" s="18"/>
      <c r="O2604" s="18"/>
      <c r="P2604" s="19">
        <v>90</v>
      </c>
      <c r="Q2604" s="19"/>
      <c r="R2604" s="19"/>
      <c r="S2604" s="19"/>
      <c r="T2604" s="19">
        <v>50</v>
      </c>
      <c r="U2604" s="19"/>
      <c r="V2604" s="19"/>
      <c r="W2604" s="19"/>
      <c r="X2604" s="19">
        <v>1</v>
      </c>
      <c r="Y2604" s="19"/>
      <c r="Z2604" s="19"/>
      <c r="AA2604" s="19"/>
    </row>
    <row r="2605" spans="1:27" s="1" customFormat="1" ht="14.1" customHeight="1" outlineLevel="2" x14ac:dyDescent="0.2">
      <c r="A2605" s="17"/>
      <c r="B2605" s="17"/>
      <c r="C2605" s="17"/>
      <c r="D2605" s="18"/>
      <c r="E2605" s="18"/>
      <c r="F2605" s="18"/>
      <c r="G2605" s="18"/>
      <c r="H2605" s="18"/>
      <c r="I2605" s="18"/>
      <c r="J2605" s="18"/>
      <c r="K2605" s="18"/>
      <c r="L2605" s="18"/>
      <c r="M2605" s="18"/>
      <c r="N2605" s="18"/>
      <c r="O2605" s="18"/>
      <c r="P2605" s="19"/>
      <c r="Q2605" s="19"/>
      <c r="R2605" s="19"/>
      <c r="S2605" s="19"/>
      <c r="T2605" s="19"/>
      <c r="U2605" s="19"/>
      <c r="V2605" s="19"/>
      <c r="W2605" s="19"/>
      <c r="X2605" s="19"/>
      <c r="Y2605" s="19"/>
      <c r="Z2605" s="19"/>
      <c r="AA2605" s="19"/>
    </row>
    <row r="2606" spans="1:27" s="1" customFormat="1" ht="14.1" customHeight="1" outlineLevel="2" x14ac:dyDescent="0.2">
      <c r="A2606" s="17">
        <v>13974</v>
      </c>
      <c r="B2606" s="17"/>
      <c r="C2606" s="17"/>
      <c r="D2606" s="18" t="s">
        <v>1311</v>
      </c>
      <c r="E2606" s="18"/>
      <c r="F2606" s="18"/>
      <c r="G2606" s="18"/>
      <c r="H2606" s="18"/>
      <c r="I2606" s="18"/>
      <c r="J2606" s="18"/>
      <c r="K2606" s="18"/>
      <c r="L2606" s="18"/>
      <c r="M2606" s="18"/>
      <c r="N2606" s="18"/>
      <c r="O2606" s="18"/>
      <c r="P2606" s="19">
        <v>80</v>
      </c>
      <c r="Q2606" s="19"/>
      <c r="R2606" s="19"/>
      <c r="S2606" s="19"/>
      <c r="T2606" s="19">
        <v>50</v>
      </c>
      <c r="U2606" s="19"/>
      <c r="V2606" s="19"/>
      <c r="W2606" s="19"/>
      <c r="X2606" s="19">
        <v>1</v>
      </c>
      <c r="Y2606" s="19"/>
      <c r="Z2606" s="19"/>
      <c r="AA2606" s="19"/>
    </row>
    <row r="2607" spans="1:27" s="1" customFormat="1" ht="14.1" customHeight="1" outlineLevel="2" x14ac:dyDescent="0.2">
      <c r="A2607" s="17"/>
      <c r="B2607" s="17"/>
      <c r="C2607" s="17"/>
      <c r="D2607" s="18"/>
      <c r="E2607" s="18"/>
      <c r="F2607" s="18"/>
      <c r="G2607" s="18"/>
      <c r="H2607" s="18"/>
      <c r="I2607" s="18"/>
      <c r="J2607" s="18"/>
      <c r="K2607" s="18"/>
      <c r="L2607" s="18"/>
      <c r="M2607" s="18"/>
      <c r="N2607" s="18"/>
      <c r="O2607" s="18"/>
      <c r="P2607" s="19"/>
      <c r="Q2607" s="19"/>
      <c r="R2607" s="19"/>
      <c r="S2607" s="19"/>
      <c r="T2607" s="19"/>
      <c r="U2607" s="19"/>
      <c r="V2607" s="19"/>
      <c r="W2607" s="19"/>
      <c r="X2607" s="19"/>
      <c r="Y2607" s="19"/>
      <c r="Z2607" s="19"/>
      <c r="AA2607" s="19"/>
    </row>
    <row r="2608" spans="1:27" s="1" customFormat="1" ht="14.1" customHeight="1" outlineLevel="2" x14ac:dyDescent="0.2">
      <c r="A2608" s="17">
        <v>16888</v>
      </c>
      <c r="B2608" s="17"/>
      <c r="C2608" s="17"/>
      <c r="D2608" s="18" t="s">
        <v>1312</v>
      </c>
      <c r="E2608" s="18"/>
      <c r="F2608" s="18"/>
      <c r="G2608" s="18"/>
      <c r="H2608" s="18"/>
      <c r="I2608" s="18"/>
      <c r="J2608" s="18"/>
      <c r="K2608" s="18"/>
      <c r="L2608" s="18"/>
      <c r="M2608" s="18"/>
      <c r="N2608" s="18"/>
      <c r="O2608" s="18"/>
      <c r="P2608" s="19">
        <v>60</v>
      </c>
      <c r="Q2608" s="19"/>
      <c r="R2608" s="19"/>
      <c r="S2608" s="19"/>
      <c r="T2608" s="19">
        <v>50</v>
      </c>
      <c r="U2608" s="19"/>
      <c r="V2608" s="19"/>
      <c r="W2608" s="19"/>
      <c r="X2608" s="19">
        <v>1</v>
      </c>
      <c r="Y2608" s="19"/>
      <c r="Z2608" s="19"/>
      <c r="AA2608" s="19"/>
    </row>
    <row r="2609" spans="1:27" s="1" customFormat="1" ht="14.1" customHeight="1" outlineLevel="2" x14ac:dyDescent="0.2">
      <c r="A2609" s="17"/>
      <c r="B2609" s="17"/>
      <c r="C2609" s="17"/>
      <c r="D2609" s="18"/>
      <c r="E2609" s="18"/>
      <c r="F2609" s="18"/>
      <c r="G2609" s="18"/>
      <c r="H2609" s="18"/>
      <c r="I2609" s="18"/>
      <c r="J2609" s="18"/>
      <c r="K2609" s="18"/>
      <c r="L2609" s="18"/>
      <c r="M2609" s="18"/>
      <c r="N2609" s="18"/>
      <c r="O2609" s="18"/>
      <c r="P2609" s="19"/>
      <c r="Q2609" s="19"/>
      <c r="R2609" s="19"/>
      <c r="S2609" s="19"/>
      <c r="T2609" s="19"/>
      <c r="U2609" s="19"/>
      <c r="V2609" s="19"/>
      <c r="W2609" s="19"/>
      <c r="X2609" s="19"/>
      <c r="Y2609" s="19"/>
      <c r="Z2609" s="19"/>
      <c r="AA2609" s="19"/>
    </row>
    <row r="2610" spans="1:27" s="1" customFormat="1" ht="11.1" customHeight="1" outlineLevel="2" x14ac:dyDescent="0.2">
      <c r="A2610" s="17">
        <v>13661</v>
      </c>
      <c r="B2610" s="17"/>
      <c r="C2610" s="17"/>
      <c r="D2610" s="18" t="s">
        <v>1313</v>
      </c>
      <c r="E2610" s="18"/>
      <c r="F2610" s="18"/>
      <c r="G2610" s="18"/>
      <c r="H2610" s="18"/>
      <c r="I2610" s="18"/>
      <c r="J2610" s="18"/>
      <c r="K2610" s="18"/>
      <c r="L2610" s="18"/>
      <c r="M2610" s="18"/>
      <c r="N2610" s="18"/>
      <c r="O2610" s="18"/>
      <c r="P2610" s="19">
        <v>80</v>
      </c>
      <c r="Q2610" s="19"/>
      <c r="R2610" s="19"/>
      <c r="S2610" s="19"/>
      <c r="T2610" s="19">
        <v>50</v>
      </c>
      <c r="U2610" s="19"/>
      <c r="V2610" s="19"/>
      <c r="W2610" s="19"/>
      <c r="X2610" s="19">
        <v>1</v>
      </c>
      <c r="Y2610" s="19"/>
      <c r="Z2610" s="19"/>
      <c r="AA2610" s="19"/>
    </row>
    <row r="2611" spans="1:27" s="1" customFormat="1" ht="11.1" customHeight="1" outlineLevel="2" x14ac:dyDescent="0.2">
      <c r="A2611" s="17"/>
      <c r="B2611" s="17"/>
      <c r="C2611" s="17"/>
      <c r="D2611" s="18"/>
      <c r="E2611" s="18"/>
      <c r="F2611" s="18"/>
      <c r="G2611" s="18"/>
      <c r="H2611" s="18"/>
      <c r="I2611" s="18"/>
      <c r="J2611" s="18"/>
      <c r="K2611" s="18"/>
      <c r="L2611" s="18"/>
      <c r="M2611" s="18"/>
      <c r="N2611" s="18"/>
      <c r="O2611" s="18"/>
      <c r="P2611" s="19"/>
      <c r="Q2611" s="19"/>
      <c r="R2611" s="19"/>
      <c r="S2611" s="19"/>
      <c r="T2611" s="19"/>
      <c r="U2611" s="19"/>
      <c r="V2611" s="19"/>
      <c r="W2611" s="19"/>
      <c r="X2611" s="19"/>
      <c r="Y2611" s="19"/>
      <c r="Z2611" s="19"/>
      <c r="AA2611" s="19"/>
    </row>
    <row r="2612" spans="1:27" s="1" customFormat="1" ht="14.1" customHeight="1" outlineLevel="2" x14ac:dyDescent="0.2">
      <c r="A2612" s="17">
        <v>16710</v>
      </c>
      <c r="B2612" s="17"/>
      <c r="C2612" s="17"/>
      <c r="D2612" s="18" t="s">
        <v>1314</v>
      </c>
      <c r="E2612" s="18"/>
      <c r="F2612" s="18"/>
      <c r="G2612" s="18"/>
      <c r="H2612" s="18"/>
      <c r="I2612" s="18"/>
      <c r="J2612" s="18"/>
      <c r="K2612" s="18"/>
      <c r="L2612" s="18"/>
      <c r="M2612" s="18"/>
      <c r="N2612" s="18"/>
      <c r="O2612" s="18"/>
      <c r="P2612" s="19">
        <v>90</v>
      </c>
      <c r="Q2612" s="19"/>
      <c r="R2612" s="19"/>
      <c r="S2612" s="19"/>
      <c r="T2612" s="19">
        <v>50</v>
      </c>
      <c r="U2612" s="19"/>
      <c r="V2612" s="19"/>
      <c r="W2612" s="19"/>
      <c r="X2612" s="19">
        <v>2</v>
      </c>
      <c r="Y2612" s="19"/>
      <c r="Z2612" s="19"/>
      <c r="AA2612" s="19"/>
    </row>
    <row r="2613" spans="1:27" s="1" customFormat="1" ht="14.1" customHeight="1" outlineLevel="2" x14ac:dyDescent="0.2">
      <c r="A2613" s="17"/>
      <c r="B2613" s="17"/>
      <c r="C2613" s="17"/>
      <c r="D2613" s="18"/>
      <c r="E2613" s="18"/>
      <c r="F2613" s="18"/>
      <c r="G2613" s="18"/>
      <c r="H2613" s="18"/>
      <c r="I2613" s="18"/>
      <c r="J2613" s="18"/>
      <c r="K2613" s="18"/>
      <c r="L2613" s="18"/>
      <c r="M2613" s="18"/>
      <c r="N2613" s="18"/>
      <c r="O2613" s="18"/>
      <c r="P2613" s="19"/>
      <c r="Q2613" s="19"/>
      <c r="R2613" s="19"/>
      <c r="S2613" s="19"/>
      <c r="T2613" s="19"/>
      <c r="U2613" s="19"/>
      <c r="V2613" s="19"/>
      <c r="W2613" s="19"/>
      <c r="X2613" s="19"/>
      <c r="Y2613" s="19"/>
      <c r="Z2613" s="19"/>
      <c r="AA2613" s="19"/>
    </row>
    <row r="2614" spans="1:27" s="1" customFormat="1" ht="14.1" customHeight="1" outlineLevel="2" x14ac:dyDescent="0.2">
      <c r="A2614" s="17">
        <v>16724</v>
      </c>
      <c r="B2614" s="17"/>
      <c r="C2614" s="17"/>
      <c r="D2614" s="18" t="s">
        <v>1315</v>
      </c>
      <c r="E2614" s="18"/>
      <c r="F2614" s="18"/>
      <c r="G2614" s="18"/>
      <c r="H2614" s="18"/>
      <c r="I2614" s="18"/>
      <c r="J2614" s="18"/>
      <c r="K2614" s="18"/>
      <c r="L2614" s="18"/>
      <c r="M2614" s="18"/>
      <c r="N2614" s="18"/>
      <c r="O2614" s="18"/>
      <c r="P2614" s="19">
        <v>100</v>
      </c>
      <c r="Q2614" s="19"/>
      <c r="R2614" s="19"/>
      <c r="S2614" s="19"/>
      <c r="T2614" s="19">
        <v>50</v>
      </c>
      <c r="U2614" s="19"/>
      <c r="V2614" s="19"/>
      <c r="W2614" s="19"/>
      <c r="X2614" s="19">
        <v>1</v>
      </c>
      <c r="Y2614" s="19"/>
      <c r="Z2614" s="19"/>
      <c r="AA2614" s="19"/>
    </row>
    <row r="2615" spans="1:27" s="1" customFormat="1" ht="14.1" customHeight="1" outlineLevel="2" x14ac:dyDescent="0.2">
      <c r="A2615" s="17"/>
      <c r="B2615" s="17"/>
      <c r="C2615" s="17"/>
      <c r="D2615" s="18"/>
      <c r="E2615" s="18"/>
      <c r="F2615" s="18"/>
      <c r="G2615" s="18"/>
      <c r="H2615" s="18"/>
      <c r="I2615" s="18"/>
      <c r="J2615" s="18"/>
      <c r="K2615" s="18"/>
      <c r="L2615" s="18"/>
      <c r="M2615" s="18"/>
      <c r="N2615" s="18"/>
      <c r="O2615" s="18"/>
      <c r="P2615" s="19"/>
      <c r="Q2615" s="19"/>
      <c r="R2615" s="19"/>
      <c r="S2615" s="19"/>
      <c r="T2615" s="19"/>
      <c r="U2615" s="19"/>
      <c r="V2615" s="19"/>
      <c r="W2615" s="19"/>
      <c r="X2615" s="19"/>
      <c r="Y2615" s="19"/>
      <c r="Z2615" s="19"/>
      <c r="AA2615" s="19"/>
    </row>
    <row r="2616" spans="1:27" s="1" customFormat="1" ht="11.1" customHeight="1" outlineLevel="2" x14ac:dyDescent="0.2">
      <c r="A2616" s="17">
        <v>13679</v>
      </c>
      <c r="B2616" s="17"/>
      <c r="C2616" s="17"/>
      <c r="D2616" s="18" t="s">
        <v>1316</v>
      </c>
      <c r="E2616" s="18"/>
      <c r="F2616" s="18"/>
      <c r="G2616" s="18"/>
      <c r="H2616" s="18"/>
      <c r="I2616" s="18"/>
      <c r="J2616" s="18"/>
      <c r="K2616" s="18"/>
      <c r="L2616" s="18"/>
      <c r="M2616" s="18"/>
      <c r="N2616" s="18"/>
      <c r="O2616" s="18"/>
      <c r="P2616" s="19">
        <v>75</v>
      </c>
      <c r="Q2616" s="19"/>
      <c r="R2616" s="19"/>
      <c r="S2616" s="19"/>
      <c r="T2616" s="19">
        <v>50</v>
      </c>
      <c r="U2616" s="19"/>
      <c r="V2616" s="19"/>
      <c r="W2616" s="19"/>
      <c r="X2616" s="19">
        <v>2</v>
      </c>
      <c r="Y2616" s="19"/>
      <c r="Z2616" s="19"/>
      <c r="AA2616" s="19"/>
    </row>
    <row r="2617" spans="1:27" s="1" customFormat="1" ht="11.1" customHeight="1" outlineLevel="2" x14ac:dyDescent="0.2">
      <c r="A2617" s="17"/>
      <c r="B2617" s="17"/>
      <c r="C2617" s="17"/>
      <c r="D2617" s="18"/>
      <c r="E2617" s="18"/>
      <c r="F2617" s="18"/>
      <c r="G2617" s="18"/>
      <c r="H2617" s="18"/>
      <c r="I2617" s="18"/>
      <c r="J2617" s="18"/>
      <c r="K2617" s="18"/>
      <c r="L2617" s="18"/>
      <c r="M2617" s="18"/>
      <c r="N2617" s="18"/>
      <c r="O2617" s="18"/>
      <c r="P2617" s="19"/>
      <c r="Q2617" s="19"/>
      <c r="R2617" s="19"/>
      <c r="S2617" s="19"/>
      <c r="T2617" s="19"/>
      <c r="U2617" s="19"/>
      <c r="V2617" s="19"/>
      <c r="W2617" s="19"/>
      <c r="X2617" s="19"/>
      <c r="Y2617" s="19"/>
      <c r="Z2617" s="19"/>
      <c r="AA2617" s="19"/>
    </row>
    <row r="2618" spans="1:27" s="1" customFormat="1" ht="14.1" customHeight="1" outlineLevel="2" x14ac:dyDescent="0.2">
      <c r="A2618" s="17">
        <v>16801</v>
      </c>
      <c r="B2618" s="17"/>
      <c r="C2618" s="17"/>
      <c r="D2618" s="18" t="s">
        <v>1317</v>
      </c>
      <c r="E2618" s="18"/>
      <c r="F2618" s="18"/>
      <c r="G2618" s="18"/>
      <c r="H2618" s="18"/>
      <c r="I2618" s="18"/>
      <c r="J2618" s="18"/>
      <c r="K2618" s="18"/>
      <c r="L2618" s="18"/>
      <c r="M2618" s="18"/>
      <c r="N2618" s="18"/>
      <c r="O2618" s="18"/>
      <c r="P2618" s="19">
        <v>100</v>
      </c>
      <c r="Q2618" s="19"/>
      <c r="R2618" s="19"/>
      <c r="S2618" s="19"/>
      <c r="T2618" s="19">
        <v>50</v>
      </c>
      <c r="U2618" s="19"/>
      <c r="V2618" s="19"/>
      <c r="W2618" s="19"/>
      <c r="X2618" s="19">
        <v>1</v>
      </c>
      <c r="Y2618" s="19"/>
      <c r="Z2618" s="19"/>
      <c r="AA2618" s="19"/>
    </row>
    <row r="2619" spans="1:27" s="1" customFormat="1" ht="14.1" customHeight="1" outlineLevel="2" x14ac:dyDescent="0.2">
      <c r="A2619" s="17"/>
      <c r="B2619" s="17"/>
      <c r="C2619" s="17"/>
      <c r="D2619" s="18"/>
      <c r="E2619" s="18"/>
      <c r="F2619" s="18"/>
      <c r="G2619" s="18"/>
      <c r="H2619" s="18"/>
      <c r="I2619" s="18"/>
      <c r="J2619" s="18"/>
      <c r="K2619" s="18"/>
      <c r="L2619" s="18"/>
      <c r="M2619" s="18"/>
      <c r="N2619" s="18"/>
      <c r="O2619" s="18"/>
      <c r="P2619" s="19"/>
      <c r="Q2619" s="19"/>
      <c r="R2619" s="19"/>
      <c r="S2619" s="19"/>
      <c r="T2619" s="19"/>
      <c r="U2619" s="19"/>
      <c r="V2619" s="19"/>
      <c r="W2619" s="19"/>
      <c r="X2619" s="19"/>
      <c r="Y2619" s="19"/>
      <c r="Z2619" s="19"/>
      <c r="AA2619" s="19"/>
    </row>
    <row r="2620" spans="1:27" s="1" customFormat="1" ht="14.1" customHeight="1" outlineLevel="2" x14ac:dyDescent="0.2">
      <c r="A2620" s="17">
        <v>16623</v>
      </c>
      <c r="B2620" s="17"/>
      <c r="C2620" s="17"/>
      <c r="D2620" s="18" t="s">
        <v>1318</v>
      </c>
      <c r="E2620" s="18"/>
      <c r="F2620" s="18"/>
      <c r="G2620" s="18"/>
      <c r="H2620" s="18"/>
      <c r="I2620" s="18"/>
      <c r="J2620" s="18"/>
      <c r="K2620" s="18"/>
      <c r="L2620" s="18"/>
      <c r="M2620" s="18"/>
      <c r="N2620" s="18"/>
      <c r="O2620" s="18"/>
      <c r="P2620" s="19">
        <v>150</v>
      </c>
      <c r="Q2620" s="19"/>
      <c r="R2620" s="19"/>
      <c r="S2620" s="19"/>
      <c r="T2620" s="19">
        <v>100</v>
      </c>
      <c r="U2620" s="19"/>
      <c r="V2620" s="19"/>
      <c r="W2620" s="19"/>
      <c r="X2620" s="19">
        <v>2</v>
      </c>
      <c r="Y2620" s="19"/>
      <c r="Z2620" s="19"/>
      <c r="AA2620" s="19"/>
    </row>
    <row r="2621" spans="1:27" s="1" customFormat="1" ht="14.1" customHeight="1" outlineLevel="2" x14ac:dyDescent="0.2">
      <c r="A2621" s="17"/>
      <c r="B2621" s="17"/>
      <c r="C2621" s="17"/>
      <c r="D2621" s="18"/>
      <c r="E2621" s="18"/>
      <c r="F2621" s="18"/>
      <c r="G2621" s="18"/>
      <c r="H2621" s="18"/>
      <c r="I2621" s="18"/>
      <c r="J2621" s="18"/>
      <c r="K2621" s="18"/>
      <c r="L2621" s="18"/>
      <c r="M2621" s="18"/>
      <c r="N2621" s="18"/>
      <c r="O2621" s="18"/>
      <c r="P2621" s="19"/>
      <c r="Q2621" s="19"/>
      <c r="R2621" s="19"/>
      <c r="S2621" s="19"/>
      <c r="T2621" s="19"/>
      <c r="U2621" s="19"/>
      <c r="V2621" s="19"/>
      <c r="W2621" s="19"/>
      <c r="X2621" s="19"/>
      <c r="Y2621" s="19"/>
      <c r="Z2621" s="19"/>
      <c r="AA2621" s="19"/>
    </row>
    <row r="2622" spans="1:27" s="1" customFormat="1" ht="14.1" customHeight="1" outlineLevel="2" x14ac:dyDescent="0.2">
      <c r="A2622" s="17">
        <v>16604</v>
      </c>
      <c r="B2622" s="17"/>
      <c r="C2622" s="17"/>
      <c r="D2622" s="18" t="s">
        <v>1319</v>
      </c>
      <c r="E2622" s="18"/>
      <c r="F2622" s="18"/>
      <c r="G2622" s="18"/>
      <c r="H2622" s="18"/>
      <c r="I2622" s="18"/>
      <c r="J2622" s="18"/>
      <c r="K2622" s="18"/>
      <c r="L2622" s="18"/>
      <c r="M2622" s="18"/>
      <c r="N2622" s="18"/>
      <c r="O2622" s="18"/>
      <c r="P2622" s="19">
        <v>160</v>
      </c>
      <c r="Q2622" s="19"/>
      <c r="R2622" s="19"/>
      <c r="S2622" s="19"/>
      <c r="T2622" s="19">
        <v>90</v>
      </c>
      <c r="U2622" s="19"/>
      <c r="V2622" s="19"/>
      <c r="W2622" s="19"/>
      <c r="X2622" s="19">
        <v>1</v>
      </c>
      <c r="Y2622" s="19"/>
      <c r="Z2622" s="19"/>
      <c r="AA2622" s="19"/>
    </row>
    <row r="2623" spans="1:27" s="1" customFormat="1" ht="14.1" customHeight="1" outlineLevel="2" x14ac:dyDescent="0.2">
      <c r="A2623" s="17"/>
      <c r="B2623" s="17"/>
      <c r="C2623" s="17"/>
      <c r="D2623" s="18"/>
      <c r="E2623" s="18"/>
      <c r="F2623" s="18"/>
      <c r="G2623" s="18"/>
      <c r="H2623" s="18"/>
      <c r="I2623" s="18"/>
      <c r="J2623" s="18"/>
      <c r="K2623" s="18"/>
      <c r="L2623" s="18"/>
      <c r="M2623" s="18"/>
      <c r="N2623" s="18"/>
      <c r="O2623" s="18"/>
      <c r="P2623" s="19"/>
      <c r="Q2623" s="19"/>
      <c r="R2623" s="19"/>
      <c r="S2623" s="19"/>
      <c r="T2623" s="19"/>
      <c r="U2623" s="19"/>
      <c r="V2623" s="19"/>
      <c r="W2623" s="19"/>
      <c r="X2623" s="19"/>
      <c r="Y2623" s="19"/>
      <c r="Z2623" s="19"/>
      <c r="AA2623" s="19"/>
    </row>
    <row r="2624" spans="1:27" s="1" customFormat="1" ht="14.1" customHeight="1" outlineLevel="2" x14ac:dyDescent="0.2">
      <c r="A2624" s="17">
        <v>15201</v>
      </c>
      <c r="B2624" s="17"/>
      <c r="C2624" s="17"/>
      <c r="D2624" s="18" t="s">
        <v>1320</v>
      </c>
      <c r="E2624" s="18"/>
      <c r="F2624" s="18"/>
      <c r="G2624" s="18"/>
      <c r="H2624" s="18"/>
      <c r="I2624" s="18"/>
      <c r="J2624" s="18"/>
      <c r="K2624" s="18"/>
      <c r="L2624" s="18"/>
      <c r="M2624" s="18"/>
      <c r="N2624" s="18"/>
      <c r="O2624" s="18"/>
      <c r="P2624" s="19">
        <v>320</v>
      </c>
      <c r="Q2624" s="19"/>
      <c r="R2624" s="19"/>
      <c r="S2624" s="19"/>
      <c r="T2624" s="19">
        <v>250</v>
      </c>
      <c r="U2624" s="19"/>
      <c r="V2624" s="19"/>
      <c r="W2624" s="19"/>
      <c r="X2624" s="19">
        <v>1</v>
      </c>
      <c r="Y2624" s="19"/>
      <c r="Z2624" s="19"/>
      <c r="AA2624" s="19"/>
    </row>
    <row r="2625" spans="1:27" s="1" customFormat="1" ht="14.1" customHeight="1" outlineLevel="2" x14ac:dyDescent="0.2">
      <c r="A2625" s="17"/>
      <c r="B2625" s="17"/>
      <c r="C2625" s="17"/>
      <c r="D2625" s="18"/>
      <c r="E2625" s="18"/>
      <c r="F2625" s="18"/>
      <c r="G2625" s="18"/>
      <c r="H2625" s="18"/>
      <c r="I2625" s="18"/>
      <c r="J2625" s="18"/>
      <c r="K2625" s="18"/>
      <c r="L2625" s="18"/>
      <c r="M2625" s="18"/>
      <c r="N2625" s="18"/>
      <c r="O2625" s="18"/>
      <c r="P2625" s="19"/>
      <c r="Q2625" s="19"/>
      <c r="R2625" s="19"/>
      <c r="S2625" s="19"/>
      <c r="T2625" s="19"/>
      <c r="U2625" s="19"/>
      <c r="V2625" s="19"/>
      <c r="W2625" s="19"/>
      <c r="X2625" s="19"/>
      <c r="Y2625" s="19"/>
      <c r="Z2625" s="19"/>
      <c r="AA2625" s="19"/>
    </row>
    <row r="2626" spans="1:27" s="1" customFormat="1" ht="11.1" customHeight="1" outlineLevel="2" x14ac:dyDescent="0.2">
      <c r="A2626" s="17">
        <v>14962</v>
      </c>
      <c r="B2626" s="17"/>
      <c r="C2626" s="17"/>
      <c r="D2626" s="18" t="s">
        <v>1321</v>
      </c>
      <c r="E2626" s="18"/>
      <c r="F2626" s="18"/>
      <c r="G2626" s="18"/>
      <c r="H2626" s="18"/>
      <c r="I2626" s="18"/>
      <c r="J2626" s="18"/>
      <c r="K2626" s="18"/>
      <c r="L2626" s="18"/>
      <c r="M2626" s="18"/>
      <c r="N2626" s="18"/>
      <c r="O2626" s="18"/>
      <c r="P2626" s="19">
        <v>320</v>
      </c>
      <c r="Q2626" s="19"/>
      <c r="R2626" s="19"/>
      <c r="S2626" s="19"/>
      <c r="T2626" s="19">
        <v>250</v>
      </c>
      <c r="U2626" s="19"/>
      <c r="V2626" s="19"/>
      <c r="W2626" s="19"/>
      <c r="X2626" s="19">
        <v>20</v>
      </c>
      <c r="Y2626" s="19"/>
      <c r="Z2626" s="19"/>
      <c r="AA2626" s="19"/>
    </row>
    <row r="2627" spans="1:27" s="1" customFormat="1" ht="11.1" customHeight="1" outlineLevel="2" x14ac:dyDescent="0.2">
      <c r="A2627" s="17"/>
      <c r="B2627" s="17"/>
      <c r="C2627" s="17"/>
      <c r="D2627" s="18"/>
      <c r="E2627" s="18"/>
      <c r="F2627" s="18"/>
      <c r="G2627" s="18"/>
      <c r="H2627" s="18"/>
      <c r="I2627" s="18"/>
      <c r="J2627" s="18"/>
      <c r="K2627" s="18"/>
      <c r="L2627" s="18"/>
      <c r="M2627" s="18"/>
      <c r="N2627" s="18"/>
      <c r="O2627" s="18"/>
      <c r="P2627" s="19"/>
      <c r="Q2627" s="19"/>
      <c r="R2627" s="19"/>
      <c r="S2627" s="19"/>
      <c r="T2627" s="19"/>
      <c r="U2627" s="19"/>
      <c r="V2627" s="19"/>
      <c r="W2627" s="19"/>
      <c r="X2627" s="19"/>
      <c r="Y2627" s="19"/>
      <c r="Z2627" s="19"/>
      <c r="AA2627" s="19"/>
    </row>
    <row r="2628" spans="1:27" s="1" customFormat="1" ht="14.1" customHeight="1" outlineLevel="2" x14ac:dyDescent="0.2">
      <c r="A2628" s="17">
        <v>17019</v>
      </c>
      <c r="B2628" s="17"/>
      <c r="C2628" s="17"/>
      <c r="D2628" s="18" t="s">
        <v>1322</v>
      </c>
      <c r="E2628" s="18"/>
      <c r="F2628" s="18"/>
      <c r="G2628" s="18"/>
      <c r="H2628" s="18"/>
      <c r="I2628" s="18"/>
      <c r="J2628" s="18"/>
      <c r="K2628" s="18"/>
      <c r="L2628" s="18"/>
      <c r="M2628" s="18"/>
      <c r="N2628" s="18"/>
      <c r="O2628" s="18"/>
      <c r="P2628" s="19">
        <v>250</v>
      </c>
      <c r="Q2628" s="19"/>
      <c r="R2628" s="19"/>
      <c r="S2628" s="19"/>
      <c r="T2628" s="19">
        <v>150</v>
      </c>
      <c r="U2628" s="19"/>
      <c r="V2628" s="19"/>
      <c r="W2628" s="19"/>
      <c r="X2628" s="19">
        <v>2</v>
      </c>
      <c r="Y2628" s="19"/>
      <c r="Z2628" s="19"/>
      <c r="AA2628" s="19"/>
    </row>
    <row r="2629" spans="1:27" s="1" customFormat="1" ht="14.1" customHeight="1" outlineLevel="2" x14ac:dyDescent="0.2">
      <c r="A2629" s="17"/>
      <c r="B2629" s="17"/>
      <c r="C2629" s="17"/>
      <c r="D2629" s="18"/>
      <c r="E2629" s="18"/>
      <c r="F2629" s="18"/>
      <c r="G2629" s="18"/>
      <c r="H2629" s="18"/>
      <c r="I2629" s="18"/>
      <c r="J2629" s="18"/>
      <c r="K2629" s="18"/>
      <c r="L2629" s="18"/>
      <c r="M2629" s="18"/>
      <c r="N2629" s="18"/>
      <c r="O2629" s="18"/>
      <c r="P2629" s="19"/>
      <c r="Q2629" s="19"/>
      <c r="R2629" s="19"/>
      <c r="S2629" s="19"/>
      <c r="T2629" s="19"/>
      <c r="U2629" s="19"/>
      <c r="V2629" s="19"/>
      <c r="W2629" s="19"/>
      <c r="X2629" s="19"/>
      <c r="Y2629" s="19"/>
      <c r="Z2629" s="19"/>
      <c r="AA2629" s="19"/>
    </row>
    <row r="2630" spans="1:27" s="1" customFormat="1" ht="11.1" customHeight="1" outlineLevel="2" x14ac:dyDescent="0.2">
      <c r="A2630" s="17">
        <v>9663</v>
      </c>
      <c r="B2630" s="17"/>
      <c r="C2630" s="17"/>
      <c r="D2630" s="18" t="s">
        <v>1323</v>
      </c>
      <c r="E2630" s="18"/>
      <c r="F2630" s="18"/>
      <c r="G2630" s="18"/>
      <c r="H2630" s="18"/>
      <c r="I2630" s="18"/>
      <c r="J2630" s="18"/>
      <c r="K2630" s="18"/>
      <c r="L2630" s="18"/>
      <c r="M2630" s="18"/>
      <c r="N2630" s="18"/>
      <c r="O2630" s="18"/>
      <c r="P2630" s="19">
        <v>130</v>
      </c>
      <c r="Q2630" s="19"/>
      <c r="R2630" s="19"/>
      <c r="S2630" s="19"/>
      <c r="T2630" s="19">
        <v>50</v>
      </c>
      <c r="U2630" s="19"/>
      <c r="V2630" s="19"/>
      <c r="W2630" s="19"/>
      <c r="X2630" s="19">
        <v>5</v>
      </c>
      <c r="Y2630" s="19"/>
      <c r="Z2630" s="19"/>
      <c r="AA2630" s="19"/>
    </row>
    <row r="2631" spans="1:27" s="1" customFormat="1" ht="11.1" customHeight="1" outlineLevel="2" x14ac:dyDescent="0.2">
      <c r="A2631" s="17"/>
      <c r="B2631" s="17"/>
      <c r="C2631" s="17"/>
      <c r="D2631" s="18"/>
      <c r="E2631" s="18"/>
      <c r="F2631" s="18"/>
      <c r="G2631" s="18"/>
      <c r="H2631" s="18"/>
      <c r="I2631" s="18"/>
      <c r="J2631" s="18"/>
      <c r="K2631" s="18"/>
      <c r="L2631" s="18"/>
      <c r="M2631" s="18"/>
      <c r="N2631" s="18"/>
      <c r="O2631" s="18"/>
      <c r="P2631" s="19"/>
      <c r="Q2631" s="19"/>
      <c r="R2631" s="19"/>
      <c r="S2631" s="19"/>
      <c r="T2631" s="19"/>
      <c r="U2631" s="19"/>
      <c r="V2631" s="19"/>
      <c r="W2631" s="19"/>
      <c r="X2631" s="19"/>
      <c r="Y2631" s="19"/>
      <c r="Z2631" s="19"/>
      <c r="AA2631" s="19"/>
    </row>
    <row r="2632" spans="1:27" s="1" customFormat="1" ht="11.1" customHeight="1" outlineLevel="2" x14ac:dyDescent="0.2">
      <c r="A2632" s="17">
        <v>9667</v>
      </c>
      <c r="B2632" s="17"/>
      <c r="C2632" s="17"/>
      <c r="D2632" s="18" t="s">
        <v>1324</v>
      </c>
      <c r="E2632" s="18"/>
      <c r="F2632" s="18"/>
      <c r="G2632" s="18"/>
      <c r="H2632" s="18"/>
      <c r="I2632" s="18"/>
      <c r="J2632" s="18"/>
      <c r="K2632" s="18"/>
      <c r="L2632" s="18"/>
      <c r="M2632" s="18"/>
      <c r="N2632" s="18"/>
      <c r="O2632" s="18"/>
      <c r="P2632" s="19">
        <v>155</v>
      </c>
      <c r="Q2632" s="19"/>
      <c r="R2632" s="19"/>
      <c r="S2632" s="19"/>
      <c r="T2632" s="19">
        <v>120</v>
      </c>
      <c r="U2632" s="19"/>
      <c r="V2632" s="19"/>
      <c r="W2632" s="19"/>
      <c r="X2632" s="19">
        <v>5</v>
      </c>
      <c r="Y2632" s="19"/>
      <c r="Z2632" s="19"/>
      <c r="AA2632" s="19"/>
    </row>
    <row r="2633" spans="1:27" s="1" customFormat="1" ht="11.1" customHeight="1" outlineLevel="2" x14ac:dyDescent="0.2">
      <c r="A2633" s="17"/>
      <c r="B2633" s="17"/>
      <c r="C2633" s="17"/>
      <c r="D2633" s="18"/>
      <c r="E2633" s="18"/>
      <c r="F2633" s="18"/>
      <c r="G2633" s="18"/>
      <c r="H2633" s="18"/>
      <c r="I2633" s="18"/>
      <c r="J2633" s="18"/>
      <c r="K2633" s="18"/>
      <c r="L2633" s="18"/>
      <c r="M2633" s="18"/>
      <c r="N2633" s="18"/>
      <c r="O2633" s="18"/>
      <c r="P2633" s="19"/>
      <c r="Q2633" s="19"/>
      <c r="R2633" s="19"/>
      <c r="S2633" s="19"/>
      <c r="T2633" s="19"/>
      <c r="U2633" s="19"/>
      <c r="V2633" s="19"/>
      <c r="W2633" s="19"/>
      <c r="X2633" s="19"/>
      <c r="Y2633" s="19"/>
      <c r="Z2633" s="19"/>
      <c r="AA2633" s="19"/>
    </row>
    <row r="2634" spans="1:27" s="1" customFormat="1" ht="11.1" customHeight="1" outlineLevel="2" x14ac:dyDescent="0.2">
      <c r="A2634" s="17">
        <v>9664</v>
      </c>
      <c r="B2634" s="17"/>
      <c r="C2634" s="17"/>
      <c r="D2634" s="18" t="s">
        <v>1325</v>
      </c>
      <c r="E2634" s="18"/>
      <c r="F2634" s="18"/>
      <c r="G2634" s="18"/>
      <c r="H2634" s="18"/>
      <c r="I2634" s="18"/>
      <c r="J2634" s="18"/>
      <c r="K2634" s="18"/>
      <c r="L2634" s="18"/>
      <c r="M2634" s="18"/>
      <c r="N2634" s="18"/>
      <c r="O2634" s="18"/>
      <c r="P2634" s="19">
        <v>130</v>
      </c>
      <c r="Q2634" s="19"/>
      <c r="R2634" s="19"/>
      <c r="S2634" s="19"/>
      <c r="T2634" s="19">
        <v>50</v>
      </c>
      <c r="U2634" s="19"/>
      <c r="V2634" s="19"/>
      <c r="W2634" s="19"/>
      <c r="X2634" s="19">
        <v>3</v>
      </c>
      <c r="Y2634" s="19"/>
      <c r="Z2634" s="19"/>
      <c r="AA2634" s="19"/>
    </row>
    <row r="2635" spans="1:27" s="1" customFormat="1" ht="11.1" customHeight="1" outlineLevel="2" x14ac:dyDescent="0.2">
      <c r="A2635" s="17"/>
      <c r="B2635" s="17"/>
      <c r="C2635" s="17"/>
      <c r="D2635" s="18"/>
      <c r="E2635" s="18"/>
      <c r="F2635" s="18"/>
      <c r="G2635" s="18"/>
      <c r="H2635" s="18"/>
      <c r="I2635" s="18"/>
      <c r="J2635" s="18"/>
      <c r="K2635" s="18"/>
      <c r="L2635" s="18"/>
      <c r="M2635" s="18"/>
      <c r="N2635" s="18"/>
      <c r="O2635" s="18"/>
      <c r="P2635" s="19"/>
      <c r="Q2635" s="19"/>
      <c r="R2635" s="19"/>
      <c r="S2635" s="19"/>
      <c r="T2635" s="19"/>
      <c r="U2635" s="19"/>
      <c r="V2635" s="19"/>
      <c r="W2635" s="19"/>
      <c r="X2635" s="19"/>
      <c r="Y2635" s="19"/>
      <c r="Z2635" s="19"/>
      <c r="AA2635" s="19"/>
    </row>
    <row r="2636" spans="1:27" s="1" customFormat="1" ht="11.1" customHeight="1" outlineLevel="2" x14ac:dyDescent="0.2">
      <c r="A2636" s="17">
        <v>9665</v>
      </c>
      <c r="B2636" s="17"/>
      <c r="C2636" s="17"/>
      <c r="D2636" s="18" t="s">
        <v>1326</v>
      </c>
      <c r="E2636" s="18"/>
      <c r="F2636" s="18"/>
      <c r="G2636" s="18"/>
      <c r="H2636" s="18"/>
      <c r="I2636" s="18"/>
      <c r="J2636" s="18"/>
      <c r="K2636" s="18"/>
      <c r="L2636" s="18"/>
      <c r="M2636" s="18"/>
      <c r="N2636" s="18"/>
      <c r="O2636" s="18"/>
      <c r="P2636" s="19">
        <v>130</v>
      </c>
      <c r="Q2636" s="19"/>
      <c r="R2636" s="19"/>
      <c r="S2636" s="19"/>
      <c r="T2636" s="19">
        <v>70</v>
      </c>
      <c r="U2636" s="19"/>
      <c r="V2636" s="19"/>
      <c r="W2636" s="19"/>
      <c r="X2636" s="19">
        <v>6</v>
      </c>
      <c r="Y2636" s="19"/>
      <c r="Z2636" s="19"/>
      <c r="AA2636" s="19"/>
    </row>
    <row r="2637" spans="1:27" s="1" customFormat="1" ht="11.1" customHeight="1" outlineLevel="2" x14ac:dyDescent="0.2">
      <c r="A2637" s="17"/>
      <c r="B2637" s="17"/>
      <c r="C2637" s="17"/>
      <c r="D2637" s="18"/>
      <c r="E2637" s="18"/>
      <c r="F2637" s="18"/>
      <c r="G2637" s="18"/>
      <c r="H2637" s="18"/>
      <c r="I2637" s="18"/>
      <c r="J2637" s="18"/>
      <c r="K2637" s="18"/>
      <c r="L2637" s="18"/>
      <c r="M2637" s="18"/>
      <c r="N2637" s="18"/>
      <c r="O2637" s="18"/>
      <c r="P2637" s="19"/>
      <c r="Q2637" s="19"/>
      <c r="R2637" s="19"/>
      <c r="S2637" s="19"/>
      <c r="T2637" s="19"/>
      <c r="U2637" s="19"/>
      <c r="V2637" s="19"/>
      <c r="W2637" s="19"/>
      <c r="X2637" s="19"/>
      <c r="Y2637" s="19"/>
      <c r="Z2637" s="19"/>
      <c r="AA2637" s="19"/>
    </row>
    <row r="2638" spans="1:27" s="1" customFormat="1" ht="11.1" customHeight="1" outlineLevel="2" x14ac:dyDescent="0.2">
      <c r="A2638" s="17">
        <v>9666</v>
      </c>
      <c r="B2638" s="17"/>
      <c r="C2638" s="17"/>
      <c r="D2638" s="18" t="s">
        <v>1327</v>
      </c>
      <c r="E2638" s="18"/>
      <c r="F2638" s="18"/>
      <c r="G2638" s="18"/>
      <c r="H2638" s="18"/>
      <c r="I2638" s="18"/>
      <c r="J2638" s="18"/>
      <c r="K2638" s="18"/>
      <c r="L2638" s="18"/>
      <c r="M2638" s="18"/>
      <c r="N2638" s="18"/>
      <c r="O2638" s="18"/>
      <c r="P2638" s="19">
        <v>130</v>
      </c>
      <c r="Q2638" s="19"/>
      <c r="R2638" s="19"/>
      <c r="S2638" s="19"/>
      <c r="T2638" s="19">
        <v>50</v>
      </c>
      <c r="U2638" s="19"/>
      <c r="V2638" s="19"/>
      <c r="W2638" s="19"/>
      <c r="X2638" s="19">
        <v>4</v>
      </c>
      <c r="Y2638" s="19"/>
      <c r="Z2638" s="19"/>
      <c r="AA2638" s="19"/>
    </row>
    <row r="2639" spans="1:27" s="1" customFormat="1" ht="11.1" customHeight="1" outlineLevel="2" x14ac:dyDescent="0.2">
      <c r="A2639" s="17"/>
      <c r="B2639" s="17"/>
      <c r="C2639" s="17"/>
      <c r="D2639" s="18"/>
      <c r="E2639" s="18"/>
      <c r="F2639" s="18"/>
      <c r="G2639" s="18"/>
      <c r="H2639" s="18"/>
      <c r="I2639" s="18"/>
      <c r="J2639" s="18"/>
      <c r="K2639" s="18"/>
      <c r="L2639" s="18"/>
      <c r="M2639" s="18"/>
      <c r="N2639" s="18"/>
      <c r="O2639" s="18"/>
      <c r="P2639" s="19"/>
      <c r="Q2639" s="19"/>
      <c r="R2639" s="19"/>
      <c r="S2639" s="19"/>
      <c r="T2639" s="19"/>
      <c r="U2639" s="19"/>
      <c r="V2639" s="19"/>
      <c r="W2639" s="19"/>
      <c r="X2639" s="19"/>
      <c r="Y2639" s="19"/>
      <c r="Z2639" s="19"/>
      <c r="AA2639" s="19"/>
    </row>
    <row r="2640" spans="1:27" s="1" customFormat="1" ht="11.1" customHeight="1" outlineLevel="2" x14ac:dyDescent="0.2">
      <c r="A2640" s="17">
        <v>11798</v>
      </c>
      <c r="B2640" s="17"/>
      <c r="C2640" s="17"/>
      <c r="D2640" s="18" t="s">
        <v>1328</v>
      </c>
      <c r="E2640" s="18"/>
      <c r="F2640" s="18"/>
      <c r="G2640" s="18"/>
      <c r="H2640" s="18"/>
      <c r="I2640" s="18"/>
      <c r="J2640" s="18"/>
      <c r="K2640" s="18"/>
      <c r="L2640" s="18"/>
      <c r="M2640" s="18"/>
      <c r="N2640" s="18"/>
      <c r="O2640" s="18"/>
      <c r="P2640" s="19">
        <v>130</v>
      </c>
      <c r="Q2640" s="19"/>
      <c r="R2640" s="19"/>
      <c r="S2640" s="19"/>
      <c r="T2640" s="19">
        <v>80</v>
      </c>
      <c r="U2640" s="19"/>
      <c r="V2640" s="19"/>
      <c r="W2640" s="19"/>
      <c r="X2640" s="19">
        <v>2</v>
      </c>
      <c r="Y2640" s="19"/>
      <c r="Z2640" s="19"/>
      <c r="AA2640" s="19"/>
    </row>
    <row r="2641" spans="1:27" s="1" customFormat="1" ht="11.1" customHeight="1" outlineLevel="2" x14ac:dyDescent="0.2">
      <c r="A2641" s="17"/>
      <c r="B2641" s="17"/>
      <c r="C2641" s="17"/>
      <c r="D2641" s="18"/>
      <c r="E2641" s="18"/>
      <c r="F2641" s="18"/>
      <c r="G2641" s="18"/>
      <c r="H2641" s="18"/>
      <c r="I2641" s="18"/>
      <c r="J2641" s="18"/>
      <c r="K2641" s="18"/>
      <c r="L2641" s="18"/>
      <c r="M2641" s="18"/>
      <c r="N2641" s="18"/>
      <c r="O2641" s="18"/>
      <c r="P2641" s="19"/>
      <c r="Q2641" s="19"/>
      <c r="R2641" s="19"/>
      <c r="S2641" s="19"/>
      <c r="T2641" s="19"/>
      <c r="U2641" s="19"/>
      <c r="V2641" s="19"/>
      <c r="W2641" s="19"/>
      <c r="X2641" s="19"/>
      <c r="Y2641" s="19"/>
      <c r="Z2641" s="19"/>
      <c r="AA2641" s="19"/>
    </row>
    <row r="2642" spans="1:27" s="1" customFormat="1" ht="11.1" customHeight="1" outlineLevel="2" x14ac:dyDescent="0.2">
      <c r="A2642" s="17">
        <v>11797</v>
      </c>
      <c r="B2642" s="17"/>
      <c r="C2642" s="17"/>
      <c r="D2642" s="18" t="s">
        <v>1329</v>
      </c>
      <c r="E2642" s="18"/>
      <c r="F2642" s="18"/>
      <c r="G2642" s="18"/>
      <c r="H2642" s="18"/>
      <c r="I2642" s="18"/>
      <c r="J2642" s="18"/>
      <c r="K2642" s="18"/>
      <c r="L2642" s="18"/>
      <c r="M2642" s="18"/>
      <c r="N2642" s="18"/>
      <c r="O2642" s="18"/>
      <c r="P2642" s="19">
        <v>140</v>
      </c>
      <c r="Q2642" s="19"/>
      <c r="R2642" s="19"/>
      <c r="S2642" s="19"/>
      <c r="T2642" s="19">
        <v>90</v>
      </c>
      <c r="U2642" s="19"/>
      <c r="V2642" s="19"/>
      <c r="W2642" s="19"/>
      <c r="X2642" s="19">
        <v>2</v>
      </c>
      <c r="Y2642" s="19"/>
      <c r="Z2642" s="19"/>
      <c r="AA2642" s="19"/>
    </row>
    <row r="2643" spans="1:27" s="1" customFormat="1" ht="11.1" customHeight="1" outlineLevel="2" x14ac:dyDescent="0.2">
      <c r="A2643" s="17"/>
      <c r="B2643" s="17"/>
      <c r="C2643" s="17"/>
      <c r="D2643" s="18"/>
      <c r="E2643" s="18"/>
      <c r="F2643" s="18"/>
      <c r="G2643" s="18"/>
      <c r="H2643" s="18"/>
      <c r="I2643" s="18"/>
      <c r="J2643" s="18"/>
      <c r="K2643" s="18"/>
      <c r="L2643" s="18"/>
      <c r="M2643" s="18"/>
      <c r="N2643" s="18"/>
      <c r="O2643" s="18"/>
      <c r="P2643" s="19"/>
      <c r="Q2643" s="19"/>
      <c r="R2643" s="19"/>
      <c r="S2643" s="19"/>
      <c r="T2643" s="19"/>
      <c r="U2643" s="19"/>
      <c r="V2643" s="19"/>
      <c r="W2643" s="19"/>
      <c r="X2643" s="19"/>
      <c r="Y2643" s="19"/>
      <c r="Z2643" s="19"/>
      <c r="AA2643" s="19"/>
    </row>
    <row r="2644" spans="1:27" s="1" customFormat="1" ht="11.1" customHeight="1" outlineLevel="2" x14ac:dyDescent="0.2">
      <c r="A2644" s="17">
        <v>9669</v>
      </c>
      <c r="B2644" s="17"/>
      <c r="C2644" s="17"/>
      <c r="D2644" s="18" t="s">
        <v>1330</v>
      </c>
      <c r="E2644" s="18"/>
      <c r="F2644" s="18"/>
      <c r="G2644" s="18"/>
      <c r="H2644" s="18"/>
      <c r="I2644" s="18"/>
      <c r="J2644" s="18"/>
      <c r="K2644" s="18"/>
      <c r="L2644" s="18"/>
      <c r="M2644" s="18"/>
      <c r="N2644" s="18"/>
      <c r="O2644" s="18"/>
      <c r="P2644" s="19">
        <v>140</v>
      </c>
      <c r="Q2644" s="19"/>
      <c r="R2644" s="19"/>
      <c r="S2644" s="19"/>
      <c r="T2644" s="19">
        <v>55</v>
      </c>
      <c r="U2644" s="19"/>
      <c r="V2644" s="19"/>
      <c r="W2644" s="19"/>
      <c r="X2644" s="19">
        <v>5</v>
      </c>
      <c r="Y2644" s="19"/>
      <c r="Z2644" s="19"/>
      <c r="AA2644" s="19"/>
    </row>
    <row r="2645" spans="1:27" s="1" customFormat="1" ht="11.1" customHeight="1" outlineLevel="2" x14ac:dyDescent="0.2">
      <c r="A2645" s="17"/>
      <c r="B2645" s="17"/>
      <c r="C2645" s="17"/>
      <c r="D2645" s="18"/>
      <c r="E2645" s="18"/>
      <c r="F2645" s="18"/>
      <c r="G2645" s="18"/>
      <c r="H2645" s="18"/>
      <c r="I2645" s="18"/>
      <c r="J2645" s="18"/>
      <c r="K2645" s="18"/>
      <c r="L2645" s="18"/>
      <c r="M2645" s="18"/>
      <c r="N2645" s="18"/>
      <c r="O2645" s="18"/>
      <c r="P2645" s="19"/>
      <c r="Q2645" s="19"/>
      <c r="R2645" s="19"/>
      <c r="S2645" s="19"/>
      <c r="T2645" s="19"/>
      <c r="U2645" s="19"/>
      <c r="V2645" s="19"/>
      <c r="W2645" s="19"/>
      <c r="X2645" s="19"/>
      <c r="Y2645" s="19"/>
      <c r="Z2645" s="19"/>
      <c r="AA2645" s="19"/>
    </row>
    <row r="2646" spans="1:27" s="1" customFormat="1" ht="11.1" customHeight="1" outlineLevel="2" x14ac:dyDescent="0.2">
      <c r="A2646" s="17">
        <v>9670</v>
      </c>
      <c r="B2646" s="17"/>
      <c r="C2646" s="17"/>
      <c r="D2646" s="18" t="s">
        <v>1331</v>
      </c>
      <c r="E2646" s="18"/>
      <c r="F2646" s="18"/>
      <c r="G2646" s="18"/>
      <c r="H2646" s="18"/>
      <c r="I2646" s="18"/>
      <c r="J2646" s="18"/>
      <c r="K2646" s="18"/>
      <c r="L2646" s="18"/>
      <c r="M2646" s="18"/>
      <c r="N2646" s="18"/>
      <c r="O2646" s="18"/>
      <c r="P2646" s="19">
        <v>140</v>
      </c>
      <c r="Q2646" s="19"/>
      <c r="R2646" s="19"/>
      <c r="S2646" s="19"/>
      <c r="T2646" s="19">
        <v>55</v>
      </c>
      <c r="U2646" s="19"/>
      <c r="V2646" s="19"/>
      <c r="W2646" s="19"/>
      <c r="X2646" s="19">
        <v>3</v>
      </c>
      <c r="Y2646" s="19"/>
      <c r="Z2646" s="19"/>
      <c r="AA2646" s="19"/>
    </row>
    <row r="2647" spans="1:27" s="1" customFormat="1" ht="11.1" customHeight="1" outlineLevel="2" x14ac:dyDescent="0.2">
      <c r="A2647" s="17"/>
      <c r="B2647" s="17"/>
      <c r="C2647" s="17"/>
      <c r="D2647" s="18"/>
      <c r="E2647" s="18"/>
      <c r="F2647" s="18"/>
      <c r="G2647" s="18"/>
      <c r="H2647" s="18"/>
      <c r="I2647" s="18"/>
      <c r="J2647" s="18"/>
      <c r="K2647" s="18"/>
      <c r="L2647" s="18"/>
      <c r="M2647" s="18"/>
      <c r="N2647" s="18"/>
      <c r="O2647" s="18"/>
      <c r="P2647" s="19"/>
      <c r="Q2647" s="19"/>
      <c r="R2647" s="19"/>
      <c r="S2647" s="19"/>
      <c r="T2647" s="19"/>
      <c r="U2647" s="19"/>
      <c r="V2647" s="19"/>
      <c r="W2647" s="19"/>
      <c r="X2647" s="19"/>
      <c r="Y2647" s="19"/>
      <c r="Z2647" s="19"/>
      <c r="AA2647" s="19"/>
    </row>
    <row r="2648" spans="1:27" s="1" customFormat="1" ht="11.1" customHeight="1" outlineLevel="2" x14ac:dyDescent="0.2">
      <c r="A2648" s="17">
        <v>9671</v>
      </c>
      <c r="B2648" s="17"/>
      <c r="C2648" s="17"/>
      <c r="D2648" s="18" t="s">
        <v>1332</v>
      </c>
      <c r="E2648" s="18"/>
      <c r="F2648" s="18"/>
      <c r="G2648" s="18"/>
      <c r="H2648" s="18"/>
      <c r="I2648" s="18"/>
      <c r="J2648" s="18"/>
      <c r="K2648" s="18"/>
      <c r="L2648" s="18"/>
      <c r="M2648" s="18"/>
      <c r="N2648" s="18"/>
      <c r="O2648" s="18"/>
      <c r="P2648" s="19">
        <v>130</v>
      </c>
      <c r="Q2648" s="19"/>
      <c r="R2648" s="19"/>
      <c r="S2648" s="19"/>
      <c r="T2648" s="19">
        <v>50</v>
      </c>
      <c r="U2648" s="19"/>
      <c r="V2648" s="19"/>
      <c r="W2648" s="19"/>
      <c r="X2648" s="19">
        <v>5</v>
      </c>
      <c r="Y2648" s="19"/>
      <c r="Z2648" s="19"/>
      <c r="AA2648" s="19"/>
    </row>
    <row r="2649" spans="1:27" s="1" customFormat="1" ht="11.1" customHeight="1" outlineLevel="2" x14ac:dyDescent="0.2">
      <c r="A2649" s="17"/>
      <c r="B2649" s="17"/>
      <c r="C2649" s="17"/>
      <c r="D2649" s="18"/>
      <c r="E2649" s="18"/>
      <c r="F2649" s="18"/>
      <c r="G2649" s="18"/>
      <c r="H2649" s="18"/>
      <c r="I2649" s="18"/>
      <c r="J2649" s="18"/>
      <c r="K2649" s="18"/>
      <c r="L2649" s="18"/>
      <c r="M2649" s="18"/>
      <c r="N2649" s="18"/>
      <c r="O2649" s="18"/>
      <c r="P2649" s="19"/>
      <c r="Q2649" s="19"/>
      <c r="R2649" s="19"/>
      <c r="S2649" s="19"/>
      <c r="T2649" s="19"/>
      <c r="U2649" s="19"/>
      <c r="V2649" s="19"/>
      <c r="W2649" s="19"/>
      <c r="X2649" s="19"/>
      <c r="Y2649" s="19"/>
      <c r="Z2649" s="19"/>
      <c r="AA2649" s="19"/>
    </row>
    <row r="2650" spans="1:27" s="1" customFormat="1" ht="14.1" customHeight="1" outlineLevel="2" x14ac:dyDescent="0.2">
      <c r="A2650" s="17">
        <v>9672</v>
      </c>
      <c r="B2650" s="17"/>
      <c r="C2650" s="17"/>
      <c r="D2650" s="18" t="s">
        <v>1333</v>
      </c>
      <c r="E2650" s="18"/>
      <c r="F2650" s="18"/>
      <c r="G2650" s="18"/>
      <c r="H2650" s="18"/>
      <c r="I2650" s="18"/>
      <c r="J2650" s="18"/>
      <c r="K2650" s="18"/>
      <c r="L2650" s="18"/>
      <c r="M2650" s="18"/>
      <c r="N2650" s="18"/>
      <c r="O2650" s="18"/>
      <c r="P2650" s="19">
        <v>130</v>
      </c>
      <c r="Q2650" s="19"/>
      <c r="R2650" s="19"/>
      <c r="S2650" s="19"/>
      <c r="T2650" s="19">
        <v>50</v>
      </c>
      <c r="U2650" s="19"/>
      <c r="V2650" s="19"/>
      <c r="W2650" s="19"/>
      <c r="X2650" s="19">
        <v>5</v>
      </c>
      <c r="Y2650" s="19"/>
      <c r="Z2650" s="19"/>
      <c r="AA2650" s="19"/>
    </row>
    <row r="2651" spans="1:27" s="1" customFormat="1" ht="14.1" customHeight="1" outlineLevel="2" x14ac:dyDescent="0.2">
      <c r="A2651" s="17"/>
      <c r="B2651" s="17"/>
      <c r="C2651" s="17"/>
      <c r="D2651" s="18"/>
      <c r="E2651" s="18"/>
      <c r="F2651" s="18"/>
      <c r="G2651" s="18"/>
      <c r="H2651" s="18"/>
      <c r="I2651" s="18"/>
      <c r="J2651" s="18"/>
      <c r="K2651" s="18"/>
      <c r="L2651" s="18"/>
      <c r="M2651" s="18"/>
      <c r="N2651" s="18"/>
      <c r="O2651" s="18"/>
      <c r="P2651" s="19"/>
      <c r="Q2651" s="19"/>
      <c r="R2651" s="19"/>
      <c r="S2651" s="19"/>
      <c r="T2651" s="19"/>
      <c r="U2651" s="19"/>
      <c r="V2651" s="19"/>
      <c r="W2651" s="19"/>
      <c r="X2651" s="19"/>
      <c r="Y2651" s="19"/>
      <c r="Z2651" s="19"/>
      <c r="AA2651" s="19"/>
    </row>
    <row r="2652" spans="1:27" s="1" customFormat="1" ht="11.1" customHeight="1" outlineLevel="2" x14ac:dyDescent="0.2">
      <c r="A2652" s="17">
        <v>9673</v>
      </c>
      <c r="B2652" s="17"/>
      <c r="C2652" s="17"/>
      <c r="D2652" s="18" t="s">
        <v>1334</v>
      </c>
      <c r="E2652" s="18"/>
      <c r="F2652" s="18"/>
      <c r="G2652" s="18"/>
      <c r="H2652" s="18"/>
      <c r="I2652" s="18"/>
      <c r="J2652" s="18"/>
      <c r="K2652" s="18"/>
      <c r="L2652" s="18"/>
      <c r="M2652" s="18"/>
      <c r="N2652" s="18"/>
      <c r="O2652" s="18"/>
      <c r="P2652" s="19">
        <v>130</v>
      </c>
      <c r="Q2652" s="19"/>
      <c r="R2652" s="19"/>
      <c r="S2652" s="19"/>
      <c r="T2652" s="19">
        <v>50</v>
      </c>
      <c r="U2652" s="19"/>
      <c r="V2652" s="19"/>
      <c r="W2652" s="19"/>
      <c r="X2652" s="19">
        <v>5</v>
      </c>
      <c r="Y2652" s="19"/>
      <c r="Z2652" s="19"/>
      <c r="AA2652" s="19"/>
    </row>
    <row r="2653" spans="1:27" s="1" customFormat="1" ht="11.1" customHeight="1" outlineLevel="2" x14ac:dyDescent="0.2">
      <c r="A2653" s="17"/>
      <c r="B2653" s="17"/>
      <c r="C2653" s="17"/>
      <c r="D2653" s="18"/>
      <c r="E2653" s="18"/>
      <c r="F2653" s="18"/>
      <c r="G2653" s="18"/>
      <c r="H2653" s="18"/>
      <c r="I2653" s="18"/>
      <c r="J2653" s="18"/>
      <c r="K2653" s="18"/>
      <c r="L2653" s="18"/>
      <c r="M2653" s="18"/>
      <c r="N2653" s="18"/>
      <c r="O2653" s="18"/>
      <c r="P2653" s="19"/>
      <c r="Q2653" s="19"/>
      <c r="R2653" s="19"/>
      <c r="S2653" s="19"/>
      <c r="T2653" s="19"/>
      <c r="U2653" s="19"/>
      <c r="V2653" s="19"/>
      <c r="W2653" s="19"/>
      <c r="X2653" s="19"/>
      <c r="Y2653" s="19"/>
      <c r="Z2653" s="19"/>
      <c r="AA2653" s="19"/>
    </row>
    <row r="2654" spans="1:27" s="1" customFormat="1" ht="11.1" customHeight="1" outlineLevel="2" x14ac:dyDescent="0.2">
      <c r="A2654" s="17">
        <v>9674</v>
      </c>
      <c r="B2654" s="17"/>
      <c r="C2654" s="17"/>
      <c r="D2654" s="18" t="s">
        <v>1335</v>
      </c>
      <c r="E2654" s="18"/>
      <c r="F2654" s="18"/>
      <c r="G2654" s="18"/>
      <c r="H2654" s="18"/>
      <c r="I2654" s="18"/>
      <c r="J2654" s="18"/>
      <c r="K2654" s="18"/>
      <c r="L2654" s="18"/>
      <c r="M2654" s="18"/>
      <c r="N2654" s="18"/>
      <c r="O2654" s="18"/>
      <c r="P2654" s="19">
        <v>130</v>
      </c>
      <c r="Q2654" s="19"/>
      <c r="R2654" s="19"/>
      <c r="S2654" s="19"/>
      <c r="T2654" s="19">
        <v>50</v>
      </c>
      <c r="U2654" s="19"/>
      <c r="V2654" s="19"/>
      <c r="W2654" s="19"/>
      <c r="X2654" s="19">
        <v>5</v>
      </c>
      <c r="Y2654" s="19"/>
      <c r="Z2654" s="19"/>
      <c r="AA2654" s="19"/>
    </row>
    <row r="2655" spans="1:27" s="1" customFormat="1" ht="11.1" customHeight="1" outlineLevel="2" x14ac:dyDescent="0.2">
      <c r="A2655" s="17"/>
      <c r="B2655" s="17"/>
      <c r="C2655" s="17"/>
      <c r="D2655" s="18"/>
      <c r="E2655" s="18"/>
      <c r="F2655" s="18"/>
      <c r="G2655" s="18"/>
      <c r="H2655" s="18"/>
      <c r="I2655" s="18"/>
      <c r="J2655" s="18"/>
      <c r="K2655" s="18"/>
      <c r="L2655" s="18"/>
      <c r="M2655" s="18"/>
      <c r="N2655" s="18"/>
      <c r="O2655" s="18"/>
      <c r="P2655" s="19"/>
      <c r="Q2655" s="19"/>
      <c r="R2655" s="19"/>
      <c r="S2655" s="19"/>
      <c r="T2655" s="19"/>
      <c r="U2655" s="19"/>
      <c r="V2655" s="19"/>
      <c r="W2655" s="19"/>
      <c r="X2655" s="19"/>
      <c r="Y2655" s="19"/>
      <c r="Z2655" s="19"/>
      <c r="AA2655" s="19"/>
    </row>
    <row r="2656" spans="1:27" s="1" customFormat="1" ht="14.1" customHeight="1" outlineLevel="2" x14ac:dyDescent="0.2">
      <c r="A2656" s="17">
        <v>15112</v>
      </c>
      <c r="B2656" s="17"/>
      <c r="C2656" s="17"/>
      <c r="D2656" s="18" t="s">
        <v>1336</v>
      </c>
      <c r="E2656" s="18"/>
      <c r="F2656" s="18"/>
      <c r="G2656" s="18"/>
      <c r="H2656" s="18"/>
      <c r="I2656" s="18"/>
      <c r="J2656" s="18"/>
      <c r="K2656" s="18"/>
      <c r="L2656" s="18"/>
      <c r="M2656" s="18"/>
      <c r="N2656" s="18"/>
      <c r="O2656" s="18"/>
      <c r="P2656" s="19">
        <v>250</v>
      </c>
      <c r="Q2656" s="19"/>
      <c r="R2656" s="19"/>
      <c r="S2656" s="19"/>
      <c r="T2656" s="19">
        <v>150</v>
      </c>
      <c r="U2656" s="19"/>
      <c r="V2656" s="19"/>
      <c r="W2656" s="19"/>
      <c r="X2656" s="19">
        <v>2</v>
      </c>
      <c r="Y2656" s="19"/>
      <c r="Z2656" s="19"/>
      <c r="AA2656" s="19"/>
    </row>
    <row r="2657" spans="1:27" s="1" customFormat="1" ht="14.1" customHeight="1" outlineLevel="2" x14ac:dyDescent="0.2">
      <c r="A2657" s="17"/>
      <c r="B2657" s="17"/>
      <c r="C2657" s="17"/>
      <c r="D2657" s="18"/>
      <c r="E2657" s="18"/>
      <c r="F2657" s="18"/>
      <c r="G2657" s="18"/>
      <c r="H2657" s="18"/>
      <c r="I2657" s="18"/>
      <c r="J2657" s="18"/>
      <c r="K2657" s="18"/>
      <c r="L2657" s="18"/>
      <c r="M2657" s="18"/>
      <c r="N2657" s="18"/>
      <c r="O2657" s="18"/>
      <c r="P2657" s="19"/>
      <c r="Q2657" s="19"/>
      <c r="R2657" s="19"/>
      <c r="S2657" s="19"/>
      <c r="T2657" s="19"/>
      <c r="U2657" s="19"/>
      <c r="V2657" s="19"/>
      <c r="W2657" s="19"/>
      <c r="X2657" s="19"/>
      <c r="Y2657" s="19"/>
      <c r="Z2657" s="19"/>
      <c r="AA2657" s="19"/>
    </row>
    <row r="2658" spans="1:27" s="1" customFormat="1" ht="14.1" customHeight="1" outlineLevel="2" x14ac:dyDescent="0.2">
      <c r="A2658" s="17">
        <v>12698</v>
      </c>
      <c r="B2658" s="17"/>
      <c r="C2658" s="17"/>
      <c r="D2658" s="18" t="s">
        <v>1337</v>
      </c>
      <c r="E2658" s="18"/>
      <c r="F2658" s="18"/>
      <c r="G2658" s="18"/>
      <c r="H2658" s="18"/>
      <c r="I2658" s="18"/>
      <c r="J2658" s="18"/>
      <c r="K2658" s="18"/>
      <c r="L2658" s="18"/>
      <c r="M2658" s="18"/>
      <c r="N2658" s="18"/>
      <c r="O2658" s="18"/>
      <c r="P2658" s="19">
        <v>330</v>
      </c>
      <c r="Q2658" s="19"/>
      <c r="R2658" s="19"/>
      <c r="S2658" s="19"/>
      <c r="T2658" s="19">
        <v>250</v>
      </c>
      <c r="U2658" s="19"/>
      <c r="V2658" s="19"/>
      <c r="W2658" s="19"/>
      <c r="X2658" s="19">
        <v>5</v>
      </c>
      <c r="Y2658" s="19"/>
      <c r="Z2658" s="19"/>
      <c r="AA2658" s="19"/>
    </row>
    <row r="2659" spans="1:27" s="1" customFormat="1" ht="14.1" customHeight="1" outlineLevel="2" x14ac:dyDescent="0.2">
      <c r="A2659" s="17"/>
      <c r="B2659" s="17"/>
      <c r="C2659" s="17"/>
      <c r="D2659" s="18"/>
      <c r="E2659" s="18"/>
      <c r="F2659" s="18"/>
      <c r="G2659" s="18"/>
      <c r="H2659" s="18"/>
      <c r="I2659" s="18"/>
      <c r="J2659" s="18"/>
      <c r="K2659" s="18"/>
      <c r="L2659" s="18"/>
      <c r="M2659" s="18"/>
      <c r="N2659" s="18"/>
      <c r="O2659" s="18"/>
      <c r="P2659" s="19"/>
      <c r="Q2659" s="19"/>
      <c r="R2659" s="19"/>
      <c r="S2659" s="19"/>
      <c r="T2659" s="19"/>
      <c r="U2659" s="19"/>
      <c r="V2659" s="19"/>
      <c r="W2659" s="19"/>
      <c r="X2659" s="19"/>
      <c r="Y2659" s="19"/>
      <c r="Z2659" s="19"/>
      <c r="AA2659" s="19"/>
    </row>
    <row r="2660" spans="1:27" s="1" customFormat="1" ht="11.1" customHeight="1" outlineLevel="2" x14ac:dyDescent="0.2">
      <c r="A2660" s="17">
        <v>12108</v>
      </c>
      <c r="B2660" s="17"/>
      <c r="C2660" s="17"/>
      <c r="D2660" s="18" t="s">
        <v>1338</v>
      </c>
      <c r="E2660" s="18"/>
      <c r="F2660" s="18"/>
      <c r="G2660" s="18"/>
      <c r="H2660" s="18"/>
      <c r="I2660" s="18"/>
      <c r="J2660" s="18"/>
      <c r="K2660" s="18"/>
      <c r="L2660" s="18"/>
      <c r="M2660" s="18"/>
      <c r="N2660" s="18"/>
      <c r="O2660" s="18"/>
      <c r="P2660" s="19">
        <v>250</v>
      </c>
      <c r="Q2660" s="19"/>
      <c r="R2660" s="19"/>
      <c r="S2660" s="19"/>
      <c r="T2660" s="19">
        <v>200</v>
      </c>
      <c r="U2660" s="19"/>
      <c r="V2660" s="19"/>
      <c r="W2660" s="19"/>
      <c r="X2660" s="19">
        <v>4</v>
      </c>
      <c r="Y2660" s="19"/>
      <c r="Z2660" s="19"/>
      <c r="AA2660" s="19"/>
    </row>
    <row r="2661" spans="1:27" s="1" customFormat="1" ht="11.1" customHeight="1" outlineLevel="2" x14ac:dyDescent="0.2">
      <c r="A2661" s="17"/>
      <c r="B2661" s="17"/>
      <c r="C2661" s="17"/>
      <c r="D2661" s="18"/>
      <c r="E2661" s="18"/>
      <c r="F2661" s="18"/>
      <c r="G2661" s="18"/>
      <c r="H2661" s="18"/>
      <c r="I2661" s="18"/>
      <c r="J2661" s="18"/>
      <c r="K2661" s="18"/>
      <c r="L2661" s="18"/>
      <c r="M2661" s="18"/>
      <c r="N2661" s="18"/>
      <c r="O2661" s="18"/>
      <c r="P2661" s="19"/>
      <c r="Q2661" s="19"/>
      <c r="R2661" s="19"/>
      <c r="S2661" s="19"/>
      <c r="T2661" s="19"/>
      <c r="U2661" s="19"/>
      <c r="V2661" s="19"/>
      <c r="W2661" s="19"/>
      <c r="X2661" s="19"/>
      <c r="Y2661" s="19"/>
      <c r="Z2661" s="19"/>
      <c r="AA2661" s="19"/>
    </row>
    <row r="2662" spans="1:27" s="1" customFormat="1" ht="11.1" customHeight="1" outlineLevel="2" x14ac:dyDescent="0.2">
      <c r="A2662" s="17">
        <v>15788</v>
      </c>
      <c r="B2662" s="17"/>
      <c r="C2662" s="17"/>
      <c r="D2662" s="18" t="s">
        <v>1339</v>
      </c>
      <c r="E2662" s="18"/>
      <c r="F2662" s="18"/>
      <c r="G2662" s="18"/>
      <c r="H2662" s="18"/>
      <c r="I2662" s="18"/>
      <c r="J2662" s="18"/>
      <c r="K2662" s="18"/>
      <c r="L2662" s="18"/>
      <c r="M2662" s="18"/>
      <c r="N2662" s="18"/>
      <c r="O2662" s="18"/>
      <c r="P2662" s="19">
        <v>250</v>
      </c>
      <c r="Q2662" s="19"/>
      <c r="R2662" s="19"/>
      <c r="S2662" s="19"/>
      <c r="T2662" s="19">
        <v>200</v>
      </c>
      <c r="U2662" s="19"/>
      <c r="V2662" s="19"/>
      <c r="W2662" s="19"/>
      <c r="X2662" s="19">
        <v>1</v>
      </c>
      <c r="Y2662" s="19"/>
      <c r="Z2662" s="19"/>
      <c r="AA2662" s="19"/>
    </row>
    <row r="2663" spans="1:27" s="1" customFormat="1" ht="11.1" customHeight="1" outlineLevel="2" x14ac:dyDescent="0.2">
      <c r="A2663" s="17"/>
      <c r="B2663" s="17"/>
      <c r="C2663" s="17"/>
      <c r="D2663" s="18"/>
      <c r="E2663" s="18"/>
      <c r="F2663" s="18"/>
      <c r="G2663" s="18"/>
      <c r="H2663" s="18"/>
      <c r="I2663" s="18"/>
      <c r="J2663" s="18"/>
      <c r="K2663" s="18"/>
      <c r="L2663" s="18"/>
      <c r="M2663" s="18"/>
      <c r="N2663" s="18"/>
      <c r="O2663" s="18"/>
      <c r="P2663" s="19"/>
      <c r="Q2663" s="19"/>
      <c r="R2663" s="19"/>
      <c r="S2663" s="19"/>
      <c r="T2663" s="19"/>
      <c r="U2663" s="19"/>
      <c r="V2663" s="19"/>
      <c r="W2663" s="19"/>
      <c r="X2663" s="19"/>
      <c r="Y2663" s="19"/>
      <c r="Z2663" s="19"/>
      <c r="AA2663" s="19"/>
    </row>
    <row r="2664" spans="1:27" s="1" customFormat="1" ht="14.1" customHeight="1" outlineLevel="2" x14ac:dyDescent="0.2">
      <c r="A2664" s="17">
        <v>18133</v>
      </c>
      <c r="B2664" s="17"/>
      <c r="C2664" s="17"/>
      <c r="D2664" s="18" t="s">
        <v>1340</v>
      </c>
      <c r="E2664" s="18"/>
      <c r="F2664" s="18"/>
      <c r="G2664" s="18"/>
      <c r="H2664" s="18"/>
      <c r="I2664" s="18"/>
      <c r="J2664" s="18"/>
      <c r="K2664" s="18"/>
      <c r="L2664" s="18"/>
      <c r="M2664" s="18"/>
      <c r="N2664" s="18"/>
      <c r="O2664" s="18"/>
      <c r="P2664" s="19">
        <v>250</v>
      </c>
      <c r="Q2664" s="19"/>
      <c r="R2664" s="19"/>
      <c r="S2664" s="19"/>
      <c r="T2664" s="19">
        <v>150</v>
      </c>
      <c r="U2664" s="19"/>
      <c r="V2664" s="19"/>
      <c r="W2664" s="19"/>
      <c r="X2664" s="19">
        <v>2</v>
      </c>
      <c r="Y2664" s="19"/>
      <c r="Z2664" s="19"/>
      <c r="AA2664" s="19"/>
    </row>
    <row r="2665" spans="1:27" s="1" customFormat="1" ht="14.1" customHeight="1" outlineLevel="2" x14ac:dyDescent="0.2">
      <c r="A2665" s="17"/>
      <c r="B2665" s="17"/>
      <c r="C2665" s="17"/>
      <c r="D2665" s="18"/>
      <c r="E2665" s="18"/>
      <c r="F2665" s="18"/>
      <c r="G2665" s="18"/>
      <c r="H2665" s="18"/>
      <c r="I2665" s="18"/>
      <c r="J2665" s="18"/>
      <c r="K2665" s="18"/>
      <c r="L2665" s="18"/>
      <c r="M2665" s="18"/>
      <c r="N2665" s="18"/>
      <c r="O2665" s="18"/>
      <c r="P2665" s="19"/>
      <c r="Q2665" s="19"/>
      <c r="R2665" s="19"/>
      <c r="S2665" s="19"/>
      <c r="T2665" s="19"/>
      <c r="U2665" s="19"/>
      <c r="V2665" s="19"/>
      <c r="W2665" s="19"/>
      <c r="X2665" s="19"/>
      <c r="Y2665" s="19"/>
      <c r="Z2665" s="19"/>
      <c r="AA2665" s="19"/>
    </row>
    <row r="2666" spans="1:27" s="1" customFormat="1" ht="14.1" customHeight="1" outlineLevel="2" x14ac:dyDescent="0.2">
      <c r="A2666" s="17">
        <v>9682</v>
      </c>
      <c r="B2666" s="17"/>
      <c r="C2666" s="17"/>
      <c r="D2666" s="18" t="s">
        <v>1341</v>
      </c>
      <c r="E2666" s="18"/>
      <c r="F2666" s="18"/>
      <c r="G2666" s="18"/>
      <c r="H2666" s="18"/>
      <c r="I2666" s="18"/>
      <c r="J2666" s="18"/>
      <c r="K2666" s="18"/>
      <c r="L2666" s="18"/>
      <c r="M2666" s="18"/>
      <c r="N2666" s="18"/>
      <c r="O2666" s="18"/>
      <c r="P2666" s="19">
        <v>150</v>
      </c>
      <c r="Q2666" s="19"/>
      <c r="R2666" s="19"/>
      <c r="S2666" s="19"/>
      <c r="T2666" s="19">
        <v>70</v>
      </c>
      <c r="U2666" s="19"/>
      <c r="V2666" s="19"/>
      <c r="W2666" s="19"/>
      <c r="X2666" s="19">
        <v>4</v>
      </c>
      <c r="Y2666" s="19"/>
      <c r="Z2666" s="19"/>
      <c r="AA2666" s="19"/>
    </row>
    <row r="2667" spans="1:27" s="1" customFormat="1" ht="14.1" customHeight="1" outlineLevel="2" x14ac:dyDescent="0.2">
      <c r="A2667" s="17"/>
      <c r="B2667" s="17"/>
      <c r="C2667" s="17"/>
      <c r="D2667" s="18"/>
      <c r="E2667" s="18"/>
      <c r="F2667" s="18"/>
      <c r="G2667" s="18"/>
      <c r="H2667" s="18"/>
      <c r="I2667" s="18"/>
      <c r="J2667" s="18"/>
      <c r="K2667" s="18"/>
      <c r="L2667" s="18"/>
      <c r="M2667" s="18"/>
      <c r="N2667" s="18"/>
      <c r="O2667" s="18"/>
      <c r="P2667" s="19"/>
      <c r="Q2667" s="19"/>
      <c r="R2667" s="19"/>
      <c r="S2667" s="19"/>
      <c r="T2667" s="19"/>
      <c r="U2667" s="19"/>
      <c r="V2667" s="19"/>
      <c r="W2667" s="19"/>
      <c r="X2667" s="19"/>
      <c r="Y2667" s="19"/>
      <c r="Z2667" s="19"/>
      <c r="AA2667" s="19"/>
    </row>
    <row r="2668" spans="1:27" s="1" customFormat="1" ht="14.1" customHeight="1" outlineLevel="2" x14ac:dyDescent="0.2">
      <c r="A2668" s="17">
        <v>9676</v>
      </c>
      <c r="B2668" s="17"/>
      <c r="C2668" s="17"/>
      <c r="D2668" s="18" t="s">
        <v>1342</v>
      </c>
      <c r="E2668" s="18"/>
      <c r="F2668" s="18"/>
      <c r="G2668" s="18"/>
      <c r="H2668" s="18"/>
      <c r="I2668" s="18"/>
      <c r="J2668" s="18"/>
      <c r="K2668" s="18"/>
      <c r="L2668" s="18"/>
      <c r="M2668" s="18"/>
      <c r="N2668" s="18"/>
      <c r="O2668" s="18"/>
      <c r="P2668" s="19">
        <v>150</v>
      </c>
      <c r="Q2668" s="19"/>
      <c r="R2668" s="19"/>
      <c r="S2668" s="19"/>
      <c r="T2668" s="19">
        <v>70</v>
      </c>
      <c r="U2668" s="19"/>
      <c r="V2668" s="19"/>
      <c r="W2668" s="19"/>
      <c r="X2668" s="19">
        <v>4</v>
      </c>
      <c r="Y2668" s="19"/>
      <c r="Z2668" s="19"/>
      <c r="AA2668" s="19"/>
    </row>
    <row r="2669" spans="1:27" s="1" customFormat="1" ht="14.1" customHeight="1" outlineLevel="2" x14ac:dyDescent="0.2">
      <c r="A2669" s="17"/>
      <c r="B2669" s="17"/>
      <c r="C2669" s="17"/>
      <c r="D2669" s="18"/>
      <c r="E2669" s="18"/>
      <c r="F2669" s="18"/>
      <c r="G2669" s="18"/>
      <c r="H2669" s="18"/>
      <c r="I2669" s="18"/>
      <c r="J2669" s="18"/>
      <c r="K2669" s="18"/>
      <c r="L2669" s="18"/>
      <c r="M2669" s="18"/>
      <c r="N2669" s="18"/>
      <c r="O2669" s="18"/>
      <c r="P2669" s="19"/>
      <c r="Q2669" s="19"/>
      <c r="R2669" s="19"/>
      <c r="S2669" s="19"/>
      <c r="T2669" s="19"/>
      <c r="U2669" s="19"/>
      <c r="V2669" s="19"/>
      <c r="W2669" s="19"/>
      <c r="X2669" s="19"/>
      <c r="Y2669" s="19"/>
      <c r="Z2669" s="19"/>
      <c r="AA2669" s="19"/>
    </row>
    <row r="2670" spans="1:27" s="1" customFormat="1" ht="11.1" customHeight="1" outlineLevel="2" x14ac:dyDescent="0.2">
      <c r="A2670" s="17">
        <v>9677</v>
      </c>
      <c r="B2670" s="17"/>
      <c r="C2670" s="17"/>
      <c r="D2670" s="18" t="s">
        <v>1343</v>
      </c>
      <c r="E2670" s="18"/>
      <c r="F2670" s="18"/>
      <c r="G2670" s="18"/>
      <c r="H2670" s="18"/>
      <c r="I2670" s="18"/>
      <c r="J2670" s="18"/>
      <c r="K2670" s="18"/>
      <c r="L2670" s="18"/>
      <c r="M2670" s="18"/>
      <c r="N2670" s="18"/>
      <c r="O2670" s="18"/>
      <c r="P2670" s="19">
        <v>150</v>
      </c>
      <c r="Q2670" s="19"/>
      <c r="R2670" s="19"/>
      <c r="S2670" s="19"/>
      <c r="T2670" s="19">
        <v>70</v>
      </c>
      <c r="U2670" s="19"/>
      <c r="V2670" s="19"/>
      <c r="W2670" s="19"/>
      <c r="X2670" s="19">
        <v>5</v>
      </c>
      <c r="Y2670" s="19"/>
      <c r="Z2670" s="19"/>
      <c r="AA2670" s="19"/>
    </row>
    <row r="2671" spans="1:27" s="1" customFormat="1" ht="11.1" customHeight="1" outlineLevel="2" x14ac:dyDescent="0.2">
      <c r="A2671" s="17"/>
      <c r="B2671" s="17"/>
      <c r="C2671" s="17"/>
      <c r="D2671" s="18"/>
      <c r="E2671" s="18"/>
      <c r="F2671" s="18"/>
      <c r="G2671" s="18"/>
      <c r="H2671" s="18"/>
      <c r="I2671" s="18"/>
      <c r="J2671" s="18"/>
      <c r="K2671" s="18"/>
      <c r="L2671" s="18"/>
      <c r="M2671" s="18"/>
      <c r="N2671" s="18"/>
      <c r="O2671" s="18"/>
      <c r="P2671" s="19"/>
      <c r="Q2671" s="19"/>
      <c r="R2671" s="19"/>
      <c r="S2671" s="19"/>
      <c r="T2671" s="19"/>
      <c r="U2671" s="19"/>
      <c r="V2671" s="19"/>
      <c r="W2671" s="19"/>
      <c r="X2671" s="19"/>
      <c r="Y2671" s="19"/>
      <c r="Z2671" s="19"/>
      <c r="AA2671" s="19"/>
    </row>
    <row r="2672" spans="1:27" s="1" customFormat="1" ht="14.1" customHeight="1" outlineLevel="2" x14ac:dyDescent="0.2">
      <c r="A2672" s="17">
        <v>18200</v>
      </c>
      <c r="B2672" s="17"/>
      <c r="C2672" s="17"/>
      <c r="D2672" s="18" t="s">
        <v>1344</v>
      </c>
      <c r="E2672" s="18"/>
      <c r="F2672" s="18"/>
      <c r="G2672" s="18"/>
      <c r="H2672" s="18"/>
      <c r="I2672" s="18"/>
      <c r="J2672" s="18"/>
      <c r="K2672" s="18"/>
      <c r="L2672" s="18"/>
      <c r="M2672" s="18"/>
      <c r="N2672" s="18"/>
      <c r="O2672" s="18"/>
      <c r="P2672" s="19">
        <v>150</v>
      </c>
      <c r="Q2672" s="19"/>
      <c r="R2672" s="19"/>
      <c r="S2672" s="19"/>
      <c r="T2672" s="19">
        <v>100</v>
      </c>
      <c r="U2672" s="19"/>
      <c r="V2672" s="19"/>
      <c r="W2672" s="19"/>
      <c r="X2672" s="19">
        <v>1</v>
      </c>
      <c r="Y2672" s="19"/>
      <c r="Z2672" s="19"/>
      <c r="AA2672" s="19"/>
    </row>
    <row r="2673" spans="1:27" s="1" customFormat="1" ht="14.1" customHeight="1" outlineLevel="2" x14ac:dyDescent="0.2">
      <c r="A2673" s="17"/>
      <c r="B2673" s="17"/>
      <c r="C2673" s="17"/>
      <c r="D2673" s="18"/>
      <c r="E2673" s="18"/>
      <c r="F2673" s="18"/>
      <c r="G2673" s="18"/>
      <c r="H2673" s="18"/>
      <c r="I2673" s="18"/>
      <c r="J2673" s="18"/>
      <c r="K2673" s="18"/>
      <c r="L2673" s="18"/>
      <c r="M2673" s="18"/>
      <c r="N2673" s="18"/>
      <c r="O2673" s="18"/>
      <c r="P2673" s="19"/>
      <c r="Q2673" s="19"/>
      <c r="R2673" s="19"/>
      <c r="S2673" s="19"/>
      <c r="T2673" s="19"/>
      <c r="U2673" s="19"/>
      <c r="V2673" s="19"/>
      <c r="W2673" s="19"/>
      <c r="X2673" s="19"/>
      <c r="Y2673" s="19"/>
      <c r="Z2673" s="19"/>
      <c r="AA2673" s="19"/>
    </row>
    <row r="2674" spans="1:27" s="1" customFormat="1" ht="11.1" customHeight="1" outlineLevel="2" x14ac:dyDescent="0.2">
      <c r="A2674" s="17">
        <v>9678</v>
      </c>
      <c r="B2674" s="17"/>
      <c r="C2674" s="17"/>
      <c r="D2674" s="18" t="s">
        <v>1345</v>
      </c>
      <c r="E2674" s="18"/>
      <c r="F2674" s="18"/>
      <c r="G2674" s="18"/>
      <c r="H2674" s="18"/>
      <c r="I2674" s="18"/>
      <c r="J2674" s="18"/>
      <c r="K2674" s="18"/>
      <c r="L2674" s="18"/>
      <c r="M2674" s="18"/>
      <c r="N2674" s="18"/>
      <c r="O2674" s="18"/>
      <c r="P2674" s="19">
        <v>150</v>
      </c>
      <c r="Q2674" s="19"/>
      <c r="R2674" s="19"/>
      <c r="S2674" s="19"/>
      <c r="T2674" s="19">
        <v>70</v>
      </c>
      <c r="U2674" s="19"/>
      <c r="V2674" s="19"/>
      <c r="W2674" s="19"/>
      <c r="X2674" s="19">
        <v>4</v>
      </c>
      <c r="Y2674" s="19"/>
      <c r="Z2674" s="19"/>
      <c r="AA2674" s="19"/>
    </row>
    <row r="2675" spans="1:27" s="1" customFormat="1" ht="11.1" customHeight="1" outlineLevel="2" x14ac:dyDescent="0.2">
      <c r="A2675" s="17"/>
      <c r="B2675" s="17"/>
      <c r="C2675" s="17"/>
      <c r="D2675" s="18"/>
      <c r="E2675" s="18"/>
      <c r="F2675" s="18"/>
      <c r="G2675" s="18"/>
      <c r="H2675" s="18"/>
      <c r="I2675" s="18"/>
      <c r="J2675" s="18"/>
      <c r="K2675" s="18"/>
      <c r="L2675" s="18"/>
      <c r="M2675" s="18"/>
      <c r="N2675" s="18"/>
      <c r="O2675" s="18"/>
      <c r="P2675" s="19"/>
      <c r="Q2675" s="19"/>
      <c r="R2675" s="19"/>
      <c r="S2675" s="19"/>
      <c r="T2675" s="19"/>
      <c r="U2675" s="19"/>
      <c r="V2675" s="19"/>
      <c r="W2675" s="19"/>
      <c r="X2675" s="19"/>
      <c r="Y2675" s="19"/>
      <c r="Z2675" s="19"/>
      <c r="AA2675" s="19"/>
    </row>
    <row r="2676" spans="1:27" s="1" customFormat="1" ht="11.1" customHeight="1" outlineLevel="2" x14ac:dyDescent="0.2">
      <c r="A2676" s="17">
        <v>9679</v>
      </c>
      <c r="B2676" s="17"/>
      <c r="C2676" s="17"/>
      <c r="D2676" s="18" t="s">
        <v>1346</v>
      </c>
      <c r="E2676" s="18"/>
      <c r="F2676" s="18"/>
      <c r="G2676" s="18"/>
      <c r="H2676" s="18"/>
      <c r="I2676" s="18"/>
      <c r="J2676" s="18"/>
      <c r="K2676" s="18"/>
      <c r="L2676" s="18"/>
      <c r="M2676" s="18"/>
      <c r="N2676" s="18"/>
      <c r="O2676" s="18"/>
      <c r="P2676" s="19">
        <v>160</v>
      </c>
      <c r="Q2676" s="19"/>
      <c r="R2676" s="19"/>
      <c r="S2676" s="19"/>
      <c r="T2676" s="19">
        <v>80</v>
      </c>
      <c r="U2676" s="19"/>
      <c r="V2676" s="19"/>
      <c r="W2676" s="19"/>
      <c r="X2676" s="19">
        <v>4</v>
      </c>
      <c r="Y2676" s="19"/>
      <c r="Z2676" s="19"/>
      <c r="AA2676" s="19"/>
    </row>
    <row r="2677" spans="1:27" s="1" customFormat="1" ht="11.1" customHeight="1" outlineLevel="2" x14ac:dyDescent="0.2">
      <c r="A2677" s="17"/>
      <c r="B2677" s="17"/>
      <c r="C2677" s="17"/>
      <c r="D2677" s="18"/>
      <c r="E2677" s="18"/>
      <c r="F2677" s="18"/>
      <c r="G2677" s="18"/>
      <c r="H2677" s="18"/>
      <c r="I2677" s="18"/>
      <c r="J2677" s="18"/>
      <c r="K2677" s="18"/>
      <c r="L2677" s="18"/>
      <c r="M2677" s="18"/>
      <c r="N2677" s="18"/>
      <c r="O2677" s="18"/>
      <c r="P2677" s="19"/>
      <c r="Q2677" s="19"/>
      <c r="R2677" s="19"/>
      <c r="S2677" s="19"/>
      <c r="T2677" s="19"/>
      <c r="U2677" s="19"/>
      <c r="V2677" s="19"/>
      <c r="W2677" s="19"/>
      <c r="X2677" s="19"/>
      <c r="Y2677" s="19"/>
      <c r="Z2677" s="19"/>
      <c r="AA2677" s="19"/>
    </row>
    <row r="2678" spans="1:27" s="1" customFormat="1" ht="11.1" customHeight="1" outlineLevel="2" x14ac:dyDescent="0.2">
      <c r="A2678" s="17">
        <v>9680</v>
      </c>
      <c r="B2678" s="17"/>
      <c r="C2678" s="17"/>
      <c r="D2678" s="18" t="s">
        <v>1347</v>
      </c>
      <c r="E2678" s="18"/>
      <c r="F2678" s="18"/>
      <c r="G2678" s="18"/>
      <c r="H2678" s="18"/>
      <c r="I2678" s="18"/>
      <c r="J2678" s="18"/>
      <c r="K2678" s="18"/>
      <c r="L2678" s="18"/>
      <c r="M2678" s="18"/>
      <c r="N2678" s="18"/>
      <c r="O2678" s="18"/>
      <c r="P2678" s="19">
        <v>150</v>
      </c>
      <c r="Q2678" s="19"/>
      <c r="R2678" s="19"/>
      <c r="S2678" s="19"/>
      <c r="T2678" s="19">
        <v>70</v>
      </c>
      <c r="U2678" s="19"/>
      <c r="V2678" s="19"/>
      <c r="W2678" s="19"/>
      <c r="X2678" s="19">
        <v>5</v>
      </c>
      <c r="Y2678" s="19"/>
      <c r="Z2678" s="19"/>
      <c r="AA2678" s="19"/>
    </row>
    <row r="2679" spans="1:27" s="1" customFormat="1" ht="11.1" customHeight="1" outlineLevel="2" x14ac:dyDescent="0.2">
      <c r="A2679" s="17"/>
      <c r="B2679" s="17"/>
      <c r="C2679" s="17"/>
      <c r="D2679" s="18"/>
      <c r="E2679" s="18"/>
      <c r="F2679" s="18"/>
      <c r="G2679" s="18"/>
      <c r="H2679" s="18"/>
      <c r="I2679" s="18"/>
      <c r="J2679" s="18"/>
      <c r="K2679" s="18"/>
      <c r="L2679" s="18"/>
      <c r="M2679" s="18"/>
      <c r="N2679" s="18"/>
      <c r="O2679" s="18"/>
      <c r="P2679" s="19"/>
      <c r="Q2679" s="19"/>
      <c r="R2679" s="19"/>
      <c r="S2679" s="19"/>
      <c r="T2679" s="19"/>
      <c r="U2679" s="19"/>
      <c r="V2679" s="19"/>
      <c r="W2679" s="19"/>
      <c r="X2679" s="19"/>
      <c r="Y2679" s="19"/>
      <c r="Z2679" s="19"/>
      <c r="AA2679" s="19"/>
    </row>
    <row r="2680" spans="1:27" s="1" customFormat="1" ht="14.1" customHeight="1" outlineLevel="2" x14ac:dyDescent="0.2">
      <c r="A2680" s="17">
        <v>9681</v>
      </c>
      <c r="B2680" s="17"/>
      <c r="C2680" s="17"/>
      <c r="D2680" s="18" t="s">
        <v>1348</v>
      </c>
      <c r="E2680" s="18"/>
      <c r="F2680" s="18"/>
      <c r="G2680" s="18"/>
      <c r="H2680" s="18"/>
      <c r="I2680" s="18"/>
      <c r="J2680" s="18"/>
      <c r="K2680" s="18"/>
      <c r="L2680" s="18"/>
      <c r="M2680" s="18"/>
      <c r="N2680" s="18"/>
      <c r="O2680" s="18"/>
      <c r="P2680" s="19">
        <v>150</v>
      </c>
      <c r="Q2680" s="19"/>
      <c r="R2680" s="19"/>
      <c r="S2680" s="19"/>
      <c r="T2680" s="19">
        <v>70</v>
      </c>
      <c r="U2680" s="19"/>
      <c r="V2680" s="19"/>
      <c r="W2680" s="19"/>
      <c r="X2680" s="19">
        <v>1</v>
      </c>
      <c r="Y2680" s="19"/>
      <c r="Z2680" s="19"/>
      <c r="AA2680" s="19"/>
    </row>
    <row r="2681" spans="1:27" s="1" customFormat="1" ht="14.1" customHeight="1" outlineLevel="2" x14ac:dyDescent="0.2">
      <c r="A2681" s="17"/>
      <c r="B2681" s="17"/>
      <c r="C2681" s="17"/>
      <c r="D2681" s="18"/>
      <c r="E2681" s="18"/>
      <c r="F2681" s="18"/>
      <c r="G2681" s="18"/>
      <c r="H2681" s="18"/>
      <c r="I2681" s="18"/>
      <c r="J2681" s="18"/>
      <c r="K2681" s="18"/>
      <c r="L2681" s="18"/>
      <c r="M2681" s="18"/>
      <c r="N2681" s="18"/>
      <c r="O2681" s="18"/>
      <c r="P2681" s="19"/>
      <c r="Q2681" s="19"/>
      <c r="R2681" s="19"/>
      <c r="S2681" s="19"/>
      <c r="T2681" s="19"/>
      <c r="U2681" s="19"/>
      <c r="V2681" s="19"/>
      <c r="W2681" s="19"/>
      <c r="X2681" s="19"/>
      <c r="Y2681" s="19"/>
      <c r="Z2681" s="19"/>
      <c r="AA2681" s="19"/>
    </row>
    <row r="2682" spans="1:27" s="1" customFormat="1" ht="14.1" customHeight="1" outlineLevel="2" x14ac:dyDescent="0.2">
      <c r="A2682" s="17">
        <v>9668</v>
      </c>
      <c r="B2682" s="17"/>
      <c r="C2682" s="17"/>
      <c r="D2682" s="18" t="s">
        <v>1349</v>
      </c>
      <c r="E2682" s="18"/>
      <c r="F2682" s="18"/>
      <c r="G2682" s="18"/>
      <c r="H2682" s="18"/>
      <c r="I2682" s="18"/>
      <c r="J2682" s="18"/>
      <c r="K2682" s="18"/>
      <c r="L2682" s="18"/>
      <c r="M2682" s="18"/>
      <c r="N2682" s="18"/>
      <c r="O2682" s="18"/>
      <c r="P2682" s="19">
        <v>130</v>
      </c>
      <c r="Q2682" s="19"/>
      <c r="R2682" s="19"/>
      <c r="S2682" s="19"/>
      <c r="T2682" s="19">
        <v>50</v>
      </c>
      <c r="U2682" s="19"/>
      <c r="V2682" s="19"/>
      <c r="W2682" s="19"/>
      <c r="X2682" s="19">
        <v>5</v>
      </c>
      <c r="Y2682" s="19"/>
      <c r="Z2682" s="19"/>
      <c r="AA2682" s="19"/>
    </row>
    <row r="2683" spans="1:27" s="1" customFormat="1" ht="14.1" customHeight="1" outlineLevel="2" x14ac:dyDescent="0.2">
      <c r="A2683" s="17"/>
      <c r="B2683" s="17"/>
      <c r="C2683" s="17"/>
      <c r="D2683" s="18"/>
      <c r="E2683" s="18"/>
      <c r="F2683" s="18"/>
      <c r="G2683" s="18"/>
      <c r="H2683" s="18"/>
      <c r="I2683" s="18"/>
      <c r="J2683" s="18"/>
      <c r="K2683" s="18"/>
      <c r="L2683" s="18"/>
      <c r="M2683" s="18"/>
      <c r="N2683" s="18"/>
      <c r="O2683" s="18"/>
      <c r="P2683" s="19"/>
      <c r="Q2683" s="19"/>
      <c r="R2683" s="19"/>
      <c r="S2683" s="19"/>
      <c r="T2683" s="19"/>
      <c r="U2683" s="19"/>
      <c r="V2683" s="19"/>
      <c r="W2683" s="19"/>
      <c r="X2683" s="19"/>
      <c r="Y2683" s="19"/>
      <c r="Z2683" s="19"/>
      <c r="AA2683" s="19"/>
    </row>
    <row r="2684" spans="1:27" s="1" customFormat="1" ht="14.1" customHeight="1" outlineLevel="2" x14ac:dyDescent="0.2">
      <c r="A2684" s="17">
        <v>17379</v>
      </c>
      <c r="B2684" s="17"/>
      <c r="C2684" s="17"/>
      <c r="D2684" s="18" t="s">
        <v>1350</v>
      </c>
      <c r="E2684" s="18"/>
      <c r="F2684" s="18"/>
      <c r="G2684" s="18"/>
      <c r="H2684" s="18"/>
      <c r="I2684" s="18"/>
      <c r="J2684" s="18"/>
      <c r="K2684" s="18"/>
      <c r="L2684" s="18"/>
      <c r="M2684" s="18"/>
      <c r="N2684" s="18"/>
      <c r="O2684" s="18"/>
      <c r="P2684" s="19">
        <v>190</v>
      </c>
      <c r="Q2684" s="19"/>
      <c r="R2684" s="19"/>
      <c r="S2684" s="19"/>
      <c r="T2684" s="19">
        <v>100</v>
      </c>
      <c r="U2684" s="19"/>
      <c r="V2684" s="19"/>
      <c r="W2684" s="19"/>
      <c r="X2684" s="19">
        <v>1</v>
      </c>
      <c r="Y2684" s="19"/>
      <c r="Z2684" s="19"/>
      <c r="AA2684" s="19"/>
    </row>
    <row r="2685" spans="1:27" s="1" customFormat="1" ht="14.1" customHeight="1" outlineLevel="2" x14ac:dyDescent="0.2">
      <c r="A2685" s="17"/>
      <c r="B2685" s="17"/>
      <c r="C2685" s="17"/>
      <c r="D2685" s="18"/>
      <c r="E2685" s="18"/>
      <c r="F2685" s="18"/>
      <c r="G2685" s="18"/>
      <c r="H2685" s="18"/>
      <c r="I2685" s="18"/>
      <c r="J2685" s="18"/>
      <c r="K2685" s="18"/>
      <c r="L2685" s="18"/>
      <c r="M2685" s="18"/>
      <c r="N2685" s="18"/>
      <c r="O2685" s="18"/>
      <c r="P2685" s="19"/>
      <c r="Q2685" s="19"/>
      <c r="R2685" s="19"/>
      <c r="S2685" s="19"/>
      <c r="T2685" s="19"/>
      <c r="U2685" s="19"/>
      <c r="V2685" s="19"/>
      <c r="W2685" s="19"/>
      <c r="X2685" s="19"/>
      <c r="Y2685" s="19"/>
      <c r="Z2685" s="19"/>
      <c r="AA2685" s="19"/>
    </row>
    <row r="2686" spans="1:27" s="1" customFormat="1" ht="11.1" customHeight="1" outlineLevel="2" x14ac:dyDescent="0.2">
      <c r="A2686" s="17">
        <v>9147</v>
      </c>
      <c r="B2686" s="17"/>
      <c r="C2686" s="17"/>
      <c r="D2686" s="18" t="s">
        <v>1351</v>
      </c>
      <c r="E2686" s="18"/>
      <c r="F2686" s="18"/>
      <c r="G2686" s="18"/>
      <c r="H2686" s="18"/>
      <c r="I2686" s="18"/>
      <c r="J2686" s="18"/>
      <c r="K2686" s="18"/>
      <c r="L2686" s="18"/>
      <c r="M2686" s="18"/>
      <c r="N2686" s="18"/>
      <c r="O2686" s="18"/>
      <c r="P2686" s="19">
        <v>160</v>
      </c>
      <c r="Q2686" s="19"/>
      <c r="R2686" s="19"/>
      <c r="S2686" s="19"/>
      <c r="T2686" s="19">
        <v>130</v>
      </c>
      <c r="U2686" s="19"/>
      <c r="V2686" s="19"/>
      <c r="W2686" s="19"/>
      <c r="X2686" s="19">
        <v>4</v>
      </c>
      <c r="Y2686" s="19"/>
      <c r="Z2686" s="19"/>
      <c r="AA2686" s="19"/>
    </row>
    <row r="2687" spans="1:27" s="1" customFormat="1" ht="11.1" customHeight="1" outlineLevel="2" x14ac:dyDescent="0.2">
      <c r="A2687" s="17"/>
      <c r="B2687" s="17"/>
      <c r="C2687" s="17"/>
      <c r="D2687" s="18"/>
      <c r="E2687" s="18"/>
      <c r="F2687" s="18"/>
      <c r="G2687" s="18"/>
      <c r="H2687" s="18"/>
      <c r="I2687" s="18"/>
      <c r="J2687" s="18"/>
      <c r="K2687" s="18"/>
      <c r="L2687" s="18"/>
      <c r="M2687" s="18"/>
      <c r="N2687" s="18"/>
      <c r="O2687" s="18"/>
      <c r="P2687" s="19"/>
      <c r="Q2687" s="19"/>
      <c r="R2687" s="19"/>
      <c r="S2687" s="19"/>
      <c r="T2687" s="19"/>
      <c r="U2687" s="19"/>
      <c r="V2687" s="19"/>
      <c r="W2687" s="19"/>
      <c r="X2687" s="19"/>
      <c r="Y2687" s="19"/>
      <c r="Z2687" s="19"/>
      <c r="AA2687" s="19"/>
    </row>
    <row r="2688" spans="1:27" s="1" customFormat="1" ht="14.1" customHeight="1" outlineLevel="2" x14ac:dyDescent="0.2">
      <c r="A2688" s="17">
        <v>12084</v>
      </c>
      <c r="B2688" s="17"/>
      <c r="C2688" s="17"/>
      <c r="D2688" s="18" t="s">
        <v>1352</v>
      </c>
      <c r="E2688" s="18"/>
      <c r="F2688" s="18"/>
      <c r="G2688" s="18"/>
      <c r="H2688" s="18"/>
      <c r="I2688" s="18"/>
      <c r="J2688" s="18"/>
      <c r="K2688" s="18"/>
      <c r="L2688" s="18"/>
      <c r="M2688" s="18"/>
      <c r="N2688" s="18"/>
      <c r="O2688" s="18"/>
      <c r="P2688" s="19">
        <v>250</v>
      </c>
      <c r="Q2688" s="19"/>
      <c r="R2688" s="19"/>
      <c r="S2688" s="19"/>
      <c r="T2688" s="19">
        <v>190</v>
      </c>
      <c r="U2688" s="19"/>
      <c r="V2688" s="19"/>
      <c r="W2688" s="19"/>
      <c r="X2688" s="19">
        <v>1</v>
      </c>
      <c r="Y2688" s="19"/>
      <c r="Z2688" s="19"/>
      <c r="AA2688" s="19"/>
    </row>
    <row r="2689" spans="1:27" s="1" customFormat="1" ht="14.1" customHeight="1" outlineLevel="2" x14ac:dyDescent="0.2">
      <c r="A2689" s="17"/>
      <c r="B2689" s="17"/>
      <c r="C2689" s="17"/>
      <c r="D2689" s="18"/>
      <c r="E2689" s="18"/>
      <c r="F2689" s="18"/>
      <c r="G2689" s="18"/>
      <c r="H2689" s="18"/>
      <c r="I2689" s="18"/>
      <c r="J2689" s="18"/>
      <c r="K2689" s="18"/>
      <c r="L2689" s="18"/>
      <c r="M2689" s="18"/>
      <c r="N2689" s="18"/>
      <c r="O2689" s="18"/>
      <c r="P2689" s="19"/>
      <c r="Q2689" s="19"/>
      <c r="R2689" s="19"/>
      <c r="S2689" s="19"/>
      <c r="T2689" s="19"/>
      <c r="U2689" s="19"/>
      <c r="V2689" s="19"/>
      <c r="W2689" s="19"/>
      <c r="X2689" s="19"/>
      <c r="Y2689" s="19"/>
      <c r="Z2689" s="19"/>
      <c r="AA2689" s="19"/>
    </row>
    <row r="2690" spans="1:27" s="1" customFormat="1" ht="14.1" customHeight="1" outlineLevel="2" x14ac:dyDescent="0.2">
      <c r="A2690" s="17">
        <v>12839</v>
      </c>
      <c r="B2690" s="17"/>
      <c r="C2690" s="17"/>
      <c r="D2690" s="18" t="s">
        <v>1353</v>
      </c>
      <c r="E2690" s="18"/>
      <c r="F2690" s="18"/>
      <c r="G2690" s="18"/>
      <c r="H2690" s="18"/>
      <c r="I2690" s="18"/>
      <c r="J2690" s="18"/>
      <c r="K2690" s="18"/>
      <c r="L2690" s="18"/>
      <c r="M2690" s="18"/>
      <c r="N2690" s="18"/>
      <c r="O2690" s="18"/>
      <c r="P2690" s="19">
        <v>250</v>
      </c>
      <c r="Q2690" s="19"/>
      <c r="R2690" s="19"/>
      <c r="S2690" s="19"/>
      <c r="T2690" s="19">
        <v>190</v>
      </c>
      <c r="U2690" s="19"/>
      <c r="V2690" s="19"/>
      <c r="W2690" s="19"/>
      <c r="X2690" s="19">
        <v>1</v>
      </c>
      <c r="Y2690" s="19"/>
      <c r="Z2690" s="19"/>
      <c r="AA2690" s="19"/>
    </row>
    <row r="2691" spans="1:27" s="1" customFormat="1" ht="14.1" customHeight="1" outlineLevel="2" x14ac:dyDescent="0.2">
      <c r="A2691" s="17"/>
      <c r="B2691" s="17"/>
      <c r="C2691" s="17"/>
      <c r="D2691" s="18"/>
      <c r="E2691" s="18"/>
      <c r="F2691" s="18"/>
      <c r="G2691" s="18"/>
      <c r="H2691" s="18"/>
      <c r="I2691" s="18"/>
      <c r="J2691" s="18"/>
      <c r="K2691" s="18"/>
      <c r="L2691" s="18"/>
      <c r="M2691" s="18"/>
      <c r="N2691" s="18"/>
      <c r="O2691" s="18"/>
      <c r="P2691" s="19"/>
      <c r="Q2691" s="19"/>
      <c r="R2691" s="19"/>
      <c r="S2691" s="19"/>
      <c r="T2691" s="19"/>
      <c r="U2691" s="19"/>
      <c r="V2691" s="19"/>
      <c r="W2691" s="19"/>
      <c r="X2691" s="19"/>
      <c r="Y2691" s="19"/>
      <c r="Z2691" s="19"/>
      <c r="AA2691" s="19"/>
    </row>
    <row r="2692" spans="1:27" s="1" customFormat="1" ht="14.1" customHeight="1" outlineLevel="2" x14ac:dyDescent="0.2">
      <c r="A2692" s="17">
        <v>12866</v>
      </c>
      <c r="B2692" s="17"/>
      <c r="C2692" s="17"/>
      <c r="D2692" s="18" t="s">
        <v>1354</v>
      </c>
      <c r="E2692" s="18"/>
      <c r="F2692" s="18"/>
      <c r="G2692" s="18"/>
      <c r="H2692" s="18"/>
      <c r="I2692" s="18"/>
      <c r="J2692" s="18"/>
      <c r="K2692" s="18"/>
      <c r="L2692" s="18"/>
      <c r="M2692" s="18"/>
      <c r="N2692" s="18"/>
      <c r="O2692" s="18"/>
      <c r="P2692" s="19">
        <v>300</v>
      </c>
      <c r="Q2692" s="19"/>
      <c r="R2692" s="19"/>
      <c r="S2692" s="19"/>
      <c r="T2692" s="19">
        <v>200</v>
      </c>
      <c r="U2692" s="19"/>
      <c r="V2692" s="19"/>
      <c r="W2692" s="19"/>
      <c r="X2692" s="19">
        <v>2</v>
      </c>
      <c r="Y2692" s="19"/>
      <c r="Z2692" s="19"/>
      <c r="AA2692" s="19"/>
    </row>
    <row r="2693" spans="1:27" s="1" customFormat="1" ht="14.1" customHeight="1" outlineLevel="2" x14ac:dyDescent="0.2">
      <c r="A2693" s="17"/>
      <c r="B2693" s="17"/>
      <c r="C2693" s="17"/>
      <c r="D2693" s="18"/>
      <c r="E2693" s="18"/>
      <c r="F2693" s="18"/>
      <c r="G2693" s="18"/>
      <c r="H2693" s="18"/>
      <c r="I2693" s="18"/>
      <c r="J2693" s="18"/>
      <c r="K2693" s="18"/>
      <c r="L2693" s="18"/>
      <c r="M2693" s="18"/>
      <c r="N2693" s="18"/>
      <c r="O2693" s="18"/>
      <c r="P2693" s="19"/>
      <c r="Q2693" s="19"/>
      <c r="R2693" s="19"/>
      <c r="S2693" s="19"/>
      <c r="T2693" s="19"/>
      <c r="U2693" s="19"/>
      <c r="V2693" s="19"/>
      <c r="W2693" s="19"/>
      <c r="X2693" s="19"/>
      <c r="Y2693" s="19"/>
      <c r="Z2693" s="19"/>
      <c r="AA2693" s="19"/>
    </row>
    <row r="2694" spans="1:27" s="1" customFormat="1" ht="11.1" customHeight="1" outlineLevel="2" x14ac:dyDescent="0.2">
      <c r="A2694" s="17">
        <v>15305</v>
      </c>
      <c r="B2694" s="17"/>
      <c r="C2694" s="17"/>
      <c r="D2694" s="18" t="s">
        <v>1355</v>
      </c>
      <c r="E2694" s="18"/>
      <c r="F2694" s="18"/>
      <c r="G2694" s="18"/>
      <c r="H2694" s="18"/>
      <c r="I2694" s="18"/>
      <c r="J2694" s="18"/>
      <c r="K2694" s="18"/>
      <c r="L2694" s="18"/>
      <c r="M2694" s="18"/>
      <c r="N2694" s="18"/>
      <c r="O2694" s="18"/>
      <c r="P2694" s="19">
        <v>160</v>
      </c>
      <c r="Q2694" s="19"/>
      <c r="R2694" s="19"/>
      <c r="S2694" s="19"/>
      <c r="T2694" s="19">
        <v>120</v>
      </c>
      <c r="U2694" s="19"/>
      <c r="V2694" s="19"/>
      <c r="W2694" s="19"/>
      <c r="X2694" s="19">
        <v>18</v>
      </c>
      <c r="Y2694" s="19"/>
      <c r="Z2694" s="19"/>
      <c r="AA2694" s="19"/>
    </row>
    <row r="2695" spans="1:27" s="1" customFormat="1" ht="11.1" customHeight="1" outlineLevel="2" x14ac:dyDescent="0.2">
      <c r="A2695" s="17"/>
      <c r="B2695" s="17"/>
      <c r="C2695" s="17"/>
      <c r="D2695" s="18"/>
      <c r="E2695" s="18"/>
      <c r="F2695" s="18"/>
      <c r="G2695" s="18"/>
      <c r="H2695" s="18"/>
      <c r="I2695" s="18"/>
      <c r="J2695" s="18"/>
      <c r="K2695" s="18"/>
      <c r="L2695" s="18"/>
      <c r="M2695" s="18"/>
      <c r="N2695" s="18"/>
      <c r="O2695" s="18"/>
      <c r="P2695" s="19"/>
      <c r="Q2695" s="19"/>
      <c r="R2695" s="19"/>
      <c r="S2695" s="19"/>
      <c r="T2695" s="19"/>
      <c r="U2695" s="19"/>
      <c r="V2695" s="19"/>
      <c r="W2695" s="19"/>
      <c r="X2695" s="19"/>
      <c r="Y2695" s="19"/>
      <c r="Z2695" s="19"/>
      <c r="AA2695" s="19"/>
    </row>
    <row r="2696" spans="1:27" s="1" customFormat="1" ht="14.1" customHeight="1" outlineLevel="2" x14ac:dyDescent="0.2">
      <c r="A2696" s="17">
        <v>12847</v>
      </c>
      <c r="B2696" s="17"/>
      <c r="C2696" s="17"/>
      <c r="D2696" s="18" t="s">
        <v>1356</v>
      </c>
      <c r="E2696" s="18"/>
      <c r="F2696" s="18"/>
      <c r="G2696" s="18"/>
      <c r="H2696" s="18"/>
      <c r="I2696" s="18"/>
      <c r="J2696" s="18"/>
      <c r="K2696" s="18"/>
      <c r="L2696" s="18"/>
      <c r="M2696" s="18"/>
      <c r="N2696" s="18"/>
      <c r="O2696" s="18"/>
      <c r="P2696" s="19">
        <v>240</v>
      </c>
      <c r="Q2696" s="19"/>
      <c r="R2696" s="19"/>
      <c r="S2696" s="19"/>
      <c r="T2696" s="19">
        <v>190</v>
      </c>
      <c r="U2696" s="19"/>
      <c r="V2696" s="19"/>
      <c r="W2696" s="19"/>
      <c r="X2696" s="19">
        <v>3</v>
      </c>
      <c r="Y2696" s="19"/>
      <c r="Z2696" s="19"/>
      <c r="AA2696" s="19"/>
    </row>
    <row r="2697" spans="1:27" s="1" customFormat="1" ht="14.1" customHeight="1" outlineLevel="2" x14ac:dyDescent="0.2">
      <c r="A2697" s="17"/>
      <c r="B2697" s="17"/>
      <c r="C2697" s="17"/>
      <c r="D2697" s="18"/>
      <c r="E2697" s="18"/>
      <c r="F2697" s="18"/>
      <c r="G2697" s="18"/>
      <c r="H2697" s="18"/>
      <c r="I2697" s="18"/>
      <c r="J2697" s="18"/>
      <c r="K2697" s="18"/>
      <c r="L2697" s="18"/>
      <c r="M2697" s="18"/>
      <c r="N2697" s="18"/>
      <c r="O2697" s="18"/>
      <c r="P2697" s="19"/>
      <c r="Q2697" s="19"/>
      <c r="R2697" s="19"/>
      <c r="S2697" s="19"/>
      <c r="T2697" s="19"/>
      <c r="U2697" s="19"/>
      <c r="V2697" s="19"/>
      <c r="W2697" s="19"/>
      <c r="X2697" s="19"/>
      <c r="Y2697" s="19"/>
      <c r="Z2697" s="19"/>
      <c r="AA2697" s="19"/>
    </row>
    <row r="2698" spans="1:27" s="1" customFormat="1" ht="11.1" customHeight="1" outlineLevel="2" x14ac:dyDescent="0.2">
      <c r="A2698" s="17">
        <v>8848</v>
      </c>
      <c r="B2698" s="17"/>
      <c r="C2698" s="17"/>
      <c r="D2698" s="18" t="s">
        <v>1357</v>
      </c>
      <c r="E2698" s="18"/>
      <c r="F2698" s="18"/>
      <c r="G2698" s="18"/>
      <c r="H2698" s="18"/>
      <c r="I2698" s="18"/>
      <c r="J2698" s="18"/>
      <c r="K2698" s="18"/>
      <c r="L2698" s="18"/>
      <c r="M2698" s="18"/>
      <c r="N2698" s="18"/>
      <c r="O2698" s="18"/>
      <c r="P2698" s="19">
        <v>300</v>
      </c>
      <c r="Q2698" s="19"/>
      <c r="R2698" s="19"/>
      <c r="S2698" s="19"/>
      <c r="T2698" s="19">
        <v>200</v>
      </c>
      <c r="U2698" s="19"/>
      <c r="V2698" s="19"/>
      <c r="W2698" s="19"/>
      <c r="X2698" s="19">
        <v>1</v>
      </c>
      <c r="Y2698" s="19"/>
      <c r="Z2698" s="19"/>
      <c r="AA2698" s="19"/>
    </row>
    <row r="2699" spans="1:27" s="1" customFormat="1" ht="11.1" customHeight="1" outlineLevel="2" x14ac:dyDescent="0.2">
      <c r="A2699" s="17"/>
      <c r="B2699" s="17"/>
      <c r="C2699" s="17"/>
      <c r="D2699" s="18"/>
      <c r="E2699" s="18"/>
      <c r="F2699" s="18"/>
      <c r="G2699" s="18"/>
      <c r="H2699" s="18"/>
      <c r="I2699" s="18"/>
      <c r="J2699" s="18"/>
      <c r="K2699" s="18"/>
      <c r="L2699" s="18"/>
      <c r="M2699" s="18"/>
      <c r="N2699" s="18"/>
      <c r="O2699" s="18"/>
      <c r="P2699" s="19"/>
      <c r="Q2699" s="19"/>
      <c r="R2699" s="19"/>
      <c r="S2699" s="19"/>
      <c r="T2699" s="19"/>
      <c r="U2699" s="19"/>
      <c r="V2699" s="19"/>
      <c r="W2699" s="19"/>
      <c r="X2699" s="19"/>
      <c r="Y2699" s="19"/>
      <c r="Z2699" s="19"/>
      <c r="AA2699" s="19"/>
    </row>
    <row r="2700" spans="1:27" s="1" customFormat="1" ht="14.1" customHeight="1" outlineLevel="2" x14ac:dyDescent="0.2">
      <c r="A2700" s="17">
        <v>15927</v>
      </c>
      <c r="B2700" s="17"/>
      <c r="C2700" s="17"/>
      <c r="D2700" s="18" t="s">
        <v>1358</v>
      </c>
      <c r="E2700" s="18"/>
      <c r="F2700" s="18"/>
      <c r="G2700" s="18"/>
      <c r="H2700" s="18"/>
      <c r="I2700" s="18"/>
      <c r="J2700" s="18"/>
      <c r="K2700" s="18"/>
      <c r="L2700" s="18"/>
      <c r="M2700" s="18"/>
      <c r="N2700" s="18"/>
      <c r="O2700" s="18"/>
      <c r="P2700" s="19">
        <v>210</v>
      </c>
      <c r="Q2700" s="19"/>
      <c r="R2700" s="19"/>
      <c r="S2700" s="19"/>
      <c r="T2700" s="19">
        <v>160</v>
      </c>
      <c r="U2700" s="19"/>
      <c r="V2700" s="19"/>
      <c r="W2700" s="19"/>
      <c r="X2700" s="19">
        <v>3</v>
      </c>
      <c r="Y2700" s="19"/>
      <c r="Z2700" s="19"/>
      <c r="AA2700" s="19"/>
    </row>
    <row r="2701" spans="1:27" s="1" customFormat="1" ht="14.1" customHeight="1" outlineLevel="2" x14ac:dyDescent="0.2">
      <c r="A2701" s="17"/>
      <c r="B2701" s="17"/>
      <c r="C2701" s="17"/>
      <c r="D2701" s="18"/>
      <c r="E2701" s="18"/>
      <c r="F2701" s="18"/>
      <c r="G2701" s="18"/>
      <c r="H2701" s="18"/>
      <c r="I2701" s="18"/>
      <c r="J2701" s="18"/>
      <c r="K2701" s="18"/>
      <c r="L2701" s="18"/>
      <c r="M2701" s="18"/>
      <c r="N2701" s="18"/>
      <c r="O2701" s="18"/>
      <c r="P2701" s="19"/>
      <c r="Q2701" s="19"/>
      <c r="R2701" s="19"/>
      <c r="S2701" s="19"/>
      <c r="T2701" s="19"/>
      <c r="U2701" s="19"/>
      <c r="V2701" s="19"/>
      <c r="W2701" s="19"/>
      <c r="X2701" s="19"/>
      <c r="Y2701" s="19"/>
      <c r="Z2701" s="19"/>
      <c r="AA2701" s="19"/>
    </row>
    <row r="2702" spans="1:27" s="1" customFormat="1" ht="14.1" customHeight="1" outlineLevel="2" x14ac:dyDescent="0.2">
      <c r="A2702" s="17">
        <v>15562</v>
      </c>
      <c r="B2702" s="17"/>
      <c r="C2702" s="17"/>
      <c r="D2702" s="18" t="s">
        <v>1359</v>
      </c>
      <c r="E2702" s="18"/>
      <c r="F2702" s="18"/>
      <c r="G2702" s="18"/>
      <c r="H2702" s="18"/>
      <c r="I2702" s="18"/>
      <c r="J2702" s="18"/>
      <c r="K2702" s="18"/>
      <c r="L2702" s="18"/>
      <c r="M2702" s="18"/>
      <c r="N2702" s="18"/>
      <c r="O2702" s="18"/>
      <c r="P2702" s="19">
        <v>300</v>
      </c>
      <c r="Q2702" s="19"/>
      <c r="R2702" s="19"/>
      <c r="S2702" s="19"/>
      <c r="T2702" s="19">
        <v>200</v>
      </c>
      <c r="U2702" s="19"/>
      <c r="V2702" s="19"/>
      <c r="W2702" s="19"/>
      <c r="X2702" s="19">
        <v>2</v>
      </c>
      <c r="Y2702" s="19"/>
      <c r="Z2702" s="19"/>
      <c r="AA2702" s="19"/>
    </row>
    <row r="2703" spans="1:27" s="1" customFormat="1" ht="14.1" customHeight="1" outlineLevel="2" x14ac:dyDescent="0.2">
      <c r="A2703" s="17"/>
      <c r="B2703" s="17"/>
      <c r="C2703" s="17"/>
      <c r="D2703" s="18"/>
      <c r="E2703" s="18"/>
      <c r="F2703" s="18"/>
      <c r="G2703" s="18"/>
      <c r="H2703" s="18"/>
      <c r="I2703" s="18"/>
      <c r="J2703" s="18"/>
      <c r="K2703" s="18"/>
      <c r="L2703" s="18"/>
      <c r="M2703" s="18"/>
      <c r="N2703" s="18"/>
      <c r="O2703" s="18"/>
      <c r="P2703" s="19"/>
      <c r="Q2703" s="19"/>
      <c r="R2703" s="19"/>
      <c r="S2703" s="19"/>
      <c r="T2703" s="19"/>
      <c r="U2703" s="19"/>
      <c r="V2703" s="19"/>
      <c r="W2703" s="19"/>
      <c r="X2703" s="19"/>
      <c r="Y2703" s="19"/>
      <c r="Z2703" s="19"/>
      <c r="AA2703" s="19"/>
    </row>
    <row r="2704" spans="1:27" s="1" customFormat="1" ht="14.1" customHeight="1" outlineLevel="2" x14ac:dyDescent="0.2">
      <c r="A2704" s="17">
        <v>16881</v>
      </c>
      <c r="B2704" s="17"/>
      <c r="C2704" s="17"/>
      <c r="D2704" s="18" t="s">
        <v>1360</v>
      </c>
      <c r="E2704" s="18"/>
      <c r="F2704" s="18"/>
      <c r="G2704" s="18"/>
      <c r="H2704" s="18"/>
      <c r="I2704" s="18"/>
      <c r="J2704" s="18"/>
      <c r="K2704" s="18"/>
      <c r="L2704" s="18"/>
      <c r="M2704" s="18"/>
      <c r="N2704" s="18"/>
      <c r="O2704" s="18"/>
      <c r="P2704" s="19">
        <v>250</v>
      </c>
      <c r="Q2704" s="19"/>
      <c r="R2704" s="19"/>
      <c r="S2704" s="19"/>
      <c r="T2704" s="19">
        <v>150</v>
      </c>
      <c r="U2704" s="19"/>
      <c r="V2704" s="19"/>
      <c r="W2704" s="19"/>
      <c r="X2704" s="19">
        <v>1</v>
      </c>
      <c r="Y2704" s="19"/>
      <c r="Z2704" s="19"/>
      <c r="AA2704" s="19"/>
    </row>
    <row r="2705" spans="1:27" s="1" customFormat="1" ht="14.1" customHeight="1" outlineLevel="2" x14ac:dyDescent="0.2">
      <c r="A2705" s="17"/>
      <c r="B2705" s="17"/>
      <c r="C2705" s="17"/>
      <c r="D2705" s="18"/>
      <c r="E2705" s="18"/>
      <c r="F2705" s="18"/>
      <c r="G2705" s="18"/>
      <c r="H2705" s="18"/>
      <c r="I2705" s="18"/>
      <c r="J2705" s="18"/>
      <c r="K2705" s="18"/>
      <c r="L2705" s="18"/>
      <c r="M2705" s="18"/>
      <c r="N2705" s="18"/>
      <c r="O2705" s="18"/>
      <c r="P2705" s="19"/>
      <c r="Q2705" s="19"/>
      <c r="R2705" s="19"/>
      <c r="S2705" s="19"/>
      <c r="T2705" s="19"/>
      <c r="U2705" s="19"/>
      <c r="V2705" s="19"/>
      <c r="W2705" s="19"/>
      <c r="X2705" s="19"/>
      <c r="Y2705" s="19"/>
      <c r="Z2705" s="19"/>
      <c r="AA2705" s="19"/>
    </row>
    <row r="2706" spans="1:27" s="1" customFormat="1" ht="14.1" customHeight="1" outlineLevel="2" x14ac:dyDescent="0.2">
      <c r="A2706" s="17">
        <v>18055</v>
      </c>
      <c r="B2706" s="17"/>
      <c r="C2706" s="17"/>
      <c r="D2706" s="18" t="s">
        <v>1361</v>
      </c>
      <c r="E2706" s="18"/>
      <c r="F2706" s="18"/>
      <c r="G2706" s="18"/>
      <c r="H2706" s="18"/>
      <c r="I2706" s="18"/>
      <c r="J2706" s="18"/>
      <c r="K2706" s="18"/>
      <c r="L2706" s="18"/>
      <c r="M2706" s="18"/>
      <c r="N2706" s="18"/>
      <c r="O2706" s="18"/>
      <c r="P2706" s="19">
        <v>200</v>
      </c>
      <c r="Q2706" s="19"/>
      <c r="R2706" s="19"/>
      <c r="S2706" s="19"/>
      <c r="T2706" s="19">
        <v>150</v>
      </c>
      <c r="U2706" s="19"/>
      <c r="V2706" s="19"/>
      <c r="W2706" s="19"/>
      <c r="X2706" s="19">
        <v>1</v>
      </c>
      <c r="Y2706" s="19"/>
      <c r="Z2706" s="19"/>
      <c r="AA2706" s="19"/>
    </row>
    <row r="2707" spans="1:27" s="1" customFormat="1" ht="14.1" customHeight="1" outlineLevel="2" x14ac:dyDescent="0.2">
      <c r="A2707" s="17"/>
      <c r="B2707" s="17"/>
      <c r="C2707" s="17"/>
      <c r="D2707" s="18"/>
      <c r="E2707" s="18"/>
      <c r="F2707" s="18"/>
      <c r="G2707" s="18"/>
      <c r="H2707" s="18"/>
      <c r="I2707" s="18"/>
      <c r="J2707" s="18"/>
      <c r="K2707" s="18"/>
      <c r="L2707" s="18"/>
      <c r="M2707" s="18"/>
      <c r="N2707" s="18"/>
      <c r="O2707" s="18"/>
      <c r="P2707" s="19"/>
      <c r="Q2707" s="19"/>
      <c r="R2707" s="19"/>
      <c r="S2707" s="19"/>
      <c r="T2707" s="19"/>
      <c r="U2707" s="19"/>
      <c r="V2707" s="19"/>
      <c r="W2707" s="19"/>
      <c r="X2707" s="19"/>
      <c r="Y2707" s="19"/>
      <c r="Z2707" s="19"/>
      <c r="AA2707" s="19"/>
    </row>
    <row r="2708" spans="1:27" s="1" customFormat="1" ht="11.1" customHeight="1" outlineLevel="2" x14ac:dyDescent="0.2">
      <c r="A2708" s="17">
        <v>11167</v>
      </c>
      <c r="B2708" s="17"/>
      <c r="C2708" s="17"/>
      <c r="D2708" s="18" t="s">
        <v>1362</v>
      </c>
      <c r="E2708" s="18"/>
      <c r="F2708" s="18"/>
      <c r="G2708" s="18"/>
      <c r="H2708" s="18"/>
      <c r="I2708" s="18"/>
      <c r="J2708" s="18"/>
      <c r="K2708" s="18"/>
      <c r="L2708" s="18"/>
      <c r="M2708" s="18"/>
      <c r="N2708" s="18"/>
      <c r="O2708" s="18"/>
      <c r="P2708" s="19">
        <v>240</v>
      </c>
      <c r="Q2708" s="19"/>
      <c r="R2708" s="19"/>
      <c r="S2708" s="19"/>
      <c r="T2708" s="19">
        <v>190</v>
      </c>
      <c r="U2708" s="19"/>
      <c r="V2708" s="19"/>
      <c r="W2708" s="19"/>
      <c r="X2708" s="19">
        <v>3</v>
      </c>
      <c r="Y2708" s="19"/>
      <c r="Z2708" s="19"/>
      <c r="AA2708" s="19"/>
    </row>
    <row r="2709" spans="1:27" s="1" customFormat="1" ht="11.1" customHeight="1" outlineLevel="2" x14ac:dyDescent="0.2">
      <c r="A2709" s="17"/>
      <c r="B2709" s="17"/>
      <c r="C2709" s="17"/>
      <c r="D2709" s="18"/>
      <c r="E2709" s="18"/>
      <c r="F2709" s="18"/>
      <c r="G2709" s="18"/>
      <c r="H2709" s="18"/>
      <c r="I2709" s="18"/>
      <c r="J2709" s="18"/>
      <c r="K2709" s="18"/>
      <c r="L2709" s="18"/>
      <c r="M2709" s="18"/>
      <c r="N2709" s="18"/>
      <c r="O2709" s="18"/>
      <c r="P2709" s="19"/>
      <c r="Q2709" s="19"/>
      <c r="R2709" s="19"/>
      <c r="S2709" s="19"/>
      <c r="T2709" s="19"/>
      <c r="U2709" s="19"/>
      <c r="V2709" s="19"/>
      <c r="W2709" s="19"/>
      <c r="X2709" s="19"/>
      <c r="Y2709" s="19"/>
      <c r="Z2709" s="19"/>
      <c r="AA2709" s="19"/>
    </row>
    <row r="2710" spans="1:27" s="1" customFormat="1" ht="11.1" customHeight="1" outlineLevel="2" x14ac:dyDescent="0.2">
      <c r="A2710" s="17">
        <v>9683</v>
      </c>
      <c r="B2710" s="17"/>
      <c r="C2710" s="17"/>
      <c r="D2710" s="18" t="s">
        <v>1363</v>
      </c>
      <c r="E2710" s="18"/>
      <c r="F2710" s="18"/>
      <c r="G2710" s="18"/>
      <c r="H2710" s="18"/>
      <c r="I2710" s="18"/>
      <c r="J2710" s="18"/>
      <c r="K2710" s="18"/>
      <c r="L2710" s="18"/>
      <c r="M2710" s="18"/>
      <c r="N2710" s="18"/>
      <c r="O2710" s="18"/>
      <c r="P2710" s="19">
        <v>160</v>
      </c>
      <c r="Q2710" s="19"/>
      <c r="R2710" s="19"/>
      <c r="S2710" s="19"/>
      <c r="T2710" s="19">
        <v>80</v>
      </c>
      <c r="U2710" s="19"/>
      <c r="V2710" s="19"/>
      <c r="W2710" s="19"/>
      <c r="X2710" s="19">
        <v>2</v>
      </c>
      <c r="Y2710" s="19"/>
      <c r="Z2710" s="19"/>
      <c r="AA2710" s="19"/>
    </row>
    <row r="2711" spans="1:27" s="1" customFormat="1" ht="11.1" customHeight="1" outlineLevel="2" x14ac:dyDescent="0.2">
      <c r="A2711" s="17"/>
      <c r="B2711" s="17"/>
      <c r="C2711" s="17"/>
      <c r="D2711" s="18"/>
      <c r="E2711" s="18"/>
      <c r="F2711" s="18"/>
      <c r="G2711" s="18"/>
      <c r="H2711" s="18"/>
      <c r="I2711" s="18"/>
      <c r="J2711" s="18"/>
      <c r="K2711" s="18"/>
      <c r="L2711" s="18"/>
      <c r="M2711" s="18"/>
      <c r="N2711" s="18"/>
      <c r="O2711" s="18"/>
      <c r="P2711" s="19"/>
      <c r="Q2711" s="19"/>
      <c r="R2711" s="19"/>
      <c r="S2711" s="19"/>
      <c r="T2711" s="19"/>
      <c r="U2711" s="19"/>
      <c r="V2711" s="19"/>
      <c r="W2711" s="19"/>
      <c r="X2711" s="19"/>
      <c r="Y2711" s="19"/>
      <c r="Z2711" s="19"/>
      <c r="AA2711" s="19"/>
    </row>
    <row r="2712" spans="1:27" s="1" customFormat="1" ht="14.1" customHeight="1" outlineLevel="2" x14ac:dyDescent="0.2">
      <c r="A2712" s="17">
        <v>9684</v>
      </c>
      <c r="B2712" s="17"/>
      <c r="C2712" s="17"/>
      <c r="D2712" s="18" t="s">
        <v>1364</v>
      </c>
      <c r="E2712" s="18"/>
      <c r="F2712" s="18"/>
      <c r="G2712" s="18"/>
      <c r="H2712" s="18"/>
      <c r="I2712" s="18"/>
      <c r="J2712" s="18"/>
      <c r="K2712" s="18"/>
      <c r="L2712" s="18"/>
      <c r="M2712" s="18"/>
      <c r="N2712" s="18"/>
      <c r="O2712" s="18"/>
      <c r="P2712" s="19">
        <v>150</v>
      </c>
      <c r="Q2712" s="19"/>
      <c r="R2712" s="19"/>
      <c r="S2712" s="19"/>
      <c r="T2712" s="19">
        <v>70</v>
      </c>
      <c r="U2712" s="19"/>
      <c r="V2712" s="19"/>
      <c r="W2712" s="19"/>
      <c r="X2712" s="19">
        <v>4</v>
      </c>
      <c r="Y2712" s="19"/>
      <c r="Z2712" s="19"/>
      <c r="AA2712" s="19"/>
    </row>
    <row r="2713" spans="1:27" s="1" customFormat="1" ht="14.1" customHeight="1" outlineLevel="2" x14ac:dyDescent="0.2">
      <c r="A2713" s="17"/>
      <c r="B2713" s="17"/>
      <c r="C2713" s="17"/>
      <c r="D2713" s="18"/>
      <c r="E2713" s="18"/>
      <c r="F2713" s="18"/>
      <c r="G2713" s="18"/>
      <c r="H2713" s="18"/>
      <c r="I2713" s="18"/>
      <c r="J2713" s="18"/>
      <c r="K2713" s="18"/>
      <c r="L2713" s="18"/>
      <c r="M2713" s="18"/>
      <c r="N2713" s="18"/>
      <c r="O2713" s="18"/>
      <c r="P2713" s="19"/>
      <c r="Q2713" s="19"/>
      <c r="R2713" s="19"/>
      <c r="S2713" s="19"/>
      <c r="T2713" s="19"/>
      <c r="U2713" s="19"/>
      <c r="V2713" s="19"/>
      <c r="W2713" s="19"/>
      <c r="X2713" s="19"/>
      <c r="Y2713" s="19"/>
      <c r="Z2713" s="19"/>
      <c r="AA2713" s="19"/>
    </row>
    <row r="2714" spans="1:27" s="1" customFormat="1" ht="14.1" customHeight="1" outlineLevel="2" x14ac:dyDescent="0.2">
      <c r="A2714" s="17">
        <v>16709</v>
      </c>
      <c r="B2714" s="17"/>
      <c r="C2714" s="17"/>
      <c r="D2714" s="18" t="s">
        <v>1365</v>
      </c>
      <c r="E2714" s="18"/>
      <c r="F2714" s="18"/>
      <c r="G2714" s="18"/>
      <c r="H2714" s="18"/>
      <c r="I2714" s="18"/>
      <c r="J2714" s="18"/>
      <c r="K2714" s="18"/>
      <c r="L2714" s="18"/>
      <c r="M2714" s="18"/>
      <c r="N2714" s="18"/>
      <c r="O2714" s="18"/>
      <c r="P2714" s="19">
        <v>150</v>
      </c>
      <c r="Q2714" s="19"/>
      <c r="R2714" s="19"/>
      <c r="S2714" s="19"/>
      <c r="T2714" s="19">
        <v>100</v>
      </c>
      <c r="U2714" s="19"/>
      <c r="V2714" s="19"/>
      <c r="W2714" s="19"/>
      <c r="X2714" s="19">
        <v>2</v>
      </c>
      <c r="Y2714" s="19"/>
      <c r="Z2714" s="19"/>
      <c r="AA2714" s="19"/>
    </row>
    <row r="2715" spans="1:27" s="1" customFormat="1" ht="14.1" customHeight="1" outlineLevel="2" x14ac:dyDescent="0.2">
      <c r="A2715" s="17"/>
      <c r="B2715" s="17"/>
      <c r="C2715" s="17"/>
      <c r="D2715" s="18"/>
      <c r="E2715" s="18"/>
      <c r="F2715" s="18"/>
      <c r="G2715" s="18"/>
      <c r="H2715" s="18"/>
      <c r="I2715" s="18"/>
      <c r="J2715" s="18"/>
      <c r="K2715" s="18"/>
      <c r="L2715" s="18"/>
      <c r="M2715" s="18"/>
      <c r="N2715" s="18"/>
      <c r="O2715" s="18"/>
      <c r="P2715" s="19"/>
      <c r="Q2715" s="19"/>
      <c r="R2715" s="19"/>
      <c r="S2715" s="19"/>
      <c r="T2715" s="19"/>
      <c r="U2715" s="19"/>
      <c r="V2715" s="19"/>
      <c r="W2715" s="19"/>
      <c r="X2715" s="19"/>
      <c r="Y2715" s="19"/>
      <c r="Z2715" s="19"/>
      <c r="AA2715" s="19"/>
    </row>
    <row r="2716" spans="1:27" s="1" customFormat="1" ht="14.1" customHeight="1" outlineLevel="2" x14ac:dyDescent="0.2">
      <c r="A2716" s="17">
        <v>9685</v>
      </c>
      <c r="B2716" s="17"/>
      <c r="C2716" s="17"/>
      <c r="D2716" s="18" t="s">
        <v>1366</v>
      </c>
      <c r="E2716" s="18"/>
      <c r="F2716" s="18"/>
      <c r="G2716" s="18"/>
      <c r="H2716" s="18"/>
      <c r="I2716" s="18"/>
      <c r="J2716" s="18"/>
      <c r="K2716" s="18"/>
      <c r="L2716" s="18"/>
      <c r="M2716" s="18"/>
      <c r="N2716" s="18"/>
      <c r="O2716" s="18"/>
      <c r="P2716" s="19">
        <v>140</v>
      </c>
      <c r="Q2716" s="19"/>
      <c r="R2716" s="19"/>
      <c r="S2716" s="19"/>
      <c r="T2716" s="19">
        <v>70</v>
      </c>
      <c r="U2716" s="19"/>
      <c r="V2716" s="19"/>
      <c r="W2716" s="19"/>
      <c r="X2716" s="19">
        <v>4</v>
      </c>
      <c r="Y2716" s="19"/>
      <c r="Z2716" s="19"/>
      <c r="AA2716" s="19"/>
    </row>
    <row r="2717" spans="1:27" s="1" customFormat="1" ht="14.1" customHeight="1" outlineLevel="2" x14ac:dyDescent="0.2">
      <c r="A2717" s="17"/>
      <c r="B2717" s="17"/>
      <c r="C2717" s="17"/>
      <c r="D2717" s="18"/>
      <c r="E2717" s="18"/>
      <c r="F2717" s="18"/>
      <c r="G2717" s="18"/>
      <c r="H2717" s="18"/>
      <c r="I2717" s="18"/>
      <c r="J2717" s="18"/>
      <c r="K2717" s="18"/>
      <c r="L2717" s="18"/>
      <c r="M2717" s="18"/>
      <c r="N2717" s="18"/>
      <c r="O2717" s="18"/>
      <c r="P2717" s="19"/>
      <c r="Q2717" s="19"/>
      <c r="R2717" s="19"/>
      <c r="S2717" s="19"/>
      <c r="T2717" s="19"/>
      <c r="U2717" s="19"/>
      <c r="V2717" s="19"/>
      <c r="W2717" s="19"/>
      <c r="X2717" s="19"/>
      <c r="Y2717" s="19"/>
      <c r="Z2717" s="19"/>
      <c r="AA2717" s="19"/>
    </row>
    <row r="2718" spans="1:27" s="1" customFormat="1" ht="11.1" customHeight="1" outlineLevel="2" x14ac:dyDescent="0.2">
      <c r="A2718" s="17">
        <v>9686</v>
      </c>
      <c r="B2718" s="17"/>
      <c r="C2718" s="17"/>
      <c r="D2718" s="18" t="s">
        <v>1367</v>
      </c>
      <c r="E2718" s="18"/>
      <c r="F2718" s="18"/>
      <c r="G2718" s="18"/>
      <c r="H2718" s="18"/>
      <c r="I2718" s="18"/>
      <c r="J2718" s="18"/>
      <c r="K2718" s="18"/>
      <c r="L2718" s="18"/>
      <c r="M2718" s="18"/>
      <c r="N2718" s="18"/>
      <c r="O2718" s="18"/>
      <c r="P2718" s="19">
        <v>140</v>
      </c>
      <c r="Q2718" s="19"/>
      <c r="R2718" s="19"/>
      <c r="S2718" s="19"/>
      <c r="T2718" s="19">
        <v>70</v>
      </c>
      <c r="U2718" s="19"/>
      <c r="V2718" s="19"/>
      <c r="W2718" s="19"/>
      <c r="X2718" s="19">
        <v>4</v>
      </c>
      <c r="Y2718" s="19"/>
      <c r="Z2718" s="19"/>
      <c r="AA2718" s="19"/>
    </row>
    <row r="2719" spans="1:27" s="1" customFormat="1" ht="11.1" customHeight="1" outlineLevel="2" x14ac:dyDescent="0.2">
      <c r="A2719" s="17"/>
      <c r="B2719" s="17"/>
      <c r="C2719" s="17"/>
      <c r="D2719" s="18"/>
      <c r="E2719" s="18"/>
      <c r="F2719" s="18"/>
      <c r="G2719" s="18"/>
      <c r="H2719" s="18"/>
      <c r="I2719" s="18"/>
      <c r="J2719" s="18"/>
      <c r="K2719" s="18"/>
      <c r="L2719" s="18"/>
      <c r="M2719" s="18"/>
      <c r="N2719" s="18"/>
      <c r="O2719" s="18"/>
      <c r="P2719" s="19"/>
      <c r="Q2719" s="19"/>
      <c r="R2719" s="19"/>
      <c r="S2719" s="19"/>
      <c r="T2719" s="19"/>
      <c r="U2719" s="19"/>
      <c r="V2719" s="19"/>
      <c r="W2719" s="19"/>
      <c r="X2719" s="19"/>
      <c r="Y2719" s="19"/>
      <c r="Z2719" s="19"/>
      <c r="AA2719" s="19"/>
    </row>
    <row r="2720" spans="1:27" s="1" customFormat="1" ht="14.1" customHeight="1" outlineLevel="2" x14ac:dyDescent="0.2">
      <c r="A2720" s="17">
        <v>9687</v>
      </c>
      <c r="B2720" s="17"/>
      <c r="C2720" s="17"/>
      <c r="D2720" s="18" t="s">
        <v>1368</v>
      </c>
      <c r="E2720" s="18"/>
      <c r="F2720" s="18"/>
      <c r="G2720" s="18"/>
      <c r="H2720" s="18"/>
      <c r="I2720" s="18"/>
      <c r="J2720" s="18"/>
      <c r="K2720" s="18"/>
      <c r="L2720" s="18"/>
      <c r="M2720" s="18"/>
      <c r="N2720" s="18"/>
      <c r="O2720" s="18"/>
      <c r="P2720" s="19">
        <v>210</v>
      </c>
      <c r="Q2720" s="19"/>
      <c r="R2720" s="19"/>
      <c r="S2720" s="19"/>
      <c r="T2720" s="19">
        <v>120</v>
      </c>
      <c r="U2720" s="19"/>
      <c r="V2720" s="19"/>
      <c r="W2720" s="19"/>
      <c r="X2720" s="19">
        <v>3</v>
      </c>
      <c r="Y2720" s="19"/>
      <c r="Z2720" s="19"/>
      <c r="AA2720" s="19"/>
    </row>
    <row r="2721" spans="1:27" s="1" customFormat="1" ht="14.1" customHeight="1" outlineLevel="2" x14ac:dyDescent="0.2">
      <c r="A2721" s="17"/>
      <c r="B2721" s="17"/>
      <c r="C2721" s="17"/>
      <c r="D2721" s="18"/>
      <c r="E2721" s="18"/>
      <c r="F2721" s="18"/>
      <c r="G2721" s="18"/>
      <c r="H2721" s="18"/>
      <c r="I2721" s="18"/>
      <c r="J2721" s="18"/>
      <c r="K2721" s="18"/>
      <c r="L2721" s="18"/>
      <c r="M2721" s="18"/>
      <c r="N2721" s="18"/>
      <c r="O2721" s="18"/>
      <c r="P2721" s="19"/>
      <c r="Q2721" s="19"/>
      <c r="R2721" s="19"/>
      <c r="S2721" s="19"/>
      <c r="T2721" s="19"/>
      <c r="U2721" s="19"/>
      <c r="V2721" s="19"/>
      <c r="W2721" s="19"/>
      <c r="X2721" s="19"/>
      <c r="Y2721" s="19"/>
      <c r="Z2721" s="19"/>
      <c r="AA2721" s="19"/>
    </row>
    <row r="2722" spans="1:27" s="1" customFormat="1" ht="14.1" customHeight="1" outlineLevel="2" x14ac:dyDescent="0.2">
      <c r="A2722" s="17">
        <v>12069</v>
      </c>
      <c r="B2722" s="17"/>
      <c r="C2722" s="17"/>
      <c r="D2722" s="18" t="s">
        <v>1369</v>
      </c>
      <c r="E2722" s="18"/>
      <c r="F2722" s="18"/>
      <c r="G2722" s="18"/>
      <c r="H2722" s="18"/>
      <c r="I2722" s="18"/>
      <c r="J2722" s="18"/>
      <c r="K2722" s="18"/>
      <c r="L2722" s="18"/>
      <c r="M2722" s="18"/>
      <c r="N2722" s="18"/>
      <c r="O2722" s="18"/>
      <c r="P2722" s="19">
        <v>250</v>
      </c>
      <c r="Q2722" s="19"/>
      <c r="R2722" s="19"/>
      <c r="S2722" s="19"/>
      <c r="T2722" s="19">
        <v>190</v>
      </c>
      <c r="U2722" s="19"/>
      <c r="V2722" s="19"/>
      <c r="W2722" s="19"/>
      <c r="X2722" s="19">
        <v>1</v>
      </c>
      <c r="Y2722" s="19"/>
      <c r="Z2722" s="19"/>
      <c r="AA2722" s="19"/>
    </row>
    <row r="2723" spans="1:27" s="1" customFormat="1" ht="14.1" customHeight="1" outlineLevel="2" x14ac:dyDescent="0.2">
      <c r="A2723" s="17"/>
      <c r="B2723" s="17"/>
      <c r="C2723" s="17"/>
      <c r="D2723" s="18"/>
      <c r="E2723" s="18"/>
      <c r="F2723" s="18"/>
      <c r="G2723" s="18"/>
      <c r="H2723" s="18"/>
      <c r="I2723" s="18"/>
      <c r="J2723" s="18"/>
      <c r="K2723" s="18"/>
      <c r="L2723" s="18"/>
      <c r="M2723" s="18"/>
      <c r="N2723" s="18"/>
      <c r="O2723" s="18"/>
      <c r="P2723" s="19"/>
      <c r="Q2723" s="19"/>
      <c r="R2723" s="19"/>
      <c r="S2723" s="19"/>
      <c r="T2723" s="19"/>
      <c r="U2723" s="19"/>
      <c r="V2723" s="19"/>
      <c r="W2723" s="19"/>
      <c r="X2723" s="19"/>
      <c r="Y2723" s="19"/>
      <c r="Z2723" s="19"/>
      <c r="AA2723" s="19"/>
    </row>
    <row r="2724" spans="1:27" s="1" customFormat="1" ht="14.1" customHeight="1" outlineLevel="2" x14ac:dyDescent="0.2">
      <c r="A2724" s="17">
        <v>16721</v>
      </c>
      <c r="B2724" s="17"/>
      <c r="C2724" s="17"/>
      <c r="D2724" s="18" t="s">
        <v>1370</v>
      </c>
      <c r="E2724" s="18"/>
      <c r="F2724" s="18"/>
      <c r="G2724" s="18"/>
      <c r="H2724" s="18"/>
      <c r="I2724" s="18"/>
      <c r="J2724" s="18"/>
      <c r="K2724" s="18"/>
      <c r="L2724" s="18"/>
      <c r="M2724" s="18"/>
      <c r="N2724" s="18"/>
      <c r="O2724" s="18"/>
      <c r="P2724" s="19">
        <v>300</v>
      </c>
      <c r="Q2724" s="19"/>
      <c r="R2724" s="19"/>
      <c r="S2724" s="19"/>
      <c r="T2724" s="19">
        <v>200</v>
      </c>
      <c r="U2724" s="19"/>
      <c r="V2724" s="19"/>
      <c r="W2724" s="19"/>
      <c r="X2724" s="19">
        <v>1</v>
      </c>
      <c r="Y2724" s="19"/>
      <c r="Z2724" s="19"/>
      <c r="AA2724" s="19"/>
    </row>
    <row r="2725" spans="1:27" s="1" customFormat="1" ht="14.1" customHeight="1" outlineLevel="2" x14ac:dyDescent="0.2">
      <c r="A2725" s="17"/>
      <c r="B2725" s="17"/>
      <c r="C2725" s="17"/>
      <c r="D2725" s="18"/>
      <c r="E2725" s="18"/>
      <c r="F2725" s="18"/>
      <c r="G2725" s="18"/>
      <c r="H2725" s="18"/>
      <c r="I2725" s="18"/>
      <c r="J2725" s="18"/>
      <c r="K2725" s="18"/>
      <c r="L2725" s="18"/>
      <c r="M2725" s="18"/>
      <c r="N2725" s="18"/>
      <c r="O2725" s="18"/>
      <c r="P2725" s="19"/>
      <c r="Q2725" s="19"/>
      <c r="R2725" s="19"/>
      <c r="S2725" s="19"/>
      <c r="T2725" s="19"/>
      <c r="U2725" s="19"/>
      <c r="V2725" s="19"/>
      <c r="W2725" s="19"/>
      <c r="X2725" s="19"/>
      <c r="Y2725" s="19"/>
      <c r="Z2725" s="19"/>
      <c r="AA2725" s="19"/>
    </row>
    <row r="2726" spans="1:27" s="1" customFormat="1" ht="14.1" customHeight="1" outlineLevel="2" x14ac:dyDescent="0.2">
      <c r="A2726" s="17">
        <v>16620</v>
      </c>
      <c r="B2726" s="17"/>
      <c r="C2726" s="17"/>
      <c r="D2726" s="18" t="s">
        <v>1371</v>
      </c>
      <c r="E2726" s="18"/>
      <c r="F2726" s="18"/>
      <c r="G2726" s="18"/>
      <c r="H2726" s="18"/>
      <c r="I2726" s="18"/>
      <c r="J2726" s="18"/>
      <c r="K2726" s="18"/>
      <c r="L2726" s="18"/>
      <c r="M2726" s="18"/>
      <c r="N2726" s="18"/>
      <c r="O2726" s="18"/>
      <c r="P2726" s="19">
        <v>250</v>
      </c>
      <c r="Q2726" s="19"/>
      <c r="R2726" s="19"/>
      <c r="S2726" s="19"/>
      <c r="T2726" s="19">
        <v>200</v>
      </c>
      <c r="U2726" s="19"/>
      <c r="V2726" s="19"/>
      <c r="W2726" s="19"/>
      <c r="X2726" s="19">
        <v>4</v>
      </c>
      <c r="Y2726" s="19"/>
      <c r="Z2726" s="19"/>
      <c r="AA2726" s="19"/>
    </row>
    <row r="2727" spans="1:27" s="1" customFormat="1" ht="14.1" customHeight="1" outlineLevel="2" x14ac:dyDescent="0.2">
      <c r="A2727" s="17"/>
      <c r="B2727" s="17"/>
      <c r="C2727" s="17"/>
      <c r="D2727" s="18"/>
      <c r="E2727" s="18"/>
      <c r="F2727" s="18"/>
      <c r="G2727" s="18"/>
      <c r="H2727" s="18"/>
      <c r="I2727" s="18"/>
      <c r="J2727" s="18"/>
      <c r="K2727" s="18"/>
      <c r="L2727" s="18"/>
      <c r="M2727" s="18"/>
      <c r="N2727" s="18"/>
      <c r="O2727" s="18"/>
      <c r="P2727" s="19"/>
      <c r="Q2727" s="19"/>
      <c r="R2727" s="19"/>
      <c r="S2727" s="19"/>
      <c r="T2727" s="19"/>
      <c r="U2727" s="19"/>
      <c r="V2727" s="19"/>
      <c r="W2727" s="19"/>
      <c r="X2727" s="19"/>
      <c r="Y2727" s="19"/>
      <c r="Z2727" s="19"/>
      <c r="AA2727" s="19"/>
    </row>
    <row r="2728" spans="1:27" s="1" customFormat="1" ht="14.1" customHeight="1" outlineLevel="2" x14ac:dyDescent="0.2">
      <c r="A2728" s="17">
        <v>8719</v>
      </c>
      <c r="B2728" s="17"/>
      <c r="C2728" s="17"/>
      <c r="D2728" s="18" t="s">
        <v>1372</v>
      </c>
      <c r="E2728" s="18"/>
      <c r="F2728" s="18"/>
      <c r="G2728" s="18"/>
      <c r="H2728" s="18"/>
      <c r="I2728" s="18"/>
      <c r="J2728" s="18"/>
      <c r="K2728" s="18"/>
      <c r="L2728" s="18"/>
      <c r="M2728" s="18"/>
      <c r="N2728" s="18"/>
      <c r="O2728" s="18"/>
      <c r="P2728" s="19">
        <v>250</v>
      </c>
      <c r="Q2728" s="19"/>
      <c r="R2728" s="19"/>
      <c r="S2728" s="19"/>
      <c r="T2728" s="19">
        <v>200</v>
      </c>
      <c r="U2728" s="19"/>
      <c r="V2728" s="19"/>
      <c r="W2728" s="19"/>
      <c r="X2728" s="19">
        <v>2</v>
      </c>
      <c r="Y2728" s="19"/>
      <c r="Z2728" s="19"/>
      <c r="AA2728" s="19"/>
    </row>
    <row r="2729" spans="1:27" s="1" customFormat="1" ht="14.1" customHeight="1" outlineLevel="2" x14ac:dyDescent="0.2">
      <c r="A2729" s="17"/>
      <c r="B2729" s="17"/>
      <c r="C2729" s="17"/>
      <c r="D2729" s="18"/>
      <c r="E2729" s="18"/>
      <c r="F2729" s="18"/>
      <c r="G2729" s="18"/>
      <c r="H2729" s="18"/>
      <c r="I2729" s="18"/>
      <c r="J2729" s="18"/>
      <c r="K2729" s="18"/>
      <c r="L2729" s="18"/>
      <c r="M2729" s="18"/>
      <c r="N2729" s="18"/>
      <c r="O2729" s="18"/>
      <c r="P2729" s="19"/>
      <c r="Q2729" s="19"/>
      <c r="R2729" s="19"/>
      <c r="S2729" s="19"/>
      <c r="T2729" s="19"/>
      <c r="U2729" s="19"/>
      <c r="V2729" s="19"/>
      <c r="W2729" s="19"/>
      <c r="X2729" s="19"/>
      <c r="Y2729" s="19"/>
      <c r="Z2729" s="19"/>
      <c r="AA2729" s="19"/>
    </row>
    <row r="2730" spans="1:27" s="1" customFormat="1" ht="14.1" customHeight="1" outlineLevel="2" x14ac:dyDescent="0.2">
      <c r="A2730" s="17">
        <v>10334</v>
      </c>
      <c r="B2730" s="17"/>
      <c r="C2730" s="17"/>
      <c r="D2730" s="18" t="s">
        <v>1373</v>
      </c>
      <c r="E2730" s="18"/>
      <c r="F2730" s="18"/>
      <c r="G2730" s="18"/>
      <c r="H2730" s="18"/>
      <c r="I2730" s="18"/>
      <c r="J2730" s="18"/>
      <c r="K2730" s="18"/>
      <c r="L2730" s="18"/>
      <c r="M2730" s="18"/>
      <c r="N2730" s="18"/>
      <c r="O2730" s="18"/>
      <c r="P2730" s="19">
        <v>250</v>
      </c>
      <c r="Q2730" s="19"/>
      <c r="R2730" s="19"/>
      <c r="S2730" s="19"/>
      <c r="T2730" s="19">
        <v>200</v>
      </c>
      <c r="U2730" s="19"/>
      <c r="V2730" s="19"/>
      <c r="W2730" s="19"/>
      <c r="X2730" s="19">
        <v>2</v>
      </c>
      <c r="Y2730" s="19"/>
      <c r="Z2730" s="19"/>
      <c r="AA2730" s="19"/>
    </row>
    <row r="2731" spans="1:27" s="1" customFormat="1" ht="14.1" customHeight="1" outlineLevel="2" x14ac:dyDescent="0.2">
      <c r="A2731" s="17"/>
      <c r="B2731" s="17"/>
      <c r="C2731" s="17"/>
      <c r="D2731" s="18"/>
      <c r="E2731" s="18"/>
      <c r="F2731" s="18"/>
      <c r="G2731" s="18"/>
      <c r="H2731" s="18"/>
      <c r="I2731" s="18"/>
      <c r="J2731" s="18"/>
      <c r="K2731" s="18"/>
      <c r="L2731" s="18"/>
      <c r="M2731" s="18"/>
      <c r="N2731" s="18"/>
      <c r="O2731" s="18"/>
      <c r="P2731" s="19"/>
      <c r="Q2731" s="19"/>
      <c r="R2731" s="19"/>
      <c r="S2731" s="19"/>
      <c r="T2731" s="19"/>
      <c r="U2731" s="19"/>
      <c r="V2731" s="19"/>
      <c r="W2731" s="19"/>
      <c r="X2731" s="19"/>
      <c r="Y2731" s="19"/>
      <c r="Z2731" s="19"/>
      <c r="AA2731" s="19"/>
    </row>
    <row r="2732" spans="1:27" s="1" customFormat="1" ht="11.1" customHeight="1" outlineLevel="2" x14ac:dyDescent="0.2">
      <c r="A2732" s="17">
        <v>9688</v>
      </c>
      <c r="B2732" s="17"/>
      <c r="C2732" s="17"/>
      <c r="D2732" s="18" t="s">
        <v>1374</v>
      </c>
      <c r="E2732" s="18"/>
      <c r="F2732" s="18"/>
      <c r="G2732" s="18"/>
      <c r="H2732" s="18"/>
      <c r="I2732" s="18"/>
      <c r="J2732" s="18"/>
      <c r="K2732" s="18"/>
      <c r="L2732" s="18"/>
      <c r="M2732" s="18"/>
      <c r="N2732" s="18"/>
      <c r="O2732" s="18"/>
      <c r="P2732" s="19">
        <v>130</v>
      </c>
      <c r="Q2732" s="19"/>
      <c r="R2732" s="19"/>
      <c r="S2732" s="19"/>
      <c r="T2732" s="19">
        <v>70</v>
      </c>
      <c r="U2732" s="19"/>
      <c r="V2732" s="19"/>
      <c r="W2732" s="19"/>
      <c r="X2732" s="19">
        <v>5</v>
      </c>
      <c r="Y2732" s="19"/>
      <c r="Z2732" s="19"/>
      <c r="AA2732" s="19"/>
    </row>
    <row r="2733" spans="1:27" s="1" customFormat="1" ht="11.1" customHeight="1" outlineLevel="2" x14ac:dyDescent="0.2">
      <c r="A2733" s="17"/>
      <c r="B2733" s="17"/>
      <c r="C2733" s="17"/>
      <c r="D2733" s="18"/>
      <c r="E2733" s="18"/>
      <c r="F2733" s="18"/>
      <c r="G2733" s="18"/>
      <c r="H2733" s="18"/>
      <c r="I2733" s="18"/>
      <c r="J2733" s="18"/>
      <c r="K2733" s="18"/>
      <c r="L2733" s="18"/>
      <c r="M2733" s="18"/>
      <c r="N2733" s="18"/>
      <c r="O2733" s="18"/>
      <c r="P2733" s="19"/>
      <c r="Q2733" s="19"/>
      <c r="R2733" s="19"/>
      <c r="S2733" s="19"/>
      <c r="T2733" s="19"/>
      <c r="U2733" s="19"/>
      <c r="V2733" s="19"/>
      <c r="W2733" s="19"/>
      <c r="X2733" s="19"/>
      <c r="Y2733" s="19"/>
      <c r="Z2733" s="19"/>
      <c r="AA2733" s="19"/>
    </row>
    <row r="2734" spans="1:27" s="1" customFormat="1" ht="11.1" customHeight="1" outlineLevel="2" x14ac:dyDescent="0.2">
      <c r="A2734" s="17">
        <v>9689</v>
      </c>
      <c r="B2734" s="17"/>
      <c r="C2734" s="17"/>
      <c r="D2734" s="18" t="s">
        <v>1375</v>
      </c>
      <c r="E2734" s="18"/>
      <c r="F2734" s="18"/>
      <c r="G2734" s="18"/>
      <c r="H2734" s="18"/>
      <c r="I2734" s="18"/>
      <c r="J2734" s="18"/>
      <c r="K2734" s="18"/>
      <c r="L2734" s="18"/>
      <c r="M2734" s="18"/>
      <c r="N2734" s="18"/>
      <c r="O2734" s="18"/>
      <c r="P2734" s="19">
        <v>130</v>
      </c>
      <c r="Q2734" s="19"/>
      <c r="R2734" s="19"/>
      <c r="S2734" s="19"/>
      <c r="T2734" s="19">
        <v>70</v>
      </c>
      <c r="U2734" s="19"/>
      <c r="V2734" s="19"/>
      <c r="W2734" s="19"/>
      <c r="X2734" s="19">
        <v>5</v>
      </c>
      <c r="Y2734" s="19"/>
      <c r="Z2734" s="19"/>
      <c r="AA2734" s="19"/>
    </row>
    <row r="2735" spans="1:27" s="1" customFormat="1" ht="11.1" customHeight="1" outlineLevel="2" x14ac:dyDescent="0.2">
      <c r="A2735" s="17"/>
      <c r="B2735" s="17"/>
      <c r="C2735" s="17"/>
      <c r="D2735" s="18"/>
      <c r="E2735" s="18"/>
      <c r="F2735" s="18"/>
      <c r="G2735" s="18"/>
      <c r="H2735" s="18"/>
      <c r="I2735" s="18"/>
      <c r="J2735" s="18"/>
      <c r="K2735" s="18"/>
      <c r="L2735" s="18"/>
      <c r="M2735" s="18"/>
      <c r="N2735" s="18"/>
      <c r="O2735" s="18"/>
      <c r="P2735" s="19"/>
      <c r="Q2735" s="19"/>
      <c r="R2735" s="19"/>
      <c r="S2735" s="19"/>
      <c r="T2735" s="19"/>
      <c r="U2735" s="19"/>
      <c r="V2735" s="19"/>
      <c r="W2735" s="19"/>
      <c r="X2735" s="19"/>
      <c r="Y2735" s="19"/>
      <c r="Z2735" s="19"/>
      <c r="AA2735" s="19"/>
    </row>
    <row r="2736" spans="1:27" s="1" customFormat="1" ht="14.1" customHeight="1" outlineLevel="2" x14ac:dyDescent="0.2">
      <c r="A2736" s="17">
        <v>16739</v>
      </c>
      <c r="B2736" s="17"/>
      <c r="C2736" s="17"/>
      <c r="D2736" s="18" t="s">
        <v>1376</v>
      </c>
      <c r="E2736" s="18"/>
      <c r="F2736" s="18"/>
      <c r="G2736" s="18"/>
      <c r="H2736" s="18"/>
      <c r="I2736" s="18"/>
      <c r="J2736" s="18"/>
      <c r="K2736" s="18"/>
      <c r="L2736" s="18"/>
      <c r="M2736" s="18"/>
      <c r="N2736" s="18"/>
      <c r="O2736" s="18"/>
      <c r="P2736" s="19">
        <v>200</v>
      </c>
      <c r="Q2736" s="19"/>
      <c r="R2736" s="19"/>
      <c r="S2736" s="19"/>
      <c r="T2736" s="19">
        <v>150</v>
      </c>
      <c r="U2736" s="19"/>
      <c r="V2736" s="19"/>
      <c r="W2736" s="19"/>
      <c r="X2736" s="19">
        <v>1</v>
      </c>
      <c r="Y2736" s="19"/>
      <c r="Z2736" s="19"/>
      <c r="AA2736" s="19"/>
    </row>
    <row r="2737" spans="1:27" s="1" customFormat="1" ht="14.1" customHeight="1" outlineLevel="2" x14ac:dyDescent="0.2">
      <c r="A2737" s="17"/>
      <c r="B2737" s="17"/>
      <c r="C2737" s="17"/>
      <c r="D2737" s="18"/>
      <c r="E2737" s="18"/>
      <c r="F2737" s="18"/>
      <c r="G2737" s="18"/>
      <c r="H2737" s="18"/>
      <c r="I2737" s="18"/>
      <c r="J2737" s="18"/>
      <c r="K2737" s="18"/>
      <c r="L2737" s="18"/>
      <c r="M2737" s="18"/>
      <c r="N2737" s="18"/>
      <c r="O2737" s="18"/>
      <c r="P2737" s="19"/>
      <c r="Q2737" s="19"/>
      <c r="R2737" s="19"/>
      <c r="S2737" s="19"/>
      <c r="T2737" s="19"/>
      <c r="U2737" s="19"/>
      <c r="V2737" s="19"/>
      <c r="W2737" s="19"/>
      <c r="X2737" s="19"/>
      <c r="Y2737" s="19"/>
      <c r="Z2737" s="19"/>
      <c r="AA2737" s="19"/>
    </row>
    <row r="2738" spans="1:27" s="1" customFormat="1" ht="14.1" customHeight="1" outlineLevel="2" x14ac:dyDescent="0.2">
      <c r="A2738" s="17">
        <v>17030</v>
      </c>
      <c r="B2738" s="17"/>
      <c r="C2738" s="17"/>
      <c r="D2738" s="18" t="s">
        <v>1377</v>
      </c>
      <c r="E2738" s="18"/>
      <c r="F2738" s="18"/>
      <c r="G2738" s="18"/>
      <c r="H2738" s="18"/>
      <c r="I2738" s="18"/>
      <c r="J2738" s="18"/>
      <c r="K2738" s="18"/>
      <c r="L2738" s="18"/>
      <c r="M2738" s="18"/>
      <c r="N2738" s="18"/>
      <c r="O2738" s="18"/>
      <c r="P2738" s="19">
        <v>190</v>
      </c>
      <c r="Q2738" s="19"/>
      <c r="R2738" s="19"/>
      <c r="S2738" s="19"/>
      <c r="T2738" s="19">
        <v>100</v>
      </c>
      <c r="U2738" s="19"/>
      <c r="V2738" s="19"/>
      <c r="W2738" s="19"/>
      <c r="X2738" s="19">
        <v>2</v>
      </c>
      <c r="Y2738" s="19"/>
      <c r="Z2738" s="19"/>
      <c r="AA2738" s="19"/>
    </row>
    <row r="2739" spans="1:27" s="1" customFormat="1" ht="14.1" customHeight="1" outlineLevel="2" x14ac:dyDescent="0.2">
      <c r="A2739" s="17"/>
      <c r="B2739" s="17"/>
      <c r="C2739" s="17"/>
      <c r="D2739" s="18"/>
      <c r="E2739" s="18"/>
      <c r="F2739" s="18"/>
      <c r="G2739" s="18"/>
      <c r="H2739" s="18"/>
      <c r="I2739" s="18"/>
      <c r="J2739" s="18"/>
      <c r="K2739" s="18"/>
      <c r="L2739" s="18"/>
      <c r="M2739" s="18"/>
      <c r="N2739" s="18"/>
      <c r="O2739" s="18"/>
      <c r="P2739" s="19"/>
      <c r="Q2739" s="19"/>
      <c r="R2739" s="19"/>
      <c r="S2739" s="19"/>
      <c r="T2739" s="19"/>
      <c r="U2739" s="19"/>
      <c r="V2739" s="19"/>
      <c r="W2739" s="19"/>
      <c r="X2739" s="19"/>
      <c r="Y2739" s="19"/>
      <c r="Z2739" s="19"/>
      <c r="AA2739" s="19"/>
    </row>
    <row r="2740" spans="1:27" s="1" customFormat="1" ht="11.1" customHeight="1" outlineLevel="2" x14ac:dyDescent="0.2">
      <c r="A2740" s="17">
        <v>9690</v>
      </c>
      <c r="B2740" s="17"/>
      <c r="C2740" s="17"/>
      <c r="D2740" s="18" t="s">
        <v>1378</v>
      </c>
      <c r="E2740" s="18"/>
      <c r="F2740" s="18"/>
      <c r="G2740" s="18"/>
      <c r="H2740" s="18"/>
      <c r="I2740" s="18"/>
      <c r="J2740" s="18"/>
      <c r="K2740" s="18"/>
      <c r="L2740" s="18"/>
      <c r="M2740" s="18"/>
      <c r="N2740" s="18"/>
      <c r="O2740" s="18"/>
      <c r="P2740" s="19">
        <v>60</v>
      </c>
      <c r="Q2740" s="19"/>
      <c r="R2740" s="19"/>
      <c r="S2740" s="19"/>
      <c r="T2740" s="19">
        <v>30</v>
      </c>
      <c r="U2740" s="19"/>
      <c r="V2740" s="19"/>
      <c r="W2740" s="19"/>
      <c r="X2740" s="19">
        <v>5</v>
      </c>
      <c r="Y2740" s="19"/>
      <c r="Z2740" s="19"/>
      <c r="AA2740" s="19"/>
    </row>
    <row r="2741" spans="1:27" s="1" customFormat="1" ht="11.1" customHeight="1" outlineLevel="2" x14ac:dyDescent="0.2">
      <c r="A2741" s="17"/>
      <c r="B2741" s="17"/>
      <c r="C2741" s="17"/>
      <c r="D2741" s="18"/>
      <c r="E2741" s="18"/>
      <c r="F2741" s="18"/>
      <c r="G2741" s="18"/>
      <c r="H2741" s="18"/>
      <c r="I2741" s="18"/>
      <c r="J2741" s="18"/>
      <c r="K2741" s="18"/>
      <c r="L2741" s="18"/>
      <c r="M2741" s="18"/>
      <c r="N2741" s="18"/>
      <c r="O2741" s="18"/>
      <c r="P2741" s="19"/>
      <c r="Q2741" s="19"/>
      <c r="R2741" s="19"/>
      <c r="S2741" s="19"/>
      <c r="T2741" s="19"/>
      <c r="U2741" s="19"/>
      <c r="V2741" s="19"/>
      <c r="W2741" s="19"/>
      <c r="X2741" s="19"/>
      <c r="Y2741" s="19"/>
      <c r="Z2741" s="19"/>
      <c r="AA2741" s="19"/>
    </row>
    <row r="2742" spans="1:27" s="1" customFormat="1" ht="11.1" customHeight="1" outlineLevel="2" x14ac:dyDescent="0.2">
      <c r="A2742" s="17">
        <v>9691</v>
      </c>
      <c r="B2742" s="17"/>
      <c r="C2742" s="17"/>
      <c r="D2742" s="18" t="s">
        <v>1379</v>
      </c>
      <c r="E2742" s="18"/>
      <c r="F2742" s="18"/>
      <c r="G2742" s="18"/>
      <c r="H2742" s="18"/>
      <c r="I2742" s="18"/>
      <c r="J2742" s="18"/>
      <c r="K2742" s="18"/>
      <c r="L2742" s="18"/>
      <c r="M2742" s="18"/>
      <c r="N2742" s="18"/>
      <c r="O2742" s="18"/>
      <c r="P2742" s="19">
        <v>60</v>
      </c>
      <c r="Q2742" s="19"/>
      <c r="R2742" s="19"/>
      <c r="S2742" s="19"/>
      <c r="T2742" s="19">
        <v>30</v>
      </c>
      <c r="U2742" s="19"/>
      <c r="V2742" s="19"/>
      <c r="W2742" s="19"/>
      <c r="X2742" s="19">
        <v>5</v>
      </c>
      <c r="Y2742" s="19"/>
      <c r="Z2742" s="19"/>
      <c r="AA2742" s="19"/>
    </row>
    <row r="2743" spans="1:27" s="1" customFormat="1" ht="11.1" customHeight="1" outlineLevel="2" x14ac:dyDescent="0.2">
      <c r="A2743" s="17"/>
      <c r="B2743" s="17"/>
      <c r="C2743" s="17"/>
      <c r="D2743" s="18"/>
      <c r="E2743" s="18"/>
      <c r="F2743" s="18"/>
      <c r="G2743" s="18"/>
      <c r="H2743" s="18"/>
      <c r="I2743" s="18"/>
      <c r="J2743" s="18"/>
      <c r="K2743" s="18"/>
      <c r="L2743" s="18"/>
      <c r="M2743" s="18"/>
      <c r="N2743" s="18"/>
      <c r="O2743" s="18"/>
      <c r="P2743" s="19"/>
      <c r="Q2743" s="19"/>
      <c r="R2743" s="19"/>
      <c r="S2743" s="19"/>
      <c r="T2743" s="19"/>
      <c r="U2743" s="19"/>
      <c r="V2743" s="19"/>
      <c r="W2743" s="19"/>
      <c r="X2743" s="19"/>
      <c r="Y2743" s="19"/>
      <c r="Z2743" s="19"/>
      <c r="AA2743" s="19"/>
    </row>
    <row r="2744" spans="1:27" s="1" customFormat="1" ht="14.1" customHeight="1" outlineLevel="2" x14ac:dyDescent="0.2">
      <c r="A2744" s="17">
        <v>16694</v>
      </c>
      <c r="B2744" s="17"/>
      <c r="C2744" s="17"/>
      <c r="D2744" s="18" t="s">
        <v>1380</v>
      </c>
      <c r="E2744" s="18"/>
      <c r="F2744" s="18"/>
      <c r="G2744" s="18"/>
      <c r="H2744" s="18"/>
      <c r="I2744" s="18"/>
      <c r="J2744" s="18"/>
      <c r="K2744" s="18"/>
      <c r="L2744" s="18"/>
      <c r="M2744" s="18"/>
      <c r="N2744" s="18"/>
      <c r="O2744" s="18"/>
      <c r="P2744" s="19">
        <v>200</v>
      </c>
      <c r="Q2744" s="19"/>
      <c r="R2744" s="19"/>
      <c r="S2744" s="19"/>
      <c r="T2744" s="19">
        <v>100</v>
      </c>
      <c r="U2744" s="19"/>
      <c r="V2744" s="19"/>
      <c r="W2744" s="19"/>
      <c r="X2744" s="19">
        <v>1</v>
      </c>
      <c r="Y2744" s="19"/>
      <c r="Z2744" s="19"/>
      <c r="AA2744" s="19"/>
    </row>
    <row r="2745" spans="1:27" s="1" customFormat="1" ht="14.1" customHeight="1" outlineLevel="2" x14ac:dyDescent="0.2">
      <c r="A2745" s="17"/>
      <c r="B2745" s="17"/>
      <c r="C2745" s="17"/>
      <c r="D2745" s="18"/>
      <c r="E2745" s="18"/>
      <c r="F2745" s="18"/>
      <c r="G2745" s="18"/>
      <c r="H2745" s="18"/>
      <c r="I2745" s="18"/>
      <c r="J2745" s="18"/>
      <c r="K2745" s="18"/>
      <c r="L2745" s="18"/>
      <c r="M2745" s="18"/>
      <c r="N2745" s="18"/>
      <c r="O2745" s="18"/>
      <c r="P2745" s="19"/>
      <c r="Q2745" s="19"/>
      <c r="R2745" s="19"/>
      <c r="S2745" s="19"/>
      <c r="T2745" s="19"/>
      <c r="U2745" s="19"/>
      <c r="V2745" s="19"/>
      <c r="W2745" s="19"/>
      <c r="X2745" s="19"/>
      <c r="Y2745" s="19"/>
      <c r="Z2745" s="19"/>
      <c r="AA2745" s="19"/>
    </row>
    <row r="2746" spans="1:27" s="1" customFormat="1" ht="11.1" customHeight="1" outlineLevel="2" x14ac:dyDescent="0.2">
      <c r="A2746" s="17">
        <v>13391</v>
      </c>
      <c r="B2746" s="17"/>
      <c r="C2746" s="17"/>
      <c r="D2746" s="18" t="s">
        <v>1381</v>
      </c>
      <c r="E2746" s="18"/>
      <c r="F2746" s="18"/>
      <c r="G2746" s="18"/>
      <c r="H2746" s="18"/>
      <c r="I2746" s="18"/>
      <c r="J2746" s="18"/>
      <c r="K2746" s="18"/>
      <c r="L2746" s="18"/>
      <c r="M2746" s="18"/>
      <c r="N2746" s="18"/>
      <c r="O2746" s="18"/>
      <c r="P2746" s="19">
        <v>110</v>
      </c>
      <c r="Q2746" s="19"/>
      <c r="R2746" s="19"/>
      <c r="S2746" s="19"/>
      <c r="T2746" s="19">
        <v>70</v>
      </c>
      <c r="U2746" s="19"/>
      <c r="V2746" s="19"/>
      <c r="W2746" s="19"/>
      <c r="X2746" s="19">
        <v>3</v>
      </c>
      <c r="Y2746" s="19"/>
      <c r="Z2746" s="19"/>
      <c r="AA2746" s="19"/>
    </row>
    <row r="2747" spans="1:27" s="1" customFormat="1" ht="11.1" customHeight="1" outlineLevel="2" x14ac:dyDescent="0.2">
      <c r="A2747" s="17"/>
      <c r="B2747" s="17"/>
      <c r="C2747" s="17"/>
      <c r="D2747" s="18"/>
      <c r="E2747" s="18"/>
      <c r="F2747" s="18"/>
      <c r="G2747" s="18"/>
      <c r="H2747" s="18"/>
      <c r="I2747" s="18"/>
      <c r="J2747" s="18"/>
      <c r="K2747" s="18"/>
      <c r="L2747" s="18"/>
      <c r="M2747" s="18"/>
      <c r="N2747" s="18"/>
      <c r="O2747" s="18"/>
      <c r="P2747" s="19"/>
      <c r="Q2747" s="19"/>
      <c r="R2747" s="19"/>
      <c r="S2747" s="19"/>
      <c r="T2747" s="19"/>
      <c r="U2747" s="19"/>
      <c r="V2747" s="19"/>
      <c r="W2747" s="19"/>
      <c r="X2747" s="19"/>
      <c r="Y2747" s="19"/>
      <c r="Z2747" s="19"/>
      <c r="AA2747" s="19"/>
    </row>
    <row r="2748" spans="1:27" s="1" customFormat="1" ht="11.1" customHeight="1" outlineLevel="2" x14ac:dyDescent="0.2">
      <c r="A2748" s="17">
        <v>12107</v>
      </c>
      <c r="B2748" s="17"/>
      <c r="C2748" s="17"/>
      <c r="D2748" s="18" t="s">
        <v>1382</v>
      </c>
      <c r="E2748" s="18"/>
      <c r="F2748" s="18"/>
      <c r="G2748" s="18"/>
      <c r="H2748" s="18"/>
      <c r="I2748" s="18"/>
      <c r="J2748" s="18"/>
      <c r="K2748" s="18"/>
      <c r="L2748" s="18"/>
      <c r="M2748" s="18"/>
      <c r="N2748" s="18"/>
      <c r="O2748" s="18"/>
      <c r="P2748" s="19">
        <v>110</v>
      </c>
      <c r="Q2748" s="19"/>
      <c r="R2748" s="19"/>
      <c r="S2748" s="19"/>
      <c r="T2748" s="19">
        <v>70</v>
      </c>
      <c r="U2748" s="19"/>
      <c r="V2748" s="19"/>
      <c r="W2748" s="19"/>
      <c r="X2748" s="19">
        <v>3</v>
      </c>
      <c r="Y2748" s="19"/>
      <c r="Z2748" s="19"/>
      <c r="AA2748" s="19"/>
    </row>
    <row r="2749" spans="1:27" s="1" customFormat="1" ht="11.1" customHeight="1" outlineLevel="2" x14ac:dyDescent="0.2">
      <c r="A2749" s="17"/>
      <c r="B2749" s="17"/>
      <c r="C2749" s="17"/>
      <c r="D2749" s="18"/>
      <c r="E2749" s="18"/>
      <c r="F2749" s="18"/>
      <c r="G2749" s="18"/>
      <c r="H2749" s="18"/>
      <c r="I2749" s="18"/>
      <c r="J2749" s="18"/>
      <c r="K2749" s="18"/>
      <c r="L2749" s="18"/>
      <c r="M2749" s="18"/>
      <c r="N2749" s="18"/>
      <c r="O2749" s="18"/>
      <c r="P2749" s="19"/>
      <c r="Q2749" s="19"/>
      <c r="R2749" s="19"/>
      <c r="S2749" s="19"/>
      <c r="T2749" s="19"/>
      <c r="U2749" s="19"/>
      <c r="V2749" s="19"/>
      <c r="W2749" s="19"/>
      <c r="X2749" s="19"/>
      <c r="Y2749" s="19"/>
      <c r="Z2749" s="19"/>
      <c r="AA2749" s="19"/>
    </row>
    <row r="2750" spans="1:27" s="1" customFormat="1" ht="14.1" customHeight="1" outlineLevel="2" x14ac:dyDescent="0.2">
      <c r="A2750" s="17">
        <v>16812</v>
      </c>
      <c r="B2750" s="17"/>
      <c r="C2750" s="17"/>
      <c r="D2750" s="18" t="s">
        <v>1383</v>
      </c>
      <c r="E2750" s="18"/>
      <c r="F2750" s="18"/>
      <c r="G2750" s="18"/>
      <c r="H2750" s="18"/>
      <c r="I2750" s="18"/>
      <c r="J2750" s="18"/>
      <c r="K2750" s="18"/>
      <c r="L2750" s="18"/>
      <c r="M2750" s="18"/>
      <c r="N2750" s="18"/>
      <c r="O2750" s="18"/>
      <c r="P2750" s="19">
        <v>200</v>
      </c>
      <c r="Q2750" s="19"/>
      <c r="R2750" s="19"/>
      <c r="S2750" s="19"/>
      <c r="T2750" s="19">
        <v>100</v>
      </c>
      <c r="U2750" s="19"/>
      <c r="V2750" s="19"/>
      <c r="W2750" s="19"/>
      <c r="X2750" s="19">
        <v>4</v>
      </c>
      <c r="Y2750" s="19"/>
      <c r="Z2750" s="19"/>
      <c r="AA2750" s="19"/>
    </row>
    <row r="2751" spans="1:27" s="1" customFormat="1" ht="14.1" customHeight="1" outlineLevel="2" x14ac:dyDescent="0.2">
      <c r="A2751" s="17"/>
      <c r="B2751" s="17"/>
      <c r="C2751" s="17"/>
      <c r="D2751" s="18"/>
      <c r="E2751" s="18"/>
      <c r="F2751" s="18"/>
      <c r="G2751" s="18"/>
      <c r="H2751" s="18"/>
      <c r="I2751" s="18"/>
      <c r="J2751" s="18"/>
      <c r="K2751" s="18"/>
      <c r="L2751" s="18"/>
      <c r="M2751" s="18"/>
      <c r="N2751" s="18"/>
      <c r="O2751" s="18"/>
      <c r="P2751" s="19"/>
      <c r="Q2751" s="19"/>
      <c r="R2751" s="19"/>
      <c r="S2751" s="19"/>
      <c r="T2751" s="19"/>
      <c r="U2751" s="19"/>
      <c r="V2751" s="19"/>
      <c r="W2751" s="19"/>
      <c r="X2751" s="19"/>
      <c r="Y2751" s="19"/>
      <c r="Z2751" s="19"/>
      <c r="AA2751" s="19"/>
    </row>
    <row r="2752" spans="1:27" s="1" customFormat="1" ht="14.1" customHeight="1" outlineLevel="2" x14ac:dyDescent="0.2">
      <c r="A2752" s="17">
        <v>18134</v>
      </c>
      <c r="B2752" s="17"/>
      <c r="C2752" s="17"/>
      <c r="D2752" s="18" t="s">
        <v>1384</v>
      </c>
      <c r="E2752" s="18"/>
      <c r="F2752" s="18"/>
      <c r="G2752" s="18"/>
      <c r="H2752" s="18"/>
      <c r="I2752" s="18"/>
      <c r="J2752" s="18"/>
      <c r="K2752" s="18"/>
      <c r="L2752" s="18"/>
      <c r="M2752" s="18"/>
      <c r="N2752" s="18"/>
      <c r="O2752" s="18"/>
      <c r="P2752" s="19">
        <v>150</v>
      </c>
      <c r="Q2752" s="19"/>
      <c r="R2752" s="19"/>
      <c r="S2752" s="19"/>
      <c r="T2752" s="19">
        <v>100</v>
      </c>
      <c r="U2752" s="19"/>
      <c r="V2752" s="19"/>
      <c r="W2752" s="19"/>
      <c r="X2752" s="19">
        <v>2</v>
      </c>
      <c r="Y2752" s="19"/>
      <c r="Z2752" s="19"/>
      <c r="AA2752" s="19"/>
    </row>
    <row r="2753" spans="1:27" s="1" customFormat="1" ht="14.1" customHeight="1" outlineLevel="2" x14ac:dyDescent="0.2">
      <c r="A2753" s="17"/>
      <c r="B2753" s="17"/>
      <c r="C2753" s="17"/>
      <c r="D2753" s="18"/>
      <c r="E2753" s="18"/>
      <c r="F2753" s="18"/>
      <c r="G2753" s="18"/>
      <c r="H2753" s="18"/>
      <c r="I2753" s="18"/>
      <c r="J2753" s="18"/>
      <c r="K2753" s="18"/>
      <c r="L2753" s="18"/>
      <c r="M2753" s="18"/>
      <c r="N2753" s="18"/>
      <c r="O2753" s="18"/>
      <c r="P2753" s="19"/>
      <c r="Q2753" s="19"/>
      <c r="R2753" s="19"/>
      <c r="S2753" s="19"/>
      <c r="T2753" s="19"/>
      <c r="U2753" s="19"/>
      <c r="V2753" s="19"/>
      <c r="W2753" s="19"/>
      <c r="X2753" s="19"/>
      <c r="Y2753" s="19"/>
      <c r="Z2753" s="19"/>
      <c r="AA2753" s="19"/>
    </row>
    <row r="2754" spans="1:27" s="1" customFormat="1" ht="14.1" customHeight="1" outlineLevel="2" x14ac:dyDescent="0.2">
      <c r="A2754" s="17">
        <v>9692</v>
      </c>
      <c r="B2754" s="17"/>
      <c r="C2754" s="17"/>
      <c r="D2754" s="18" t="s">
        <v>1385</v>
      </c>
      <c r="E2754" s="18"/>
      <c r="F2754" s="18"/>
      <c r="G2754" s="18"/>
      <c r="H2754" s="18"/>
      <c r="I2754" s="18"/>
      <c r="J2754" s="18"/>
      <c r="K2754" s="18"/>
      <c r="L2754" s="18"/>
      <c r="M2754" s="18"/>
      <c r="N2754" s="18"/>
      <c r="O2754" s="18"/>
      <c r="P2754" s="19">
        <v>60</v>
      </c>
      <c r="Q2754" s="19"/>
      <c r="R2754" s="19"/>
      <c r="S2754" s="19"/>
      <c r="T2754" s="19">
        <v>30</v>
      </c>
      <c r="U2754" s="19"/>
      <c r="V2754" s="19"/>
      <c r="W2754" s="19"/>
      <c r="X2754" s="19">
        <v>5</v>
      </c>
      <c r="Y2754" s="19"/>
      <c r="Z2754" s="19"/>
      <c r="AA2754" s="19"/>
    </row>
    <row r="2755" spans="1:27" s="1" customFormat="1" ht="14.1" customHeight="1" outlineLevel="2" x14ac:dyDescent="0.2">
      <c r="A2755" s="17"/>
      <c r="B2755" s="17"/>
      <c r="C2755" s="17"/>
      <c r="D2755" s="18"/>
      <c r="E2755" s="18"/>
      <c r="F2755" s="18"/>
      <c r="G2755" s="18"/>
      <c r="H2755" s="18"/>
      <c r="I2755" s="18"/>
      <c r="J2755" s="18"/>
      <c r="K2755" s="18"/>
      <c r="L2755" s="18"/>
      <c r="M2755" s="18"/>
      <c r="N2755" s="18"/>
      <c r="O2755" s="18"/>
      <c r="P2755" s="19"/>
      <c r="Q2755" s="19"/>
      <c r="R2755" s="19"/>
      <c r="S2755" s="19"/>
      <c r="T2755" s="19"/>
      <c r="U2755" s="19"/>
      <c r="V2755" s="19"/>
      <c r="W2755" s="19"/>
      <c r="X2755" s="19"/>
      <c r="Y2755" s="19"/>
      <c r="Z2755" s="19"/>
      <c r="AA2755" s="19"/>
    </row>
    <row r="2756" spans="1:27" s="1" customFormat="1" ht="11.1" customHeight="1" outlineLevel="2" x14ac:dyDescent="0.2">
      <c r="A2756" s="17">
        <v>9693</v>
      </c>
      <c r="B2756" s="17"/>
      <c r="C2756" s="17"/>
      <c r="D2756" s="18" t="s">
        <v>1386</v>
      </c>
      <c r="E2756" s="18"/>
      <c r="F2756" s="18"/>
      <c r="G2756" s="18"/>
      <c r="H2756" s="18"/>
      <c r="I2756" s="18"/>
      <c r="J2756" s="18"/>
      <c r="K2756" s="18"/>
      <c r="L2756" s="18"/>
      <c r="M2756" s="18"/>
      <c r="N2756" s="18"/>
      <c r="O2756" s="18"/>
      <c r="P2756" s="19">
        <v>60</v>
      </c>
      <c r="Q2756" s="19"/>
      <c r="R2756" s="19"/>
      <c r="S2756" s="19"/>
      <c r="T2756" s="19">
        <v>30</v>
      </c>
      <c r="U2756" s="19"/>
      <c r="V2756" s="19"/>
      <c r="W2756" s="19"/>
      <c r="X2756" s="19">
        <v>3</v>
      </c>
      <c r="Y2756" s="19"/>
      <c r="Z2756" s="19"/>
      <c r="AA2756" s="19"/>
    </row>
    <row r="2757" spans="1:27" s="1" customFormat="1" ht="11.1" customHeight="1" outlineLevel="2" x14ac:dyDescent="0.2">
      <c r="A2757" s="17"/>
      <c r="B2757" s="17"/>
      <c r="C2757" s="17"/>
      <c r="D2757" s="18"/>
      <c r="E2757" s="18"/>
      <c r="F2757" s="18"/>
      <c r="G2757" s="18"/>
      <c r="H2757" s="18"/>
      <c r="I2757" s="18"/>
      <c r="J2757" s="18"/>
      <c r="K2757" s="18"/>
      <c r="L2757" s="18"/>
      <c r="M2757" s="18"/>
      <c r="N2757" s="18"/>
      <c r="O2757" s="18"/>
      <c r="P2757" s="19"/>
      <c r="Q2757" s="19"/>
      <c r="R2757" s="19"/>
      <c r="S2757" s="19"/>
      <c r="T2757" s="19"/>
      <c r="U2757" s="19"/>
      <c r="V2757" s="19"/>
      <c r="W2757" s="19"/>
      <c r="X2757" s="19"/>
      <c r="Y2757" s="19"/>
      <c r="Z2757" s="19"/>
      <c r="AA2757" s="19"/>
    </row>
    <row r="2758" spans="1:27" s="1" customFormat="1" ht="14.1" customHeight="1" outlineLevel="2" x14ac:dyDescent="0.2">
      <c r="A2758" s="17">
        <v>8483</v>
      </c>
      <c r="B2758" s="17"/>
      <c r="C2758" s="17"/>
      <c r="D2758" s="18" t="s">
        <v>1387</v>
      </c>
      <c r="E2758" s="18"/>
      <c r="F2758" s="18"/>
      <c r="G2758" s="18"/>
      <c r="H2758" s="18"/>
      <c r="I2758" s="18"/>
      <c r="J2758" s="18"/>
      <c r="K2758" s="18"/>
      <c r="L2758" s="18"/>
      <c r="M2758" s="18"/>
      <c r="N2758" s="18"/>
      <c r="O2758" s="18"/>
      <c r="P2758" s="19">
        <v>150</v>
      </c>
      <c r="Q2758" s="19"/>
      <c r="R2758" s="19"/>
      <c r="S2758" s="19"/>
      <c r="T2758" s="19">
        <v>100</v>
      </c>
      <c r="U2758" s="19"/>
      <c r="V2758" s="19"/>
      <c r="W2758" s="19"/>
      <c r="X2758" s="19">
        <v>2</v>
      </c>
      <c r="Y2758" s="19"/>
      <c r="Z2758" s="19"/>
      <c r="AA2758" s="19"/>
    </row>
    <row r="2759" spans="1:27" s="1" customFormat="1" ht="14.1" customHeight="1" outlineLevel="2" x14ac:dyDescent="0.2">
      <c r="A2759" s="17"/>
      <c r="B2759" s="17"/>
      <c r="C2759" s="17"/>
      <c r="D2759" s="18"/>
      <c r="E2759" s="18"/>
      <c r="F2759" s="18"/>
      <c r="G2759" s="18"/>
      <c r="H2759" s="18"/>
      <c r="I2759" s="18"/>
      <c r="J2759" s="18"/>
      <c r="K2759" s="18"/>
      <c r="L2759" s="18"/>
      <c r="M2759" s="18"/>
      <c r="N2759" s="18"/>
      <c r="O2759" s="18"/>
      <c r="P2759" s="19"/>
      <c r="Q2759" s="19"/>
      <c r="R2759" s="19"/>
      <c r="S2759" s="19"/>
      <c r="T2759" s="19"/>
      <c r="U2759" s="19"/>
      <c r="V2759" s="19"/>
      <c r="W2759" s="19"/>
      <c r="X2759" s="19"/>
      <c r="Y2759" s="19"/>
      <c r="Z2759" s="19"/>
      <c r="AA2759" s="19"/>
    </row>
    <row r="2760" spans="1:27" s="1" customFormat="1" ht="11.1" customHeight="1" outlineLevel="2" x14ac:dyDescent="0.2">
      <c r="A2760" s="17">
        <v>9240</v>
      </c>
      <c r="B2760" s="17"/>
      <c r="C2760" s="17"/>
      <c r="D2760" s="18" t="s">
        <v>1388</v>
      </c>
      <c r="E2760" s="18"/>
      <c r="F2760" s="18"/>
      <c r="G2760" s="18"/>
      <c r="H2760" s="18"/>
      <c r="I2760" s="18"/>
      <c r="J2760" s="18"/>
      <c r="K2760" s="18"/>
      <c r="L2760" s="18"/>
      <c r="M2760" s="18"/>
      <c r="N2760" s="18"/>
      <c r="O2760" s="18"/>
      <c r="P2760" s="19">
        <v>110</v>
      </c>
      <c r="Q2760" s="19"/>
      <c r="R2760" s="19"/>
      <c r="S2760" s="19"/>
      <c r="T2760" s="19">
        <v>70</v>
      </c>
      <c r="U2760" s="19"/>
      <c r="V2760" s="19"/>
      <c r="W2760" s="19"/>
      <c r="X2760" s="19">
        <v>1</v>
      </c>
      <c r="Y2760" s="19"/>
      <c r="Z2760" s="19"/>
      <c r="AA2760" s="19"/>
    </row>
    <row r="2761" spans="1:27" s="1" customFormat="1" ht="11.1" customHeight="1" outlineLevel="2" x14ac:dyDescent="0.2">
      <c r="A2761" s="17"/>
      <c r="B2761" s="17"/>
      <c r="C2761" s="17"/>
      <c r="D2761" s="18"/>
      <c r="E2761" s="18"/>
      <c r="F2761" s="18"/>
      <c r="G2761" s="18"/>
      <c r="H2761" s="18"/>
      <c r="I2761" s="18"/>
      <c r="J2761" s="18"/>
      <c r="K2761" s="18"/>
      <c r="L2761" s="18"/>
      <c r="M2761" s="18"/>
      <c r="N2761" s="18"/>
      <c r="O2761" s="18"/>
      <c r="P2761" s="19"/>
      <c r="Q2761" s="19"/>
      <c r="R2761" s="19"/>
      <c r="S2761" s="19"/>
      <c r="T2761" s="19"/>
      <c r="U2761" s="19"/>
      <c r="V2761" s="19"/>
      <c r="W2761" s="19"/>
      <c r="X2761" s="19"/>
      <c r="Y2761" s="19"/>
      <c r="Z2761" s="19"/>
      <c r="AA2761" s="19"/>
    </row>
    <row r="2762" spans="1:27" s="1" customFormat="1" ht="14.1" customHeight="1" outlineLevel="2" x14ac:dyDescent="0.2">
      <c r="A2762" s="17">
        <v>17380</v>
      </c>
      <c r="B2762" s="17"/>
      <c r="C2762" s="17"/>
      <c r="D2762" s="18" t="s">
        <v>1389</v>
      </c>
      <c r="E2762" s="18"/>
      <c r="F2762" s="18"/>
      <c r="G2762" s="18"/>
      <c r="H2762" s="18"/>
      <c r="I2762" s="18"/>
      <c r="J2762" s="18"/>
      <c r="K2762" s="18"/>
      <c r="L2762" s="18"/>
      <c r="M2762" s="18"/>
      <c r="N2762" s="18"/>
      <c r="O2762" s="18"/>
      <c r="P2762" s="19">
        <v>150</v>
      </c>
      <c r="Q2762" s="19"/>
      <c r="R2762" s="19"/>
      <c r="S2762" s="19"/>
      <c r="T2762" s="19">
        <v>90</v>
      </c>
      <c r="U2762" s="19"/>
      <c r="V2762" s="19"/>
      <c r="W2762" s="19"/>
      <c r="X2762" s="19">
        <v>1</v>
      </c>
      <c r="Y2762" s="19"/>
      <c r="Z2762" s="19"/>
      <c r="AA2762" s="19"/>
    </row>
    <row r="2763" spans="1:27" s="1" customFormat="1" ht="14.1" customHeight="1" outlineLevel="2" x14ac:dyDescent="0.2">
      <c r="A2763" s="17"/>
      <c r="B2763" s="17"/>
      <c r="C2763" s="17"/>
      <c r="D2763" s="18"/>
      <c r="E2763" s="18"/>
      <c r="F2763" s="18"/>
      <c r="G2763" s="18"/>
      <c r="H2763" s="18"/>
      <c r="I2763" s="18"/>
      <c r="J2763" s="18"/>
      <c r="K2763" s="18"/>
      <c r="L2763" s="18"/>
      <c r="M2763" s="18"/>
      <c r="N2763" s="18"/>
      <c r="O2763" s="18"/>
      <c r="P2763" s="19"/>
      <c r="Q2763" s="19"/>
      <c r="R2763" s="19"/>
      <c r="S2763" s="19"/>
      <c r="T2763" s="19"/>
      <c r="U2763" s="19"/>
      <c r="V2763" s="19"/>
      <c r="W2763" s="19"/>
      <c r="X2763" s="19"/>
      <c r="Y2763" s="19"/>
      <c r="Z2763" s="19"/>
      <c r="AA2763" s="19"/>
    </row>
    <row r="2764" spans="1:27" s="1" customFormat="1" ht="11.1" customHeight="1" outlineLevel="2" x14ac:dyDescent="0.2">
      <c r="A2764" s="17">
        <v>12831</v>
      </c>
      <c r="B2764" s="17"/>
      <c r="C2764" s="17"/>
      <c r="D2764" s="18" t="s">
        <v>1390</v>
      </c>
      <c r="E2764" s="18"/>
      <c r="F2764" s="18"/>
      <c r="G2764" s="18"/>
      <c r="H2764" s="18"/>
      <c r="I2764" s="18"/>
      <c r="J2764" s="18"/>
      <c r="K2764" s="18"/>
      <c r="L2764" s="18"/>
      <c r="M2764" s="18"/>
      <c r="N2764" s="18"/>
      <c r="O2764" s="18"/>
      <c r="P2764" s="19">
        <v>75</v>
      </c>
      <c r="Q2764" s="19"/>
      <c r="R2764" s="19"/>
      <c r="S2764" s="19"/>
      <c r="T2764" s="19">
        <v>50</v>
      </c>
      <c r="U2764" s="19"/>
      <c r="V2764" s="19"/>
      <c r="W2764" s="19"/>
      <c r="X2764" s="19">
        <v>2</v>
      </c>
      <c r="Y2764" s="19"/>
      <c r="Z2764" s="19"/>
      <c r="AA2764" s="19"/>
    </row>
    <row r="2765" spans="1:27" s="1" customFormat="1" ht="11.1" customHeight="1" outlineLevel="2" x14ac:dyDescent="0.2">
      <c r="A2765" s="17"/>
      <c r="B2765" s="17"/>
      <c r="C2765" s="17"/>
      <c r="D2765" s="18"/>
      <c r="E2765" s="18"/>
      <c r="F2765" s="18"/>
      <c r="G2765" s="18"/>
      <c r="H2765" s="18"/>
      <c r="I2765" s="18"/>
      <c r="J2765" s="18"/>
      <c r="K2765" s="18"/>
      <c r="L2765" s="18"/>
      <c r="M2765" s="18"/>
      <c r="N2765" s="18"/>
      <c r="O2765" s="18"/>
      <c r="P2765" s="19"/>
      <c r="Q2765" s="19"/>
      <c r="R2765" s="19"/>
      <c r="S2765" s="19"/>
      <c r="T2765" s="19"/>
      <c r="U2765" s="19"/>
      <c r="V2765" s="19"/>
      <c r="W2765" s="19"/>
      <c r="X2765" s="19"/>
      <c r="Y2765" s="19"/>
      <c r="Z2765" s="19"/>
      <c r="AA2765" s="19"/>
    </row>
    <row r="2766" spans="1:27" s="1" customFormat="1" ht="14.1" customHeight="1" outlineLevel="2" x14ac:dyDescent="0.2">
      <c r="A2766" s="17">
        <v>12848</v>
      </c>
      <c r="B2766" s="17"/>
      <c r="C2766" s="17"/>
      <c r="D2766" s="18" t="s">
        <v>1391</v>
      </c>
      <c r="E2766" s="18"/>
      <c r="F2766" s="18"/>
      <c r="G2766" s="18"/>
      <c r="H2766" s="18"/>
      <c r="I2766" s="18"/>
      <c r="J2766" s="18"/>
      <c r="K2766" s="18"/>
      <c r="L2766" s="18"/>
      <c r="M2766" s="18"/>
      <c r="N2766" s="18"/>
      <c r="O2766" s="18"/>
      <c r="P2766" s="19">
        <v>100</v>
      </c>
      <c r="Q2766" s="19"/>
      <c r="R2766" s="19"/>
      <c r="S2766" s="19"/>
      <c r="T2766" s="19">
        <v>70</v>
      </c>
      <c r="U2766" s="19"/>
      <c r="V2766" s="19"/>
      <c r="W2766" s="19"/>
      <c r="X2766" s="19">
        <v>4</v>
      </c>
      <c r="Y2766" s="19"/>
      <c r="Z2766" s="19"/>
      <c r="AA2766" s="19"/>
    </row>
    <row r="2767" spans="1:27" s="1" customFormat="1" ht="14.1" customHeight="1" outlineLevel="2" x14ac:dyDescent="0.2">
      <c r="A2767" s="17"/>
      <c r="B2767" s="17"/>
      <c r="C2767" s="17"/>
      <c r="D2767" s="18"/>
      <c r="E2767" s="18"/>
      <c r="F2767" s="18"/>
      <c r="G2767" s="18"/>
      <c r="H2767" s="18"/>
      <c r="I2767" s="18"/>
      <c r="J2767" s="18"/>
      <c r="K2767" s="18"/>
      <c r="L2767" s="18"/>
      <c r="M2767" s="18"/>
      <c r="N2767" s="18"/>
      <c r="O2767" s="18"/>
      <c r="P2767" s="19"/>
      <c r="Q2767" s="19"/>
      <c r="R2767" s="19"/>
      <c r="S2767" s="19"/>
      <c r="T2767" s="19"/>
      <c r="U2767" s="19"/>
      <c r="V2767" s="19"/>
      <c r="W2767" s="19"/>
      <c r="X2767" s="19"/>
      <c r="Y2767" s="19"/>
      <c r="Z2767" s="19"/>
      <c r="AA2767" s="19"/>
    </row>
    <row r="2768" spans="1:27" s="1" customFormat="1" ht="14.1" customHeight="1" outlineLevel="2" x14ac:dyDescent="0.2">
      <c r="A2768" s="17">
        <v>8853</v>
      </c>
      <c r="B2768" s="17"/>
      <c r="C2768" s="17"/>
      <c r="D2768" s="18" t="s">
        <v>1392</v>
      </c>
      <c r="E2768" s="18"/>
      <c r="F2768" s="18"/>
      <c r="G2768" s="18"/>
      <c r="H2768" s="18"/>
      <c r="I2768" s="18"/>
      <c r="J2768" s="18"/>
      <c r="K2768" s="18"/>
      <c r="L2768" s="18"/>
      <c r="M2768" s="18"/>
      <c r="N2768" s="18"/>
      <c r="O2768" s="18"/>
      <c r="P2768" s="19">
        <v>60</v>
      </c>
      <c r="Q2768" s="19"/>
      <c r="R2768" s="19"/>
      <c r="S2768" s="19"/>
      <c r="T2768" s="19">
        <v>40</v>
      </c>
      <c r="U2768" s="19"/>
      <c r="V2768" s="19"/>
      <c r="W2768" s="19"/>
      <c r="X2768" s="19">
        <v>1</v>
      </c>
      <c r="Y2768" s="19"/>
      <c r="Z2768" s="19"/>
      <c r="AA2768" s="19"/>
    </row>
    <row r="2769" spans="1:27" s="1" customFormat="1" ht="14.1" customHeight="1" outlineLevel="2" x14ac:dyDescent="0.2">
      <c r="A2769" s="17"/>
      <c r="B2769" s="17"/>
      <c r="C2769" s="17"/>
      <c r="D2769" s="18"/>
      <c r="E2769" s="18"/>
      <c r="F2769" s="18"/>
      <c r="G2769" s="18"/>
      <c r="H2769" s="18"/>
      <c r="I2769" s="18"/>
      <c r="J2769" s="18"/>
      <c r="K2769" s="18"/>
      <c r="L2769" s="18"/>
      <c r="M2769" s="18"/>
      <c r="N2769" s="18"/>
      <c r="O2769" s="18"/>
      <c r="P2769" s="19"/>
      <c r="Q2769" s="19"/>
      <c r="R2769" s="19"/>
      <c r="S2769" s="19"/>
      <c r="T2769" s="19"/>
      <c r="U2769" s="19"/>
      <c r="V2769" s="19"/>
      <c r="W2769" s="19"/>
      <c r="X2769" s="19"/>
      <c r="Y2769" s="19"/>
      <c r="Z2769" s="19"/>
      <c r="AA2769" s="19"/>
    </row>
    <row r="2770" spans="1:27" s="1" customFormat="1" ht="14.1" customHeight="1" outlineLevel="2" x14ac:dyDescent="0.2">
      <c r="A2770" s="17">
        <v>15926</v>
      </c>
      <c r="B2770" s="17"/>
      <c r="C2770" s="17"/>
      <c r="D2770" s="18" t="s">
        <v>1393</v>
      </c>
      <c r="E2770" s="18"/>
      <c r="F2770" s="18"/>
      <c r="G2770" s="18"/>
      <c r="H2770" s="18"/>
      <c r="I2770" s="18"/>
      <c r="J2770" s="18"/>
      <c r="K2770" s="18"/>
      <c r="L2770" s="18"/>
      <c r="M2770" s="18"/>
      <c r="N2770" s="18"/>
      <c r="O2770" s="18"/>
      <c r="P2770" s="19">
        <v>110</v>
      </c>
      <c r="Q2770" s="19"/>
      <c r="R2770" s="19"/>
      <c r="S2770" s="19"/>
      <c r="T2770" s="19">
        <v>70</v>
      </c>
      <c r="U2770" s="19"/>
      <c r="V2770" s="19"/>
      <c r="W2770" s="19"/>
      <c r="X2770" s="19">
        <v>1</v>
      </c>
      <c r="Y2770" s="19"/>
      <c r="Z2770" s="19"/>
      <c r="AA2770" s="19"/>
    </row>
    <row r="2771" spans="1:27" s="1" customFormat="1" ht="14.1" customHeight="1" outlineLevel="2" x14ac:dyDescent="0.2">
      <c r="A2771" s="17"/>
      <c r="B2771" s="17"/>
      <c r="C2771" s="17"/>
      <c r="D2771" s="18"/>
      <c r="E2771" s="18"/>
      <c r="F2771" s="18"/>
      <c r="G2771" s="18"/>
      <c r="H2771" s="18"/>
      <c r="I2771" s="18"/>
      <c r="J2771" s="18"/>
      <c r="K2771" s="18"/>
      <c r="L2771" s="18"/>
      <c r="M2771" s="18"/>
      <c r="N2771" s="18"/>
      <c r="O2771" s="18"/>
      <c r="P2771" s="19"/>
      <c r="Q2771" s="19"/>
      <c r="R2771" s="19"/>
      <c r="S2771" s="19"/>
      <c r="T2771" s="19"/>
      <c r="U2771" s="19"/>
      <c r="V2771" s="19"/>
      <c r="W2771" s="19"/>
      <c r="X2771" s="19"/>
      <c r="Y2771" s="19"/>
      <c r="Z2771" s="19"/>
      <c r="AA2771" s="19"/>
    </row>
    <row r="2772" spans="1:27" s="1" customFormat="1" ht="14.1" customHeight="1" outlineLevel="2" x14ac:dyDescent="0.2">
      <c r="A2772" s="17">
        <v>18142</v>
      </c>
      <c r="B2772" s="17"/>
      <c r="C2772" s="17"/>
      <c r="D2772" s="18" t="s">
        <v>1394</v>
      </c>
      <c r="E2772" s="18"/>
      <c r="F2772" s="18"/>
      <c r="G2772" s="18"/>
      <c r="H2772" s="18"/>
      <c r="I2772" s="18"/>
      <c r="J2772" s="18"/>
      <c r="K2772" s="18"/>
      <c r="L2772" s="18"/>
      <c r="M2772" s="18"/>
      <c r="N2772" s="18"/>
      <c r="O2772" s="18"/>
      <c r="P2772" s="19">
        <v>150</v>
      </c>
      <c r="Q2772" s="19"/>
      <c r="R2772" s="19"/>
      <c r="S2772" s="19"/>
      <c r="T2772" s="19">
        <v>90</v>
      </c>
      <c r="U2772" s="19"/>
      <c r="V2772" s="19"/>
      <c r="W2772" s="19"/>
      <c r="X2772" s="19">
        <v>1</v>
      </c>
      <c r="Y2772" s="19"/>
      <c r="Z2772" s="19"/>
      <c r="AA2772" s="19"/>
    </row>
    <row r="2773" spans="1:27" s="1" customFormat="1" ht="14.1" customHeight="1" outlineLevel="2" x14ac:dyDescent="0.2">
      <c r="A2773" s="17"/>
      <c r="B2773" s="17"/>
      <c r="C2773" s="17"/>
      <c r="D2773" s="18"/>
      <c r="E2773" s="18"/>
      <c r="F2773" s="18"/>
      <c r="G2773" s="18"/>
      <c r="H2773" s="18"/>
      <c r="I2773" s="18"/>
      <c r="J2773" s="18"/>
      <c r="K2773" s="18"/>
      <c r="L2773" s="18"/>
      <c r="M2773" s="18"/>
      <c r="N2773" s="18"/>
      <c r="O2773" s="18"/>
      <c r="P2773" s="19"/>
      <c r="Q2773" s="19"/>
      <c r="R2773" s="19"/>
      <c r="S2773" s="19"/>
      <c r="T2773" s="19"/>
      <c r="U2773" s="19"/>
      <c r="V2773" s="19"/>
      <c r="W2773" s="19"/>
      <c r="X2773" s="19"/>
      <c r="Y2773" s="19"/>
      <c r="Z2773" s="19"/>
      <c r="AA2773" s="19"/>
    </row>
    <row r="2774" spans="1:27" s="1" customFormat="1" ht="14.1" customHeight="1" outlineLevel="2" x14ac:dyDescent="0.2">
      <c r="A2774" s="17">
        <v>16659</v>
      </c>
      <c r="B2774" s="17"/>
      <c r="C2774" s="17"/>
      <c r="D2774" s="18" t="s">
        <v>1395</v>
      </c>
      <c r="E2774" s="18"/>
      <c r="F2774" s="18"/>
      <c r="G2774" s="18"/>
      <c r="H2774" s="18"/>
      <c r="I2774" s="18"/>
      <c r="J2774" s="18"/>
      <c r="K2774" s="18"/>
      <c r="L2774" s="18"/>
      <c r="M2774" s="18"/>
      <c r="N2774" s="18"/>
      <c r="O2774" s="18"/>
      <c r="P2774" s="19">
        <v>250</v>
      </c>
      <c r="Q2774" s="19"/>
      <c r="R2774" s="19"/>
      <c r="S2774" s="19"/>
      <c r="T2774" s="19">
        <v>150</v>
      </c>
      <c r="U2774" s="19"/>
      <c r="V2774" s="19"/>
      <c r="W2774" s="19"/>
      <c r="X2774" s="19">
        <v>1</v>
      </c>
      <c r="Y2774" s="19"/>
      <c r="Z2774" s="19"/>
      <c r="AA2774" s="19"/>
    </row>
    <row r="2775" spans="1:27" s="1" customFormat="1" ht="14.1" customHeight="1" outlineLevel="2" x14ac:dyDescent="0.2">
      <c r="A2775" s="17"/>
      <c r="B2775" s="17"/>
      <c r="C2775" s="17"/>
      <c r="D2775" s="18"/>
      <c r="E2775" s="18"/>
      <c r="F2775" s="18"/>
      <c r="G2775" s="18"/>
      <c r="H2775" s="18"/>
      <c r="I2775" s="18"/>
      <c r="J2775" s="18"/>
      <c r="K2775" s="18"/>
      <c r="L2775" s="18"/>
      <c r="M2775" s="18"/>
      <c r="N2775" s="18"/>
      <c r="O2775" s="18"/>
      <c r="P2775" s="19"/>
      <c r="Q2775" s="19"/>
      <c r="R2775" s="19"/>
      <c r="S2775" s="19"/>
      <c r="T2775" s="19"/>
      <c r="U2775" s="19"/>
      <c r="V2775" s="19"/>
      <c r="W2775" s="19"/>
      <c r="X2775" s="19"/>
      <c r="Y2775" s="19"/>
      <c r="Z2775" s="19"/>
      <c r="AA2775" s="19"/>
    </row>
    <row r="2776" spans="1:27" s="1" customFormat="1" ht="14.1" customHeight="1" outlineLevel="2" x14ac:dyDescent="0.2">
      <c r="A2776" s="17">
        <v>13973</v>
      </c>
      <c r="B2776" s="17"/>
      <c r="C2776" s="17"/>
      <c r="D2776" s="18" t="s">
        <v>1396</v>
      </c>
      <c r="E2776" s="18"/>
      <c r="F2776" s="18"/>
      <c r="G2776" s="18"/>
      <c r="H2776" s="18"/>
      <c r="I2776" s="18"/>
      <c r="J2776" s="18"/>
      <c r="K2776" s="18"/>
      <c r="L2776" s="18"/>
      <c r="M2776" s="18"/>
      <c r="N2776" s="18"/>
      <c r="O2776" s="18"/>
      <c r="P2776" s="19">
        <v>120</v>
      </c>
      <c r="Q2776" s="19"/>
      <c r="R2776" s="19"/>
      <c r="S2776" s="19"/>
      <c r="T2776" s="19">
        <v>80</v>
      </c>
      <c r="U2776" s="19"/>
      <c r="V2776" s="19"/>
      <c r="W2776" s="19"/>
      <c r="X2776" s="19">
        <v>1</v>
      </c>
      <c r="Y2776" s="19"/>
      <c r="Z2776" s="19"/>
      <c r="AA2776" s="19"/>
    </row>
    <row r="2777" spans="1:27" s="1" customFormat="1" ht="14.1" customHeight="1" outlineLevel="2" x14ac:dyDescent="0.2">
      <c r="A2777" s="17"/>
      <c r="B2777" s="17"/>
      <c r="C2777" s="17"/>
      <c r="D2777" s="18"/>
      <c r="E2777" s="18"/>
      <c r="F2777" s="18"/>
      <c r="G2777" s="18"/>
      <c r="H2777" s="18"/>
      <c r="I2777" s="18"/>
      <c r="J2777" s="18"/>
      <c r="K2777" s="18"/>
      <c r="L2777" s="18"/>
      <c r="M2777" s="18"/>
      <c r="N2777" s="18"/>
      <c r="O2777" s="18"/>
      <c r="P2777" s="19"/>
      <c r="Q2777" s="19"/>
      <c r="R2777" s="19"/>
      <c r="S2777" s="19"/>
      <c r="T2777" s="19"/>
      <c r="U2777" s="19"/>
      <c r="V2777" s="19"/>
      <c r="W2777" s="19"/>
      <c r="X2777" s="19"/>
      <c r="Y2777" s="19"/>
      <c r="Z2777" s="19"/>
      <c r="AA2777" s="19"/>
    </row>
    <row r="2778" spans="1:27" s="1" customFormat="1" ht="14.1" customHeight="1" outlineLevel="2" x14ac:dyDescent="0.2">
      <c r="A2778" s="17">
        <v>16891</v>
      </c>
      <c r="B2778" s="17"/>
      <c r="C2778" s="17"/>
      <c r="D2778" s="18" t="s">
        <v>1397</v>
      </c>
      <c r="E2778" s="18"/>
      <c r="F2778" s="18"/>
      <c r="G2778" s="18"/>
      <c r="H2778" s="18"/>
      <c r="I2778" s="18"/>
      <c r="J2778" s="18"/>
      <c r="K2778" s="18"/>
      <c r="L2778" s="18"/>
      <c r="M2778" s="18"/>
      <c r="N2778" s="18"/>
      <c r="O2778" s="18"/>
      <c r="P2778" s="19">
        <v>200</v>
      </c>
      <c r="Q2778" s="19"/>
      <c r="R2778" s="19"/>
      <c r="S2778" s="19"/>
      <c r="T2778" s="19">
        <v>100</v>
      </c>
      <c r="U2778" s="19"/>
      <c r="V2778" s="19"/>
      <c r="W2778" s="19"/>
      <c r="X2778" s="19">
        <v>1</v>
      </c>
      <c r="Y2778" s="19"/>
      <c r="Z2778" s="19"/>
      <c r="AA2778" s="19"/>
    </row>
    <row r="2779" spans="1:27" s="1" customFormat="1" ht="14.1" customHeight="1" outlineLevel="2" x14ac:dyDescent="0.2">
      <c r="A2779" s="17"/>
      <c r="B2779" s="17"/>
      <c r="C2779" s="17"/>
      <c r="D2779" s="18"/>
      <c r="E2779" s="18"/>
      <c r="F2779" s="18"/>
      <c r="G2779" s="18"/>
      <c r="H2779" s="18"/>
      <c r="I2779" s="18"/>
      <c r="J2779" s="18"/>
      <c r="K2779" s="18"/>
      <c r="L2779" s="18"/>
      <c r="M2779" s="18"/>
      <c r="N2779" s="18"/>
      <c r="O2779" s="18"/>
      <c r="P2779" s="19"/>
      <c r="Q2779" s="19"/>
      <c r="R2779" s="19"/>
      <c r="S2779" s="19"/>
      <c r="T2779" s="19"/>
      <c r="U2779" s="19"/>
      <c r="V2779" s="19"/>
      <c r="W2779" s="19"/>
      <c r="X2779" s="19"/>
      <c r="Y2779" s="19"/>
      <c r="Z2779" s="19"/>
      <c r="AA2779" s="19"/>
    </row>
    <row r="2780" spans="1:27" s="1" customFormat="1" ht="11.1" customHeight="1" outlineLevel="2" x14ac:dyDescent="0.2">
      <c r="A2780" s="17">
        <v>9694</v>
      </c>
      <c r="B2780" s="17"/>
      <c r="C2780" s="17"/>
      <c r="D2780" s="18" t="s">
        <v>1398</v>
      </c>
      <c r="E2780" s="18"/>
      <c r="F2780" s="18"/>
      <c r="G2780" s="18"/>
      <c r="H2780" s="18"/>
      <c r="I2780" s="18"/>
      <c r="J2780" s="18"/>
      <c r="K2780" s="18"/>
      <c r="L2780" s="18"/>
      <c r="M2780" s="18"/>
      <c r="N2780" s="18"/>
      <c r="O2780" s="18"/>
      <c r="P2780" s="19">
        <v>50</v>
      </c>
      <c r="Q2780" s="19"/>
      <c r="R2780" s="19"/>
      <c r="S2780" s="19"/>
      <c r="T2780" s="19">
        <v>30</v>
      </c>
      <c r="U2780" s="19"/>
      <c r="V2780" s="19"/>
      <c r="W2780" s="19"/>
      <c r="X2780" s="19">
        <v>3</v>
      </c>
      <c r="Y2780" s="19"/>
      <c r="Z2780" s="19"/>
      <c r="AA2780" s="19"/>
    </row>
    <row r="2781" spans="1:27" s="1" customFormat="1" ht="11.1" customHeight="1" outlineLevel="2" x14ac:dyDescent="0.2">
      <c r="A2781" s="17"/>
      <c r="B2781" s="17"/>
      <c r="C2781" s="17"/>
      <c r="D2781" s="18"/>
      <c r="E2781" s="18"/>
      <c r="F2781" s="18"/>
      <c r="G2781" s="18"/>
      <c r="H2781" s="18"/>
      <c r="I2781" s="18"/>
      <c r="J2781" s="18"/>
      <c r="K2781" s="18"/>
      <c r="L2781" s="18"/>
      <c r="M2781" s="18"/>
      <c r="N2781" s="18"/>
      <c r="O2781" s="18"/>
      <c r="P2781" s="19"/>
      <c r="Q2781" s="19"/>
      <c r="R2781" s="19"/>
      <c r="S2781" s="19"/>
      <c r="T2781" s="19"/>
      <c r="U2781" s="19"/>
      <c r="V2781" s="19"/>
      <c r="W2781" s="19"/>
      <c r="X2781" s="19"/>
      <c r="Y2781" s="19"/>
      <c r="Z2781" s="19"/>
      <c r="AA2781" s="19"/>
    </row>
    <row r="2782" spans="1:27" s="1" customFormat="1" ht="14.1" customHeight="1" outlineLevel="2" x14ac:dyDescent="0.2">
      <c r="A2782" s="17">
        <v>9695</v>
      </c>
      <c r="B2782" s="17"/>
      <c r="C2782" s="17"/>
      <c r="D2782" s="18" t="s">
        <v>1399</v>
      </c>
      <c r="E2782" s="18"/>
      <c r="F2782" s="18"/>
      <c r="G2782" s="18"/>
      <c r="H2782" s="18"/>
      <c r="I2782" s="18"/>
      <c r="J2782" s="18"/>
      <c r="K2782" s="18"/>
      <c r="L2782" s="18"/>
      <c r="M2782" s="18"/>
      <c r="N2782" s="18"/>
      <c r="O2782" s="18"/>
      <c r="P2782" s="19">
        <v>60</v>
      </c>
      <c r="Q2782" s="19"/>
      <c r="R2782" s="19"/>
      <c r="S2782" s="19"/>
      <c r="T2782" s="19">
        <v>30</v>
      </c>
      <c r="U2782" s="19"/>
      <c r="V2782" s="19"/>
      <c r="W2782" s="19"/>
      <c r="X2782" s="19">
        <v>3</v>
      </c>
      <c r="Y2782" s="19"/>
      <c r="Z2782" s="19"/>
      <c r="AA2782" s="19"/>
    </row>
    <row r="2783" spans="1:27" s="1" customFormat="1" ht="14.1" customHeight="1" outlineLevel="2" x14ac:dyDescent="0.2">
      <c r="A2783" s="17"/>
      <c r="B2783" s="17"/>
      <c r="C2783" s="17"/>
      <c r="D2783" s="18"/>
      <c r="E2783" s="18"/>
      <c r="F2783" s="18"/>
      <c r="G2783" s="18"/>
      <c r="H2783" s="18"/>
      <c r="I2783" s="18"/>
      <c r="J2783" s="18"/>
      <c r="K2783" s="18"/>
      <c r="L2783" s="18"/>
      <c r="M2783" s="18"/>
      <c r="N2783" s="18"/>
      <c r="O2783" s="18"/>
      <c r="P2783" s="19"/>
      <c r="Q2783" s="19"/>
      <c r="R2783" s="19"/>
      <c r="S2783" s="19"/>
      <c r="T2783" s="19"/>
      <c r="U2783" s="19"/>
      <c r="V2783" s="19"/>
      <c r="W2783" s="19"/>
      <c r="X2783" s="19"/>
      <c r="Y2783" s="19"/>
      <c r="Z2783" s="19"/>
      <c r="AA2783" s="19"/>
    </row>
    <row r="2784" spans="1:27" s="1" customFormat="1" ht="14.1" customHeight="1" outlineLevel="2" x14ac:dyDescent="0.2">
      <c r="A2784" s="17">
        <v>16716</v>
      </c>
      <c r="B2784" s="17"/>
      <c r="C2784" s="17"/>
      <c r="D2784" s="18" t="s">
        <v>1400</v>
      </c>
      <c r="E2784" s="18"/>
      <c r="F2784" s="18"/>
      <c r="G2784" s="18"/>
      <c r="H2784" s="18"/>
      <c r="I2784" s="18"/>
      <c r="J2784" s="18"/>
      <c r="K2784" s="18"/>
      <c r="L2784" s="18"/>
      <c r="M2784" s="18"/>
      <c r="N2784" s="18"/>
      <c r="O2784" s="18"/>
      <c r="P2784" s="19">
        <v>150</v>
      </c>
      <c r="Q2784" s="19"/>
      <c r="R2784" s="19"/>
      <c r="S2784" s="19"/>
      <c r="T2784" s="19">
        <v>80</v>
      </c>
      <c r="U2784" s="19"/>
      <c r="V2784" s="19"/>
      <c r="W2784" s="19"/>
      <c r="X2784" s="19">
        <v>1</v>
      </c>
      <c r="Y2784" s="19"/>
      <c r="Z2784" s="19"/>
      <c r="AA2784" s="19"/>
    </row>
    <row r="2785" spans="1:27" s="1" customFormat="1" ht="14.1" customHeight="1" outlineLevel="2" x14ac:dyDescent="0.2">
      <c r="A2785" s="17"/>
      <c r="B2785" s="17"/>
      <c r="C2785" s="17"/>
      <c r="D2785" s="18"/>
      <c r="E2785" s="18"/>
      <c r="F2785" s="18"/>
      <c r="G2785" s="18"/>
      <c r="H2785" s="18"/>
      <c r="I2785" s="18"/>
      <c r="J2785" s="18"/>
      <c r="K2785" s="18"/>
      <c r="L2785" s="18"/>
      <c r="M2785" s="18"/>
      <c r="N2785" s="18"/>
      <c r="O2785" s="18"/>
      <c r="P2785" s="19"/>
      <c r="Q2785" s="19"/>
      <c r="R2785" s="19"/>
      <c r="S2785" s="19"/>
      <c r="T2785" s="19"/>
      <c r="U2785" s="19"/>
      <c r="V2785" s="19"/>
      <c r="W2785" s="19"/>
      <c r="X2785" s="19"/>
      <c r="Y2785" s="19"/>
      <c r="Z2785" s="19"/>
      <c r="AA2785" s="19"/>
    </row>
    <row r="2786" spans="1:27" s="1" customFormat="1" ht="14.1" customHeight="1" outlineLevel="2" x14ac:dyDescent="0.2">
      <c r="A2786" s="17">
        <v>8902</v>
      </c>
      <c r="B2786" s="17"/>
      <c r="C2786" s="17"/>
      <c r="D2786" s="18" t="s">
        <v>1401</v>
      </c>
      <c r="E2786" s="18"/>
      <c r="F2786" s="18"/>
      <c r="G2786" s="18"/>
      <c r="H2786" s="18"/>
      <c r="I2786" s="18"/>
      <c r="J2786" s="18"/>
      <c r="K2786" s="18"/>
      <c r="L2786" s="18"/>
      <c r="M2786" s="18"/>
      <c r="N2786" s="18"/>
      <c r="O2786" s="18"/>
      <c r="P2786" s="19">
        <v>70</v>
      </c>
      <c r="Q2786" s="19"/>
      <c r="R2786" s="19"/>
      <c r="S2786" s="19"/>
      <c r="T2786" s="19">
        <v>35</v>
      </c>
      <c r="U2786" s="19"/>
      <c r="V2786" s="19"/>
      <c r="W2786" s="19"/>
      <c r="X2786" s="19">
        <v>6</v>
      </c>
      <c r="Y2786" s="19"/>
      <c r="Z2786" s="19"/>
      <c r="AA2786" s="19"/>
    </row>
    <row r="2787" spans="1:27" s="1" customFormat="1" ht="14.1" customHeight="1" outlineLevel="2" x14ac:dyDescent="0.2">
      <c r="A2787" s="17"/>
      <c r="B2787" s="17"/>
      <c r="C2787" s="17"/>
      <c r="D2787" s="18"/>
      <c r="E2787" s="18"/>
      <c r="F2787" s="18"/>
      <c r="G2787" s="18"/>
      <c r="H2787" s="18"/>
      <c r="I2787" s="18"/>
      <c r="J2787" s="18"/>
      <c r="K2787" s="18"/>
      <c r="L2787" s="18"/>
      <c r="M2787" s="18"/>
      <c r="N2787" s="18"/>
      <c r="O2787" s="18"/>
      <c r="P2787" s="19"/>
      <c r="Q2787" s="19"/>
      <c r="R2787" s="19"/>
      <c r="S2787" s="19"/>
      <c r="T2787" s="19"/>
      <c r="U2787" s="19"/>
      <c r="V2787" s="19"/>
      <c r="W2787" s="19"/>
      <c r="X2787" s="19"/>
      <c r="Y2787" s="19"/>
      <c r="Z2787" s="19"/>
      <c r="AA2787" s="19"/>
    </row>
    <row r="2788" spans="1:27" s="1" customFormat="1" ht="14.1" customHeight="1" outlineLevel="2" x14ac:dyDescent="0.2">
      <c r="A2788" s="17">
        <v>12091</v>
      </c>
      <c r="B2788" s="17"/>
      <c r="C2788" s="17"/>
      <c r="D2788" s="18" t="s">
        <v>1402</v>
      </c>
      <c r="E2788" s="18"/>
      <c r="F2788" s="18"/>
      <c r="G2788" s="18"/>
      <c r="H2788" s="18"/>
      <c r="I2788" s="18"/>
      <c r="J2788" s="18"/>
      <c r="K2788" s="18"/>
      <c r="L2788" s="18"/>
      <c r="M2788" s="18"/>
      <c r="N2788" s="18"/>
      <c r="O2788" s="18"/>
      <c r="P2788" s="19">
        <v>120</v>
      </c>
      <c r="Q2788" s="19"/>
      <c r="R2788" s="19"/>
      <c r="S2788" s="19"/>
      <c r="T2788" s="19">
        <v>90</v>
      </c>
      <c r="U2788" s="19"/>
      <c r="V2788" s="19"/>
      <c r="W2788" s="19"/>
      <c r="X2788" s="19">
        <v>2</v>
      </c>
      <c r="Y2788" s="19"/>
      <c r="Z2788" s="19"/>
      <c r="AA2788" s="19"/>
    </row>
    <row r="2789" spans="1:27" s="1" customFormat="1" ht="14.1" customHeight="1" outlineLevel="2" x14ac:dyDescent="0.2">
      <c r="A2789" s="17"/>
      <c r="B2789" s="17"/>
      <c r="C2789" s="17"/>
      <c r="D2789" s="18"/>
      <c r="E2789" s="18"/>
      <c r="F2789" s="18"/>
      <c r="G2789" s="18"/>
      <c r="H2789" s="18"/>
      <c r="I2789" s="18"/>
      <c r="J2789" s="18"/>
      <c r="K2789" s="18"/>
      <c r="L2789" s="18"/>
      <c r="M2789" s="18"/>
      <c r="N2789" s="18"/>
      <c r="O2789" s="18"/>
      <c r="P2789" s="19"/>
      <c r="Q2789" s="19"/>
      <c r="R2789" s="19"/>
      <c r="S2789" s="19"/>
      <c r="T2789" s="19"/>
      <c r="U2789" s="19"/>
      <c r="V2789" s="19"/>
      <c r="W2789" s="19"/>
      <c r="X2789" s="19"/>
      <c r="Y2789" s="19"/>
      <c r="Z2789" s="19"/>
      <c r="AA2789" s="19"/>
    </row>
    <row r="2790" spans="1:27" s="1" customFormat="1" ht="14.1" customHeight="1" outlineLevel="2" x14ac:dyDescent="0.2">
      <c r="A2790" s="17">
        <v>12719</v>
      </c>
      <c r="B2790" s="17"/>
      <c r="C2790" s="17"/>
      <c r="D2790" s="18" t="s">
        <v>1403</v>
      </c>
      <c r="E2790" s="18"/>
      <c r="F2790" s="18"/>
      <c r="G2790" s="18"/>
      <c r="H2790" s="18"/>
      <c r="I2790" s="18"/>
      <c r="J2790" s="18"/>
      <c r="K2790" s="18"/>
      <c r="L2790" s="18"/>
      <c r="M2790" s="18"/>
      <c r="N2790" s="18"/>
      <c r="O2790" s="18"/>
      <c r="P2790" s="19">
        <v>120</v>
      </c>
      <c r="Q2790" s="19"/>
      <c r="R2790" s="19"/>
      <c r="S2790" s="19"/>
      <c r="T2790" s="19">
        <v>80</v>
      </c>
      <c r="U2790" s="19"/>
      <c r="V2790" s="19"/>
      <c r="W2790" s="19"/>
      <c r="X2790" s="19">
        <v>3</v>
      </c>
      <c r="Y2790" s="19"/>
      <c r="Z2790" s="19"/>
      <c r="AA2790" s="19"/>
    </row>
    <row r="2791" spans="1:27" s="1" customFormat="1" ht="14.1" customHeight="1" outlineLevel="2" x14ac:dyDescent="0.2">
      <c r="A2791" s="17"/>
      <c r="B2791" s="17"/>
      <c r="C2791" s="17"/>
      <c r="D2791" s="18"/>
      <c r="E2791" s="18"/>
      <c r="F2791" s="18"/>
      <c r="G2791" s="18"/>
      <c r="H2791" s="18"/>
      <c r="I2791" s="18"/>
      <c r="J2791" s="18"/>
      <c r="K2791" s="18"/>
      <c r="L2791" s="18"/>
      <c r="M2791" s="18"/>
      <c r="N2791" s="18"/>
      <c r="O2791" s="18"/>
      <c r="P2791" s="19"/>
      <c r="Q2791" s="19"/>
      <c r="R2791" s="19"/>
      <c r="S2791" s="19"/>
      <c r="T2791" s="19"/>
      <c r="U2791" s="19"/>
      <c r="V2791" s="19"/>
      <c r="W2791" s="19"/>
      <c r="X2791" s="19"/>
      <c r="Y2791" s="19"/>
      <c r="Z2791" s="19"/>
      <c r="AA2791" s="19"/>
    </row>
    <row r="2792" spans="1:27" s="1" customFormat="1" ht="14.1" customHeight="1" outlineLevel="2" x14ac:dyDescent="0.2">
      <c r="A2792" s="17">
        <v>16668</v>
      </c>
      <c r="B2792" s="17"/>
      <c r="C2792" s="17"/>
      <c r="D2792" s="18" t="s">
        <v>1404</v>
      </c>
      <c r="E2792" s="18"/>
      <c r="F2792" s="18"/>
      <c r="G2792" s="18"/>
      <c r="H2792" s="18"/>
      <c r="I2792" s="18"/>
      <c r="J2792" s="18"/>
      <c r="K2792" s="18"/>
      <c r="L2792" s="18"/>
      <c r="M2792" s="18"/>
      <c r="N2792" s="18"/>
      <c r="O2792" s="18"/>
      <c r="P2792" s="19">
        <v>150</v>
      </c>
      <c r="Q2792" s="19"/>
      <c r="R2792" s="19"/>
      <c r="S2792" s="19"/>
      <c r="T2792" s="19">
        <v>100</v>
      </c>
      <c r="U2792" s="19"/>
      <c r="V2792" s="19"/>
      <c r="W2792" s="19"/>
      <c r="X2792" s="19">
        <v>2</v>
      </c>
      <c r="Y2792" s="19"/>
      <c r="Z2792" s="19"/>
      <c r="AA2792" s="19"/>
    </row>
    <row r="2793" spans="1:27" s="1" customFormat="1" ht="14.1" customHeight="1" outlineLevel="2" x14ac:dyDescent="0.2">
      <c r="A2793" s="17"/>
      <c r="B2793" s="17"/>
      <c r="C2793" s="17"/>
      <c r="D2793" s="18"/>
      <c r="E2793" s="18"/>
      <c r="F2793" s="18"/>
      <c r="G2793" s="18"/>
      <c r="H2793" s="18"/>
      <c r="I2793" s="18"/>
      <c r="J2793" s="18"/>
      <c r="K2793" s="18"/>
      <c r="L2793" s="18"/>
      <c r="M2793" s="18"/>
      <c r="N2793" s="18"/>
      <c r="O2793" s="18"/>
      <c r="P2793" s="19"/>
      <c r="Q2793" s="19"/>
      <c r="R2793" s="19"/>
      <c r="S2793" s="19"/>
      <c r="T2793" s="19"/>
      <c r="U2793" s="19"/>
      <c r="V2793" s="19"/>
      <c r="W2793" s="19"/>
      <c r="X2793" s="19"/>
      <c r="Y2793" s="19"/>
      <c r="Z2793" s="19"/>
      <c r="AA2793" s="19"/>
    </row>
    <row r="2794" spans="1:27" s="1" customFormat="1" ht="11.1" customHeight="1" outlineLevel="2" x14ac:dyDescent="0.2">
      <c r="A2794" s="17">
        <v>13677</v>
      </c>
      <c r="B2794" s="17"/>
      <c r="C2794" s="17"/>
      <c r="D2794" s="18" t="s">
        <v>1405</v>
      </c>
      <c r="E2794" s="18"/>
      <c r="F2794" s="18"/>
      <c r="G2794" s="18"/>
      <c r="H2794" s="18"/>
      <c r="I2794" s="18"/>
      <c r="J2794" s="18"/>
      <c r="K2794" s="18"/>
      <c r="L2794" s="18"/>
      <c r="M2794" s="18"/>
      <c r="N2794" s="18"/>
      <c r="O2794" s="18"/>
      <c r="P2794" s="19">
        <v>90</v>
      </c>
      <c r="Q2794" s="19"/>
      <c r="R2794" s="19"/>
      <c r="S2794" s="19"/>
      <c r="T2794" s="19">
        <v>60</v>
      </c>
      <c r="U2794" s="19"/>
      <c r="V2794" s="19"/>
      <c r="W2794" s="19"/>
      <c r="X2794" s="19">
        <v>1</v>
      </c>
      <c r="Y2794" s="19"/>
      <c r="Z2794" s="19"/>
      <c r="AA2794" s="19"/>
    </row>
    <row r="2795" spans="1:27" s="1" customFormat="1" ht="11.1" customHeight="1" outlineLevel="2" x14ac:dyDescent="0.2">
      <c r="A2795" s="17"/>
      <c r="B2795" s="17"/>
      <c r="C2795" s="17"/>
      <c r="D2795" s="18"/>
      <c r="E2795" s="18"/>
      <c r="F2795" s="18"/>
      <c r="G2795" s="18"/>
      <c r="H2795" s="18"/>
      <c r="I2795" s="18"/>
      <c r="J2795" s="18"/>
      <c r="K2795" s="18"/>
      <c r="L2795" s="18"/>
      <c r="M2795" s="18"/>
      <c r="N2795" s="18"/>
      <c r="O2795" s="18"/>
      <c r="P2795" s="19"/>
      <c r="Q2795" s="19"/>
      <c r="R2795" s="19"/>
      <c r="S2795" s="19"/>
      <c r="T2795" s="19"/>
      <c r="U2795" s="19"/>
      <c r="V2795" s="19"/>
      <c r="W2795" s="19"/>
      <c r="X2795" s="19"/>
      <c r="Y2795" s="19"/>
      <c r="Z2795" s="19"/>
      <c r="AA2795" s="19"/>
    </row>
    <row r="2796" spans="1:27" s="1" customFormat="1" ht="11.1" customHeight="1" outlineLevel="2" x14ac:dyDescent="0.2">
      <c r="A2796" s="17">
        <v>9696</v>
      </c>
      <c r="B2796" s="17"/>
      <c r="C2796" s="17"/>
      <c r="D2796" s="18" t="s">
        <v>1406</v>
      </c>
      <c r="E2796" s="18"/>
      <c r="F2796" s="18"/>
      <c r="G2796" s="18"/>
      <c r="H2796" s="18"/>
      <c r="I2796" s="18"/>
      <c r="J2796" s="18"/>
      <c r="K2796" s="18"/>
      <c r="L2796" s="18"/>
      <c r="M2796" s="18"/>
      <c r="N2796" s="18"/>
      <c r="O2796" s="18"/>
      <c r="P2796" s="19">
        <v>60</v>
      </c>
      <c r="Q2796" s="19"/>
      <c r="R2796" s="19"/>
      <c r="S2796" s="19"/>
      <c r="T2796" s="19">
        <v>30</v>
      </c>
      <c r="U2796" s="19"/>
      <c r="V2796" s="19"/>
      <c r="W2796" s="19"/>
      <c r="X2796" s="19">
        <v>5</v>
      </c>
      <c r="Y2796" s="19"/>
      <c r="Z2796" s="19"/>
      <c r="AA2796" s="19"/>
    </row>
    <row r="2797" spans="1:27" s="1" customFormat="1" ht="11.1" customHeight="1" outlineLevel="2" x14ac:dyDescent="0.2">
      <c r="A2797" s="17"/>
      <c r="B2797" s="17"/>
      <c r="C2797" s="17"/>
      <c r="D2797" s="18"/>
      <c r="E2797" s="18"/>
      <c r="F2797" s="18"/>
      <c r="G2797" s="18"/>
      <c r="H2797" s="18"/>
      <c r="I2797" s="18"/>
      <c r="J2797" s="18"/>
      <c r="K2797" s="18"/>
      <c r="L2797" s="18"/>
      <c r="M2797" s="18"/>
      <c r="N2797" s="18"/>
      <c r="O2797" s="18"/>
      <c r="P2797" s="19"/>
      <c r="Q2797" s="19"/>
      <c r="R2797" s="19"/>
      <c r="S2797" s="19"/>
      <c r="T2797" s="19"/>
      <c r="U2797" s="19"/>
      <c r="V2797" s="19"/>
      <c r="W2797" s="19"/>
      <c r="X2797" s="19"/>
      <c r="Y2797" s="19"/>
      <c r="Z2797" s="19"/>
      <c r="AA2797" s="19"/>
    </row>
    <row r="2798" spans="1:27" s="1" customFormat="1" ht="14.1" customHeight="1" outlineLevel="2" x14ac:dyDescent="0.2">
      <c r="A2798" s="17">
        <v>16742</v>
      </c>
      <c r="B2798" s="17"/>
      <c r="C2798" s="17"/>
      <c r="D2798" s="18" t="s">
        <v>1407</v>
      </c>
      <c r="E2798" s="18"/>
      <c r="F2798" s="18"/>
      <c r="G2798" s="18"/>
      <c r="H2798" s="18"/>
      <c r="I2798" s="18"/>
      <c r="J2798" s="18"/>
      <c r="K2798" s="18"/>
      <c r="L2798" s="18"/>
      <c r="M2798" s="18"/>
      <c r="N2798" s="18"/>
      <c r="O2798" s="18"/>
      <c r="P2798" s="19">
        <v>150</v>
      </c>
      <c r="Q2798" s="19"/>
      <c r="R2798" s="19"/>
      <c r="S2798" s="19"/>
      <c r="T2798" s="19">
        <v>100</v>
      </c>
      <c r="U2798" s="19"/>
      <c r="V2798" s="19"/>
      <c r="W2798" s="19"/>
      <c r="X2798" s="19">
        <v>1</v>
      </c>
      <c r="Y2798" s="19"/>
      <c r="Z2798" s="19"/>
      <c r="AA2798" s="19"/>
    </row>
    <row r="2799" spans="1:27" s="1" customFormat="1" ht="14.1" customHeight="1" outlineLevel="2" x14ac:dyDescent="0.2">
      <c r="A2799" s="17"/>
      <c r="B2799" s="17"/>
      <c r="C2799" s="17"/>
      <c r="D2799" s="18"/>
      <c r="E2799" s="18"/>
      <c r="F2799" s="18"/>
      <c r="G2799" s="18"/>
      <c r="H2799" s="18"/>
      <c r="I2799" s="18"/>
      <c r="J2799" s="18"/>
      <c r="K2799" s="18"/>
      <c r="L2799" s="18"/>
      <c r="M2799" s="18"/>
      <c r="N2799" s="18"/>
      <c r="O2799" s="18"/>
      <c r="P2799" s="19"/>
      <c r="Q2799" s="19"/>
      <c r="R2799" s="19"/>
      <c r="S2799" s="19"/>
      <c r="T2799" s="19"/>
      <c r="U2799" s="19"/>
      <c r="V2799" s="19"/>
      <c r="W2799" s="19"/>
      <c r="X2799" s="19"/>
      <c r="Y2799" s="19"/>
      <c r="Z2799" s="19"/>
      <c r="AA2799" s="19"/>
    </row>
    <row r="2800" spans="1:27" s="1" customFormat="1" ht="11.1" customHeight="1" outlineLevel="1" x14ac:dyDescent="0.2">
      <c r="A2800" s="16" t="s">
        <v>1408</v>
      </c>
      <c r="B2800" s="16"/>
      <c r="C2800" s="16"/>
      <c r="D2800" s="16"/>
      <c r="E2800" s="16"/>
      <c r="F2800" s="16"/>
      <c r="G2800" s="16"/>
      <c r="H2800" s="16"/>
      <c r="I2800" s="16"/>
      <c r="J2800" s="16"/>
      <c r="K2800" s="16"/>
      <c r="L2800" s="16"/>
      <c r="M2800" s="16"/>
      <c r="N2800" s="16"/>
      <c r="O2800" s="16"/>
      <c r="P2800" s="16"/>
      <c r="Q2800" s="16"/>
      <c r="R2800" s="16"/>
      <c r="S2800" s="16"/>
      <c r="T2800" s="16"/>
      <c r="U2800" s="16"/>
      <c r="V2800" s="16"/>
      <c r="W2800" s="16"/>
      <c r="X2800" s="16"/>
      <c r="Y2800" s="16"/>
      <c r="Z2800" s="16"/>
      <c r="AA2800" s="16"/>
    </row>
    <row r="2801" spans="1:27" s="1" customFormat="1" ht="11.1" customHeight="1" outlineLevel="1" x14ac:dyDescent="0.2">
      <c r="A2801" s="16"/>
      <c r="B2801" s="16"/>
      <c r="C2801" s="16"/>
      <c r="D2801" s="16"/>
      <c r="E2801" s="16"/>
      <c r="F2801" s="16"/>
      <c r="G2801" s="16"/>
      <c r="H2801" s="16"/>
      <c r="I2801" s="16"/>
      <c r="J2801" s="16"/>
      <c r="K2801" s="16"/>
      <c r="L2801" s="16"/>
      <c r="M2801" s="16"/>
      <c r="N2801" s="16"/>
      <c r="O2801" s="16"/>
      <c r="P2801" s="16"/>
      <c r="Q2801" s="16"/>
      <c r="R2801" s="16"/>
      <c r="S2801" s="16"/>
      <c r="T2801" s="16"/>
      <c r="U2801" s="16"/>
      <c r="V2801" s="16"/>
      <c r="W2801" s="16"/>
      <c r="X2801" s="16"/>
      <c r="Y2801" s="16"/>
      <c r="Z2801" s="16"/>
      <c r="AA2801" s="16"/>
    </row>
    <row r="2802" spans="1:27" s="1" customFormat="1" ht="11.1" customHeight="1" outlineLevel="2" x14ac:dyDescent="0.2">
      <c r="A2802" s="17">
        <v>12161</v>
      </c>
      <c r="B2802" s="17"/>
      <c r="C2802" s="17"/>
      <c r="D2802" s="18" t="s">
        <v>1409</v>
      </c>
      <c r="E2802" s="18"/>
      <c r="F2802" s="18"/>
      <c r="G2802" s="18"/>
      <c r="H2802" s="18"/>
      <c r="I2802" s="18"/>
      <c r="J2802" s="18"/>
      <c r="K2802" s="18"/>
      <c r="L2802" s="18"/>
      <c r="M2802" s="18"/>
      <c r="N2802" s="18"/>
      <c r="O2802" s="18"/>
      <c r="P2802" s="19">
        <v>190</v>
      </c>
      <c r="Q2802" s="19"/>
      <c r="R2802" s="19"/>
      <c r="S2802" s="19"/>
      <c r="T2802" s="19">
        <v>150</v>
      </c>
      <c r="U2802" s="19"/>
      <c r="V2802" s="19"/>
      <c r="W2802" s="19"/>
      <c r="X2802" s="19">
        <v>1</v>
      </c>
      <c r="Y2802" s="19"/>
      <c r="Z2802" s="19"/>
      <c r="AA2802" s="19"/>
    </row>
    <row r="2803" spans="1:27" s="1" customFormat="1" ht="11.1" customHeight="1" outlineLevel="2" x14ac:dyDescent="0.2">
      <c r="A2803" s="17"/>
      <c r="B2803" s="17"/>
      <c r="C2803" s="17"/>
      <c r="D2803" s="18"/>
      <c r="E2803" s="18"/>
      <c r="F2803" s="18"/>
      <c r="G2803" s="18"/>
      <c r="H2803" s="18"/>
      <c r="I2803" s="18"/>
      <c r="J2803" s="18"/>
      <c r="K2803" s="18"/>
      <c r="L2803" s="18"/>
      <c r="M2803" s="18"/>
      <c r="N2803" s="18"/>
      <c r="O2803" s="18"/>
      <c r="P2803" s="19"/>
      <c r="Q2803" s="19"/>
      <c r="R2803" s="19"/>
      <c r="S2803" s="19"/>
      <c r="T2803" s="19"/>
      <c r="U2803" s="19"/>
      <c r="V2803" s="19"/>
      <c r="W2803" s="19"/>
      <c r="X2803" s="19"/>
      <c r="Y2803" s="19"/>
      <c r="Z2803" s="19"/>
      <c r="AA2803" s="19"/>
    </row>
    <row r="2804" spans="1:27" s="1" customFormat="1" ht="11.1" customHeight="1" outlineLevel="2" x14ac:dyDescent="0.2">
      <c r="A2804" s="17">
        <v>12104</v>
      </c>
      <c r="B2804" s="17"/>
      <c r="C2804" s="17"/>
      <c r="D2804" s="18" t="s">
        <v>1410</v>
      </c>
      <c r="E2804" s="18"/>
      <c r="F2804" s="18"/>
      <c r="G2804" s="18"/>
      <c r="H2804" s="18"/>
      <c r="I2804" s="18"/>
      <c r="J2804" s="18"/>
      <c r="K2804" s="18"/>
      <c r="L2804" s="18"/>
      <c r="M2804" s="18"/>
      <c r="N2804" s="18"/>
      <c r="O2804" s="18"/>
      <c r="P2804" s="19">
        <v>110</v>
      </c>
      <c r="Q2804" s="19"/>
      <c r="R2804" s="19"/>
      <c r="S2804" s="19"/>
      <c r="T2804" s="19">
        <v>70</v>
      </c>
      <c r="U2804" s="19"/>
      <c r="V2804" s="19"/>
      <c r="W2804" s="19"/>
      <c r="X2804" s="19">
        <v>1</v>
      </c>
      <c r="Y2804" s="19"/>
      <c r="Z2804" s="19"/>
      <c r="AA2804" s="19"/>
    </row>
    <row r="2805" spans="1:27" s="1" customFormat="1" ht="11.1" customHeight="1" outlineLevel="2" x14ac:dyDescent="0.2">
      <c r="A2805" s="17"/>
      <c r="B2805" s="17"/>
      <c r="C2805" s="17"/>
      <c r="D2805" s="18"/>
      <c r="E2805" s="18"/>
      <c r="F2805" s="18"/>
      <c r="G2805" s="18"/>
      <c r="H2805" s="18"/>
      <c r="I2805" s="18"/>
      <c r="J2805" s="18"/>
      <c r="K2805" s="18"/>
      <c r="L2805" s="18"/>
      <c r="M2805" s="18"/>
      <c r="N2805" s="18"/>
      <c r="O2805" s="18"/>
      <c r="P2805" s="19"/>
      <c r="Q2805" s="19"/>
      <c r="R2805" s="19"/>
      <c r="S2805" s="19"/>
      <c r="T2805" s="19"/>
      <c r="U2805" s="19"/>
      <c r="V2805" s="19"/>
      <c r="W2805" s="19"/>
      <c r="X2805" s="19"/>
      <c r="Y2805" s="19"/>
      <c r="Z2805" s="19"/>
      <c r="AA2805" s="19"/>
    </row>
    <row r="2806" spans="1:27" s="1" customFormat="1" ht="11.1" customHeight="1" outlineLevel="2" x14ac:dyDescent="0.2">
      <c r="A2806" s="17">
        <v>15837</v>
      </c>
      <c r="B2806" s="17"/>
      <c r="C2806" s="17"/>
      <c r="D2806" s="18" t="s">
        <v>1411</v>
      </c>
      <c r="E2806" s="18"/>
      <c r="F2806" s="18"/>
      <c r="G2806" s="18"/>
      <c r="H2806" s="18"/>
      <c r="I2806" s="18"/>
      <c r="J2806" s="18"/>
      <c r="K2806" s="18"/>
      <c r="L2806" s="18"/>
      <c r="M2806" s="18"/>
      <c r="N2806" s="18"/>
      <c r="O2806" s="18"/>
      <c r="P2806" s="19">
        <v>100</v>
      </c>
      <c r="Q2806" s="19"/>
      <c r="R2806" s="19"/>
      <c r="S2806" s="19"/>
      <c r="T2806" s="19">
        <v>50</v>
      </c>
      <c r="U2806" s="19"/>
      <c r="V2806" s="19"/>
      <c r="W2806" s="19"/>
      <c r="X2806" s="19">
        <v>2</v>
      </c>
      <c r="Y2806" s="19"/>
      <c r="Z2806" s="19"/>
      <c r="AA2806" s="19"/>
    </row>
    <row r="2807" spans="1:27" s="1" customFormat="1" ht="11.1" customHeight="1" outlineLevel="2" x14ac:dyDescent="0.2">
      <c r="A2807" s="17"/>
      <c r="B2807" s="17"/>
      <c r="C2807" s="17"/>
      <c r="D2807" s="18"/>
      <c r="E2807" s="18"/>
      <c r="F2807" s="18"/>
      <c r="G2807" s="18"/>
      <c r="H2807" s="18"/>
      <c r="I2807" s="18"/>
      <c r="J2807" s="18"/>
      <c r="K2807" s="18"/>
      <c r="L2807" s="18"/>
      <c r="M2807" s="18"/>
      <c r="N2807" s="18"/>
      <c r="O2807" s="18"/>
      <c r="P2807" s="19"/>
      <c r="Q2807" s="19"/>
      <c r="R2807" s="19"/>
      <c r="S2807" s="19"/>
      <c r="T2807" s="19"/>
      <c r="U2807" s="19"/>
      <c r="V2807" s="19"/>
      <c r="W2807" s="19"/>
      <c r="X2807" s="19"/>
      <c r="Y2807" s="19"/>
      <c r="Z2807" s="19"/>
      <c r="AA2807" s="19"/>
    </row>
    <row r="2808" spans="1:27" s="1" customFormat="1" ht="11.1" customHeight="1" outlineLevel="2" x14ac:dyDescent="0.2">
      <c r="A2808" s="17">
        <v>15807</v>
      </c>
      <c r="B2808" s="17"/>
      <c r="C2808" s="17"/>
      <c r="D2808" s="18" t="s">
        <v>1412</v>
      </c>
      <c r="E2808" s="18"/>
      <c r="F2808" s="18"/>
      <c r="G2808" s="18"/>
      <c r="H2808" s="18"/>
      <c r="I2808" s="18"/>
      <c r="J2808" s="18"/>
      <c r="K2808" s="18"/>
      <c r="L2808" s="18"/>
      <c r="M2808" s="18"/>
      <c r="N2808" s="18"/>
      <c r="O2808" s="18"/>
      <c r="P2808" s="19">
        <v>250</v>
      </c>
      <c r="Q2808" s="19"/>
      <c r="R2808" s="19"/>
      <c r="S2808" s="19"/>
      <c r="T2808" s="19">
        <v>50</v>
      </c>
      <c r="U2808" s="19"/>
      <c r="V2808" s="19"/>
      <c r="W2808" s="19"/>
      <c r="X2808" s="19">
        <v>1</v>
      </c>
      <c r="Y2808" s="19"/>
      <c r="Z2808" s="19"/>
      <c r="AA2808" s="19"/>
    </row>
    <row r="2809" spans="1:27" s="1" customFormat="1" ht="11.1" customHeight="1" outlineLevel="2" x14ac:dyDescent="0.2">
      <c r="A2809" s="17"/>
      <c r="B2809" s="17"/>
      <c r="C2809" s="17"/>
      <c r="D2809" s="18"/>
      <c r="E2809" s="18"/>
      <c r="F2809" s="18"/>
      <c r="G2809" s="18"/>
      <c r="H2809" s="18"/>
      <c r="I2809" s="18"/>
      <c r="J2809" s="18"/>
      <c r="K2809" s="18"/>
      <c r="L2809" s="18"/>
      <c r="M2809" s="18"/>
      <c r="N2809" s="18"/>
      <c r="O2809" s="18"/>
      <c r="P2809" s="19"/>
      <c r="Q2809" s="19"/>
      <c r="R2809" s="19"/>
      <c r="S2809" s="19"/>
      <c r="T2809" s="19"/>
      <c r="U2809" s="19"/>
      <c r="V2809" s="19"/>
      <c r="W2809" s="19"/>
      <c r="X2809" s="19"/>
      <c r="Y2809" s="19"/>
      <c r="Z2809" s="19"/>
      <c r="AA2809" s="19"/>
    </row>
    <row r="2810" spans="1:27" s="1" customFormat="1" ht="11.1" customHeight="1" outlineLevel="2" x14ac:dyDescent="0.2">
      <c r="A2810" s="17">
        <v>17604</v>
      </c>
      <c r="B2810" s="17"/>
      <c r="C2810" s="17"/>
      <c r="D2810" s="18" t="s">
        <v>1413</v>
      </c>
      <c r="E2810" s="18"/>
      <c r="F2810" s="18"/>
      <c r="G2810" s="18"/>
      <c r="H2810" s="18"/>
      <c r="I2810" s="18"/>
      <c r="J2810" s="18"/>
      <c r="K2810" s="18"/>
      <c r="L2810" s="18"/>
      <c r="M2810" s="18"/>
      <c r="N2810" s="18"/>
      <c r="O2810" s="18"/>
      <c r="P2810" s="19">
        <v>100</v>
      </c>
      <c r="Q2810" s="19"/>
      <c r="R2810" s="19"/>
      <c r="S2810" s="19"/>
      <c r="T2810" s="19">
        <v>50</v>
      </c>
      <c r="U2810" s="19"/>
      <c r="V2810" s="19"/>
      <c r="W2810" s="19"/>
      <c r="X2810" s="19">
        <v>1</v>
      </c>
      <c r="Y2810" s="19"/>
      <c r="Z2810" s="19"/>
      <c r="AA2810" s="19"/>
    </row>
    <row r="2811" spans="1:27" s="1" customFormat="1" ht="11.1" customHeight="1" outlineLevel="2" x14ac:dyDescent="0.2">
      <c r="A2811" s="17"/>
      <c r="B2811" s="17"/>
      <c r="C2811" s="17"/>
      <c r="D2811" s="18"/>
      <c r="E2811" s="18"/>
      <c r="F2811" s="18"/>
      <c r="G2811" s="18"/>
      <c r="H2811" s="18"/>
      <c r="I2811" s="18"/>
      <c r="J2811" s="18"/>
      <c r="K2811" s="18"/>
      <c r="L2811" s="18"/>
      <c r="M2811" s="18"/>
      <c r="N2811" s="18"/>
      <c r="O2811" s="18"/>
      <c r="P2811" s="19"/>
      <c r="Q2811" s="19"/>
      <c r="R2811" s="19"/>
      <c r="S2811" s="19"/>
      <c r="T2811" s="19"/>
      <c r="U2811" s="19"/>
      <c r="V2811" s="19"/>
      <c r="W2811" s="19"/>
      <c r="X2811" s="19"/>
      <c r="Y2811" s="19"/>
      <c r="Z2811" s="19"/>
      <c r="AA2811" s="19"/>
    </row>
    <row r="2812" spans="1:27" s="1" customFormat="1" ht="14.1" customHeight="1" outlineLevel="2" x14ac:dyDescent="0.2">
      <c r="A2812" s="17">
        <v>15069</v>
      </c>
      <c r="B2812" s="17"/>
      <c r="C2812" s="17"/>
      <c r="D2812" s="18" t="s">
        <v>1414</v>
      </c>
      <c r="E2812" s="18"/>
      <c r="F2812" s="18"/>
      <c r="G2812" s="18"/>
      <c r="H2812" s="18"/>
      <c r="I2812" s="18"/>
      <c r="J2812" s="18"/>
      <c r="K2812" s="18"/>
      <c r="L2812" s="18"/>
      <c r="M2812" s="18"/>
      <c r="N2812" s="18"/>
      <c r="O2812" s="18"/>
      <c r="P2812" s="19">
        <v>250</v>
      </c>
      <c r="Q2812" s="19"/>
      <c r="R2812" s="19"/>
      <c r="S2812" s="19"/>
      <c r="T2812" s="19">
        <v>200</v>
      </c>
      <c r="U2812" s="19"/>
      <c r="V2812" s="19"/>
      <c r="W2812" s="19"/>
      <c r="X2812" s="19">
        <v>1</v>
      </c>
      <c r="Y2812" s="19"/>
      <c r="Z2812" s="19"/>
      <c r="AA2812" s="19"/>
    </row>
    <row r="2813" spans="1:27" s="1" customFormat="1" ht="14.1" customHeight="1" outlineLevel="2" x14ac:dyDescent="0.2">
      <c r="A2813" s="17"/>
      <c r="B2813" s="17"/>
      <c r="C2813" s="17"/>
      <c r="D2813" s="18"/>
      <c r="E2813" s="18"/>
      <c r="F2813" s="18"/>
      <c r="G2813" s="18"/>
      <c r="H2813" s="18"/>
      <c r="I2813" s="18"/>
      <c r="J2813" s="18"/>
      <c r="K2813" s="18"/>
      <c r="L2813" s="18"/>
      <c r="M2813" s="18"/>
      <c r="N2813" s="18"/>
      <c r="O2813" s="18"/>
      <c r="P2813" s="19"/>
      <c r="Q2813" s="19"/>
      <c r="R2813" s="19"/>
      <c r="S2813" s="19"/>
      <c r="T2813" s="19"/>
      <c r="U2813" s="19"/>
      <c r="V2813" s="19"/>
      <c r="W2813" s="19"/>
      <c r="X2813" s="19"/>
      <c r="Y2813" s="19"/>
      <c r="Z2813" s="19"/>
      <c r="AA2813" s="19"/>
    </row>
    <row r="2814" spans="1:27" s="1" customFormat="1" ht="11.1" customHeight="1" outlineLevel="2" x14ac:dyDescent="0.2">
      <c r="A2814" s="17">
        <v>15058</v>
      </c>
      <c r="B2814" s="17"/>
      <c r="C2814" s="17"/>
      <c r="D2814" s="18" t="s">
        <v>1415</v>
      </c>
      <c r="E2814" s="18"/>
      <c r="F2814" s="18"/>
      <c r="G2814" s="18"/>
      <c r="H2814" s="18"/>
      <c r="I2814" s="18"/>
      <c r="J2814" s="18"/>
      <c r="K2814" s="18"/>
      <c r="L2814" s="18"/>
      <c r="M2814" s="18"/>
      <c r="N2814" s="18"/>
      <c r="O2814" s="18"/>
      <c r="P2814" s="19">
        <v>80</v>
      </c>
      <c r="Q2814" s="19"/>
      <c r="R2814" s="19"/>
      <c r="S2814" s="19"/>
      <c r="T2814" s="19">
        <v>50</v>
      </c>
      <c r="U2814" s="19"/>
      <c r="V2814" s="19"/>
      <c r="W2814" s="19"/>
      <c r="X2814" s="19">
        <v>1</v>
      </c>
      <c r="Y2814" s="19"/>
      <c r="Z2814" s="19"/>
      <c r="AA2814" s="19"/>
    </row>
    <row r="2815" spans="1:27" s="1" customFormat="1" ht="11.1" customHeight="1" outlineLevel="2" x14ac:dyDescent="0.2">
      <c r="A2815" s="17"/>
      <c r="B2815" s="17"/>
      <c r="C2815" s="17"/>
      <c r="D2815" s="18"/>
      <c r="E2815" s="18"/>
      <c r="F2815" s="18"/>
      <c r="G2815" s="18"/>
      <c r="H2815" s="18"/>
      <c r="I2815" s="18"/>
      <c r="J2815" s="18"/>
      <c r="K2815" s="18"/>
      <c r="L2815" s="18"/>
      <c r="M2815" s="18"/>
      <c r="N2815" s="18"/>
      <c r="O2815" s="18"/>
      <c r="P2815" s="19"/>
      <c r="Q2815" s="19"/>
      <c r="R2815" s="19"/>
      <c r="S2815" s="19"/>
      <c r="T2815" s="19"/>
      <c r="U2815" s="19"/>
      <c r="V2815" s="19"/>
      <c r="W2815" s="19"/>
      <c r="X2815" s="19"/>
      <c r="Y2815" s="19"/>
      <c r="Z2815" s="19"/>
      <c r="AA2815" s="19"/>
    </row>
    <row r="2816" spans="1:27" s="1" customFormat="1" ht="14.1" customHeight="1" outlineLevel="2" x14ac:dyDescent="0.2">
      <c r="A2816" s="17">
        <v>17450</v>
      </c>
      <c r="B2816" s="17"/>
      <c r="C2816" s="17"/>
      <c r="D2816" s="18" t="s">
        <v>1416</v>
      </c>
      <c r="E2816" s="18"/>
      <c r="F2816" s="18"/>
      <c r="G2816" s="18"/>
      <c r="H2816" s="18"/>
      <c r="I2816" s="18"/>
      <c r="J2816" s="18"/>
      <c r="K2816" s="18"/>
      <c r="L2816" s="18"/>
      <c r="M2816" s="18"/>
      <c r="N2816" s="18"/>
      <c r="O2816" s="18"/>
      <c r="P2816" s="19">
        <v>200</v>
      </c>
      <c r="Q2816" s="19"/>
      <c r="R2816" s="19"/>
      <c r="S2816" s="19"/>
      <c r="T2816" s="19">
        <v>150</v>
      </c>
      <c r="U2816" s="19"/>
      <c r="V2816" s="19"/>
      <c r="W2816" s="19"/>
      <c r="X2816" s="19">
        <v>1</v>
      </c>
      <c r="Y2816" s="19"/>
      <c r="Z2816" s="19"/>
      <c r="AA2816" s="19"/>
    </row>
    <row r="2817" spans="1:27" s="1" customFormat="1" ht="14.1" customHeight="1" outlineLevel="2" x14ac:dyDescent="0.2">
      <c r="A2817" s="17"/>
      <c r="B2817" s="17"/>
      <c r="C2817" s="17"/>
      <c r="D2817" s="18"/>
      <c r="E2817" s="18"/>
      <c r="F2817" s="18"/>
      <c r="G2817" s="18"/>
      <c r="H2817" s="18"/>
      <c r="I2817" s="18"/>
      <c r="J2817" s="18"/>
      <c r="K2817" s="18"/>
      <c r="L2817" s="18"/>
      <c r="M2817" s="18"/>
      <c r="N2817" s="18"/>
      <c r="O2817" s="18"/>
      <c r="P2817" s="19"/>
      <c r="Q2817" s="19"/>
      <c r="R2817" s="19"/>
      <c r="S2817" s="19"/>
      <c r="T2817" s="19"/>
      <c r="U2817" s="19"/>
      <c r="V2817" s="19"/>
      <c r="W2817" s="19"/>
      <c r="X2817" s="19"/>
      <c r="Y2817" s="19"/>
      <c r="Z2817" s="19"/>
      <c r="AA2817" s="19"/>
    </row>
    <row r="2818" spans="1:27" s="1" customFormat="1" ht="14.1" customHeight="1" outlineLevel="2" x14ac:dyDescent="0.2">
      <c r="A2818" s="17">
        <v>16756</v>
      </c>
      <c r="B2818" s="17"/>
      <c r="C2818" s="17"/>
      <c r="D2818" s="18" t="s">
        <v>1417</v>
      </c>
      <c r="E2818" s="18"/>
      <c r="F2818" s="18"/>
      <c r="G2818" s="18"/>
      <c r="H2818" s="18"/>
      <c r="I2818" s="18"/>
      <c r="J2818" s="18"/>
      <c r="K2818" s="18"/>
      <c r="L2818" s="18"/>
      <c r="M2818" s="18"/>
      <c r="N2818" s="18"/>
      <c r="O2818" s="18"/>
      <c r="P2818" s="19">
        <v>250</v>
      </c>
      <c r="Q2818" s="19"/>
      <c r="R2818" s="19"/>
      <c r="S2818" s="19"/>
      <c r="T2818" s="19">
        <v>150</v>
      </c>
      <c r="U2818" s="19"/>
      <c r="V2818" s="19"/>
      <c r="W2818" s="19"/>
      <c r="X2818" s="19">
        <v>1</v>
      </c>
      <c r="Y2818" s="19"/>
      <c r="Z2818" s="19"/>
      <c r="AA2818" s="19"/>
    </row>
    <row r="2819" spans="1:27" s="1" customFormat="1" ht="14.1" customHeight="1" outlineLevel="2" x14ac:dyDescent="0.2">
      <c r="A2819" s="17"/>
      <c r="B2819" s="17"/>
      <c r="C2819" s="17"/>
      <c r="D2819" s="18"/>
      <c r="E2819" s="18"/>
      <c r="F2819" s="18"/>
      <c r="G2819" s="18"/>
      <c r="H2819" s="18"/>
      <c r="I2819" s="18"/>
      <c r="J2819" s="18"/>
      <c r="K2819" s="18"/>
      <c r="L2819" s="18"/>
      <c r="M2819" s="18"/>
      <c r="N2819" s="18"/>
      <c r="O2819" s="18"/>
      <c r="P2819" s="19"/>
      <c r="Q2819" s="19"/>
      <c r="R2819" s="19"/>
      <c r="S2819" s="19"/>
      <c r="T2819" s="19"/>
      <c r="U2819" s="19"/>
      <c r="V2819" s="19"/>
      <c r="W2819" s="19"/>
      <c r="X2819" s="19"/>
      <c r="Y2819" s="19"/>
      <c r="Z2819" s="19"/>
      <c r="AA2819" s="19"/>
    </row>
    <row r="2820" spans="1:27" s="1" customFormat="1" ht="11.1" customHeight="1" outlineLevel="2" x14ac:dyDescent="0.2">
      <c r="A2820" s="17">
        <v>12674</v>
      </c>
      <c r="B2820" s="17"/>
      <c r="C2820" s="17"/>
      <c r="D2820" s="18" t="s">
        <v>1418</v>
      </c>
      <c r="E2820" s="18"/>
      <c r="F2820" s="18"/>
      <c r="G2820" s="18"/>
      <c r="H2820" s="18"/>
      <c r="I2820" s="18"/>
      <c r="J2820" s="18"/>
      <c r="K2820" s="18"/>
      <c r="L2820" s="18"/>
      <c r="M2820" s="18"/>
      <c r="N2820" s="18"/>
      <c r="O2820" s="18"/>
      <c r="P2820" s="19">
        <v>240</v>
      </c>
      <c r="Q2820" s="19"/>
      <c r="R2820" s="19"/>
      <c r="S2820" s="19"/>
      <c r="T2820" s="19">
        <v>190</v>
      </c>
      <c r="U2820" s="19"/>
      <c r="V2820" s="19"/>
      <c r="W2820" s="19"/>
      <c r="X2820" s="19">
        <v>1</v>
      </c>
      <c r="Y2820" s="19"/>
      <c r="Z2820" s="19"/>
      <c r="AA2820" s="19"/>
    </row>
    <row r="2821" spans="1:27" s="1" customFormat="1" ht="11.1" customHeight="1" outlineLevel="2" x14ac:dyDescent="0.2">
      <c r="A2821" s="17"/>
      <c r="B2821" s="17"/>
      <c r="C2821" s="17"/>
      <c r="D2821" s="18"/>
      <c r="E2821" s="18"/>
      <c r="F2821" s="18"/>
      <c r="G2821" s="18"/>
      <c r="H2821" s="18"/>
      <c r="I2821" s="18"/>
      <c r="J2821" s="18"/>
      <c r="K2821" s="18"/>
      <c r="L2821" s="18"/>
      <c r="M2821" s="18"/>
      <c r="N2821" s="18"/>
      <c r="O2821" s="18"/>
      <c r="P2821" s="19"/>
      <c r="Q2821" s="19"/>
      <c r="R2821" s="19"/>
      <c r="S2821" s="19"/>
      <c r="T2821" s="19"/>
      <c r="U2821" s="19"/>
      <c r="V2821" s="19"/>
      <c r="W2821" s="19"/>
      <c r="X2821" s="19"/>
      <c r="Y2821" s="19"/>
      <c r="Z2821" s="19"/>
      <c r="AA2821" s="19"/>
    </row>
    <row r="2822" spans="1:27" s="1" customFormat="1" ht="11.1" customHeight="1" outlineLevel="2" x14ac:dyDescent="0.2">
      <c r="A2822" s="17">
        <v>12106</v>
      </c>
      <c r="B2822" s="17"/>
      <c r="C2822" s="17"/>
      <c r="D2822" s="18" t="s">
        <v>1419</v>
      </c>
      <c r="E2822" s="18"/>
      <c r="F2822" s="18"/>
      <c r="G2822" s="18"/>
      <c r="H2822" s="18"/>
      <c r="I2822" s="18"/>
      <c r="J2822" s="18"/>
      <c r="K2822" s="18"/>
      <c r="L2822" s="18"/>
      <c r="M2822" s="18"/>
      <c r="N2822" s="18"/>
      <c r="O2822" s="18"/>
      <c r="P2822" s="19">
        <v>160</v>
      </c>
      <c r="Q2822" s="19"/>
      <c r="R2822" s="19"/>
      <c r="S2822" s="19"/>
      <c r="T2822" s="19">
        <v>120</v>
      </c>
      <c r="U2822" s="19"/>
      <c r="V2822" s="19"/>
      <c r="W2822" s="19"/>
      <c r="X2822" s="19">
        <v>1</v>
      </c>
      <c r="Y2822" s="19"/>
      <c r="Z2822" s="19"/>
      <c r="AA2822" s="19"/>
    </row>
    <row r="2823" spans="1:27" s="1" customFormat="1" ht="11.1" customHeight="1" outlineLevel="2" x14ac:dyDescent="0.2">
      <c r="A2823" s="17"/>
      <c r="B2823" s="17"/>
      <c r="C2823" s="17"/>
      <c r="D2823" s="18"/>
      <c r="E2823" s="18"/>
      <c r="F2823" s="18"/>
      <c r="G2823" s="18"/>
      <c r="H2823" s="18"/>
      <c r="I2823" s="18"/>
      <c r="J2823" s="18"/>
      <c r="K2823" s="18"/>
      <c r="L2823" s="18"/>
      <c r="M2823" s="18"/>
      <c r="N2823" s="18"/>
      <c r="O2823" s="18"/>
      <c r="P2823" s="19"/>
      <c r="Q2823" s="19"/>
      <c r="R2823" s="19"/>
      <c r="S2823" s="19"/>
      <c r="T2823" s="19"/>
      <c r="U2823" s="19"/>
      <c r="V2823" s="19"/>
      <c r="W2823" s="19"/>
      <c r="X2823" s="19"/>
      <c r="Y2823" s="19"/>
      <c r="Z2823" s="19"/>
      <c r="AA2823" s="19"/>
    </row>
    <row r="2824" spans="1:27" s="1" customFormat="1" ht="11.1" customHeight="1" outlineLevel="2" x14ac:dyDescent="0.2">
      <c r="A2824" s="17">
        <v>15569</v>
      </c>
      <c r="B2824" s="17"/>
      <c r="C2824" s="17"/>
      <c r="D2824" s="18" t="s">
        <v>1420</v>
      </c>
      <c r="E2824" s="18"/>
      <c r="F2824" s="18"/>
      <c r="G2824" s="18"/>
      <c r="H2824" s="18"/>
      <c r="I2824" s="18"/>
      <c r="J2824" s="18"/>
      <c r="K2824" s="18"/>
      <c r="L2824" s="18"/>
      <c r="M2824" s="18"/>
      <c r="N2824" s="18"/>
      <c r="O2824" s="18"/>
      <c r="P2824" s="19">
        <v>360</v>
      </c>
      <c r="Q2824" s="19"/>
      <c r="R2824" s="19"/>
      <c r="S2824" s="19"/>
      <c r="T2824" s="19">
        <v>300</v>
      </c>
      <c r="U2824" s="19"/>
      <c r="V2824" s="19"/>
      <c r="W2824" s="19"/>
      <c r="X2824" s="19">
        <v>1</v>
      </c>
      <c r="Y2824" s="19"/>
      <c r="Z2824" s="19"/>
      <c r="AA2824" s="19"/>
    </row>
    <row r="2825" spans="1:27" s="1" customFormat="1" ht="11.1" customHeight="1" outlineLevel="2" x14ac:dyDescent="0.2">
      <c r="A2825" s="17"/>
      <c r="B2825" s="17"/>
      <c r="C2825" s="17"/>
      <c r="D2825" s="18"/>
      <c r="E2825" s="18"/>
      <c r="F2825" s="18"/>
      <c r="G2825" s="18"/>
      <c r="H2825" s="18"/>
      <c r="I2825" s="18"/>
      <c r="J2825" s="18"/>
      <c r="K2825" s="18"/>
      <c r="L2825" s="18"/>
      <c r="M2825" s="18"/>
      <c r="N2825" s="18"/>
      <c r="O2825" s="18"/>
      <c r="P2825" s="19"/>
      <c r="Q2825" s="19"/>
      <c r="R2825" s="19"/>
      <c r="S2825" s="19"/>
      <c r="T2825" s="19"/>
      <c r="U2825" s="19"/>
      <c r="V2825" s="19"/>
      <c r="W2825" s="19"/>
      <c r="X2825" s="19"/>
      <c r="Y2825" s="19"/>
      <c r="Z2825" s="19"/>
      <c r="AA2825" s="19"/>
    </row>
    <row r="2826" spans="1:27" s="1" customFormat="1" ht="11.1" customHeight="1" outlineLevel="2" x14ac:dyDescent="0.2">
      <c r="A2826" s="17">
        <v>17529</v>
      </c>
      <c r="B2826" s="17"/>
      <c r="C2826" s="17"/>
      <c r="D2826" s="18" t="s">
        <v>1421</v>
      </c>
      <c r="E2826" s="18"/>
      <c r="F2826" s="18"/>
      <c r="G2826" s="18"/>
      <c r="H2826" s="18"/>
      <c r="I2826" s="18"/>
      <c r="J2826" s="18"/>
      <c r="K2826" s="18"/>
      <c r="L2826" s="18"/>
      <c r="M2826" s="18"/>
      <c r="N2826" s="18"/>
      <c r="O2826" s="18"/>
      <c r="P2826" s="19">
        <v>140</v>
      </c>
      <c r="Q2826" s="19"/>
      <c r="R2826" s="19"/>
      <c r="S2826" s="19"/>
      <c r="T2826" s="19">
        <v>100</v>
      </c>
      <c r="U2826" s="19"/>
      <c r="V2826" s="19"/>
      <c r="W2826" s="19"/>
      <c r="X2826" s="19">
        <v>1</v>
      </c>
      <c r="Y2826" s="19"/>
      <c r="Z2826" s="19"/>
      <c r="AA2826" s="19"/>
    </row>
    <row r="2827" spans="1:27" s="1" customFormat="1" ht="11.1" customHeight="1" outlineLevel="2" x14ac:dyDescent="0.2">
      <c r="A2827" s="17"/>
      <c r="B2827" s="17"/>
      <c r="C2827" s="17"/>
      <c r="D2827" s="18"/>
      <c r="E2827" s="18"/>
      <c r="F2827" s="18"/>
      <c r="G2827" s="18"/>
      <c r="H2827" s="18"/>
      <c r="I2827" s="18"/>
      <c r="J2827" s="18"/>
      <c r="K2827" s="18"/>
      <c r="L2827" s="18"/>
      <c r="M2827" s="18"/>
      <c r="N2827" s="18"/>
      <c r="O2827" s="18"/>
      <c r="P2827" s="19"/>
      <c r="Q2827" s="19"/>
      <c r="R2827" s="19"/>
      <c r="S2827" s="19"/>
      <c r="T2827" s="19"/>
      <c r="U2827" s="19"/>
      <c r="V2827" s="19"/>
      <c r="W2827" s="19"/>
      <c r="X2827" s="19"/>
      <c r="Y2827" s="19"/>
      <c r="Z2827" s="19"/>
      <c r="AA2827" s="19"/>
    </row>
    <row r="2828" spans="1:27" s="1" customFormat="1" ht="14.1" customHeight="1" outlineLevel="2" x14ac:dyDescent="0.2">
      <c r="A2828" s="17">
        <v>15836</v>
      </c>
      <c r="B2828" s="17"/>
      <c r="C2828" s="17"/>
      <c r="D2828" s="18" t="s">
        <v>1422</v>
      </c>
      <c r="E2828" s="18"/>
      <c r="F2828" s="18"/>
      <c r="G2828" s="18"/>
      <c r="H2828" s="18"/>
      <c r="I2828" s="18"/>
      <c r="J2828" s="18"/>
      <c r="K2828" s="18"/>
      <c r="L2828" s="18"/>
      <c r="M2828" s="18"/>
      <c r="N2828" s="18"/>
      <c r="O2828" s="18"/>
      <c r="P2828" s="19">
        <v>250</v>
      </c>
      <c r="Q2828" s="19"/>
      <c r="R2828" s="19"/>
      <c r="S2828" s="19"/>
      <c r="T2828" s="19">
        <v>200</v>
      </c>
      <c r="U2828" s="19"/>
      <c r="V2828" s="19"/>
      <c r="W2828" s="19"/>
      <c r="X2828" s="19">
        <v>2</v>
      </c>
      <c r="Y2828" s="19"/>
      <c r="Z2828" s="19"/>
      <c r="AA2828" s="19"/>
    </row>
    <row r="2829" spans="1:27" s="1" customFormat="1" ht="14.1" customHeight="1" outlineLevel="2" x14ac:dyDescent="0.2">
      <c r="A2829" s="17"/>
      <c r="B2829" s="17"/>
      <c r="C2829" s="17"/>
      <c r="D2829" s="18"/>
      <c r="E2829" s="18"/>
      <c r="F2829" s="18"/>
      <c r="G2829" s="18"/>
      <c r="H2829" s="18"/>
      <c r="I2829" s="18"/>
      <c r="J2829" s="18"/>
      <c r="K2829" s="18"/>
      <c r="L2829" s="18"/>
      <c r="M2829" s="18"/>
      <c r="N2829" s="18"/>
      <c r="O2829" s="18"/>
      <c r="P2829" s="19"/>
      <c r="Q2829" s="19"/>
      <c r="R2829" s="19"/>
      <c r="S2829" s="19"/>
      <c r="T2829" s="19"/>
      <c r="U2829" s="19"/>
      <c r="V2829" s="19"/>
      <c r="W2829" s="19"/>
      <c r="X2829" s="19"/>
      <c r="Y2829" s="19"/>
      <c r="Z2829" s="19"/>
      <c r="AA2829" s="19"/>
    </row>
    <row r="2830" spans="1:27" s="1" customFormat="1" ht="11.1" customHeight="1" outlineLevel="2" x14ac:dyDescent="0.2">
      <c r="A2830" s="17">
        <v>16374</v>
      </c>
      <c r="B2830" s="17"/>
      <c r="C2830" s="17"/>
      <c r="D2830" s="18" t="s">
        <v>1423</v>
      </c>
      <c r="E2830" s="18"/>
      <c r="F2830" s="18"/>
      <c r="G2830" s="18"/>
      <c r="H2830" s="18"/>
      <c r="I2830" s="18"/>
      <c r="J2830" s="18"/>
      <c r="K2830" s="18"/>
      <c r="L2830" s="18"/>
      <c r="M2830" s="18"/>
      <c r="N2830" s="18"/>
      <c r="O2830" s="18"/>
      <c r="P2830" s="19">
        <v>190</v>
      </c>
      <c r="Q2830" s="19"/>
      <c r="R2830" s="19"/>
      <c r="S2830" s="19"/>
      <c r="T2830" s="19">
        <v>100</v>
      </c>
      <c r="U2830" s="19"/>
      <c r="V2830" s="19"/>
      <c r="W2830" s="19"/>
      <c r="X2830" s="19">
        <v>2</v>
      </c>
      <c r="Y2830" s="19"/>
      <c r="Z2830" s="19"/>
      <c r="AA2830" s="19"/>
    </row>
    <row r="2831" spans="1:27" s="1" customFormat="1" ht="11.1" customHeight="1" outlineLevel="2" x14ac:dyDescent="0.2">
      <c r="A2831" s="17"/>
      <c r="B2831" s="17"/>
      <c r="C2831" s="17"/>
      <c r="D2831" s="18"/>
      <c r="E2831" s="18"/>
      <c r="F2831" s="18"/>
      <c r="G2831" s="18"/>
      <c r="H2831" s="18"/>
      <c r="I2831" s="18"/>
      <c r="J2831" s="18"/>
      <c r="K2831" s="18"/>
      <c r="L2831" s="18"/>
      <c r="M2831" s="18"/>
      <c r="N2831" s="18"/>
      <c r="O2831" s="18"/>
      <c r="P2831" s="19"/>
      <c r="Q2831" s="19"/>
      <c r="R2831" s="19"/>
      <c r="S2831" s="19"/>
      <c r="T2831" s="19"/>
      <c r="U2831" s="19"/>
      <c r="V2831" s="19"/>
      <c r="W2831" s="19"/>
      <c r="X2831" s="19"/>
      <c r="Y2831" s="19"/>
      <c r="Z2831" s="19"/>
      <c r="AA2831" s="19"/>
    </row>
    <row r="2832" spans="1:27" s="1" customFormat="1" ht="14.1" customHeight="1" outlineLevel="2" x14ac:dyDescent="0.2">
      <c r="A2832" s="17">
        <v>17924</v>
      </c>
      <c r="B2832" s="17"/>
      <c r="C2832" s="17"/>
      <c r="D2832" s="18" t="s">
        <v>1424</v>
      </c>
      <c r="E2832" s="18"/>
      <c r="F2832" s="18"/>
      <c r="G2832" s="18"/>
      <c r="H2832" s="18"/>
      <c r="I2832" s="18"/>
      <c r="J2832" s="18"/>
      <c r="K2832" s="18"/>
      <c r="L2832" s="18"/>
      <c r="M2832" s="18"/>
      <c r="N2832" s="18"/>
      <c r="O2832" s="18"/>
      <c r="P2832" s="19">
        <v>300</v>
      </c>
      <c r="Q2832" s="19"/>
      <c r="R2832" s="19"/>
      <c r="S2832" s="19"/>
      <c r="T2832" s="19">
        <v>200</v>
      </c>
      <c r="U2832" s="19"/>
      <c r="V2832" s="19"/>
      <c r="W2832" s="19"/>
      <c r="X2832" s="19">
        <v>1</v>
      </c>
      <c r="Y2832" s="19"/>
      <c r="Z2832" s="19"/>
      <c r="AA2832" s="19"/>
    </row>
    <row r="2833" spans="1:27" s="1" customFormat="1" ht="14.1" customHeight="1" outlineLevel="2" x14ac:dyDescent="0.2">
      <c r="A2833" s="17"/>
      <c r="B2833" s="17"/>
      <c r="C2833" s="17"/>
      <c r="D2833" s="18"/>
      <c r="E2833" s="18"/>
      <c r="F2833" s="18"/>
      <c r="G2833" s="18"/>
      <c r="H2833" s="18"/>
      <c r="I2833" s="18"/>
      <c r="J2833" s="18"/>
      <c r="K2833" s="18"/>
      <c r="L2833" s="18"/>
      <c r="M2833" s="18"/>
      <c r="N2833" s="18"/>
      <c r="O2833" s="18"/>
      <c r="P2833" s="19"/>
      <c r="Q2833" s="19"/>
      <c r="R2833" s="19"/>
      <c r="S2833" s="19"/>
      <c r="T2833" s="19"/>
      <c r="U2833" s="19"/>
      <c r="V2833" s="19"/>
      <c r="W2833" s="19"/>
      <c r="X2833" s="19"/>
      <c r="Y2833" s="19"/>
      <c r="Z2833" s="19"/>
      <c r="AA2833" s="19"/>
    </row>
    <row r="2834" spans="1:27" s="1" customFormat="1" ht="11.1" customHeight="1" outlineLevel="2" x14ac:dyDescent="0.2">
      <c r="A2834" s="17">
        <v>12153</v>
      </c>
      <c r="B2834" s="17"/>
      <c r="C2834" s="17"/>
      <c r="D2834" s="18" t="s">
        <v>1425</v>
      </c>
      <c r="E2834" s="18"/>
      <c r="F2834" s="18"/>
      <c r="G2834" s="18"/>
      <c r="H2834" s="18"/>
      <c r="I2834" s="18"/>
      <c r="J2834" s="18"/>
      <c r="K2834" s="18"/>
      <c r="L2834" s="18"/>
      <c r="M2834" s="18"/>
      <c r="N2834" s="18"/>
      <c r="O2834" s="18"/>
      <c r="P2834" s="19">
        <v>170</v>
      </c>
      <c r="Q2834" s="19"/>
      <c r="R2834" s="19"/>
      <c r="S2834" s="19"/>
      <c r="T2834" s="19">
        <v>120</v>
      </c>
      <c r="U2834" s="19"/>
      <c r="V2834" s="19"/>
      <c r="W2834" s="19"/>
      <c r="X2834" s="19">
        <v>1</v>
      </c>
      <c r="Y2834" s="19"/>
      <c r="Z2834" s="19"/>
      <c r="AA2834" s="19"/>
    </row>
    <row r="2835" spans="1:27" s="1" customFormat="1" ht="11.1" customHeight="1" outlineLevel="2" x14ac:dyDescent="0.2">
      <c r="A2835" s="17"/>
      <c r="B2835" s="17"/>
      <c r="C2835" s="17"/>
      <c r="D2835" s="18"/>
      <c r="E2835" s="18"/>
      <c r="F2835" s="18"/>
      <c r="G2835" s="18"/>
      <c r="H2835" s="18"/>
      <c r="I2835" s="18"/>
      <c r="J2835" s="18"/>
      <c r="K2835" s="18"/>
      <c r="L2835" s="18"/>
      <c r="M2835" s="18"/>
      <c r="N2835" s="18"/>
      <c r="O2835" s="18"/>
      <c r="P2835" s="19"/>
      <c r="Q2835" s="19"/>
      <c r="R2835" s="19"/>
      <c r="S2835" s="19"/>
      <c r="T2835" s="19"/>
      <c r="U2835" s="19"/>
      <c r="V2835" s="19"/>
      <c r="W2835" s="19"/>
      <c r="X2835" s="19"/>
      <c r="Y2835" s="19"/>
      <c r="Z2835" s="19"/>
      <c r="AA2835" s="19"/>
    </row>
    <row r="2836" spans="1:27" s="1" customFormat="1" ht="11.1" customHeight="1" outlineLevel="2" x14ac:dyDescent="0.2">
      <c r="A2836" s="17">
        <v>16638</v>
      </c>
      <c r="B2836" s="17"/>
      <c r="C2836" s="17"/>
      <c r="D2836" s="18" t="s">
        <v>1426</v>
      </c>
      <c r="E2836" s="18"/>
      <c r="F2836" s="18"/>
      <c r="G2836" s="18"/>
      <c r="H2836" s="18"/>
      <c r="I2836" s="18"/>
      <c r="J2836" s="18"/>
      <c r="K2836" s="18"/>
      <c r="L2836" s="18"/>
      <c r="M2836" s="18"/>
      <c r="N2836" s="18"/>
      <c r="O2836" s="18"/>
      <c r="P2836" s="19">
        <v>300</v>
      </c>
      <c r="Q2836" s="19"/>
      <c r="R2836" s="19"/>
      <c r="S2836" s="19"/>
      <c r="T2836" s="19">
        <v>200</v>
      </c>
      <c r="U2836" s="19"/>
      <c r="V2836" s="19"/>
      <c r="W2836" s="19"/>
      <c r="X2836" s="19">
        <v>2</v>
      </c>
      <c r="Y2836" s="19"/>
      <c r="Z2836" s="19"/>
      <c r="AA2836" s="19"/>
    </row>
    <row r="2837" spans="1:27" s="1" customFormat="1" ht="11.1" customHeight="1" outlineLevel="2" x14ac:dyDescent="0.2">
      <c r="A2837" s="17"/>
      <c r="B2837" s="17"/>
      <c r="C2837" s="17"/>
      <c r="D2837" s="18"/>
      <c r="E2837" s="18"/>
      <c r="F2837" s="18"/>
      <c r="G2837" s="18"/>
      <c r="H2837" s="18"/>
      <c r="I2837" s="18"/>
      <c r="J2837" s="18"/>
      <c r="K2837" s="18"/>
      <c r="L2837" s="18"/>
      <c r="M2837" s="18"/>
      <c r="N2837" s="18"/>
      <c r="O2837" s="18"/>
      <c r="P2837" s="19"/>
      <c r="Q2837" s="19"/>
      <c r="R2837" s="19"/>
      <c r="S2837" s="19"/>
      <c r="T2837" s="19"/>
      <c r="U2837" s="19"/>
      <c r="V2837" s="19"/>
      <c r="W2837" s="19"/>
      <c r="X2837" s="19"/>
      <c r="Y2837" s="19"/>
      <c r="Z2837" s="19"/>
      <c r="AA2837" s="19"/>
    </row>
    <row r="2838" spans="1:27" s="1" customFormat="1" ht="14.1" customHeight="1" outlineLevel="2" x14ac:dyDescent="0.2">
      <c r="A2838" s="17">
        <v>17597</v>
      </c>
      <c r="B2838" s="17"/>
      <c r="C2838" s="17"/>
      <c r="D2838" s="18" t="s">
        <v>1427</v>
      </c>
      <c r="E2838" s="18"/>
      <c r="F2838" s="18"/>
      <c r="G2838" s="18"/>
      <c r="H2838" s="18"/>
      <c r="I2838" s="18"/>
      <c r="J2838" s="18"/>
      <c r="K2838" s="18"/>
      <c r="L2838" s="18"/>
      <c r="M2838" s="18"/>
      <c r="N2838" s="18"/>
      <c r="O2838" s="18"/>
      <c r="P2838" s="19">
        <v>300</v>
      </c>
      <c r="Q2838" s="19"/>
      <c r="R2838" s="19"/>
      <c r="S2838" s="19"/>
      <c r="T2838" s="19">
        <v>200</v>
      </c>
      <c r="U2838" s="19"/>
      <c r="V2838" s="19"/>
      <c r="W2838" s="19"/>
      <c r="X2838" s="19">
        <v>1</v>
      </c>
      <c r="Y2838" s="19"/>
      <c r="Z2838" s="19"/>
      <c r="AA2838" s="19"/>
    </row>
    <row r="2839" spans="1:27" s="1" customFormat="1" ht="14.1" customHeight="1" outlineLevel="2" x14ac:dyDescent="0.2">
      <c r="A2839" s="17"/>
      <c r="B2839" s="17"/>
      <c r="C2839" s="17"/>
      <c r="D2839" s="18"/>
      <c r="E2839" s="18"/>
      <c r="F2839" s="18"/>
      <c r="G2839" s="18"/>
      <c r="H2839" s="18"/>
      <c r="I2839" s="18"/>
      <c r="J2839" s="18"/>
      <c r="K2839" s="18"/>
      <c r="L2839" s="18"/>
      <c r="M2839" s="18"/>
      <c r="N2839" s="18"/>
      <c r="O2839" s="18"/>
      <c r="P2839" s="19"/>
      <c r="Q2839" s="19"/>
      <c r="R2839" s="19"/>
      <c r="S2839" s="19"/>
      <c r="T2839" s="19"/>
      <c r="U2839" s="19"/>
      <c r="V2839" s="19"/>
      <c r="W2839" s="19"/>
      <c r="X2839" s="19"/>
      <c r="Y2839" s="19"/>
      <c r="Z2839" s="19"/>
      <c r="AA2839" s="19"/>
    </row>
    <row r="2840" spans="1:27" s="1" customFormat="1" ht="11.1" customHeight="1" outlineLevel="2" x14ac:dyDescent="0.2">
      <c r="A2840" s="17">
        <v>9149</v>
      </c>
      <c r="B2840" s="17"/>
      <c r="C2840" s="17"/>
      <c r="D2840" s="18" t="s">
        <v>1428</v>
      </c>
      <c r="E2840" s="18"/>
      <c r="F2840" s="18"/>
      <c r="G2840" s="18"/>
      <c r="H2840" s="18"/>
      <c r="I2840" s="18"/>
      <c r="J2840" s="18"/>
      <c r="K2840" s="18"/>
      <c r="L2840" s="18"/>
      <c r="M2840" s="18"/>
      <c r="N2840" s="18"/>
      <c r="O2840" s="18"/>
      <c r="P2840" s="19">
        <v>120</v>
      </c>
      <c r="Q2840" s="19"/>
      <c r="R2840" s="19"/>
      <c r="S2840" s="19"/>
      <c r="T2840" s="19">
        <v>80</v>
      </c>
      <c r="U2840" s="19"/>
      <c r="V2840" s="19"/>
      <c r="W2840" s="19"/>
      <c r="X2840" s="19">
        <v>1</v>
      </c>
      <c r="Y2840" s="19"/>
      <c r="Z2840" s="19"/>
      <c r="AA2840" s="19"/>
    </row>
    <row r="2841" spans="1:27" s="1" customFormat="1" ht="11.1" customHeight="1" outlineLevel="2" x14ac:dyDescent="0.2">
      <c r="A2841" s="17"/>
      <c r="B2841" s="17"/>
      <c r="C2841" s="17"/>
      <c r="D2841" s="18"/>
      <c r="E2841" s="18"/>
      <c r="F2841" s="18"/>
      <c r="G2841" s="18"/>
      <c r="H2841" s="18"/>
      <c r="I2841" s="18"/>
      <c r="J2841" s="18"/>
      <c r="K2841" s="18"/>
      <c r="L2841" s="18"/>
      <c r="M2841" s="18"/>
      <c r="N2841" s="18"/>
      <c r="O2841" s="18"/>
      <c r="P2841" s="19"/>
      <c r="Q2841" s="19"/>
      <c r="R2841" s="19"/>
      <c r="S2841" s="19"/>
      <c r="T2841" s="19"/>
      <c r="U2841" s="19"/>
      <c r="V2841" s="19"/>
      <c r="W2841" s="19"/>
      <c r="X2841" s="19"/>
      <c r="Y2841" s="19"/>
      <c r="Z2841" s="19"/>
      <c r="AA2841" s="19"/>
    </row>
    <row r="2842" spans="1:27" s="1" customFormat="1" ht="11.1" customHeight="1" outlineLevel="2" x14ac:dyDescent="0.2">
      <c r="A2842" s="17">
        <v>15053</v>
      </c>
      <c r="B2842" s="17"/>
      <c r="C2842" s="17"/>
      <c r="D2842" s="18" t="s">
        <v>1429</v>
      </c>
      <c r="E2842" s="18"/>
      <c r="F2842" s="18"/>
      <c r="G2842" s="18"/>
      <c r="H2842" s="18"/>
      <c r="I2842" s="18"/>
      <c r="J2842" s="18"/>
      <c r="K2842" s="18"/>
      <c r="L2842" s="18"/>
      <c r="M2842" s="18"/>
      <c r="N2842" s="18"/>
      <c r="O2842" s="18"/>
      <c r="P2842" s="19">
        <v>80</v>
      </c>
      <c r="Q2842" s="19"/>
      <c r="R2842" s="19"/>
      <c r="S2842" s="19"/>
      <c r="T2842" s="19">
        <v>50</v>
      </c>
      <c r="U2842" s="19"/>
      <c r="V2842" s="19"/>
      <c r="W2842" s="19"/>
      <c r="X2842" s="19">
        <v>1</v>
      </c>
      <c r="Y2842" s="19"/>
      <c r="Z2842" s="19"/>
      <c r="AA2842" s="19"/>
    </row>
    <row r="2843" spans="1:27" s="1" customFormat="1" ht="11.1" customHeight="1" outlineLevel="2" x14ac:dyDescent="0.2">
      <c r="A2843" s="17"/>
      <c r="B2843" s="17"/>
      <c r="C2843" s="17"/>
      <c r="D2843" s="18"/>
      <c r="E2843" s="18"/>
      <c r="F2843" s="18"/>
      <c r="G2843" s="18"/>
      <c r="H2843" s="18"/>
      <c r="I2843" s="18"/>
      <c r="J2843" s="18"/>
      <c r="K2843" s="18"/>
      <c r="L2843" s="18"/>
      <c r="M2843" s="18"/>
      <c r="N2843" s="18"/>
      <c r="O2843" s="18"/>
      <c r="P2843" s="19"/>
      <c r="Q2843" s="19"/>
      <c r="R2843" s="19"/>
      <c r="S2843" s="19"/>
      <c r="T2843" s="19"/>
      <c r="U2843" s="19"/>
      <c r="V2843" s="19"/>
      <c r="W2843" s="19"/>
      <c r="X2843" s="19"/>
      <c r="Y2843" s="19"/>
      <c r="Z2843" s="19"/>
      <c r="AA2843" s="19"/>
    </row>
    <row r="2844" spans="1:27" s="1" customFormat="1" ht="14.1" customHeight="1" outlineLevel="2" x14ac:dyDescent="0.2">
      <c r="A2844" s="17">
        <v>16755</v>
      </c>
      <c r="B2844" s="17"/>
      <c r="C2844" s="17"/>
      <c r="D2844" s="18" t="s">
        <v>1430</v>
      </c>
      <c r="E2844" s="18"/>
      <c r="F2844" s="18"/>
      <c r="G2844" s="18"/>
      <c r="H2844" s="18"/>
      <c r="I2844" s="18"/>
      <c r="J2844" s="18"/>
      <c r="K2844" s="18"/>
      <c r="L2844" s="18"/>
      <c r="M2844" s="18"/>
      <c r="N2844" s="18"/>
      <c r="O2844" s="18"/>
      <c r="P2844" s="19">
        <v>150</v>
      </c>
      <c r="Q2844" s="19"/>
      <c r="R2844" s="19"/>
      <c r="S2844" s="19"/>
      <c r="T2844" s="19">
        <v>100</v>
      </c>
      <c r="U2844" s="19"/>
      <c r="V2844" s="19"/>
      <c r="W2844" s="19"/>
      <c r="X2844" s="19">
        <v>1</v>
      </c>
      <c r="Y2844" s="19"/>
      <c r="Z2844" s="19"/>
      <c r="AA2844" s="19"/>
    </row>
    <row r="2845" spans="1:27" s="1" customFormat="1" ht="14.1" customHeight="1" outlineLevel="2" x14ac:dyDescent="0.2">
      <c r="A2845" s="17"/>
      <c r="B2845" s="17"/>
      <c r="C2845" s="17"/>
      <c r="D2845" s="18"/>
      <c r="E2845" s="18"/>
      <c r="F2845" s="18"/>
      <c r="G2845" s="18"/>
      <c r="H2845" s="18"/>
      <c r="I2845" s="18"/>
      <c r="J2845" s="18"/>
      <c r="K2845" s="18"/>
      <c r="L2845" s="18"/>
      <c r="M2845" s="18"/>
      <c r="N2845" s="18"/>
      <c r="O2845" s="18"/>
      <c r="P2845" s="19"/>
      <c r="Q2845" s="19"/>
      <c r="R2845" s="19"/>
      <c r="S2845" s="19"/>
      <c r="T2845" s="19"/>
      <c r="U2845" s="19"/>
      <c r="V2845" s="19"/>
      <c r="W2845" s="19"/>
      <c r="X2845" s="19"/>
      <c r="Y2845" s="19"/>
      <c r="Z2845" s="19"/>
      <c r="AA2845" s="19"/>
    </row>
    <row r="2846" spans="1:27" s="1" customFormat="1" ht="14.1" customHeight="1" outlineLevel="2" x14ac:dyDescent="0.2">
      <c r="A2846" s="17">
        <v>17841</v>
      </c>
      <c r="B2846" s="17"/>
      <c r="C2846" s="17"/>
      <c r="D2846" s="18" t="s">
        <v>1431</v>
      </c>
      <c r="E2846" s="18"/>
      <c r="F2846" s="18"/>
      <c r="G2846" s="18"/>
      <c r="H2846" s="18"/>
      <c r="I2846" s="18"/>
      <c r="J2846" s="18"/>
      <c r="K2846" s="18"/>
      <c r="L2846" s="18"/>
      <c r="M2846" s="18"/>
      <c r="N2846" s="18"/>
      <c r="O2846" s="18"/>
      <c r="P2846" s="19">
        <v>400</v>
      </c>
      <c r="Q2846" s="19"/>
      <c r="R2846" s="19"/>
      <c r="S2846" s="19"/>
      <c r="T2846" s="19">
        <v>300</v>
      </c>
      <c r="U2846" s="19"/>
      <c r="V2846" s="19"/>
      <c r="W2846" s="19"/>
      <c r="X2846" s="19">
        <v>1</v>
      </c>
      <c r="Y2846" s="19"/>
      <c r="Z2846" s="19"/>
      <c r="AA2846" s="19"/>
    </row>
    <row r="2847" spans="1:27" s="1" customFormat="1" ht="14.1" customHeight="1" outlineLevel="2" x14ac:dyDescent="0.2">
      <c r="A2847" s="17"/>
      <c r="B2847" s="17"/>
      <c r="C2847" s="17"/>
      <c r="D2847" s="18"/>
      <c r="E2847" s="18"/>
      <c r="F2847" s="18"/>
      <c r="G2847" s="18"/>
      <c r="H2847" s="18"/>
      <c r="I2847" s="18"/>
      <c r="J2847" s="18"/>
      <c r="K2847" s="18"/>
      <c r="L2847" s="18"/>
      <c r="M2847" s="18"/>
      <c r="N2847" s="18"/>
      <c r="O2847" s="18"/>
      <c r="P2847" s="19"/>
      <c r="Q2847" s="19"/>
      <c r="R2847" s="19"/>
      <c r="S2847" s="19"/>
      <c r="T2847" s="19"/>
      <c r="U2847" s="19"/>
      <c r="V2847" s="19"/>
      <c r="W2847" s="19"/>
      <c r="X2847" s="19"/>
      <c r="Y2847" s="19"/>
      <c r="Z2847" s="19"/>
      <c r="AA2847" s="19"/>
    </row>
    <row r="2848" spans="1:27" s="1" customFormat="1" ht="11.1" customHeight="1" outlineLevel="2" x14ac:dyDescent="0.2">
      <c r="A2848" s="17">
        <v>12105</v>
      </c>
      <c r="B2848" s="17"/>
      <c r="C2848" s="17"/>
      <c r="D2848" s="18" t="s">
        <v>1432</v>
      </c>
      <c r="E2848" s="18"/>
      <c r="F2848" s="18"/>
      <c r="G2848" s="18"/>
      <c r="H2848" s="18"/>
      <c r="I2848" s="18"/>
      <c r="J2848" s="18"/>
      <c r="K2848" s="18"/>
      <c r="L2848" s="18"/>
      <c r="M2848" s="18"/>
      <c r="N2848" s="18"/>
      <c r="O2848" s="18"/>
      <c r="P2848" s="19">
        <v>80</v>
      </c>
      <c r="Q2848" s="19"/>
      <c r="R2848" s="19"/>
      <c r="S2848" s="19"/>
      <c r="T2848" s="19">
        <v>50</v>
      </c>
      <c r="U2848" s="19"/>
      <c r="V2848" s="19"/>
      <c r="W2848" s="19"/>
      <c r="X2848" s="19">
        <v>1</v>
      </c>
      <c r="Y2848" s="19"/>
      <c r="Z2848" s="19"/>
      <c r="AA2848" s="19"/>
    </row>
    <row r="2849" spans="1:27" s="1" customFormat="1" ht="11.1" customHeight="1" outlineLevel="2" x14ac:dyDescent="0.2">
      <c r="A2849" s="17"/>
      <c r="B2849" s="17"/>
      <c r="C2849" s="17"/>
      <c r="D2849" s="18"/>
      <c r="E2849" s="18"/>
      <c r="F2849" s="18"/>
      <c r="G2849" s="18"/>
      <c r="H2849" s="18"/>
      <c r="I2849" s="18"/>
      <c r="J2849" s="18"/>
      <c r="K2849" s="18"/>
      <c r="L2849" s="18"/>
      <c r="M2849" s="18"/>
      <c r="N2849" s="18"/>
      <c r="O2849" s="18"/>
      <c r="P2849" s="19"/>
      <c r="Q2849" s="19"/>
      <c r="R2849" s="19"/>
      <c r="S2849" s="19"/>
      <c r="T2849" s="19"/>
      <c r="U2849" s="19"/>
      <c r="V2849" s="19"/>
      <c r="W2849" s="19"/>
      <c r="X2849" s="19"/>
      <c r="Y2849" s="19"/>
      <c r="Z2849" s="19"/>
      <c r="AA2849" s="19"/>
    </row>
    <row r="2850" spans="1:27" s="1" customFormat="1" ht="14.1" customHeight="1" outlineLevel="2" x14ac:dyDescent="0.2">
      <c r="A2850" s="17">
        <v>17530</v>
      </c>
      <c r="B2850" s="17"/>
      <c r="C2850" s="17"/>
      <c r="D2850" s="18" t="s">
        <v>1433</v>
      </c>
      <c r="E2850" s="18"/>
      <c r="F2850" s="18"/>
      <c r="G2850" s="18"/>
      <c r="H2850" s="18"/>
      <c r="I2850" s="18"/>
      <c r="J2850" s="18"/>
      <c r="K2850" s="18"/>
      <c r="L2850" s="18"/>
      <c r="M2850" s="18"/>
      <c r="N2850" s="18"/>
      <c r="O2850" s="18"/>
      <c r="P2850" s="19">
        <v>120</v>
      </c>
      <c r="Q2850" s="19"/>
      <c r="R2850" s="19"/>
      <c r="S2850" s="19"/>
      <c r="T2850" s="19">
        <v>90</v>
      </c>
      <c r="U2850" s="19"/>
      <c r="V2850" s="19"/>
      <c r="W2850" s="19"/>
      <c r="X2850" s="19">
        <v>1</v>
      </c>
      <c r="Y2850" s="19"/>
      <c r="Z2850" s="19"/>
      <c r="AA2850" s="19"/>
    </row>
    <row r="2851" spans="1:27" s="1" customFormat="1" ht="14.1" customHeight="1" outlineLevel="2" x14ac:dyDescent="0.2">
      <c r="A2851" s="17"/>
      <c r="B2851" s="17"/>
      <c r="C2851" s="17"/>
      <c r="D2851" s="18"/>
      <c r="E2851" s="18"/>
      <c r="F2851" s="18"/>
      <c r="G2851" s="18"/>
      <c r="H2851" s="18"/>
      <c r="I2851" s="18"/>
      <c r="J2851" s="18"/>
      <c r="K2851" s="18"/>
      <c r="L2851" s="18"/>
      <c r="M2851" s="18"/>
      <c r="N2851" s="18"/>
      <c r="O2851" s="18"/>
      <c r="P2851" s="19"/>
      <c r="Q2851" s="19"/>
      <c r="R2851" s="19"/>
      <c r="S2851" s="19"/>
      <c r="T2851" s="19"/>
      <c r="U2851" s="19"/>
      <c r="V2851" s="19"/>
      <c r="W2851" s="19"/>
      <c r="X2851" s="19"/>
      <c r="Y2851" s="19"/>
      <c r="Z2851" s="19"/>
      <c r="AA2851" s="19"/>
    </row>
    <row r="2852" spans="1:27" s="1" customFormat="1" ht="14.1" customHeight="1" outlineLevel="2" x14ac:dyDescent="0.2">
      <c r="A2852" s="17">
        <v>15835</v>
      </c>
      <c r="B2852" s="17"/>
      <c r="C2852" s="17"/>
      <c r="D2852" s="18" t="s">
        <v>1434</v>
      </c>
      <c r="E2852" s="18"/>
      <c r="F2852" s="18"/>
      <c r="G2852" s="18"/>
      <c r="H2852" s="18"/>
      <c r="I2852" s="18"/>
      <c r="J2852" s="18"/>
      <c r="K2852" s="18"/>
      <c r="L2852" s="18"/>
      <c r="M2852" s="18"/>
      <c r="N2852" s="18"/>
      <c r="O2852" s="18"/>
      <c r="P2852" s="19">
        <v>150</v>
      </c>
      <c r="Q2852" s="19"/>
      <c r="R2852" s="19"/>
      <c r="S2852" s="19"/>
      <c r="T2852" s="19">
        <v>100</v>
      </c>
      <c r="U2852" s="19"/>
      <c r="V2852" s="19"/>
      <c r="W2852" s="19"/>
      <c r="X2852" s="19">
        <v>2</v>
      </c>
      <c r="Y2852" s="19"/>
      <c r="Z2852" s="19"/>
      <c r="AA2852" s="19"/>
    </row>
    <row r="2853" spans="1:27" s="1" customFormat="1" ht="14.1" customHeight="1" outlineLevel="2" x14ac:dyDescent="0.2">
      <c r="A2853" s="17"/>
      <c r="B2853" s="17"/>
      <c r="C2853" s="17"/>
      <c r="D2853" s="18"/>
      <c r="E2853" s="18"/>
      <c r="F2853" s="18"/>
      <c r="G2853" s="18"/>
      <c r="H2853" s="18"/>
      <c r="I2853" s="18"/>
      <c r="J2853" s="18"/>
      <c r="K2853" s="18"/>
      <c r="L2853" s="18"/>
      <c r="M2853" s="18"/>
      <c r="N2853" s="18"/>
      <c r="O2853" s="18"/>
      <c r="P2853" s="19"/>
      <c r="Q2853" s="19"/>
      <c r="R2853" s="19"/>
      <c r="S2853" s="19"/>
      <c r="T2853" s="19"/>
      <c r="U2853" s="19"/>
      <c r="V2853" s="19"/>
      <c r="W2853" s="19"/>
      <c r="X2853" s="19"/>
      <c r="Y2853" s="19"/>
      <c r="Z2853" s="19"/>
      <c r="AA2853" s="19"/>
    </row>
    <row r="2854" spans="1:27" s="1" customFormat="1" ht="11.1" customHeight="1" outlineLevel="2" x14ac:dyDescent="0.2">
      <c r="A2854" s="17">
        <v>15068</v>
      </c>
      <c r="B2854" s="17"/>
      <c r="C2854" s="17"/>
      <c r="D2854" s="18" t="s">
        <v>1435</v>
      </c>
      <c r="E2854" s="18"/>
      <c r="F2854" s="18"/>
      <c r="G2854" s="18"/>
      <c r="H2854" s="18"/>
      <c r="I2854" s="18"/>
      <c r="J2854" s="18"/>
      <c r="K2854" s="18"/>
      <c r="L2854" s="18"/>
      <c r="M2854" s="18"/>
      <c r="N2854" s="18"/>
      <c r="O2854" s="18"/>
      <c r="P2854" s="19">
        <v>85</v>
      </c>
      <c r="Q2854" s="19"/>
      <c r="R2854" s="19"/>
      <c r="S2854" s="19"/>
      <c r="T2854" s="19">
        <v>50</v>
      </c>
      <c r="U2854" s="19"/>
      <c r="V2854" s="19"/>
      <c r="W2854" s="19"/>
      <c r="X2854" s="19">
        <v>1</v>
      </c>
      <c r="Y2854" s="19"/>
      <c r="Z2854" s="19"/>
      <c r="AA2854" s="19"/>
    </row>
    <row r="2855" spans="1:27" s="1" customFormat="1" ht="11.1" customHeight="1" outlineLevel="2" x14ac:dyDescent="0.2">
      <c r="A2855" s="17"/>
      <c r="B2855" s="17"/>
      <c r="C2855" s="17"/>
      <c r="D2855" s="18"/>
      <c r="E2855" s="18"/>
      <c r="F2855" s="18"/>
      <c r="G2855" s="18"/>
      <c r="H2855" s="18"/>
      <c r="I2855" s="18"/>
      <c r="J2855" s="18"/>
      <c r="K2855" s="18"/>
      <c r="L2855" s="18"/>
      <c r="M2855" s="18"/>
      <c r="N2855" s="18"/>
      <c r="O2855" s="18"/>
      <c r="P2855" s="19"/>
      <c r="Q2855" s="19"/>
      <c r="R2855" s="19"/>
      <c r="S2855" s="19"/>
      <c r="T2855" s="19"/>
      <c r="U2855" s="19"/>
      <c r="V2855" s="19"/>
      <c r="W2855" s="19"/>
      <c r="X2855" s="19"/>
      <c r="Y2855" s="19"/>
      <c r="Z2855" s="19"/>
      <c r="AA2855" s="19"/>
    </row>
    <row r="2856" spans="1:27" s="1" customFormat="1" ht="14.1" customHeight="1" outlineLevel="2" x14ac:dyDescent="0.2">
      <c r="A2856" s="17">
        <v>16373</v>
      </c>
      <c r="B2856" s="17"/>
      <c r="C2856" s="17"/>
      <c r="D2856" s="18" t="s">
        <v>1436</v>
      </c>
      <c r="E2856" s="18"/>
      <c r="F2856" s="18"/>
      <c r="G2856" s="18"/>
      <c r="H2856" s="18"/>
      <c r="I2856" s="18"/>
      <c r="J2856" s="18"/>
      <c r="K2856" s="18"/>
      <c r="L2856" s="18"/>
      <c r="M2856" s="18"/>
      <c r="N2856" s="18"/>
      <c r="O2856" s="18"/>
      <c r="P2856" s="19">
        <v>150</v>
      </c>
      <c r="Q2856" s="19"/>
      <c r="R2856" s="19"/>
      <c r="S2856" s="19"/>
      <c r="T2856" s="19">
        <v>100</v>
      </c>
      <c r="U2856" s="19"/>
      <c r="V2856" s="19"/>
      <c r="W2856" s="19"/>
      <c r="X2856" s="19">
        <v>3</v>
      </c>
      <c r="Y2856" s="19"/>
      <c r="Z2856" s="19"/>
      <c r="AA2856" s="19"/>
    </row>
    <row r="2857" spans="1:27" s="1" customFormat="1" ht="14.1" customHeight="1" outlineLevel="2" x14ac:dyDescent="0.2">
      <c r="A2857" s="17"/>
      <c r="B2857" s="17"/>
      <c r="C2857" s="17"/>
      <c r="D2857" s="18"/>
      <c r="E2857" s="18"/>
      <c r="F2857" s="18"/>
      <c r="G2857" s="18"/>
      <c r="H2857" s="18"/>
      <c r="I2857" s="18"/>
      <c r="J2857" s="18"/>
      <c r="K2857" s="18"/>
      <c r="L2857" s="18"/>
      <c r="M2857" s="18"/>
      <c r="N2857" s="18"/>
      <c r="O2857" s="18"/>
      <c r="P2857" s="19"/>
      <c r="Q2857" s="19"/>
      <c r="R2857" s="19"/>
      <c r="S2857" s="19"/>
      <c r="T2857" s="19"/>
      <c r="U2857" s="19"/>
      <c r="V2857" s="19"/>
      <c r="W2857" s="19"/>
      <c r="X2857" s="19"/>
      <c r="Y2857" s="19"/>
      <c r="Z2857" s="19"/>
      <c r="AA2857" s="19"/>
    </row>
    <row r="2858" spans="1:27" s="1" customFormat="1" ht="11.1" customHeight="1" outlineLevel="2" x14ac:dyDescent="0.2">
      <c r="A2858" s="17">
        <v>15805</v>
      </c>
      <c r="B2858" s="17"/>
      <c r="C2858" s="17"/>
      <c r="D2858" s="18" t="s">
        <v>1437</v>
      </c>
      <c r="E2858" s="18"/>
      <c r="F2858" s="18"/>
      <c r="G2858" s="18"/>
      <c r="H2858" s="18"/>
      <c r="I2858" s="18"/>
      <c r="J2858" s="18"/>
      <c r="K2858" s="18"/>
      <c r="L2858" s="18"/>
      <c r="M2858" s="18"/>
      <c r="N2858" s="18"/>
      <c r="O2858" s="18"/>
      <c r="P2858" s="19">
        <v>140</v>
      </c>
      <c r="Q2858" s="19"/>
      <c r="R2858" s="19"/>
      <c r="S2858" s="19"/>
      <c r="T2858" s="19">
        <v>100</v>
      </c>
      <c r="U2858" s="19"/>
      <c r="V2858" s="19"/>
      <c r="W2858" s="19"/>
      <c r="X2858" s="19">
        <v>1</v>
      </c>
      <c r="Y2858" s="19"/>
      <c r="Z2858" s="19"/>
      <c r="AA2858" s="19"/>
    </row>
    <row r="2859" spans="1:27" s="1" customFormat="1" ht="11.1" customHeight="1" outlineLevel="2" x14ac:dyDescent="0.2">
      <c r="A2859" s="17"/>
      <c r="B2859" s="17"/>
      <c r="C2859" s="17"/>
      <c r="D2859" s="18"/>
      <c r="E2859" s="18"/>
      <c r="F2859" s="18"/>
      <c r="G2859" s="18"/>
      <c r="H2859" s="18"/>
      <c r="I2859" s="18"/>
      <c r="J2859" s="18"/>
      <c r="K2859" s="18"/>
      <c r="L2859" s="18"/>
      <c r="M2859" s="18"/>
      <c r="N2859" s="18"/>
      <c r="O2859" s="18"/>
      <c r="P2859" s="19"/>
      <c r="Q2859" s="19"/>
      <c r="R2859" s="19"/>
      <c r="S2859" s="19"/>
      <c r="T2859" s="19"/>
      <c r="U2859" s="19"/>
      <c r="V2859" s="19"/>
      <c r="W2859" s="19"/>
      <c r="X2859" s="19"/>
      <c r="Y2859" s="19"/>
      <c r="Z2859" s="19"/>
      <c r="AA2859" s="19"/>
    </row>
    <row r="2860" spans="1:27" s="1" customFormat="1" ht="14.1" customHeight="1" outlineLevel="2" x14ac:dyDescent="0.2">
      <c r="A2860" s="17">
        <v>17617</v>
      </c>
      <c r="B2860" s="17"/>
      <c r="C2860" s="17"/>
      <c r="D2860" s="18" t="s">
        <v>1438</v>
      </c>
      <c r="E2860" s="18"/>
      <c r="F2860" s="18"/>
      <c r="G2860" s="18"/>
      <c r="H2860" s="18"/>
      <c r="I2860" s="18"/>
      <c r="J2860" s="18"/>
      <c r="K2860" s="18"/>
      <c r="L2860" s="18"/>
      <c r="M2860" s="18"/>
      <c r="N2860" s="18"/>
      <c r="O2860" s="18"/>
      <c r="P2860" s="19">
        <v>150</v>
      </c>
      <c r="Q2860" s="19"/>
      <c r="R2860" s="19"/>
      <c r="S2860" s="19"/>
      <c r="T2860" s="19">
        <v>100</v>
      </c>
      <c r="U2860" s="19"/>
      <c r="V2860" s="19"/>
      <c r="W2860" s="19"/>
      <c r="X2860" s="19">
        <v>1</v>
      </c>
      <c r="Y2860" s="19"/>
      <c r="Z2860" s="19"/>
      <c r="AA2860" s="19"/>
    </row>
    <row r="2861" spans="1:27" s="1" customFormat="1" ht="14.1" customHeight="1" outlineLevel="2" x14ac:dyDescent="0.2">
      <c r="A2861" s="17"/>
      <c r="B2861" s="17"/>
      <c r="C2861" s="17"/>
      <c r="D2861" s="18"/>
      <c r="E2861" s="18"/>
      <c r="F2861" s="18"/>
      <c r="G2861" s="18"/>
      <c r="H2861" s="18"/>
      <c r="I2861" s="18"/>
      <c r="J2861" s="18"/>
      <c r="K2861" s="18"/>
      <c r="L2861" s="18"/>
      <c r="M2861" s="18"/>
      <c r="N2861" s="18"/>
      <c r="O2861" s="18"/>
      <c r="P2861" s="19"/>
      <c r="Q2861" s="19"/>
      <c r="R2861" s="19"/>
      <c r="S2861" s="19"/>
      <c r="T2861" s="19"/>
      <c r="U2861" s="19"/>
      <c r="V2861" s="19"/>
      <c r="W2861" s="19"/>
      <c r="X2861" s="19"/>
      <c r="Y2861" s="19"/>
      <c r="Z2861" s="19"/>
      <c r="AA2861" s="19"/>
    </row>
    <row r="2862" spans="1:27" s="1" customFormat="1" ht="14.1" customHeight="1" outlineLevel="2" x14ac:dyDescent="0.2">
      <c r="A2862" s="17">
        <v>18124</v>
      </c>
      <c r="B2862" s="17"/>
      <c r="C2862" s="17"/>
      <c r="D2862" s="18" t="s">
        <v>1439</v>
      </c>
      <c r="E2862" s="18"/>
      <c r="F2862" s="18"/>
      <c r="G2862" s="18"/>
      <c r="H2862" s="18"/>
      <c r="I2862" s="18"/>
      <c r="J2862" s="18"/>
      <c r="K2862" s="18"/>
      <c r="L2862" s="18"/>
      <c r="M2862" s="18"/>
      <c r="N2862" s="18"/>
      <c r="O2862" s="18"/>
      <c r="P2862" s="19">
        <v>150</v>
      </c>
      <c r="Q2862" s="19"/>
      <c r="R2862" s="19"/>
      <c r="S2862" s="19"/>
      <c r="T2862" s="19">
        <v>100</v>
      </c>
      <c r="U2862" s="19"/>
      <c r="V2862" s="19"/>
      <c r="W2862" s="19"/>
      <c r="X2862" s="19">
        <v>1</v>
      </c>
      <c r="Y2862" s="19"/>
      <c r="Z2862" s="19"/>
      <c r="AA2862" s="19"/>
    </row>
    <row r="2863" spans="1:27" s="1" customFormat="1" ht="14.1" customHeight="1" outlineLevel="2" x14ac:dyDescent="0.2">
      <c r="A2863" s="17"/>
      <c r="B2863" s="17"/>
      <c r="C2863" s="17"/>
      <c r="D2863" s="18"/>
      <c r="E2863" s="18"/>
      <c r="F2863" s="18"/>
      <c r="G2863" s="18"/>
      <c r="H2863" s="18"/>
      <c r="I2863" s="18"/>
      <c r="J2863" s="18"/>
      <c r="K2863" s="18"/>
      <c r="L2863" s="18"/>
      <c r="M2863" s="18"/>
      <c r="N2863" s="18"/>
      <c r="O2863" s="18"/>
      <c r="P2863" s="19"/>
      <c r="Q2863" s="19"/>
      <c r="R2863" s="19"/>
      <c r="S2863" s="19"/>
      <c r="T2863" s="19"/>
      <c r="U2863" s="19"/>
      <c r="V2863" s="19"/>
      <c r="W2863" s="19"/>
      <c r="X2863" s="19"/>
      <c r="Y2863" s="19"/>
      <c r="Z2863" s="19"/>
      <c r="AA2863" s="19"/>
    </row>
    <row r="2864" spans="1:27" s="1" customFormat="1" ht="11.1" customHeight="1" outlineLevel="2" x14ac:dyDescent="0.2">
      <c r="A2864" s="17">
        <v>16766</v>
      </c>
      <c r="B2864" s="17"/>
      <c r="C2864" s="17"/>
      <c r="D2864" s="18" t="s">
        <v>1440</v>
      </c>
      <c r="E2864" s="18"/>
      <c r="F2864" s="18"/>
      <c r="G2864" s="18"/>
      <c r="H2864" s="18"/>
      <c r="I2864" s="18"/>
      <c r="J2864" s="18"/>
      <c r="K2864" s="18"/>
      <c r="L2864" s="18"/>
      <c r="M2864" s="18"/>
      <c r="N2864" s="18"/>
      <c r="O2864" s="18"/>
      <c r="P2864" s="19">
        <v>150</v>
      </c>
      <c r="Q2864" s="19"/>
      <c r="R2864" s="19"/>
      <c r="S2864" s="19"/>
      <c r="T2864" s="19">
        <v>100</v>
      </c>
      <c r="U2864" s="19"/>
      <c r="V2864" s="19"/>
      <c r="W2864" s="19"/>
      <c r="X2864" s="19">
        <v>1</v>
      </c>
      <c r="Y2864" s="19"/>
      <c r="Z2864" s="19"/>
      <c r="AA2864" s="19"/>
    </row>
    <row r="2865" spans="1:27" s="1" customFormat="1" ht="11.1" customHeight="1" outlineLevel="2" x14ac:dyDescent="0.2">
      <c r="A2865" s="17"/>
      <c r="B2865" s="17"/>
      <c r="C2865" s="17"/>
      <c r="D2865" s="18"/>
      <c r="E2865" s="18"/>
      <c r="F2865" s="18"/>
      <c r="G2865" s="18"/>
      <c r="H2865" s="18"/>
      <c r="I2865" s="18"/>
      <c r="J2865" s="18"/>
      <c r="K2865" s="18"/>
      <c r="L2865" s="18"/>
      <c r="M2865" s="18"/>
      <c r="N2865" s="18"/>
      <c r="O2865" s="18"/>
      <c r="P2865" s="19"/>
      <c r="Q2865" s="19"/>
      <c r="R2865" s="19"/>
      <c r="S2865" s="19"/>
      <c r="T2865" s="19"/>
      <c r="U2865" s="19"/>
      <c r="V2865" s="19"/>
      <c r="W2865" s="19"/>
      <c r="X2865" s="19"/>
      <c r="Y2865" s="19"/>
      <c r="Z2865" s="19"/>
      <c r="AA2865" s="19"/>
    </row>
    <row r="2866" spans="1:27" s="1" customFormat="1" ht="14.1" customHeight="1" outlineLevel="2" x14ac:dyDescent="0.2">
      <c r="A2866" s="17">
        <v>17603</v>
      </c>
      <c r="B2866" s="17"/>
      <c r="C2866" s="17"/>
      <c r="D2866" s="18" t="s">
        <v>1441</v>
      </c>
      <c r="E2866" s="18"/>
      <c r="F2866" s="18"/>
      <c r="G2866" s="18"/>
      <c r="H2866" s="18"/>
      <c r="I2866" s="18"/>
      <c r="J2866" s="18"/>
      <c r="K2866" s="18"/>
      <c r="L2866" s="18"/>
      <c r="M2866" s="18"/>
      <c r="N2866" s="18"/>
      <c r="O2866" s="18"/>
      <c r="P2866" s="19">
        <v>150</v>
      </c>
      <c r="Q2866" s="19"/>
      <c r="R2866" s="19"/>
      <c r="S2866" s="19"/>
      <c r="T2866" s="19">
        <v>100</v>
      </c>
      <c r="U2866" s="19"/>
      <c r="V2866" s="19"/>
      <c r="W2866" s="19"/>
      <c r="X2866" s="19">
        <v>1</v>
      </c>
      <c r="Y2866" s="19"/>
      <c r="Z2866" s="19"/>
      <c r="AA2866" s="19"/>
    </row>
    <row r="2867" spans="1:27" s="1" customFormat="1" ht="14.1" customHeight="1" outlineLevel="2" x14ac:dyDescent="0.2">
      <c r="A2867" s="17"/>
      <c r="B2867" s="17"/>
      <c r="C2867" s="17"/>
      <c r="D2867" s="18"/>
      <c r="E2867" s="18"/>
      <c r="F2867" s="18"/>
      <c r="G2867" s="18"/>
      <c r="H2867" s="18"/>
      <c r="I2867" s="18"/>
      <c r="J2867" s="18"/>
      <c r="K2867" s="18"/>
      <c r="L2867" s="18"/>
      <c r="M2867" s="18"/>
      <c r="N2867" s="18"/>
      <c r="O2867" s="18"/>
      <c r="P2867" s="19"/>
      <c r="Q2867" s="19"/>
      <c r="R2867" s="19"/>
      <c r="S2867" s="19"/>
      <c r="T2867" s="19"/>
      <c r="U2867" s="19"/>
      <c r="V2867" s="19"/>
      <c r="W2867" s="19"/>
      <c r="X2867" s="19"/>
      <c r="Y2867" s="19"/>
      <c r="Z2867" s="19"/>
      <c r="AA2867" s="19"/>
    </row>
    <row r="2868" spans="1:27" s="1" customFormat="1" ht="11.1" customHeight="1" outlineLevel="2" x14ac:dyDescent="0.2">
      <c r="A2868" s="17">
        <v>8589</v>
      </c>
      <c r="B2868" s="17"/>
      <c r="C2868" s="17"/>
      <c r="D2868" s="18" t="s">
        <v>1442</v>
      </c>
      <c r="E2868" s="18"/>
      <c r="F2868" s="18"/>
      <c r="G2868" s="18"/>
      <c r="H2868" s="18"/>
      <c r="I2868" s="18"/>
      <c r="J2868" s="18"/>
      <c r="K2868" s="18"/>
      <c r="L2868" s="18"/>
      <c r="M2868" s="18"/>
      <c r="N2868" s="18"/>
      <c r="O2868" s="18"/>
      <c r="P2868" s="19">
        <v>40</v>
      </c>
      <c r="Q2868" s="19"/>
      <c r="R2868" s="19"/>
      <c r="S2868" s="19"/>
      <c r="T2868" s="19">
        <v>30</v>
      </c>
      <c r="U2868" s="19"/>
      <c r="V2868" s="19"/>
      <c r="W2868" s="19"/>
      <c r="X2868" s="19">
        <v>4</v>
      </c>
      <c r="Y2868" s="19"/>
      <c r="Z2868" s="19"/>
      <c r="AA2868" s="19"/>
    </row>
    <row r="2869" spans="1:27" s="1" customFormat="1" ht="11.1" customHeight="1" outlineLevel="2" x14ac:dyDescent="0.2">
      <c r="A2869" s="17"/>
      <c r="B2869" s="17"/>
      <c r="C2869" s="17"/>
      <c r="D2869" s="18"/>
      <c r="E2869" s="18"/>
      <c r="F2869" s="18"/>
      <c r="G2869" s="18"/>
      <c r="H2869" s="18"/>
      <c r="I2869" s="18"/>
      <c r="J2869" s="18"/>
      <c r="K2869" s="18"/>
      <c r="L2869" s="18"/>
      <c r="M2869" s="18"/>
      <c r="N2869" s="18"/>
      <c r="O2869" s="18"/>
      <c r="P2869" s="19"/>
      <c r="Q2869" s="19"/>
      <c r="R2869" s="19"/>
      <c r="S2869" s="19"/>
      <c r="T2869" s="19"/>
      <c r="U2869" s="19"/>
      <c r="V2869" s="19"/>
      <c r="W2869" s="19"/>
      <c r="X2869" s="19"/>
      <c r="Y2869" s="19"/>
      <c r="Z2869" s="19"/>
      <c r="AA2869" s="19"/>
    </row>
    <row r="2870" spans="1:27" s="1" customFormat="1" ht="14.1" customHeight="1" outlineLevel="2" x14ac:dyDescent="0.2">
      <c r="A2870" s="17">
        <v>11434</v>
      </c>
      <c r="B2870" s="17"/>
      <c r="C2870" s="17"/>
      <c r="D2870" s="18" t="s">
        <v>1443</v>
      </c>
      <c r="E2870" s="18"/>
      <c r="F2870" s="18"/>
      <c r="G2870" s="18"/>
      <c r="H2870" s="18"/>
      <c r="I2870" s="18"/>
      <c r="J2870" s="18"/>
      <c r="K2870" s="18"/>
      <c r="L2870" s="18"/>
      <c r="M2870" s="18"/>
      <c r="N2870" s="18"/>
      <c r="O2870" s="18"/>
      <c r="P2870" s="19">
        <v>40</v>
      </c>
      <c r="Q2870" s="19"/>
      <c r="R2870" s="19"/>
      <c r="S2870" s="19"/>
      <c r="T2870" s="19">
        <v>30</v>
      </c>
      <c r="U2870" s="19"/>
      <c r="V2870" s="19"/>
      <c r="W2870" s="19"/>
      <c r="X2870" s="19">
        <v>3</v>
      </c>
      <c r="Y2870" s="19"/>
      <c r="Z2870" s="19"/>
      <c r="AA2870" s="19"/>
    </row>
    <row r="2871" spans="1:27" s="1" customFormat="1" ht="14.1" customHeight="1" outlineLevel="2" x14ac:dyDescent="0.2">
      <c r="A2871" s="17"/>
      <c r="B2871" s="17"/>
      <c r="C2871" s="17"/>
      <c r="D2871" s="18"/>
      <c r="E2871" s="18"/>
      <c r="F2871" s="18"/>
      <c r="G2871" s="18"/>
      <c r="H2871" s="18"/>
      <c r="I2871" s="18"/>
      <c r="J2871" s="18"/>
      <c r="K2871" s="18"/>
      <c r="L2871" s="18"/>
      <c r="M2871" s="18"/>
      <c r="N2871" s="18"/>
      <c r="O2871" s="18"/>
      <c r="P2871" s="19"/>
      <c r="Q2871" s="19"/>
      <c r="R2871" s="19"/>
      <c r="S2871" s="19"/>
      <c r="T2871" s="19"/>
      <c r="U2871" s="19"/>
      <c r="V2871" s="19"/>
      <c r="W2871" s="19"/>
      <c r="X2871" s="19"/>
      <c r="Y2871" s="19"/>
      <c r="Z2871" s="19"/>
      <c r="AA2871" s="19"/>
    </row>
    <row r="2872" spans="1:27" s="1" customFormat="1" ht="11.1" customHeight="1" outlineLevel="2" x14ac:dyDescent="0.2">
      <c r="A2872" s="17">
        <v>12670</v>
      </c>
      <c r="B2872" s="17"/>
      <c r="C2872" s="17"/>
      <c r="D2872" s="18" t="s">
        <v>1444</v>
      </c>
      <c r="E2872" s="18"/>
      <c r="F2872" s="18"/>
      <c r="G2872" s="18"/>
      <c r="H2872" s="18"/>
      <c r="I2872" s="18"/>
      <c r="J2872" s="18"/>
      <c r="K2872" s="18"/>
      <c r="L2872" s="18"/>
      <c r="M2872" s="18"/>
      <c r="N2872" s="18"/>
      <c r="O2872" s="18"/>
      <c r="P2872" s="19">
        <v>90</v>
      </c>
      <c r="Q2872" s="19"/>
      <c r="R2872" s="19"/>
      <c r="S2872" s="19"/>
      <c r="T2872" s="19">
        <v>50</v>
      </c>
      <c r="U2872" s="19"/>
      <c r="V2872" s="19"/>
      <c r="W2872" s="19"/>
      <c r="X2872" s="19">
        <v>1</v>
      </c>
      <c r="Y2872" s="19"/>
      <c r="Z2872" s="19"/>
      <c r="AA2872" s="19"/>
    </row>
    <row r="2873" spans="1:27" s="1" customFormat="1" ht="11.1" customHeight="1" outlineLevel="2" x14ac:dyDescent="0.2">
      <c r="A2873" s="17"/>
      <c r="B2873" s="17"/>
      <c r="C2873" s="17"/>
      <c r="D2873" s="18"/>
      <c r="E2873" s="18"/>
      <c r="F2873" s="18"/>
      <c r="G2873" s="18"/>
      <c r="H2873" s="18"/>
      <c r="I2873" s="18"/>
      <c r="J2873" s="18"/>
      <c r="K2873" s="18"/>
      <c r="L2873" s="18"/>
      <c r="M2873" s="18"/>
      <c r="N2873" s="18"/>
      <c r="O2873" s="18"/>
      <c r="P2873" s="19"/>
      <c r="Q2873" s="19"/>
      <c r="R2873" s="19"/>
      <c r="S2873" s="19"/>
      <c r="T2873" s="19"/>
      <c r="U2873" s="19"/>
      <c r="V2873" s="19"/>
      <c r="W2873" s="19"/>
      <c r="X2873" s="19"/>
      <c r="Y2873" s="19"/>
      <c r="Z2873" s="19"/>
      <c r="AA2873" s="19"/>
    </row>
    <row r="2874" spans="1:27" s="1" customFormat="1" ht="11.1" customHeight="1" outlineLevel="2" x14ac:dyDescent="0.2">
      <c r="A2874" s="17">
        <v>12675</v>
      </c>
      <c r="B2874" s="17"/>
      <c r="C2874" s="17"/>
      <c r="D2874" s="18" t="s">
        <v>1445</v>
      </c>
      <c r="E2874" s="18"/>
      <c r="F2874" s="18"/>
      <c r="G2874" s="18"/>
      <c r="H2874" s="18"/>
      <c r="I2874" s="18"/>
      <c r="J2874" s="18"/>
      <c r="K2874" s="18"/>
      <c r="L2874" s="18"/>
      <c r="M2874" s="18"/>
      <c r="N2874" s="18"/>
      <c r="O2874" s="18"/>
      <c r="P2874" s="19">
        <v>90</v>
      </c>
      <c r="Q2874" s="19"/>
      <c r="R2874" s="19"/>
      <c r="S2874" s="19"/>
      <c r="T2874" s="19">
        <v>50</v>
      </c>
      <c r="U2874" s="19"/>
      <c r="V2874" s="19"/>
      <c r="W2874" s="19"/>
      <c r="X2874" s="19">
        <v>1</v>
      </c>
      <c r="Y2874" s="19"/>
      <c r="Z2874" s="19"/>
      <c r="AA2874" s="19"/>
    </row>
    <row r="2875" spans="1:27" s="1" customFormat="1" ht="11.1" customHeight="1" outlineLevel="2" x14ac:dyDescent="0.2">
      <c r="A2875" s="17"/>
      <c r="B2875" s="17"/>
      <c r="C2875" s="17"/>
      <c r="D2875" s="18"/>
      <c r="E2875" s="18"/>
      <c r="F2875" s="18"/>
      <c r="G2875" s="18"/>
      <c r="H2875" s="18"/>
      <c r="I2875" s="18"/>
      <c r="J2875" s="18"/>
      <c r="K2875" s="18"/>
      <c r="L2875" s="18"/>
      <c r="M2875" s="18"/>
      <c r="N2875" s="18"/>
      <c r="O2875" s="18"/>
      <c r="P2875" s="19"/>
      <c r="Q2875" s="19"/>
      <c r="R2875" s="19"/>
      <c r="S2875" s="19"/>
      <c r="T2875" s="19"/>
      <c r="U2875" s="19"/>
      <c r="V2875" s="19"/>
      <c r="W2875" s="19"/>
      <c r="X2875" s="19"/>
      <c r="Y2875" s="19"/>
      <c r="Z2875" s="19"/>
      <c r="AA2875" s="19"/>
    </row>
    <row r="2876" spans="1:27" s="1" customFormat="1" ht="14.1" customHeight="1" outlineLevel="2" x14ac:dyDescent="0.2">
      <c r="A2876" s="17">
        <v>16610</v>
      </c>
      <c r="B2876" s="17"/>
      <c r="C2876" s="17"/>
      <c r="D2876" s="18" t="s">
        <v>1446</v>
      </c>
      <c r="E2876" s="18"/>
      <c r="F2876" s="18"/>
      <c r="G2876" s="18"/>
      <c r="H2876" s="18"/>
      <c r="I2876" s="18"/>
      <c r="J2876" s="18"/>
      <c r="K2876" s="18"/>
      <c r="L2876" s="18"/>
      <c r="M2876" s="18"/>
      <c r="N2876" s="18"/>
      <c r="O2876" s="18"/>
      <c r="P2876" s="19">
        <v>250</v>
      </c>
      <c r="Q2876" s="19"/>
      <c r="R2876" s="19"/>
      <c r="S2876" s="19"/>
      <c r="T2876" s="19">
        <v>200</v>
      </c>
      <c r="U2876" s="19"/>
      <c r="V2876" s="19"/>
      <c r="W2876" s="19"/>
      <c r="X2876" s="19">
        <v>1</v>
      </c>
      <c r="Y2876" s="19"/>
      <c r="Z2876" s="19"/>
      <c r="AA2876" s="19"/>
    </row>
    <row r="2877" spans="1:27" s="1" customFormat="1" ht="14.1" customHeight="1" outlineLevel="2" x14ac:dyDescent="0.2">
      <c r="A2877" s="17"/>
      <c r="B2877" s="17"/>
      <c r="C2877" s="17"/>
      <c r="D2877" s="18"/>
      <c r="E2877" s="18"/>
      <c r="F2877" s="18"/>
      <c r="G2877" s="18"/>
      <c r="H2877" s="18"/>
      <c r="I2877" s="18"/>
      <c r="J2877" s="18"/>
      <c r="K2877" s="18"/>
      <c r="L2877" s="18"/>
      <c r="M2877" s="18"/>
      <c r="N2877" s="18"/>
      <c r="O2877" s="18"/>
      <c r="P2877" s="19"/>
      <c r="Q2877" s="19"/>
      <c r="R2877" s="19"/>
      <c r="S2877" s="19"/>
      <c r="T2877" s="19"/>
      <c r="U2877" s="19"/>
      <c r="V2877" s="19"/>
      <c r="W2877" s="19"/>
      <c r="X2877" s="19"/>
      <c r="Y2877" s="19"/>
      <c r="Z2877" s="19"/>
      <c r="AA2877" s="19"/>
    </row>
    <row r="2878" spans="1:27" s="1" customFormat="1" ht="11.1" customHeight="1" x14ac:dyDescent="0.2">
      <c r="A2878" s="16" t="s">
        <v>1447</v>
      </c>
      <c r="B2878" s="16"/>
      <c r="C2878" s="16"/>
      <c r="D2878" s="16"/>
      <c r="E2878" s="16"/>
      <c r="F2878" s="16"/>
      <c r="G2878" s="16"/>
      <c r="H2878" s="16"/>
      <c r="I2878" s="16"/>
      <c r="J2878" s="16"/>
      <c r="K2878" s="16"/>
      <c r="L2878" s="16"/>
      <c r="M2878" s="16"/>
      <c r="N2878" s="16"/>
      <c r="O2878" s="16"/>
      <c r="P2878" s="16"/>
      <c r="Q2878" s="16"/>
      <c r="R2878" s="16"/>
      <c r="S2878" s="16"/>
      <c r="T2878" s="16"/>
      <c r="U2878" s="16"/>
      <c r="V2878" s="16"/>
      <c r="W2878" s="16"/>
      <c r="X2878" s="16"/>
      <c r="Y2878" s="16"/>
      <c r="Z2878" s="16"/>
      <c r="AA2878" s="16"/>
    </row>
    <row r="2879" spans="1:27" s="1" customFormat="1" ht="11.1" customHeight="1" x14ac:dyDescent="0.2">
      <c r="A2879" s="16"/>
      <c r="B2879" s="16"/>
      <c r="C2879" s="16"/>
      <c r="D2879" s="16"/>
      <c r="E2879" s="16"/>
      <c r="F2879" s="16"/>
      <c r="G2879" s="16"/>
      <c r="H2879" s="16"/>
      <c r="I2879" s="16"/>
      <c r="J2879" s="16"/>
      <c r="K2879" s="16"/>
      <c r="L2879" s="16"/>
      <c r="M2879" s="16"/>
      <c r="N2879" s="16"/>
      <c r="O2879" s="16"/>
      <c r="P2879" s="16"/>
      <c r="Q2879" s="16"/>
      <c r="R2879" s="16"/>
      <c r="S2879" s="16"/>
      <c r="T2879" s="16"/>
      <c r="U2879" s="16"/>
      <c r="V2879" s="16"/>
      <c r="W2879" s="16"/>
      <c r="X2879" s="16"/>
      <c r="Y2879" s="16"/>
      <c r="Z2879" s="16"/>
      <c r="AA2879" s="16"/>
    </row>
    <row r="2880" spans="1:27" s="1" customFormat="1" ht="11.1" customHeight="1" outlineLevel="1" x14ac:dyDescent="0.2">
      <c r="A2880" s="16" t="s">
        <v>1448</v>
      </c>
      <c r="B2880" s="16"/>
      <c r="C2880" s="16"/>
      <c r="D2880" s="16"/>
      <c r="E2880" s="16"/>
      <c r="F2880" s="16"/>
      <c r="G2880" s="16"/>
      <c r="H2880" s="16"/>
      <c r="I2880" s="16"/>
      <c r="J2880" s="16"/>
      <c r="K2880" s="16"/>
      <c r="L2880" s="16"/>
      <c r="M2880" s="16"/>
      <c r="N2880" s="16"/>
      <c r="O2880" s="16"/>
      <c r="P2880" s="16"/>
      <c r="Q2880" s="16"/>
      <c r="R2880" s="16"/>
      <c r="S2880" s="16"/>
      <c r="T2880" s="16"/>
      <c r="U2880" s="16"/>
      <c r="V2880" s="16"/>
      <c r="W2880" s="16"/>
      <c r="X2880" s="16"/>
      <c r="Y2880" s="16"/>
      <c r="Z2880" s="16"/>
      <c r="AA2880" s="16"/>
    </row>
    <row r="2881" spans="1:27" s="1" customFormat="1" ht="11.1" customHeight="1" outlineLevel="1" x14ac:dyDescent="0.2">
      <c r="A2881" s="16"/>
      <c r="B2881" s="16"/>
      <c r="C2881" s="16"/>
      <c r="D2881" s="16"/>
      <c r="E2881" s="16"/>
      <c r="F2881" s="16"/>
      <c r="G2881" s="16"/>
      <c r="H2881" s="16"/>
      <c r="I2881" s="16"/>
      <c r="J2881" s="16"/>
      <c r="K2881" s="16"/>
      <c r="L2881" s="16"/>
      <c r="M2881" s="16"/>
      <c r="N2881" s="16"/>
      <c r="O2881" s="16"/>
      <c r="P2881" s="16"/>
      <c r="Q2881" s="16"/>
      <c r="R2881" s="16"/>
      <c r="S2881" s="16"/>
      <c r="T2881" s="16"/>
      <c r="U2881" s="16"/>
      <c r="V2881" s="16"/>
      <c r="W2881" s="16"/>
      <c r="X2881" s="16"/>
      <c r="Y2881" s="16"/>
      <c r="Z2881" s="16"/>
      <c r="AA2881" s="16"/>
    </row>
    <row r="2882" spans="1:27" s="1" customFormat="1" ht="11.1" customHeight="1" outlineLevel="2" x14ac:dyDescent="0.2">
      <c r="A2882" s="17">
        <v>1364</v>
      </c>
      <c r="B2882" s="17"/>
      <c r="C2882" s="17"/>
      <c r="D2882" s="18" t="s">
        <v>1449</v>
      </c>
      <c r="E2882" s="18"/>
      <c r="F2882" s="18"/>
      <c r="G2882" s="18"/>
      <c r="H2882" s="18"/>
      <c r="I2882" s="18"/>
      <c r="J2882" s="18"/>
      <c r="K2882" s="18"/>
      <c r="L2882" s="18"/>
      <c r="M2882" s="18"/>
      <c r="N2882" s="18"/>
      <c r="O2882" s="18"/>
      <c r="P2882" s="19">
        <v>350</v>
      </c>
      <c r="Q2882" s="19"/>
      <c r="R2882" s="19"/>
      <c r="S2882" s="19"/>
      <c r="T2882" s="19">
        <v>300</v>
      </c>
      <c r="U2882" s="19"/>
      <c r="V2882" s="19"/>
      <c r="W2882" s="19"/>
      <c r="X2882" s="19">
        <v>1</v>
      </c>
      <c r="Y2882" s="19"/>
      <c r="Z2882" s="19"/>
      <c r="AA2882" s="19"/>
    </row>
    <row r="2883" spans="1:27" s="1" customFormat="1" ht="11.1" customHeight="1" outlineLevel="2" x14ac:dyDescent="0.2">
      <c r="A2883" s="17"/>
      <c r="B2883" s="17"/>
      <c r="C2883" s="17"/>
      <c r="D2883" s="18"/>
      <c r="E2883" s="18"/>
      <c r="F2883" s="18"/>
      <c r="G2883" s="18"/>
      <c r="H2883" s="18"/>
      <c r="I2883" s="18"/>
      <c r="J2883" s="18"/>
      <c r="K2883" s="18"/>
      <c r="L2883" s="18"/>
      <c r="M2883" s="18"/>
      <c r="N2883" s="18"/>
      <c r="O2883" s="18"/>
      <c r="P2883" s="19"/>
      <c r="Q2883" s="19"/>
      <c r="R2883" s="19"/>
      <c r="S2883" s="19"/>
      <c r="T2883" s="19"/>
      <c r="U2883" s="19"/>
      <c r="V2883" s="19"/>
      <c r="W2883" s="19"/>
      <c r="X2883" s="19"/>
      <c r="Y2883" s="19"/>
      <c r="Z2883" s="19"/>
      <c r="AA2883" s="19"/>
    </row>
    <row r="2884" spans="1:27" s="1" customFormat="1" ht="11.1" customHeight="1" outlineLevel="2" x14ac:dyDescent="0.2">
      <c r="A2884" s="17">
        <v>6294</v>
      </c>
      <c r="B2884" s="17"/>
      <c r="C2884" s="17"/>
      <c r="D2884" s="18" t="s">
        <v>1450</v>
      </c>
      <c r="E2884" s="18"/>
      <c r="F2884" s="18"/>
      <c r="G2884" s="18"/>
      <c r="H2884" s="18"/>
      <c r="I2884" s="18"/>
      <c r="J2884" s="18"/>
      <c r="K2884" s="18"/>
      <c r="L2884" s="18"/>
      <c r="M2884" s="18"/>
      <c r="N2884" s="18"/>
      <c r="O2884" s="18"/>
      <c r="P2884" s="19">
        <v>560</v>
      </c>
      <c r="Q2884" s="19"/>
      <c r="R2884" s="19"/>
      <c r="S2884" s="19"/>
      <c r="T2884" s="19">
        <v>520</v>
      </c>
      <c r="U2884" s="19"/>
      <c r="V2884" s="19"/>
      <c r="W2884" s="19"/>
      <c r="X2884" s="19">
        <v>1</v>
      </c>
      <c r="Y2884" s="19"/>
      <c r="Z2884" s="19"/>
      <c r="AA2884" s="19"/>
    </row>
    <row r="2885" spans="1:27" s="1" customFormat="1" ht="11.1" customHeight="1" outlineLevel="2" x14ac:dyDescent="0.2">
      <c r="A2885" s="17"/>
      <c r="B2885" s="17"/>
      <c r="C2885" s="17"/>
      <c r="D2885" s="18"/>
      <c r="E2885" s="18"/>
      <c r="F2885" s="18"/>
      <c r="G2885" s="18"/>
      <c r="H2885" s="18"/>
      <c r="I2885" s="18"/>
      <c r="J2885" s="18"/>
      <c r="K2885" s="18"/>
      <c r="L2885" s="18"/>
      <c r="M2885" s="18"/>
      <c r="N2885" s="18"/>
      <c r="O2885" s="18"/>
      <c r="P2885" s="19"/>
      <c r="Q2885" s="19"/>
      <c r="R2885" s="19"/>
      <c r="S2885" s="19"/>
      <c r="T2885" s="19"/>
      <c r="U2885" s="19"/>
      <c r="V2885" s="19"/>
      <c r="W2885" s="19"/>
      <c r="X2885" s="19"/>
      <c r="Y2885" s="19"/>
      <c r="Z2885" s="19"/>
      <c r="AA2885" s="19"/>
    </row>
    <row r="2886" spans="1:27" s="1" customFormat="1" ht="11.1" customHeight="1" outlineLevel="2" x14ac:dyDescent="0.2">
      <c r="A2886" s="17">
        <v>5912</v>
      </c>
      <c r="B2886" s="17"/>
      <c r="C2886" s="17"/>
      <c r="D2886" s="18" t="s">
        <v>1451</v>
      </c>
      <c r="E2886" s="18"/>
      <c r="F2886" s="18"/>
      <c r="G2886" s="18"/>
      <c r="H2886" s="18"/>
      <c r="I2886" s="18"/>
      <c r="J2886" s="18"/>
      <c r="K2886" s="18"/>
      <c r="L2886" s="18"/>
      <c r="M2886" s="18"/>
      <c r="N2886" s="18"/>
      <c r="O2886" s="18"/>
      <c r="P2886" s="19">
        <v>790</v>
      </c>
      <c r="Q2886" s="19"/>
      <c r="R2886" s="19"/>
      <c r="S2886" s="19"/>
      <c r="T2886" s="19">
        <v>730</v>
      </c>
      <c r="U2886" s="19"/>
      <c r="V2886" s="19"/>
      <c r="W2886" s="19"/>
      <c r="X2886" s="19">
        <v>1</v>
      </c>
      <c r="Y2886" s="19"/>
      <c r="Z2886" s="19"/>
      <c r="AA2886" s="19"/>
    </row>
    <row r="2887" spans="1:27" s="1" customFormat="1" ht="11.1" customHeight="1" outlineLevel="2" x14ac:dyDescent="0.2">
      <c r="A2887" s="17"/>
      <c r="B2887" s="17"/>
      <c r="C2887" s="17"/>
      <c r="D2887" s="18"/>
      <c r="E2887" s="18"/>
      <c r="F2887" s="18"/>
      <c r="G2887" s="18"/>
      <c r="H2887" s="18"/>
      <c r="I2887" s="18"/>
      <c r="J2887" s="18"/>
      <c r="K2887" s="18"/>
      <c r="L2887" s="18"/>
      <c r="M2887" s="18"/>
      <c r="N2887" s="18"/>
      <c r="O2887" s="18"/>
      <c r="P2887" s="19"/>
      <c r="Q2887" s="19"/>
      <c r="R2887" s="19"/>
      <c r="S2887" s="19"/>
      <c r="T2887" s="19"/>
      <c r="U2887" s="19"/>
      <c r="V2887" s="19"/>
      <c r="W2887" s="19"/>
      <c r="X2887" s="19"/>
      <c r="Y2887" s="19"/>
      <c r="Z2887" s="19"/>
      <c r="AA2887" s="19"/>
    </row>
    <row r="2888" spans="1:27" s="1" customFormat="1" ht="11.1" customHeight="1" outlineLevel="2" x14ac:dyDescent="0.2">
      <c r="A2888" s="17">
        <v>6765</v>
      </c>
      <c r="B2888" s="17"/>
      <c r="C2888" s="17"/>
      <c r="D2888" s="18" t="s">
        <v>1452</v>
      </c>
      <c r="E2888" s="18"/>
      <c r="F2888" s="18"/>
      <c r="G2888" s="18"/>
      <c r="H2888" s="18"/>
      <c r="I2888" s="18"/>
      <c r="J2888" s="18"/>
      <c r="K2888" s="18"/>
      <c r="L2888" s="18"/>
      <c r="M2888" s="18"/>
      <c r="N2888" s="18"/>
      <c r="O2888" s="18"/>
      <c r="P2888" s="20">
        <v>1450</v>
      </c>
      <c r="Q2888" s="20"/>
      <c r="R2888" s="20"/>
      <c r="S2888" s="20"/>
      <c r="T2888" s="20">
        <v>1370</v>
      </c>
      <c r="U2888" s="20"/>
      <c r="V2888" s="20"/>
      <c r="W2888" s="20"/>
      <c r="X2888" s="19">
        <v>1</v>
      </c>
      <c r="Y2888" s="19"/>
      <c r="Z2888" s="19"/>
      <c r="AA2888" s="19"/>
    </row>
    <row r="2889" spans="1:27" s="1" customFormat="1" ht="11.1" customHeight="1" outlineLevel="2" x14ac:dyDescent="0.2">
      <c r="A2889" s="17"/>
      <c r="B2889" s="17"/>
      <c r="C2889" s="17"/>
      <c r="D2889" s="18"/>
      <c r="E2889" s="18"/>
      <c r="F2889" s="18"/>
      <c r="G2889" s="18"/>
      <c r="H2889" s="18"/>
      <c r="I2889" s="18"/>
      <c r="J2889" s="18"/>
      <c r="K2889" s="18"/>
      <c r="L2889" s="18"/>
      <c r="M2889" s="18"/>
      <c r="N2889" s="18"/>
      <c r="O2889" s="18"/>
      <c r="P2889" s="20"/>
      <c r="Q2889" s="20"/>
      <c r="R2889" s="20"/>
      <c r="S2889" s="20"/>
      <c r="T2889" s="20"/>
      <c r="U2889" s="20"/>
      <c r="V2889" s="20"/>
      <c r="W2889" s="20"/>
      <c r="X2889" s="19"/>
      <c r="Y2889" s="19"/>
      <c r="Z2889" s="19"/>
      <c r="AA2889" s="19"/>
    </row>
    <row r="2890" spans="1:27" s="1" customFormat="1" ht="11.1" customHeight="1" outlineLevel="2" x14ac:dyDescent="0.2">
      <c r="A2890" s="17">
        <v>1363</v>
      </c>
      <c r="B2890" s="17"/>
      <c r="C2890" s="17"/>
      <c r="D2890" s="18" t="s">
        <v>1453</v>
      </c>
      <c r="E2890" s="18"/>
      <c r="F2890" s="18"/>
      <c r="G2890" s="18"/>
      <c r="H2890" s="18"/>
      <c r="I2890" s="18"/>
      <c r="J2890" s="18"/>
      <c r="K2890" s="18"/>
      <c r="L2890" s="18"/>
      <c r="M2890" s="18"/>
      <c r="N2890" s="18"/>
      <c r="O2890" s="18"/>
      <c r="P2890" s="19">
        <v>500</v>
      </c>
      <c r="Q2890" s="19"/>
      <c r="R2890" s="19"/>
      <c r="S2890" s="19"/>
      <c r="T2890" s="19">
        <v>450</v>
      </c>
      <c r="U2890" s="19"/>
      <c r="V2890" s="19"/>
      <c r="W2890" s="19"/>
      <c r="X2890" s="19">
        <v>4</v>
      </c>
      <c r="Y2890" s="19"/>
      <c r="Z2890" s="19"/>
      <c r="AA2890" s="19"/>
    </row>
    <row r="2891" spans="1:27" s="1" customFormat="1" ht="11.1" customHeight="1" outlineLevel="2" x14ac:dyDescent="0.2">
      <c r="A2891" s="17"/>
      <c r="B2891" s="17"/>
      <c r="C2891" s="17"/>
      <c r="D2891" s="18"/>
      <c r="E2891" s="18"/>
      <c r="F2891" s="18"/>
      <c r="G2891" s="18"/>
      <c r="H2891" s="18"/>
      <c r="I2891" s="18"/>
      <c r="J2891" s="18"/>
      <c r="K2891" s="18"/>
      <c r="L2891" s="18"/>
      <c r="M2891" s="18"/>
      <c r="N2891" s="18"/>
      <c r="O2891" s="18"/>
      <c r="P2891" s="19"/>
      <c r="Q2891" s="19"/>
      <c r="R2891" s="19"/>
      <c r="S2891" s="19"/>
      <c r="T2891" s="19"/>
      <c r="U2891" s="19"/>
      <c r="V2891" s="19"/>
      <c r="W2891" s="19"/>
      <c r="X2891" s="19"/>
      <c r="Y2891" s="19"/>
      <c r="Z2891" s="19"/>
      <c r="AA2891" s="19"/>
    </row>
    <row r="2892" spans="1:27" s="1" customFormat="1" ht="11.1" customHeight="1" outlineLevel="2" x14ac:dyDescent="0.2">
      <c r="A2892" s="17">
        <v>5383</v>
      </c>
      <c r="B2892" s="17"/>
      <c r="C2892" s="17"/>
      <c r="D2892" s="18" t="s">
        <v>1454</v>
      </c>
      <c r="E2892" s="18"/>
      <c r="F2892" s="18"/>
      <c r="G2892" s="18"/>
      <c r="H2892" s="18"/>
      <c r="I2892" s="18"/>
      <c r="J2892" s="18"/>
      <c r="K2892" s="18"/>
      <c r="L2892" s="18"/>
      <c r="M2892" s="18"/>
      <c r="N2892" s="18"/>
      <c r="O2892" s="18"/>
      <c r="P2892" s="19">
        <v>600</v>
      </c>
      <c r="Q2892" s="19"/>
      <c r="R2892" s="19"/>
      <c r="S2892" s="19"/>
      <c r="T2892" s="19">
        <v>540</v>
      </c>
      <c r="U2892" s="19"/>
      <c r="V2892" s="19"/>
      <c r="W2892" s="19"/>
      <c r="X2892" s="19">
        <v>1</v>
      </c>
      <c r="Y2892" s="19"/>
      <c r="Z2892" s="19"/>
      <c r="AA2892" s="19"/>
    </row>
    <row r="2893" spans="1:27" s="1" customFormat="1" ht="11.1" customHeight="1" outlineLevel="2" x14ac:dyDescent="0.2">
      <c r="A2893" s="17"/>
      <c r="B2893" s="17"/>
      <c r="C2893" s="17"/>
      <c r="D2893" s="18"/>
      <c r="E2893" s="18"/>
      <c r="F2893" s="18"/>
      <c r="G2893" s="18"/>
      <c r="H2893" s="18"/>
      <c r="I2893" s="18"/>
      <c r="J2893" s="18"/>
      <c r="K2893" s="18"/>
      <c r="L2893" s="18"/>
      <c r="M2893" s="18"/>
      <c r="N2893" s="18"/>
      <c r="O2893" s="18"/>
      <c r="P2893" s="19"/>
      <c r="Q2893" s="19"/>
      <c r="R2893" s="19"/>
      <c r="S2893" s="19"/>
      <c r="T2893" s="19"/>
      <c r="U2893" s="19"/>
      <c r="V2893" s="19"/>
      <c r="W2893" s="19"/>
      <c r="X2893" s="19"/>
      <c r="Y2893" s="19"/>
      <c r="Z2893" s="19"/>
      <c r="AA2893" s="19"/>
    </row>
    <row r="2894" spans="1:27" s="1" customFormat="1" ht="11.1" customHeight="1" outlineLevel="2" x14ac:dyDescent="0.2">
      <c r="A2894" s="17">
        <v>1357</v>
      </c>
      <c r="B2894" s="17"/>
      <c r="C2894" s="17"/>
      <c r="D2894" s="18" t="s">
        <v>1455</v>
      </c>
      <c r="E2894" s="18"/>
      <c r="F2894" s="18"/>
      <c r="G2894" s="18"/>
      <c r="H2894" s="18"/>
      <c r="I2894" s="18"/>
      <c r="J2894" s="18"/>
      <c r="K2894" s="18"/>
      <c r="L2894" s="18"/>
      <c r="M2894" s="18"/>
      <c r="N2894" s="18"/>
      <c r="O2894" s="18"/>
      <c r="P2894" s="19">
        <v>550</v>
      </c>
      <c r="Q2894" s="19"/>
      <c r="R2894" s="19"/>
      <c r="S2894" s="19"/>
      <c r="T2894" s="19">
        <v>500</v>
      </c>
      <c r="U2894" s="19"/>
      <c r="V2894" s="19"/>
      <c r="W2894" s="19"/>
      <c r="X2894" s="19">
        <v>1</v>
      </c>
      <c r="Y2894" s="19"/>
      <c r="Z2894" s="19"/>
      <c r="AA2894" s="19"/>
    </row>
    <row r="2895" spans="1:27" s="1" customFormat="1" ht="11.1" customHeight="1" outlineLevel="2" x14ac:dyDescent="0.2">
      <c r="A2895" s="17"/>
      <c r="B2895" s="17"/>
      <c r="C2895" s="17"/>
      <c r="D2895" s="18"/>
      <c r="E2895" s="18"/>
      <c r="F2895" s="18"/>
      <c r="G2895" s="18"/>
      <c r="H2895" s="18"/>
      <c r="I2895" s="18"/>
      <c r="J2895" s="18"/>
      <c r="K2895" s="18"/>
      <c r="L2895" s="18"/>
      <c r="M2895" s="18"/>
      <c r="N2895" s="18"/>
      <c r="O2895" s="18"/>
      <c r="P2895" s="19"/>
      <c r="Q2895" s="19"/>
      <c r="R2895" s="19"/>
      <c r="S2895" s="19"/>
      <c r="T2895" s="19"/>
      <c r="U2895" s="19"/>
      <c r="V2895" s="19"/>
      <c r="W2895" s="19"/>
      <c r="X2895" s="19"/>
      <c r="Y2895" s="19"/>
      <c r="Z2895" s="19"/>
      <c r="AA2895" s="19"/>
    </row>
    <row r="2896" spans="1:27" s="1" customFormat="1" ht="14.1" customHeight="1" outlineLevel="2" x14ac:dyDescent="0.2">
      <c r="A2896" s="17">
        <v>1355</v>
      </c>
      <c r="B2896" s="17"/>
      <c r="C2896" s="17"/>
      <c r="D2896" s="18" t="s">
        <v>1456</v>
      </c>
      <c r="E2896" s="18"/>
      <c r="F2896" s="18"/>
      <c r="G2896" s="18"/>
      <c r="H2896" s="18"/>
      <c r="I2896" s="18"/>
      <c r="J2896" s="18"/>
      <c r="K2896" s="18"/>
      <c r="L2896" s="18"/>
      <c r="M2896" s="18"/>
      <c r="N2896" s="18"/>
      <c r="O2896" s="18"/>
      <c r="P2896" s="20">
        <v>1100</v>
      </c>
      <c r="Q2896" s="20"/>
      <c r="R2896" s="20"/>
      <c r="S2896" s="20"/>
      <c r="T2896" s="19">
        <v>950</v>
      </c>
      <c r="U2896" s="19"/>
      <c r="V2896" s="19"/>
      <c r="W2896" s="19"/>
      <c r="X2896" s="19">
        <v>1</v>
      </c>
      <c r="Y2896" s="19"/>
      <c r="Z2896" s="19"/>
      <c r="AA2896" s="19"/>
    </row>
    <row r="2897" spans="1:27" s="1" customFormat="1" ht="14.1" customHeight="1" outlineLevel="2" x14ac:dyDescent="0.2">
      <c r="A2897" s="17"/>
      <c r="B2897" s="17"/>
      <c r="C2897" s="17"/>
      <c r="D2897" s="18"/>
      <c r="E2897" s="18"/>
      <c r="F2897" s="18"/>
      <c r="G2897" s="18"/>
      <c r="H2897" s="18"/>
      <c r="I2897" s="18"/>
      <c r="J2897" s="18"/>
      <c r="K2897" s="18"/>
      <c r="L2897" s="18"/>
      <c r="M2897" s="18"/>
      <c r="N2897" s="18"/>
      <c r="O2897" s="18"/>
      <c r="P2897" s="20"/>
      <c r="Q2897" s="20"/>
      <c r="R2897" s="20"/>
      <c r="S2897" s="20"/>
      <c r="T2897" s="19"/>
      <c r="U2897" s="19"/>
      <c r="V2897" s="19"/>
      <c r="W2897" s="19"/>
      <c r="X2897" s="19"/>
      <c r="Y2897" s="19"/>
      <c r="Z2897" s="19"/>
      <c r="AA2897" s="19"/>
    </row>
    <row r="2898" spans="1:27" s="1" customFormat="1" ht="11.1" customHeight="1" outlineLevel="2" x14ac:dyDescent="0.2">
      <c r="A2898" s="17">
        <v>1366</v>
      </c>
      <c r="B2898" s="17"/>
      <c r="C2898" s="17"/>
      <c r="D2898" s="18" t="s">
        <v>1457</v>
      </c>
      <c r="E2898" s="18"/>
      <c r="F2898" s="18"/>
      <c r="G2898" s="18"/>
      <c r="H2898" s="18"/>
      <c r="I2898" s="18"/>
      <c r="J2898" s="18"/>
      <c r="K2898" s="18"/>
      <c r="L2898" s="18"/>
      <c r="M2898" s="18"/>
      <c r="N2898" s="18"/>
      <c r="O2898" s="18"/>
      <c r="P2898" s="20">
        <v>1150</v>
      </c>
      <c r="Q2898" s="20"/>
      <c r="R2898" s="20"/>
      <c r="S2898" s="20"/>
      <c r="T2898" s="20">
        <v>1060</v>
      </c>
      <c r="U2898" s="20"/>
      <c r="V2898" s="20"/>
      <c r="W2898" s="20"/>
      <c r="X2898" s="19">
        <v>1</v>
      </c>
      <c r="Y2898" s="19"/>
      <c r="Z2898" s="19"/>
      <c r="AA2898" s="19"/>
    </row>
    <row r="2899" spans="1:27" s="1" customFormat="1" ht="11.1" customHeight="1" outlineLevel="2" x14ac:dyDescent="0.2">
      <c r="A2899" s="17"/>
      <c r="B2899" s="17"/>
      <c r="C2899" s="17"/>
      <c r="D2899" s="18"/>
      <c r="E2899" s="18"/>
      <c r="F2899" s="18"/>
      <c r="G2899" s="18"/>
      <c r="H2899" s="18"/>
      <c r="I2899" s="18"/>
      <c r="J2899" s="18"/>
      <c r="K2899" s="18"/>
      <c r="L2899" s="18"/>
      <c r="M2899" s="18"/>
      <c r="N2899" s="18"/>
      <c r="O2899" s="18"/>
      <c r="P2899" s="20"/>
      <c r="Q2899" s="20"/>
      <c r="R2899" s="20"/>
      <c r="S2899" s="20"/>
      <c r="T2899" s="20"/>
      <c r="U2899" s="20"/>
      <c r="V2899" s="20"/>
      <c r="W2899" s="20"/>
      <c r="X2899" s="19"/>
      <c r="Y2899" s="19"/>
      <c r="Z2899" s="19"/>
      <c r="AA2899" s="19"/>
    </row>
    <row r="2900" spans="1:27" s="1" customFormat="1" ht="11.1" customHeight="1" outlineLevel="2" x14ac:dyDescent="0.2">
      <c r="A2900" s="17">
        <v>1213</v>
      </c>
      <c r="B2900" s="17"/>
      <c r="C2900" s="17"/>
      <c r="D2900" s="18" t="s">
        <v>1458</v>
      </c>
      <c r="E2900" s="18"/>
      <c r="F2900" s="18"/>
      <c r="G2900" s="18"/>
      <c r="H2900" s="18"/>
      <c r="I2900" s="18"/>
      <c r="J2900" s="18"/>
      <c r="K2900" s="18"/>
      <c r="L2900" s="18"/>
      <c r="M2900" s="18"/>
      <c r="N2900" s="18"/>
      <c r="O2900" s="18"/>
      <c r="P2900" s="20">
        <v>1300</v>
      </c>
      <c r="Q2900" s="20"/>
      <c r="R2900" s="20"/>
      <c r="S2900" s="20"/>
      <c r="T2900" s="20">
        <v>1200</v>
      </c>
      <c r="U2900" s="20"/>
      <c r="V2900" s="20"/>
      <c r="W2900" s="20"/>
      <c r="X2900" s="19">
        <v>1</v>
      </c>
      <c r="Y2900" s="19"/>
      <c r="Z2900" s="19"/>
      <c r="AA2900" s="19"/>
    </row>
    <row r="2901" spans="1:27" s="1" customFormat="1" ht="11.1" customHeight="1" outlineLevel="2" x14ac:dyDescent="0.2">
      <c r="A2901" s="17"/>
      <c r="B2901" s="17"/>
      <c r="C2901" s="17"/>
      <c r="D2901" s="18"/>
      <c r="E2901" s="18"/>
      <c r="F2901" s="18"/>
      <c r="G2901" s="18"/>
      <c r="H2901" s="18"/>
      <c r="I2901" s="18"/>
      <c r="J2901" s="18"/>
      <c r="K2901" s="18"/>
      <c r="L2901" s="18"/>
      <c r="M2901" s="18"/>
      <c r="N2901" s="18"/>
      <c r="O2901" s="18"/>
      <c r="P2901" s="20"/>
      <c r="Q2901" s="20"/>
      <c r="R2901" s="20"/>
      <c r="S2901" s="20"/>
      <c r="T2901" s="20"/>
      <c r="U2901" s="20"/>
      <c r="V2901" s="20"/>
      <c r="W2901" s="20"/>
      <c r="X2901" s="19"/>
      <c r="Y2901" s="19"/>
      <c r="Z2901" s="19"/>
      <c r="AA2901" s="19"/>
    </row>
    <row r="2902" spans="1:27" s="1" customFormat="1" ht="11.1" customHeight="1" outlineLevel="1" x14ac:dyDescent="0.2">
      <c r="A2902" s="16" t="s">
        <v>1164</v>
      </c>
      <c r="B2902" s="16"/>
      <c r="C2902" s="16"/>
      <c r="D2902" s="16"/>
      <c r="E2902" s="16"/>
      <c r="F2902" s="16"/>
      <c r="G2902" s="16"/>
      <c r="H2902" s="16"/>
      <c r="I2902" s="16"/>
      <c r="J2902" s="16"/>
      <c r="K2902" s="16"/>
      <c r="L2902" s="16"/>
      <c r="M2902" s="16"/>
      <c r="N2902" s="16"/>
      <c r="O2902" s="16"/>
      <c r="P2902" s="16"/>
      <c r="Q2902" s="16"/>
      <c r="R2902" s="16"/>
      <c r="S2902" s="16"/>
      <c r="T2902" s="16"/>
      <c r="U2902" s="16"/>
      <c r="V2902" s="16"/>
      <c r="W2902" s="16"/>
      <c r="X2902" s="16"/>
      <c r="Y2902" s="16"/>
      <c r="Z2902" s="16"/>
      <c r="AA2902" s="16"/>
    </row>
    <row r="2903" spans="1:27" s="1" customFormat="1" ht="11.1" customHeight="1" outlineLevel="1" x14ac:dyDescent="0.2">
      <c r="A2903" s="16"/>
      <c r="B2903" s="16"/>
      <c r="C2903" s="16"/>
      <c r="D2903" s="16"/>
      <c r="E2903" s="16"/>
      <c r="F2903" s="16"/>
      <c r="G2903" s="16"/>
      <c r="H2903" s="16"/>
      <c r="I2903" s="16"/>
      <c r="J2903" s="16"/>
      <c r="K2903" s="16"/>
      <c r="L2903" s="16"/>
      <c r="M2903" s="16"/>
      <c r="N2903" s="16"/>
      <c r="O2903" s="16"/>
      <c r="P2903" s="16"/>
      <c r="Q2903" s="16"/>
      <c r="R2903" s="16"/>
      <c r="S2903" s="16"/>
      <c r="T2903" s="16"/>
      <c r="U2903" s="16"/>
      <c r="V2903" s="16"/>
      <c r="W2903" s="16"/>
      <c r="X2903" s="16"/>
      <c r="Y2903" s="16"/>
      <c r="Z2903" s="16"/>
      <c r="AA2903" s="16"/>
    </row>
    <row r="2904" spans="1:27" s="1" customFormat="1" ht="14.1" customHeight="1" outlineLevel="2" x14ac:dyDescent="0.2">
      <c r="A2904" s="17">
        <v>9962</v>
      </c>
      <c r="B2904" s="17"/>
      <c r="C2904" s="17"/>
      <c r="D2904" s="18" t="s">
        <v>1459</v>
      </c>
      <c r="E2904" s="18"/>
      <c r="F2904" s="18"/>
      <c r="G2904" s="18"/>
      <c r="H2904" s="18"/>
      <c r="I2904" s="18"/>
      <c r="J2904" s="18"/>
      <c r="K2904" s="18"/>
      <c r="L2904" s="18"/>
      <c r="M2904" s="18"/>
      <c r="N2904" s="18"/>
      <c r="O2904" s="18"/>
      <c r="P2904" s="20">
        <v>2300</v>
      </c>
      <c r="Q2904" s="20"/>
      <c r="R2904" s="20"/>
      <c r="S2904" s="20"/>
      <c r="T2904" s="20">
        <v>2300</v>
      </c>
      <c r="U2904" s="20"/>
      <c r="V2904" s="20"/>
      <c r="W2904" s="20"/>
      <c r="X2904" s="19">
        <v>1</v>
      </c>
      <c r="Y2904" s="19"/>
      <c r="Z2904" s="19"/>
      <c r="AA2904" s="19"/>
    </row>
    <row r="2905" spans="1:27" s="1" customFormat="1" ht="14.1" customHeight="1" outlineLevel="2" x14ac:dyDescent="0.2">
      <c r="A2905" s="17"/>
      <c r="B2905" s="17"/>
      <c r="C2905" s="17"/>
      <c r="D2905" s="18"/>
      <c r="E2905" s="18"/>
      <c r="F2905" s="18"/>
      <c r="G2905" s="18"/>
      <c r="H2905" s="18"/>
      <c r="I2905" s="18"/>
      <c r="J2905" s="18"/>
      <c r="K2905" s="18"/>
      <c r="L2905" s="18"/>
      <c r="M2905" s="18"/>
      <c r="N2905" s="18"/>
      <c r="O2905" s="18"/>
      <c r="P2905" s="20"/>
      <c r="Q2905" s="20"/>
      <c r="R2905" s="20"/>
      <c r="S2905" s="20"/>
      <c r="T2905" s="20"/>
      <c r="U2905" s="20"/>
      <c r="V2905" s="20"/>
      <c r="W2905" s="20"/>
      <c r="X2905" s="19"/>
      <c r="Y2905" s="19"/>
      <c r="Z2905" s="19"/>
      <c r="AA2905" s="19"/>
    </row>
    <row r="2906" spans="1:27" s="1" customFormat="1" ht="14.1" customHeight="1" outlineLevel="2" x14ac:dyDescent="0.2">
      <c r="A2906" s="17">
        <v>8684</v>
      </c>
      <c r="B2906" s="17"/>
      <c r="C2906" s="17"/>
      <c r="D2906" s="18" t="s">
        <v>1460</v>
      </c>
      <c r="E2906" s="18"/>
      <c r="F2906" s="18"/>
      <c r="G2906" s="18"/>
      <c r="H2906" s="18"/>
      <c r="I2906" s="18"/>
      <c r="J2906" s="18"/>
      <c r="K2906" s="18"/>
      <c r="L2906" s="18"/>
      <c r="M2906" s="18"/>
      <c r="N2906" s="18"/>
      <c r="O2906" s="18"/>
      <c r="P2906" s="20">
        <v>1750</v>
      </c>
      <c r="Q2906" s="20"/>
      <c r="R2906" s="20"/>
      <c r="S2906" s="20"/>
      <c r="T2906" s="20">
        <v>1550</v>
      </c>
      <c r="U2906" s="20"/>
      <c r="V2906" s="20"/>
      <c r="W2906" s="20"/>
      <c r="X2906" s="19">
        <v>1</v>
      </c>
      <c r="Y2906" s="19"/>
      <c r="Z2906" s="19"/>
      <c r="AA2906" s="19"/>
    </row>
    <row r="2907" spans="1:27" s="1" customFormat="1" ht="14.1" customHeight="1" outlineLevel="2" x14ac:dyDescent="0.2">
      <c r="A2907" s="17"/>
      <c r="B2907" s="17"/>
      <c r="C2907" s="17"/>
      <c r="D2907" s="18"/>
      <c r="E2907" s="18"/>
      <c r="F2907" s="18"/>
      <c r="G2907" s="18"/>
      <c r="H2907" s="18"/>
      <c r="I2907" s="18"/>
      <c r="J2907" s="18"/>
      <c r="K2907" s="18"/>
      <c r="L2907" s="18"/>
      <c r="M2907" s="18"/>
      <c r="N2907" s="18"/>
      <c r="O2907" s="18"/>
      <c r="P2907" s="20"/>
      <c r="Q2907" s="20"/>
      <c r="R2907" s="20"/>
      <c r="S2907" s="20"/>
      <c r="T2907" s="20"/>
      <c r="U2907" s="20"/>
      <c r="V2907" s="20"/>
      <c r="W2907" s="20"/>
      <c r="X2907" s="19"/>
      <c r="Y2907" s="19"/>
      <c r="Z2907" s="19"/>
      <c r="AA2907" s="19"/>
    </row>
    <row r="2908" spans="1:27" s="1" customFormat="1" ht="14.1" customHeight="1" outlineLevel="2" x14ac:dyDescent="0.2">
      <c r="A2908" s="17">
        <v>4633</v>
      </c>
      <c r="B2908" s="17"/>
      <c r="C2908" s="17"/>
      <c r="D2908" s="18" t="s">
        <v>1461</v>
      </c>
      <c r="E2908" s="18"/>
      <c r="F2908" s="18"/>
      <c r="G2908" s="18"/>
      <c r="H2908" s="18"/>
      <c r="I2908" s="18"/>
      <c r="J2908" s="18"/>
      <c r="K2908" s="18"/>
      <c r="L2908" s="18"/>
      <c r="M2908" s="18"/>
      <c r="N2908" s="18"/>
      <c r="O2908" s="18"/>
      <c r="P2908" s="20">
        <v>1450</v>
      </c>
      <c r="Q2908" s="20"/>
      <c r="R2908" s="20"/>
      <c r="S2908" s="20"/>
      <c r="T2908" s="21"/>
      <c r="U2908" s="21"/>
      <c r="V2908" s="21"/>
      <c r="W2908" s="21"/>
      <c r="X2908" s="19">
        <v>1</v>
      </c>
      <c r="Y2908" s="19"/>
      <c r="Z2908" s="19"/>
      <c r="AA2908" s="19"/>
    </row>
    <row r="2909" spans="1:27" s="1" customFormat="1" ht="14.1" customHeight="1" outlineLevel="2" x14ac:dyDescent="0.2">
      <c r="A2909" s="17"/>
      <c r="B2909" s="17"/>
      <c r="C2909" s="17"/>
      <c r="D2909" s="18"/>
      <c r="E2909" s="18"/>
      <c r="F2909" s="18"/>
      <c r="G2909" s="18"/>
      <c r="H2909" s="18"/>
      <c r="I2909" s="18"/>
      <c r="J2909" s="18"/>
      <c r="K2909" s="18"/>
      <c r="L2909" s="18"/>
      <c r="M2909" s="18"/>
      <c r="N2909" s="18"/>
      <c r="O2909" s="18"/>
      <c r="P2909" s="20"/>
      <c r="Q2909" s="20"/>
      <c r="R2909" s="20"/>
      <c r="S2909" s="20"/>
      <c r="T2909" s="21"/>
      <c r="U2909" s="21"/>
      <c r="V2909" s="21"/>
      <c r="W2909" s="21"/>
      <c r="X2909" s="19"/>
      <c r="Y2909" s="19"/>
      <c r="Z2909" s="19"/>
      <c r="AA2909" s="19"/>
    </row>
    <row r="2910" spans="1:27" s="1" customFormat="1" ht="14.1" customHeight="1" outlineLevel="2" x14ac:dyDescent="0.2">
      <c r="A2910" s="17">
        <v>5109</v>
      </c>
      <c r="B2910" s="17"/>
      <c r="C2910" s="17"/>
      <c r="D2910" s="18" t="s">
        <v>1462</v>
      </c>
      <c r="E2910" s="18"/>
      <c r="F2910" s="18"/>
      <c r="G2910" s="18"/>
      <c r="H2910" s="18"/>
      <c r="I2910" s="18"/>
      <c r="J2910" s="18"/>
      <c r="K2910" s="18"/>
      <c r="L2910" s="18"/>
      <c r="M2910" s="18"/>
      <c r="N2910" s="18"/>
      <c r="O2910" s="18"/>
      <c r="P2910" s="20">
        <v>1100</v>
      </c>
      <c r="Q2910" s="20"/>
      <c r="R2910" s="20"/>
      <c r="S2910" s="20"/>
      <c r="T2910" s="20">
        <v>1020</v>
      </c>
      <c r="U2910" s="20"/>
      <c r="V2910" s="20"/>
      <c r="W2910" s="20"/>
      <c r="X2910" s="19">
        <v>1</v>
      </c>
      <c r="Y2910" s="19"/>
      <c r="Z2910" s="19"/>
      <c r="AA2910" s="19"/>
    </row>
    <row r="2911" spans="1:27" s="1" customFormat="1" ht="14.1" customHeight="1" outlineLevel="2" x14ac:dyDescent="0.2">
      <c r="A2911" s="17"/>
      <c r="B2911" s="17"/>
      <c r="C2911" s="17"/>
      <c r="D2911" s="18"/>
      <c r="E2911" s="18"/>
      <c r="F2911" s="18"/>
      <c r="G2911" s="18"/>
      <c r="H2911" s="18"/>
      <c r="I2911" s="18"/>
      <c r="J2911" s="18"/>
      <c r="K2911" s="18"/>
      <c r="L2911" s="18"/>
      <c r="M2911" s="18"/>
      <c r="N2911" s="18"/>
      <c r="O2911" s="18"/>
      <c r="P2911" s="20"/>
      <c r="Q2911" s="20"/>
      <c r="R2911" s="20"/>
      <c r="S2911" s="20"/>
      <c r="T2911" s="20"/>
      <c r="U2911" s="20"/>
      <c r="V2911" s="20"/>
      <c r="W2911" s="20"/>
      <c r="X2911" s="19"/>
      <c r="Y2911" s="19"/>
      <c r="Z2911" s="19"/>
      <c r="AA2911" s="19"/>
    </row>
    <row r="2912" spans="1:27" s="1" customFormat="1" ht="14.1" customHeight="1" outlineLevel="2" x14ac:dyDescent="0.2">
      <c r="A2912" s="17">
        <v>13689</v>
      </c>
      <c r="B2912" s="17"/>
      <c r="C2912" s="17"/>
      <c r="D2912" s="18" t="s">
        <v>1463</v>
      </c>
      <c r="E2912" s="18"/>
      <c r="F2912" s="18"/>
      <c r="G2912" s="18"/>
      <c r="H2912" s="18"/>
      <c r="I2912" s="18"/>
      <c r="J2912" s="18"/>
      <c r="K2912" s="18"/>
      <c r="L2912" s="18"/>
      <c r="M2912" s="18"/>
      <c r="N2912" s="18"/>
      <c r="O2912" s="18"/>
      <c r="P2912" s="20">
        <v>1900</v>
      </c>
      <c r="Q2912" s="20"/>
      <c r="R2912" s="20"/>
      <c r="S2912" s="20"/>
      <c r="T2912" s="20">
        <v>1700</v>
      </c>
      <c r="U2912" s="20"/>
      <c r="V2912" s="20"/>
      <c r="W2912" s="20"/>
      <c r="X2912" s="19">
        <v>2</v>
      </c>
      <c r="Y2912" s="19"/>
      <c r="Z2912" s="19"/>
      <c r="AA2912" s="19"/>
    </row>
    <row r="2913" spans="1:27" s="1" customFormat="1" ht="14.1" customHeight="1" outlineLevel="2" x14ac:dyDescent="0.2">
      <c r="A2913" s="17"/>
      <c r="B2913" s="17"/>
      <c r="C2913" s="17"/>
      <c r="D2913" s="18"/>
      <c r="E2913" s="18"/>
      <c r="F2913" s="18"/>
      <c r="G2913" s="18"/>
      <c r="H2913" s="18"/>
      <c r="I2913" s="18"/>
      <c r="J2913" s="18"/>
      <c r="K2913" s="18"/>
      <c r="L2913" s="18"/>
      <c r="M2913" s="18"/>
      <c r="N2913" s="18"/>
      <c r="O2913" s="18"/>
      <c r="P2913" s="20"/>
      <c r="Q2913" s="20"/>
      <c r="R2913" s="20"/>
      <c r="S2913" s="20"/>
      <c r="T2913" s="20"/>
      <c r="U2913" s="20"/>
      <c r="V2913" s="20"/>
      <c r="W2913" s="20"/>
      <c r="X2913" s="19"/>
      <c r="Y2913" s="19"/>
      <c r="Z2913" s="19"/>
      <c r="AA2913" s="19"/>
    </row>
    <row r="2914" spans="1:27" s="1" customFormat="1" ht="14.1" customHeight="1" outlineLevel="2" x14ac:dyDescent="0.2">
      <c r="A2914" s="17">
        <v>13657</v>
      </c>
      <c r="B2914" s="17"/>
      <c r="C2914" s="17"/>
      <c r="D2914" s="18" t="s">
        <v>1464</v>
      </c>
      <c r="E2914" s="18"/>
      <c r="F2914" s="18"/>
      <c r="G2914" s="18"/>
      <c r="H2914" s="18"/>
      <c r="I2914" s="18"/>
      <c r="J2914" s="18"/>
      <c r="K2914" s="18"/>
      <c r="L2914" s="18"/>
      <c r="M2914" s="18"/>
      <c r="N2914" s="18"/>
      <c r="O2914" s="18"/>
      <c r="P2914" s="20">
        <v>2700</v>
      </c>
      <c r="Q2914" s="20"/>
      <c r="R2914" s="20"/>
      <c r="S2914" s="20"/>
      <c r="T2914" s="20">
        <v>2500</v>
      </c>
      <c r="U2914" s="20"/>
      <c r="V2914" s="20"/>
      <c r="W2914" s="20"/>
      <c r="X2914" s="19">
        <v>1</v>
      </c>
      <c r="Y2914" s="19"/>
      <c r="Z2914" s="19"/>
      <c r="AA2914" s="19"/>
    </row>
    <row r="2915" spans="1:27" s="1" customFormat="1" ht="14.1" customHeight="1" outlineLevel="2" x14ac:dyDescent="0.2">
      <c r="A2915" s="17"/>
      <c r="B2915" s="17"/>
      <c r="C2915" s="17"/>
      <c r="D2915" s="18"/>
      <c r="E2915" s="18"/>
      <c r="F2915" s="18"/>
      <c r="G2915" s="18"/>
      <c r="H2915" s="18"/>
      <c r="I2915" s="18"/>
      <c r="J2915" s="18"/>
      <c r="K2915" s="18"/>
      <c r="L2915" s="18"/>
      <c r="M2915" s="18"/>
      <c r="N2915" s="18"/>
      <c r="O2915" s="18"/>
      <c r="P2915" s="20"/>
      <c r="Q2915" s="20"/>
      <c r="R2915" s="20"/>
      <c r="S2915" s="20"/>
      <c r="T2915" s="20"/>
      <c r="U2915" s="20"/>
      <c r="V2915" s="20"/>
      <c r="W2915" s="20"/>
      <c r="X2915" s="19"/>
      <c r="Y2915" s="19"/>
      <c r="Z2915" s="19"/>
      <c r="AA2915" s="19"/>
    </row>
    <row r="2916" spans="1:27" s="1" customFormat="1" ht="21" customHeight="1" outlineLevel="2" x14ac:dyDescent="0.2">
      <c r="A2916" s="17">
        <v>13265</v>
      </c>
      <c r="B2916" s="17"/>
      <c r="C2916" s="17"/>
      <c r="D2916" s="18" t="s">
        <v>1465</v>
      </c>
      <c r="E2916" s="18"/>
      <c r="F2916" s="18"/>
      <c r="G2916" s="18"/>
      <c r="H2916" s="18"/>
      <c r="I2916" s="18"/>
      <c r="J2916" s="18"/>
      <c r="K2916" s="18"/>
      <c r="L2916" s="18"/>
      <c r="M2916" s="18"/>
      <c r="N2916" s="18"/>
      <c r="O2916" s="18"/>
      <c r="P2916" s="20">
        <v>5000</v>
      </c>
      <c r="Q2916" s="20"/>
      <c r="R2916" s="20"/>
      <c r="S2916" s="20"/>
      <c r="T2916" s="20">
        <v>4750</v>
      </c>
      <c r="U2916" s="20"/>
      <c r="V2916" s="20"/>
      <c r="W2916" s="20"/>
      <c r="X2916" s="19">
        <v>1</v>
      </c>
      <c r="Y2916" s="19"/>
      <c r="Z2916" s="19"/>
      <c r="AA2916" s="19"/>
    </row>
    <row r="2917" spans="1:27" s="1" customFormat="1" ht="21" customHeight="1" outlineLevel="2" x14ac:dyDescent="0.2">
      <c r="A2917" s="17"/>
      <c r="B2917" s="17"/>
      <c r="C2917" s="17"/>
      <c r="D2917" s="18"/>
      <c r="E2917" s="18"/>
      <c r="F2917" s="18"/>
      <c r="G2917" s="18"/>
      <c r="H2917" s="18"/>
      <c r="I2917" s="18"/>
      <c r="J2917" s="18"/>
      <c r="K2917" s="18"/>
      <c r="L2917" s="18"/>
      <c r="M2917" s="18"/>
      <c r="N2917" s="18"/>
      <c r="O2917" s="18"/>
      <c r="P2917" s="20"/>
      <c r="Q2917" s="20"/>
      <c r="R2917" s="20"/>
      <c r="S2917" s="20"/>
      <c r="T2917" s="20"/>
      <c r="U2917" s="20"/>
      <c r="V2917" s="20"/>
      <c r="W2917" s="20"/>
      <c r="X2917" s="19"/>
      <c r="Y2917" s="19"/>
      <c r="Z2917" s="19"/>
      <c r="AA2917" s="19"/>
    </row>
    <row r="2918" spans="1:27" s="1" customFormat="1" ht="11.1" customHeight="1" outlineLevel="1" x14ac:dyDescent="0.2">
      <c r="A2918" s="16" t="s">
        <v>1466</v>
      </c>
      <c r="B2918" s="16"/>
      <c r="C2918" s="16"/>
      <c r="D2918" s="16"/>
      <c r="E2918" s="16"/>
      <c r="F2918" s="16"/>
      <c r="G2918" s="16"/>
      <c r="H2918" s="16"/>
      <c r="I2918" s="16"/>
      <c r="J2918" s="16"/>
      <c r="K2918" s="16"/>
      <c r="L2918" s="16"/>
      <c r="M2918" s="16"/>
      <c r="N2918" s="16"/>
      <c r="O2918" s="16"/>
      <c r="P2918" s="16"/>
      <c r="Q2918" s="16"/>
      <c r="R2918" s="16"/>
      <c r="S2918" s="16"/>
      <c r="T2918" s="16"/>
      <c r="U2918" s="16"/>
      <c r="V2918" s="16"/>
      <c r="W2918" s="16"/>
      <c r="X2918" s="16"/>
      <c r="Y2918" s="16"/>
      <c r="Z2918" s="16"/>
      <c r="AA2918" s="16"/>
    </row>
    <row r="2919" spans="1:27" s="1" customFormat="1" ht="11.1" customHeight="1" outlineLevel="1" x14ac:dyDescent="0.2">
      <c r="A2919" s="16"/>
      <c r="B2919" s="16"/>
      <c r="C2919" s="16"/>
      <c r="D2919" s="16"/>
      <c r="E2919" s="16"/>
      <c r="F2919" s="16"/>
      <c r="G2919" s="16"/>
      <c r="H2919" s="16"/>
      <c r="I2919" s="16"/>
      <c r="J2919" s="16"/>
      <c r="K2919" s="16"/>
      <c r="L2919" s="16"/>
      <c r="M2919" s="16"/>
      <c r="N2919" s="16"/>
      <c r="O2919" s="16"/>
      <c r="P2919" s="16"/>
      <c r="Q2919" s="16"/>
      <c r="R2919" s="16"/>
      <c r="S2919" s="16"/>
      <c r="T2919" s="16"/>
      <c r="U2919" s="16"/>
      <c r="V2919" s="16"/>
      <c r="W2919" s="16"/>
      <c r="X2919" s="16"/>
      <c r="Y2919" s="16"/>
      <c r="Z2919" s="16"/>
      <c r="AA2919" s="16"/>
    </row>
    <row r="2920" spans="1:27" s="1" customFormat="1" ht="14.1" customHeight="1" outlineLevel="2" x14ac:dyDescent="0.2">
      <c r="A2920" s="17">
        <v>18189</v>
      </c>
      <c r="B2920" s="17"/>
      <c r="C2920" s="17"/>
      <c r="D2920" s="18" t="s">
        <v>1467</v>
      </c>
      <c r="E2920" s="18"/>
      <c r="F2920" s="18"/>
      <c r="G2920" s="18"/>
      <c r="H2920" s="18"/>
      <c r="I2920" s="18"/>
      <c r="J2920" s="18"/>
      <c r="K2920" s="18"/>
      <c r="L2920" s="18"/>
      <c r="M2920" s="18"/>
      <c r="N2920" s="18"/>
      <c r="O2920" s="18"/>
      <c r="P2920" s="20">
        <v>1800</v>
      </c>
      <c r="Q2920" s="20"/>
      <c r="R2920" s="20"/>
      <c r="S2920" s="20"/>
      <c r="T2920" s="20">
        <v>1600</v>
      </c>
      <c r="U2920" s="20"/>
      <c r="V2920" s="20"/>
      <c r="W2920" s="20"/>
      <c r="X2920" s="19">
        <v>1</v>
      </c>
      <c r="Y2920" s="19"/>
      <c r="Z2920" s="19"/>
      <c r="AA2920" s="19"/>
    </row>
    <row r="2921" spans="1:27" s="1" customFormat="1" ht="14.1" customHeight="1" outlineLevel="2" x14ac:dyDescent="0.2">
      <c r="A2921" s="17"/>
      <c r="B2921" s="17"/>
      <c r="C2921" s="17"/>
      <c r="D2921" s="18"/>
      <c r="E2921" s="18"/>
      <c r="F2921" s="18"/>
      <c r="G2921" s="18"/>
      <c r="H2921" s="18"/>
      <c r="I2921" s="18"/>
      <c r="J2921" s="18"/>
      <c r="K2921" s="18"/>
      <c r="L2921" s="18"/>
      <c r="M2921" s="18"/>
      <c r="N2921" s="18"/>
      <c r="O2921" s="18"/>
      <c r="P2921" s="20"/>
      <c r="Q2921" s="20"/>
      <c r="R2921" s="20"/>
      <c r="S2921" s="20"/>
      <c r="T2921" s="20"/>
      <c r="U2921" s="20"/>
      <c r="V2921" s="20"/>
      <c r="W2921" s="20"/>
      <c r="X2921" s="19"/>
      <c r="Y2921" s="19"/>
      <c r="Z2921" s="19"/>
      <c r="AA2921" s="19"/>
    </row>
    <row r="2922" spans="1:27" s="1" customFormat="1" ht="11.1" customHeight="1" outlineLevel="1" x14ac:dyDescent="0.2">
      <c r="A2922" s="16" t="s">
        <v>1468</v>
      </c>
      <c r="B2922" s="16"/>
      <c r="C2922" s="16"/>
      <c r="D2922" s="16"/>
      <c r="E2922" s="16"/>
      <c r="F2922" s="16"/>
      <c r="G2922" s="16"/>
      <c r="H2922" s="16"/>
      <c r="I2922" s="16"/>
      <c r="J2922" s="16"/>
      <c r="K2922" s="16"/>
      <c r="L2922" s="16"/>
      <c r="M2922" s="16"/>
      <c r="N2922" s="16"/>
      <c r="O2922" s="16"/>
      <c r="P2922" s="16"/>
      <c r="Q2922" s="16"/>
      <c r="R2922" s="16"/>
      <c r="S2922" s="16"/>
      <c r="T2922" s="16"/>
      <c r="U2922" s="16"/>
      <c r="V2922" s="16"/>
      <c r="W2922" s="16"/>
      <c r="X2922" s="16"/>
      <c r="Y2922" s="16"/>
      <c r="Z2922" s="16"/>
      <c r="AA2922" s="16"/>
    </row>
    <row r="2923" spans="1:27" s="1" customFormat="1" ht="11.1" customHeight="1" outlineLevel="1" x14ac:dyDescent="0.2">
      <c r="A2923" s="16"/>
      <c r="B2923" s="16"/>
      <c r="C2923" s="16"/>
      <c r="D2923" s="16"/>
      <c r="E2923" s="16"/>
      <c r="F2923" s="16"/>
      <c r="G2923" s="16"/>
      <c r="H2923" s="16"/>
      <c r="I2923" s="16"/>
      <c r="J2923" s="16"/>
      <c r="K2923" s="16"/>
      <c r="L2923" s="16"/>
      <c r="M2923" s="16"/>
      <c r="N2923" s="16"/>
      <c r="O2923" s="16"/>
      <c r="P2923" s="16"/>
      <c r="Q2923" s="16"/>
      <c r="R2923" s="16"/>
      <c r="S2923" s="16"/>
      <c r="T2923" s="16"/>
      <c r="U2923" s="16"/>
      <c r="V2923" s="16"/>
      <c r="W2923" s="16"/>
      <c r="X2923" s="16"/>
      <c r="Y2923" s="16"/>
      <c r="Z2923" s="16"/>
      <c r="AA2923" s="16"/>
    </row>
    <row r="2924" spans="1:27" s="1" customFormat="1" ht="11.1" customHeight="1" outlineLevel="2" x14ac:dyDescent="0.2">
      <c r="A2924" s="17">
        <v>10143</v>
      </c>
      <c r="B2924" s="17"/>
      <c r="C2924" s="17"/>
      <c r="D2924" s="18" t="s">
        <v>1469</v>
      </c>
      <c r="E2924" s="18"/>
      <c r="F2924" s="18"/>
      <c r="G2924" s="18"/>
      <c r="H2924" s="18"/>
      <c r="I2924" s="18"/>
      <c r="J2924" s="18"/>
      <c r="K2924" s="18"/>
      <c r="L2924" s="18"/>
      <c r="M2924" s="18"/>
      <c r="N2924" s="18"/>
      <c r="O2924" s="18"/>
      <c r="P2924" s="20">
        <v>2500</v>
      </c>
      <c r="Q2924" s="20"/>
      <c r="R2924" s="20"/>
      <c r="S2924" s="20"/>
      <c r="T2924" s="20">
        <v>2400</v>
      </c>
      <c r="U2924" s="20"/>
      <c r="V2924" s="20"/>
      <c r="W2924" s="20"/>
      <c r="X2924" s="19">
        <v>1</v>
      </c>
      <c r="Y2924" s="19"/>
      <c r="Z2924" s="19"/>
      <c r="AA2924" s="19"/>
    </row>
    <row r="2925" spans="1:27" s="1" customFormat="1" ht="11.1" customHeight="1" outlineLevel="2" x14ac:dyDescent="0.2">
      <c r="A2925" s="17"/>
      <c r="B2925" s="17"/>
      <c r="C2925" s="17"/>
      <c r="D2925" s="18"/>
      <c r="E2925" s="18"/>
      <c r="F2925" s="18"/>
      <c r="G2925" s="18"/>
      <c r="H2925" s="18"/>
      <c r="I2925" s="18"/>
      <c r="J2925" s="18"/>
      <c r="K2925" s="18"/>
      <c r="L2925" s="18"/>
      <c r="M2925" s="18"/>
      <c r="N2925" s="18"/>
      <c r="O2925" s="18"/>
      <c r="P2925" s="20"/>
      <c r="Q2925" s="20"/>
      <c r="R2925" s="20"/>
      <c r="S2925" s="20"/>
      <c r="T2925" s="20"/>
      <c r="U2925" s="20"/>
      <c r="V2925" s="20"/>
      <c r="W2925" s="20"/>
      <c r="X2925" s="19"/>
      <c r="Y2925" s="19"/>
      <c r="Z2925" s="19"/>
      <c r="AA2925" s="19"/>
    </row>
    <row r="2926" spans="1:27" s="1" customFormat="1" ht="11.1" customHeight="1" outlineLevel="2" x14ac:dyDescent="0.2">
      <c r="A2926" s="17">
        <v>7931</v>
      </c>
      <c r="B2926" s="17"/>
      <c r="C2926" s="17"/>
      <c r="D2926" s="18" t="s">
        <v>1470</v>
      </c>
      <c r="E2926" s="18"/>
      <c r="F2926" s="18"/>
      <c r="G2926" s="18"/>
      <c r="H2926" s="18"/>
      <c r="I2926" s="18"/>
      <c r="J2926" s="18"/>
      <c r="K2926" s="18"/>
      <c r="L2926" s="18"/>
      <c r="M2926" s="18"/>
      <c r="N2926" s="18"/>
      <c r="O2926" s="18"/>
      <c r="P2926" s="19">
        <v>800</v>
      </c>
      <c r="Q2926" s="19"/>
      <c r="R2926" s="19"/>
      <c r="S2926" s="19"/>
      <c r="T2926" s="19">
        <v>760</v>
      </c>
      <c r="U2926" s="19"/>
      <c r="V2926" s="19"/>
      <c r="W2926" s="19"/>
      <c r="X2926" s="19">
        <v>1</v>
      </c>
      <c r="Y2926" s="19"/>
      <c r="Z2926" s="19"/>
      <c r="AA2926" s="19"/>
    </row>
    <row r="2927" spans="1:27" s="1" customFormat="1" ht="11.1" customHeight="1" outlineLevel="2" x14ac:dyDescent="0.2">
      <c r="A2927" s="17"/>
      <c r="B2927" s="17"/>
      <c r="C2927" s="17"/>
      <c r="D2927" s="18"/>
      <c r="E2927" s="18"/>
      <c r="F2927" s="18"/>
      <c r="G2927" s="18"/>
      <c r="H2927" s="18"/>
      <c r="I2927" s="18"/>
      <c r="J2927" s="18"/>
      <c r="K2927" s="18"/>
      <c r="L2927" s="18"/>
      <c r="M2927" s="18"/>
      <c r="N2927" s="18"/>
      <c r="O2927" s="18"/>
      <c r="P2927" s="19"/>
      <c r="Q2927" s="19"/>
      <c r="R2927" s="19"/>
      <c r="S2927" s="19"/>
      <c r="T2927" s="19"/>
      <c r="U2927" s="19"/>
      <c r="V2927" s="19"/>
      <c r="W2927" s="19"/>
      <c r="X2927" s="19"/>
      <c r="Y2927" s="19"/>
      <c r="Z2927" s="19"/>
      <c r="AA2927" s="19"/>
    </row>
    <row r="2928" spans="1:27" s="1" customFormat="1" ht="11.1" customHeight="1" outlineLevel="2" x14ac:dyDescent="0.2">
      <c r="A2928" s="17">
        <v>8659</v>
      </c>
      <c r="B2928" s="17"/>
      <c r="C2928" s="17"/>
      <c r="D2928" s="18" t="s">
        <v>1471</v>
      </c>
      <c r="E2928" s="18"/>
      <c r="F2928" s="18"/>
      <c r="G2928" s="18"/>
      <c r="H2928" s="18"/>
      <c r="I2928" s="18"/>
      <c r="J2928" s="18"/>
      <c r="K2928" s="18"/>
      <c r="L2928" s="18"/>
      <c r="M2928" s="18"/>
      <c r="N2928" s="18"/>
      <c r="O2928" s="18"/>
      <c r="P2928" s="19">
        <v>820</v>
      </c>
      <c r="Q2928" s="19"/>
      <c r="R2928" s="19"/>
      <c r="S2928" s="19"/>
      <c r="T2928" s="19">
        <v>720</v>
      </c>
      <c r="U2928" s="19"/>
      <c r="V2928" s="19"/>
      <c r="W2928" s="19"/>
      <c r="X2928" s="19">
        <v>1</v>
      </c>
      <c r="Y2928" s="19"/>
      <c r="Z2928" s="19"/>
      <c r="AA2928" s="19"/>
    </row>
    <row r="2929" spans="1:27" s="1" customFormat="1" ht="11.1" customHeight="1" outlineLevel="2" x14ac:dyDescent="0.2">
      <c r="A2929" s="17"/>
      <c r="B2929" s="17"/>
      <c r="C2929" s="17"/>
      <c r="D2929" s="18"/>
      <c r="E2929" s="18"/>
      <c r="F2929" s="18"/>
      <c r="G2929" s="18"/>
      <c r="H2929" s="18"/>
      <c r="I2929" s="18"/>
      <c r="J2929" s="18"/>
      <c r="K2929" s="18"/>
      <c r="L2929" s="18"/>
      <c r="M2929" s="18"/>
      <c r="N2929" s="18"/>
      <c r="O2929" s="18"/>
      <c r="P2929" s="19"/>
      <c r="Q2929" s="19"/>
      <c r="R2929" s="19"/>
      <c r="S2929" s="19"/>
      <c r="T2929" s="19"/>
      <c r="U2929" s="19"/>
      <c r="V2929" s="19"/>
      <c r="W2929" s="19"/>
      <c r="X2929" s="19"/>
      <c r="Y2929" s="19"/>
      <c r="Z2929" s="19"/>
      <c r="AA2929" s="19"/>
    </row>
    <row r="2930" spans="1:27" s="1" customFormat="1" ht="11.1" customHeight="1" outlineLevel="1" x14ac:dyDescent="0.2">
      <c r="A2930" s="16" t="s">
        <v>1472</v>
      </c>
      <c r="B2930" s="16"/>
      <c r="C2930" s="16"/>
      <c r="D2930" s="16"/>
      <c r="E2930" s="16"/>
      <c r="F2930" s="16"/>
      <c r="G2930" s="16"/>
      <c r="H2930" s="16"/>
      <c r="I2930" s="16"/>
      <c r="J2930" s="16"/>
      <c r="K2930" s="16"/>
      <c r="L2930" s="16"/>
      <c r="M2930" s="16"/>
      <c r="N2930" s="16"/>
      <c r="O2930" s="16"/>
      <c r="P2930" s="16"/>
      <c r="Q2930" s="16"/>
      <c r="R2930" s="16"/>
      <c r="S2930" s="16"/>
      <c r="T2930" s="16"/>
      <c r="U2930" s="16"/>
      <c r="V2930" s="16"/>
      <c r="W2930" s="16"/>
      <c r="X2930" s="16"/>
      <c r="Y2930" s="16"/>
      <c r="Z2930" s="16"/>
      <c r="AA2930" s="16"/>
    </row>
    <row r="2931" spans="1:27" s="1" customFormat="1" ht="11.1" customHeight="1" outlineLevel="1" x14ac:dyDescent="0.2">
      <c r="A2931" s="16"/>
      <c r="B2931" s="16"/>
      <c r="C2931" s="16"/>
      <c r="D2931" s="16"/>
      <c r="E2931" s="16"/>
      <c r="F2931" s="16"/>
      <c r="G2931" s="16"/>
      <c r="H2931" s="16"/>
      <c r="I2931" s="16"/>
      <c r="J2931" s="16"/>
      <c r="K2931" s="16"/>
      <c r="L2931" s="16"/>
      <c r="M2931" s="16"/>
      <c r="N2931" s="16"/>
      <c r="O2931" s="16"/>
      <c r="P2931" s="16"/>
      <c r="Q2931" s="16"/>
      <c r="R2931" s="16"/>
      <c r="S2931" s="16"/>
      <c r="T2931" s="16"/>
      <c r="U2931" s="16"/>
      <c r="V2931" s="16"/>
      <c r="W2931" s="16"/>
      <c r="X2931" s="16"/>
      <c r="Y2931" s="16"/>
      <c r="Z2931" s="16"/>
      <c r="AA2931" s="16"/>
    </row>
    <row r="2932" spans="1:27" s="1" customFormat="1" ht="11.1" customHeight="1" outlineLevel="2" x14ac:dyDescent="0.2">
      <c r="A2932" s="17">
        <v>1118</v>
      </c>
      <c r="B2932" s="17"/>
      <c r="C2932" s="17"/>
      <c r="D2932" s="18" t="s">
        <v>1473</v>
      </c>
      <c r="E2932" s="18"/>
      <c r="F2932" s="18"/>
      <c r="G2932" s="18"/>
      <c r="H2932" s="18"/>
      <c r="I2932" s="18"/>
      <c r="J2932" s="18"/>
      <c r="K2932" s="18"/>
      <c r="L2932" s="18"/>
      <c r="M2932" s="18"/>
      <c r="N2932" s="18"/>
      <c r="O2932" s="18"/>
      <c r="P2932" s="19">
        <v>600</v>
      </c>
      <c r="Q2932" s="19"/>
      <c r="R2932" s="19"/>
      <c r="S2932" s="19"/>
      <c r="T2932" s="19">
        <v>520</v>
      </c>
      <c r="U2932" s="19"/>
      <c r="V2932" s="19"/>
      <c r="W2932" s="19"/>
      <c r="X2932" s="19">
        <v>2</v>
      </c>
      <c r="Y2932" s="19"/>
      <c r="Z2932" s="19"/>
      <c r="AA2932" s="19"/>
    </row>
    <row r="2933" spans="1:27" s="1" customFormat="1" ht="11.1" customHeight="1" outlineLevel="2" x14ac:dyDescent="0.2">
      <c r="A2933" s="17"/>
      <c r="B2933" s="17"/>
      <c r="C2933" s="17"/>
      <c r="D2933" s="18"/>
      <c r="E2933" s="18"/>
      <c r="F2933" s="18"/>
      <c r="G2933" s="18"/>
      <c r="H2933" s="18"/>
      <c r="I2933" s="18"/>
      <c r="J2933" s="18"/>
      <c r="K2933" s="18"/>
      <c r="L2933" s="18"/>
      <c r="M2933" s="18"/>
      <c r="N2933" s="18"/>
      <c r="O2933" s="18"/>
      <c r="P2933" s="19"/>
      <c r="Q2933" s="19"/>
      <c r="R2933" s="19"/>
      <c r="S2933" s="19"/>
      <c r="T2933" s="19"/>
      <c r="U2933" s="19"/>
      <c r="V2933" s="19"/>
      <c r="W2933" s="19"/>
      <c r="X2933" s="19"/>
      <c r="Y2933" s="19"/>
      <c r="Z2933" s="19"/>
      <c r="AA2933" s="19"/>
    </row>
    <row r="2934" spans="1:27" s="1" customFormat="1" ht="11.1" customHeight="1" outlineLevel="2" x14ac:dyDescent="0.2">
      <c r="A2934" s="17">
        <v>5367</v>
      </c>
      <c r="B2934" s="17"/>
      <c r="C2934" s="17"/>
      <c r="D2934" s="18" t="s">
        <v>1474</v>
      </c>
      <c r="E2934" s="18"/>
      <c r="F2934" s="18"/>
      <c r="G2934" s="18"/>
      <c r="H2934" s="18"/>
      <c r="I2934" s="18"/>
      <c r="J2934" s="18"/>
      <c r="K2934" s="18"/>
      <c r="L2934" s="18"/>
      <c r="M2934" s="18"/>
      <c r="N2934" s="18"/>
      <c r="O2934" s="18"/>
      <c r="P2934" s="20">
        <v>1000</v>
      </c>
      <c r="Q2934" s="20"/>
      <c r="R2934" s="20"/>
      <c r="S2934" s="20"/>
      <c r="T2934" s="19">
        <v>950</v>
      </c>
      <c r="U2934" s="19"/>
      <c r="V2934" s="19"/>
      <c r="W2934" s="19"/>
      <c r="X2934" s="19">
        <v>1</v>
      </c>
      <c r="Y2934" s="19"/>
      <c r="Z2934" s="19"/>
      <c r="AA2934" s="19"/>
    </row>
    <row r="2935" spans="1:27" s="1" customFormat="1" ht="11.1" customHeight="1" outlineLevel="2" x14ac:dyDescent="0.2">
      <c r="A2935" s="17"/>
      <c r="B2935" s="17"/>
      <c r="C2935" s="17"/>
      <c r="D2935" s="18"/>
      <c r="E2935" s="18"/>
      <c r="F2935" s="18"/>
      <c r="G2935" s="18"/>
      <c r="H2935" s="18"/>
      <c r="I2935" s="18"/>
      <c r="J2935" s="18"/>
      <c r="K2935" s="18"/>
      <c r="L2935" s="18"/>
      <c r="M2935" s="18"/>
      <c r="N2935" s="18"/>
      <c r="O2935" s="18"/>
      <c r="P2935" s="20"/>
      <c r="Q2935" s="20"/>
      <c r="R2935" s="20"/>
      <c r="S2935" s="20"/>
      <c r="T2935" s="19"/>
      <c r="U2935" s="19"/>
      <c r="V2935" s="19"/>
      <c r="W2935" s="19"/>
      <c r="X2935" s="19"/>
      <c r="Y2935" s="19"/>
      <c r="Z2935" s="19"/>
      <c r="AA2935" s="19"/>
    </row>
    <row r="2936" spans="1:27" s="1" customFormat="1" ht="11.1" customHeight="1" outlineLevel="1" x14ac:dyDescent="0.2">
      <c r="A2936" s="16" t="s">
        <v>1475</v>
      </c>
      <c r="B2936" s="16"/>
      <c r="C2936" s="16"/>
      <c r="D2936" s="16"/>
      <c r="E2936" s="16"/>
      <c r="F2936" s="16"/>
      <c r="G2936" s="16"/>
      <c r="H2936" s="16"/>
      <c r="I2936" s="16"/>
      <c r="J2936" s="16"/>
      <c r="K2936" s="16"/>
      <c r="L2936" s="16"/>
      <c r="M2936" s="16"/>
      <c r="N2936" s="16"/>
      <c r="O2936" s="16"/>
      <c r="P2936" s="16"/>
      <c r="Q2936" s="16"/>
      <c r="R2936" s="16"/>
      <c r="S2936" s="16"/>
      <c r="T2936" s="16"/>
      <c r="U2936" s="16"/>
      <c r="V2936" s="16"/>
      <c r="W2936" s="16"/>
      <c r="X2936" s="16"/>
      <c r="Y2936" s="16"/>
      <c r="Z2936" s="16"/>
      <c r="AA2936" s="16"/>
    </row>
    <row r="2937" spans="1:27" s="1" customFormat="1" ht="11.1" customHeight="1" outlineLevel="1" x14ac:dyDescent="0.2">
      <c r="A2937" s="16"/>
      <c r="B2937" s="16"/>
      <c r="C2937" s="16"/>
      <c r="D2937" s="16"/>
      <c r="E2937" s="16"/>
      <c r="F2937" s="16"/>
      <c r="G2937" s="16"/>
      <c r="H2937" s="16"/>
      <c r="I2937" s="16"/>
      <c r="J2937" s="16"/>
      <c r="K2937" s="16"/>
      <c r="L2937" s="16"/>
      <c r="M2937" s="16"/>
      <c r="N2937" s="16"/>
      <c r="O2937" s="16"/>
      <c r="P2937" s="16"/>
      <c r="Q2937" s="16"/>
      <c r="R2937" s="16"/>
      <c r="S2937" s="16"/>
      <c r="T2937" s="16"/>
      <c r="U2937" s="16"/>
      <c r="V2937" s="16"/>
      <c r="W2937" s="16"/>
      <c r="X2937" s="16"/>
      <c r="Y2937" s="16"/>
      <c r="Z2937" s="16"/>
      <c r="AA2937" s="16"/>
    </row>
    <row r="2938" spans="1:27" s="1" customFormat="1" ht="11.1" customHeight="1" outlineLevel="2" x14ac:dyDescent="0.2">
      <c r="A2938" s="17">
        <v>5897</v>
      </c>
      <c r="B2938" s="17"/>
      <c r="C2938" s="17"/>
      <c r="D2938" s="18" t="s">
        <v>1476</v>
      </c>
      <c r="E2938" s="18"/>
      <c r="F2938" s="18"/>
      <c r="G2938" s="18"/>
      <c r="H2938" s="18"/>
      <c r="I2938" s="18"/>
      <c r="J2938" s="18"/>
      <c r="K2938" s="18"/>
      <c r="L2938" s="18"/>
      <c r="M2938" s="18"/>
      <c r="N2938" s="18"/>
      <c r="O2938" s="18"/>
      <c r="P2938" s="19">
        <v>400</v>
      </c>
      <c r="Q2938" s="19"/>
      <c r="R2938" s="19"/>
      <c r="S2938" s="19"/>
      <c r="T2938" s="19">
        <v>360</v>
      </c>
      <c r="U2938" s="19"/>
      <c r="V2938" s="19"/>
      <c r="W2938" s="19"/>
      <c r="X2938" s="19">
        <v>2</v>
      </c>
      <c r="Y2938" s="19"/>
      <c r="Z2938" s="19"/>
      <c r="AA2938" s="19"/>
    </row>
    <row r="2939" spans="1:27" s="1" customFormat="1" ht="11.1" customHeight="1" outlineLevel="2" x14ac:dyDescent="0.2">
      <c r="A2939" s="17"/>
      <c r="B2939" s="17"/>
      <c r="C2939" s="17"/>
      <c r="D2939" s="18"/>
      <c r="E2939" s="18"/>
      <c r="F2939" s="18"/>
      <c r="G2939" s="18"/>
      <c r="H2939" s="18"/>
      <c r="I2939" s="18"/>
      <c r="J2939" s="18"/>
      <c r="K2939" s="18"/>
      <c r="L2939" s="18"/>
      <c r="M2939" s="18"/>
      <c r="N2939" s="18"/>
      <c r="O2939" s="18"/>
      <c r="P2939" s="19"/>
      <c r="Q2939" s="19"/>
      <c r="R2939" s="19"/>
      <c r="S2939" s="19"/>
      <c r="T2939" s="19"/>
      <c r="U2939" s="19"/>
      <c r="V2939" s="19"/>
      <c r="W2939" s="19"/>
      <c r="X2939" s="19"/>
      <c r="Y2939" s="19"/>
      <c r="Z2939" s="19"/>
      <c r="AA2939" s="19"/>
    </row>
    <row r="2940" spans="1:27" s="1" customFormat="1" ht="11.1" customHeight="1" outlineLevel="2" x14ac:dyDescent="0.2">
      <c r="A2940" s="17">
        <v>5381</v>
      </c>
      <c r="B2940" s="17"/>
      <c r="C2940" s="17"/>
      <c r="D2940" s="18" t="s">
        <v>1477</v>
      </c>
      <c r="E2940" s="18"/>
      <c r="F2940" s="18"/>
      <c r="G2940" s="18"/>
      <c r="H2940" s="18"/>
      <c r="I2940" s="18"/>
      <c r="J2940" s="18"/>
      <c r="K2940" s="18"/>
      <c r="L2940" s="18"/>
      <c r="M2940" s="18"/>
      <c r="N2940" s="18"/>
      <c r="O2940" s="18"/>
      <c r="P2940" s="20">
        <v>1200</v>
      </c>
      <c r="Q2940" s="20"/>
      <c r="R2940" s="20"/>
      <c r="S2940" s="20"/>
      <c r="T2940" s="20">
        <v>1120</v>
      </c>
      <c r="U2940" s="20"/>
      <c r="V2940" s="20"/>
      <c r="W2940" s="20"/>
      <c r="X2940" s="19">
        <v>1</v>
      </c>
      <c r="Y2940" s="19"/>
      <c r="Z2940" s="19"/>
      <c r="AA2940" s="19"/>
    </row>
    <row r="2941" spans="1:27" s="1" customFormat="1" ht="11.1" customHeight="1" outlineLevel="2" x14ac:dyDescent="0.2">
      <c r="A2941" s="17"/>
      <c r="B2941" s="17"/>
      <c r="C2941" s="17"/>
      <c r="D2941" s="18"/>
      <c r="E2941" s="18"/>
      <c r="F2941" s="18"/>
      <c r="G2941" s="18"/>
      <c r="H2941" s="18"/>
      <c r="I2941" s="18"/>
      <c r="J2941" s="18"/>
      <c r="K2941" s="18"/>
      <c r="L2941" s="18"/>
      <c r="M2941" s="18"/>
      <c r="N2941" s="18"/>
      <c r="O2941" s="18"/>
      <c r="P2941" s="20"/>
      <c r="Q2941" s="20"/>
      <c r="R2941" s="20"/>
      <c r="S2941" s="20"/>
      <c r="T2941" s="20"/>
      <c r="U2941" s="20"/>
      <c r="V2941" s="20"/>
      <c r="W2941" s="20"/>
      <c r="X2941" s="19"/>
      <c r="Y2941" s="19"/>
      <c r="Z2941" s="19"/>
      <c r="AA2941" s="19"/>
    </row>
    <row r="2942" spans="1:27" s="1" customFormat="1" ht="11.1" customHeight="1" outlineLevel="2" x14ac:dyDescent="0.2">
      <c r="A2942" s="17">
        <v>5906</v>
      </c>
      <c r="B2942" s="17"/>
      <c r="C2942" s="17"/>
      <c r="D2942" s="18" t="s">
        <v>1478</v>
      </c>
      <c r="E2942" s="18"/>
      <c r="F2942" s="18"/>
      <c r="G2942" s="18"/>
      <c r="H2942" s="18"/>
      <c r="I2942" s="18"/>
      <c r="J2942" s="18"/>
      <c r="K2942" s="18"/>
      <c r="L2942" s="18"/>
      <c r="M2942" s="18"/>
      <c r="N2942" s="18"/>
      <c r="O2942" s="18"/>
      <c r="P2942" s="20">
        <v>1250</v>
      </c>
      <c r="Q2942" s="20"/>
      <c r="R2942" s="20"/>
      <c r="S2942" s="20"/>
      <c r="T2942" s="20">
        <v>1200</v>
      </c>
      <c r="U2942" s="20"/>
      <c r="V2942" s="20"/>
      <c r="W2942" s="20"/>
      <c r="X2942" s="19">
        <v>1</v>
      </c>
      <c r="Y2942" s="19"/>
      <c r="Z2942" s="19"/>
      <c r="AA2942" s="19"/>
    </row>
    <row r="2943" spans="1:27" s="1" customFormat="1" ht="11.1" customHeight="1" outlineLevel="2" x14ac:dyDescent="0.2">
      <c r="A2943" s="17"/>
      <c r="B2943" s="17"/>
      <c r="C2943" s="17"/>
      <c r="D2943" s="18"/>
      <c r="E2943" s="18"/>
      <c r="F2943" s="18"/>
      <c r="G2943" s="18"/>
      <c r="H2943" s="18"/>
      <c r="I2943" s="18"/>
      <c r="J2943" s="18"/>
      <c r="K2943" s="18"/>
      <c r="L2943" s="18"/>
      <c r="M2943" s="18"/>
      <c r="N2943" s="18"/>
      <c r="O2943" s="18"/>
      <c r="P2943" s="20"/>
      <c r="Q2943" s="20"/>
      <c r="R2943" s="20"/>
      <c r="S2943" s="20"/>
      <c r="T2943" s="20"/>
      <c r="U2943" s="20"/>
      <c r="V2943" s="20"/>
      <c r="W2943" s="20"/>
      <c r="X2943" s="19"/>
      <c r="Y2943" s="19"/>
      <c r="Z2943" s="19"/>
      <c r="AA2943" s="19"/>
    </row>
    <row r="2944" spans="1:27" s="1" customFormat="1" ht="11.1" customHeight="1" outlineLevel="2" x14ac:dyDescent="0.2">
      <c r="A2944" s="17">
        <v>6340</v>
      </c>
      <c r="B2944" s="17"/>
      <c r="C2944" s="17"/>
      <c r="D2944" s="18" t="s">
        <v>1479</v>
      </c>
      <c r="E2944" s="18"/>
      <c r="F2944" s="18"/>
      <c r="G2944" s="18"/>
      <c r="H2944" s="18"/>
      <c r="I2944" s="18"/>
      <c r="J2944" s="18"/>
      <c r="K2944" s="18"/>
      <c r="L2944" s="18"/>
      <c r="M2944" s="18"/>
      <c r="N2944" s="18"/>
      <c r="O2944" s="18"/>
      <c r="P2944" s="20">
        <v>1800</v>
      </c>
      <c r="Q2944" s="20"/>
      <c r="R2944" s="20"/>
      <c r="S2944" s="20"/>
      <c r="T2944" s="20">
        <v>1700</v>
      </c>
      <c r="U2944" s="20"/>
      <c r="V2944" s="20"/>
      <c r="W2944" s="20"/>
      <c r="X2944" s="19">
        <v>1</v>
      </c>
      <c r="Y2944" s="19"/>
      <c r="Z2944" s="19"/>
      <c r="AA2944" s="19"/>
    </row>
    <row r="2945" spans="1:27" s="1" customFormat="1" ht="11.1" customHeight="1" outlineLevel="2" x14ac:dyDescent="0.2">
      <c r="A2945" s="17"/>
      <c r="B2945" s="17"/>
      <c r="C2945" s="17"/>
      <c r="D2945" s="18"/>
      <c r="E2945" s="18"/>
      <c r="F2945" s="18"/>
      <c r="G2945" s="18"/>
      <c r="H2945" s="18"/>
      <c r="I2945" s="18"/>
      <c r="J2945" s="18"/>
      <c r="K2945" s="18"/>
      <c r="L2945" s="18"/>
      <c r="M2945" s="18"/>
      <c r="N2945" s="18"/>
      <c r="O2945" s="18"/>
      <c r="P2945" s="20"/>
      <c r="Q2945" s="20"/>
      <c r="R2945" s="20"/>
      <c r="S2945" s="20"/>
      <c r="T2945" s="20"/>
      <c r="U2945" s="20"/>
      <c r="V2945" s="20"/>
      <c r="W2945" s="20"/>
      <c r="X2945" s="19"/>
      <c r="Y2945" s="19"/>
      <c r="Z2945" s="19"/>
      <c r="AA2945" s="19"/>
    </row>
    <row r="2946" spans="1:27" s="1" customFormat="1" ht="11.1" customHeight="1" outlineLevel="2" x14ac:dyDescent="0.2">
      <c r="A2946" s="17">
        <v>5905</v>
      </c>
      <c r="B2946" s="17"/>
      <c r="C2946" s="17"/>
      <c r="D2946" s="18" t="s">
        <v>1480</v>
      </c>
      <c r="E2946" s="18"/>
      <c r="F2946" s="18"/>
      <c r="G2946" s="18"/>
      <c r="H2946" s="18"/>
      <c r="I2946" s="18"/>
      <c r="J2946" s="18"/>
      <c r="K2946" s="18"/>
      <c r="L2946" s="18"/>
      <c r="M2946" s="18"/>
      <c r="N2946" s="18"/>
      <c r="O2946" s="18"/>
      <c r="P2946" s="19">
        <v>599</v>
      </c>
      <c r="Q2946" s="19"/>
      <c r="R2946" s="19"/>
      <c r="S2946" s="19"/>
      <c r="T2946" s="19">
        <v>550</v>
      </c>
      <c r="U2946" s="19"/>
      <c r="V2946" s="19"/>
      <c r="W2946" s="19"/>
      <c r="X2946" s="19">
        <v>1</v>
      </c>
      <c r="Y2946" s="19"/>
      <c r="Z2946" s="19"/>
      <c r="AA2946" s="19"/>
    </row>
    <row r="2947" spans="1:27" s="1" customFormat="1" ht="11.1" customHeight="1" outlineLevel="2" x14ac:dyDescent="0.2">
      <c r="A2947" s="17"/>
      <c r="B2947" s="17"/>
      <c r="C2947" s="17"/>
      <c r="D2947" s="18"/>
      <c r="E2947" s="18"/>
      <c r="F2947" s="18"/>
      <c r="G2947" s="18"/>
      <c r="H2947" s="18"/>
      <c r="I2947" s="18"/>
      <c r="J2947" s="18"/>
      <c r="K2947" s="18"/>
      <c r="L2947" s="18"/>
      <c r="M2947" s="18"/>
      <c r="N2947" s="18"/>
      <c r="O2947" s="18"/>
      <c r="P2947" s="19"/>
      <c r="Q2947" s="19"/>
      <c r="R2947" s="19"/>
      <c r="S2947" s="19"/>
      <c r="T2947" s="19"/>
      <c r="U2947" s="19"/>
      <c r="V2947" s="19"/>
      <c r="W2947" s="19"/>
      <c r="X2947" s="19"/>
      <c r="Y2947" s="19"/>
      <c r="Z2947" s="19"/>
      <c r="AA2947" s="19"/>
    </row>
    <row r="2948" spans="1:27" s="1" customFormat="1" ht="11.1" customHeight="1" outlineLevel="2" x14ac:dyDescent="0.2">
      <c r="A2948" s="17">
        <v>1347</v>
      </c>
      <c r="B2948" s="17"/>
      <c r="C2948" s="17"/>
      <c r="D2948" s="18" t="s">
        <v>1481</v>
      </c>
      <c r="E2948" s="18"/>
      <c r="F2948" s="18"/>
      <c r="G2948" s="18"/>
      <c r="H2948" s="18"/>
      <c r="I2948" s="18"/>
      <c r="J2948" s="18"/>
      <c r="K2948" s="18"/>
      <c r="L2948" s="18"/>
      <c r="M2948" s="18"/>
      <c r="N2948" s="18"/>
      <c r="O2948" s="18"/>
      <c r="P2948" s="19">
        <v>420</v>
      </c>
      <c r="Q2948" s="19"/>
      <c r="R2948" s="19"/>
      <c r="S2948" s="19"/>
      <c r="T2948" s="19">
        <v>370</v>
      </c>
      <c r="U2948" s="19"/>
      <c r="V2948" s="19"/>
      <c r="W2948" s="19"/>
      <c r="X2948" s="19">
        <v>1</v>
      </c>
      <c r="Y2948" s="19"/>
      <c r="Z2948" s="19"/>
      <c r="AA2948" s="19"/>
    </row>
    <row r="2949" spans="1:27" s="1" customFormat="1" ht="11.1" customHeight="1" outlineLevel="2" x14ac:dyDescent="0.2">
      <c r="A2949" s="17"/>
      <c r="B2949" s="17"/>
      <c r="C2949" s="17"/>
      <c r="D2949" s="18"/>
      <c r="E2949" s="18"/>
      <c r="F2949" s="18"/>
      <c r="G2949" s="18"/>
      <c r="H2949" s="18"/>
      <c r="I2949" s="18"/>
      <c r="J2949" s="18"/>
      <c r="K2949" s="18"/>
      <c r="L2949" s="18"/>
      <c r="M2949" s="18"/>
      <c r="N2949" s="18"/>
      <c r="O2949" s="18"/>
      <c r="P2949" s="19"/>
      <c r="Q2949" s="19"/>
      <c r="R2949" s="19"/>
      <c r="S2949" s="19"/>
      <c r="T2949" s="19"/>
      <c r="U2949" s="19"/>
      <c r="V2949" s="19"/>
      <c r="W2949" s="19"/>
      <c r="X2949" s="19"/>
      <c r="Y2949" s="19"/>
      <c r="Z2949" s="19"/>
      <c r="AA2949" s="19"/>
    </row>
    <row r="2950" spans="1:27" s="1" customFormat="1" ht="11.1" customHeight="1" outlineLevel="2" x14ac:dyDescent="0.2">
      <c r="A2950" s="17">
        <v>1348</v>
      </c>
      <c r="B2950" s="17"/>
      <c r="C2950" s="17"/>
      <c r="D2950" s="18" t="s">
        <v>1482</v>
      </c>
      <c r="E2950" s="18"/>
      <c r="F2950" s="18"/>
      <c r="G2950" s="18"/>
      <c r="H2950" s="18"/>
      <c r="I2950" s="18"/>
      <c r="J2950" s="18"/>
      <c r="K2950" s="18"/>
      <c r="L2950" s="18"/>
      <c r="M2950" s="18"/>
      <c r="N2950" s="18"/>
      <c r="O2950" s="18"/>
      <c r="P2950" s="19">
        <v>500</v>
      </c>
      <c r="Q2950" s="19"/>
      <c r="R2950" s="19"/>
      <c r="S2950" s="19"/>
      <c r="T2950" s="19">
        <v>450</v>
      </c>
      <c r="U2950" s="19"/>
      <c r="V2950" s="19"/>
      <c r="W2950" s="19"/>
      <c r="X2950" s="19">
        <v>2</v>
      </c>
      <c r="Y2950" s="19"/>
      <c r="Z2950" s="19"/>
      <c r="AA2950" s="19"/>
    </row>
    <row r="2951" spans="1:27" s="1" customFormat="1" ht="11.1" customHeight="1" outlineLevel="2" x14ac:dyDescent="0.2">
      <c r="A2951" s="17"/>
      <c r="B2951" s="17"/>
      <c r="C2951" s="17"/>
      <c r="D2951" s="18"/>
      <c r="E2951" s="18"/>
      <c r="F2951" s="18"/>
      <c r="G2951" s="18"/>
      <c r="H2951" s="18"/>
      <c r="I2951" s="18"/>
      <c r="J2951" s="18"/>
      <c r="K2951" s="18"/>
      <c r="L2951" s="18"/>
      <c r="M2951" s="18"/>
      <c r="N2951" s="18"/>
      <c r="O2951" s="18"/>
      <c r="P2951" s="19"/>
      <c r="Q2951" s="19"/>
      <c r="R2951" s="19"/>
      <c r="S2951" s="19"/>
      <c r="T2951" s="19"/>
      <c r="U2951" s="19"/>
      <c r="V2951" s="19"/>
      <c r="W2951" s="19"/>
      <c r="X2951" s="19"/>
      <c r="Y2951" s="19"/>
      <c r="Z2951" s="19"/>
      <c r="AA2951" s="19"/>
    </row>
    <row r="2952" spans="1:27" s="1" customFormat="1" ht="14.1" customHeight="1" outlineLevel="2" x14ac:dyDescent="0.2">
      <c r="A2952" s="17">
        <v>1304</v>
      </c>
      <c r="B2952" s="17"/>
      <c r="C2952" s="17"/>
      <c r="D2952" s="18" t="s">
        <v>1483</v>
      </c>
      <c r="E2952" s="18"/>
      <c r="F2952" s="18"/>
      <c r="G2952" s="18"/>
      <c r="H2952" s="18"/>
      <c r="I2952" s="18"/>
      <c r="J2952" s="18"/>
      <c r="K2952" s="18"/>
      <c r="L2952" s="18"/>
      <c r="M2952" s="18"/>
      <c r="N2952" s="18"/>
      <c r="O2952" s="18"/>
      <c r="P2952" s="20">
        <v>1300</v>
      </c>
      <c r="Q2952" s="20"/>
      <c r="R2952" s="20"/>
      <c r="S2952" s="20"/>
      <c r="T2952" s="20">
        <v>1200</v>
      </c>
      <c r="U2952" s="20"/>
      <c r="V2952" s="20"/>
      <c r="W2952" s="20"/>
      <c r="X2952" s="19">
        <v>1</v>
      </c>
      <c r="Y2952" s="19"/>
      <c r="Z2952" s="19"/>
      <c r="AA2952" s="19"/>
    </row>
    <row r="2953" spans="1:27" s="1" customFormat="1" ht="14.1" customHeight="1" outlineLevel="2" x14ac:dyDescent="0.2">
      <c r="A2953" s="17"/>
      <c r="B2953" s="17"/>
      <c r="C2953" s="17"/>
      <c r="D2953" s="18"/>
      <c r="E2953" s="18"/>
      <c r="F2953" s="18"/>
      <c r="G2953" s="18"/>
      <c r="H2953" s="18"/>
      <c r="I2953" s="18"/>
      <c r="J2953" s="18"/>
      <c r="K2953" s="18"/>
      <c r="L2953" s="18"/>
      <c r="M2953" s="18"/>
      <c r="N2953" s="18"/>
      <c r="O2953" s="18"/>
      <c r="P2953" s="20"/>
      <c r="Q2953" s="20"/>
      <c r="R2953" s="20"/>
      <c r="S2953" s="20"/>
      <c r="T2953" s="20"/>
      <c r="U2953" s="20"/>
      <c r="V2953" s="20"/>
      <c r="W2953" s="20"/>
      <c r="X2953" s="19"/>
      <c r="Y2953" s="19"/>
      <c r="Z2953" s="19"/>
      <c r="AA2953" s="19"/>
    </row>
    <row r="2954" spans="1:27" s="1" customFormat="1" ht="11.1" customHeight="1" outlineLevel="2" x14ac:dyDescent="0.2">
      <c r="A2954" s="17">
        <v>1353</v>
      </c>
      <c r="B2954" s="17"/>
      <c r="C2954" s="17"/>
      <c r="D2954" s="18" t="s">
        <v>1484</v>
      </c>
      <c r="E2954" s="18"/>
      <c r="F2954" s="18"/>
      <c r="G2954" s="18"/>
      <c r="H2954" s="18"/>
      <c r="I2954" s="18"/>
      <c r="J2954" s="18"/>
      <c r="K2954" s="18"/>
      <c r="L2954" s="18"/>
      <c r="M2954" s="18"/>
      <c r="N2954" s="18"/>
      <c r="O2954" s="18"/>
      <c r="P2954" s="19">
        <v>500</v>
      </c>
      <c r="Q2954" s="19"/>
      <c r="R2954" s="19"/>
      <c r="S2954" s="19"/>
      <c r="T2954" s="19">
        <v>450</v>
      </c>
      <c r="U2954" s="19"/>
      <c r="V2954" s="19"/>
      <c r="W2954" s="19"/>
      <c r="X2954" s="19">
        <v>5</v>
      </c>
      <c r="Y2954" s="19"/>
      <c r="Z2954" s="19"/>
      <c r="AA2954" s="19"/>
    </row>
    <row r="2955" spans="1:27" s="1" customFormat="1" ht="11.1" customHeight="1" outlineLevel="2" x14ac:dyDescent="0.2">
      <c r="A2955" s="17"/>
      <c r="B2955" s="17"/>
      <c r="C2955" s="17"/>
      <c r="D2955" s="18"/>
      <c r="E2955" s="18"/>
      <c r="F2955" s="18"/>
      <c r="G2955" s="18"/>
      <c r="H2955" s="18"/>
      <c r="I2955" s="18"/>
      <c r="J2955" s="18"/>
      <c r="K2955" s="18"/>
      <c r="L2955" s="18"/>
      <c r="M2955" s="18"/>
      <c r="N2955" s="18"/>
      <c r="O2955" s="18"/>
      <c r="P2955" s="19"/>
      <c r="Q2955" s="19"/>
      <c r="R2955" s="19"/>
      <c r="S2955" s="19"/>
      <c r="T2955" s="19"/>
      <c r="U2955" s="19"/>
      <c r="V2955" s="19"/>
      <c r="W2955" s="19"/>
      <c r="X2955" s="19"/>
      <c r="Y2955" s="19"/>
      <c r="Z2955" s="19"/>
      <c r="AA2955" s="19"/>
    </row>
    <row r="2956" spans="1:27" s="1" customFormat="1" ht="11.1" customHeight="1" outlineLevel="2" x14ac:dyDescent="0.2">
      <c r="A2956" s="17">
        <v>1350</v>
      </c>
      <c r="B2956" s="17"/>
      <c r="C2956" s="17"/>
      <c r="D2956" s="18" t="s">
        <v>1485</v>
      </c>
      <c r="E2956" s="18"/>
      <c r="F2956" s="18"/>
      <c r="G2956" s="18"/>
      <c r="H2956" s="18"/>
      <c r="I2956" s="18"/>
      <c r="J2956" s="18"/>
      <c r="K2956" s="18"/>
      <c r="L2956" s="18"/>
      <c r="M2956" s="18"/>
      <c r="N2956" s="18"/>
      <c r="O2956" s="18"/>
      <c r="P2956" s="19">
        <v>450</v>
      </c>
      <c r="Q2956" s="19"/>
      <c r="R2956" s="19"/>
      <c r="S2956" s="19"/>
      <c r="T2956" s="19">
        <v>400</v>
      </c>
      <c r="U2956" s="19"/>
      <c r="V2956" s="19"/>
      <c r="W2956" s="19"/>
      <c r="X2956" s="19">
        <v>2</v>
      </c>
      <c r="Y2956" s="19"/>
      <c r="Z2956" s="19"/>
      <c r="AA2956" s="19"/>
    </row>
    <row r="2957" spans="1:27" s="1" customFormat="1" ht="11.1" customHeight="1" outlineLevel="2" x14ac:dyDescent="0.2">
      <c r="A2957" s="17"/>
      <c r="B2957" s="17"/>
      <c r="C2957" s="17"/>
      <c r="D2957" s="18"/>
      <c r="E2957" s="18"/>
      <c r="F2957" s="18"/>
      <c r="G2957" s="18"/>
      <c r="H2957" s="18"/>
      <c r="I2957" s="18"/>
      <c r="J2957" s="18"/>
      <c r="K2957" s="18"/>
      <c r="L2957" s="18"/>
      <c r="M2957" s="18"/>
      <c r="N2957" s="18"/>
      <c r="O2957" s="18"/>
      <c r="P2957" s="19"/>
      <c r="Q2957" s="19"/>
      <c r="R2957" s="19"/>
      <c r="S2957" s="19"/>
      <c r="T2957" s="19"/>
      <c r="U2957" s="19"/>
      <c r="V2957" s="19"/>
      <c r="W2957" s="19"/>
      <c r="X2957" s="19"/>
      <c r="Y2957" s="19"/>
      <c r="Z2957" s="19"/>
      <c r="AA2957" s="19"/>
    </row>
    <row r="2958" spans="1:27" s="1" customFormat="1" ht="11.1" customHeight="1" outlineLevel="2" x14ac:dyDescent="0.2">
      <c r="A2958" s="17">
        <v>1351</v>
      </c>
      <c r="B2958" s="17"/>
      <c r="C2958" s="17"/>
      <c r="D2958" s="18" t="s">
        <v>1486</v>
      </c>
      <c r="E2958" s="18"/>
      <c r="F2958" s="18"/>
      <c r="G2958" s="18"/>
      <c r="H2958" s="18"/>
      <c r="I2958" s="18"/>
      <c r="J2958" s="18"/>
      <c r="K2958" s="18"/>
      <c r="L2958" s="18"/>
      <c r="M2958" s="18"/>
      <c r="N2958" s="18"/>
      <c r="O2958" s="18"/>
      <c r="P2958" s="19">
        <v>500</v>
      </c>
      <c r="Q2958" s="19"/>
      <c r="R2958" s="19"/>
      <c r="S2958" s="19"/>
      <c r="T2958" s="19">
        <v>450</v>
      </c>
      <c r="U2958" s="19"/>
      <c r="V2958" s="19"/>
      <c r="W2958" s="19"/>
      <c r="X2958" s="19">
        <v>2</v>
      </c>
      <c r="Y2958" s="19"/>
      <c r="Z2958" s="19"/>
      <c r="AA2958" s="19"/>
    </row>
    <row r="2959" spans="1:27" s="1" customFormat="1" ht="11.1" customHeight="1" outlineLevel="2" x14ac:dyDescent="0.2">
      <c r="A2959" s="17"/>
      <c r="B2959" s="17"/>
      <c r="C2959" s="17"/>
      <c r="D2959" s="18"/>
      <c r="E2959" s="18"/>
      <c r="F2959" s="18"/>
      <c r="G2959" s="18"/>
      <c r="H2959" s="18"/>
      <c r="I2959" s="18"/>
      <c r="J2959" s="18"/>
      <c r="K2959" s="18"/>
      <c r="L2959" s="18"/>
      <c r="M2959" s="18"/>
      <c r="N2959" s="18"/>
      <c r="O2959" s="18"/>
      <c r="P2959" s="19"/>
      <c r="Q2959" s="19"/>
      <c r="R2959" s="19"/>
      <c r="S2959" s="19"/>
      <c r="T2959" s="19"/>
      <c r="U2959" s="19"/>
      <c r="V2959" s="19"/>
      <c r="W2959" s="19"/>
      <c r="X2959" s="19"/>
      <c r="Y2959" s="19"/>
      <c r="Z2959" s="19"/>
      <c r="AA2959" s="19"/>
    </row>
    <row r="2960" spans="1:27" s="1" customFormat="1" ht="14.1" customHeight="1" outlineLevel="2" x14ac:dyDescent="0.2">
      <c r="A2960" s="17">
        <v>1305</v>
      </c>
      <c r="B2960" s="17"/>
      <c r="C2960" s="17"/>
      <c r="D2960" s="18" t="s">
        <v>1487</v>
      </c>
      <c r="E2960" s="18"/>
      <c r="F2960" s="18"/>
      <c r="G2960" s="18"/>
      <c r="H2960" s="18"/>
      <c r="I2960" s="18"/>
      <c r="J2960" s="18"/>
      <c r="K2960" s="18"/>
      <c r="L2960" s="18"/>
      <c r="M2960" s="18"/>
      <c r="N2960" s="18"/>
      <c r="O2960" s="18"/>
      <c r="P2960" s="20">
        <v>1350</v>
      </c>
      <c r="Q2960" s="20"/>
      <c r="R2960" s="20"/>
      <c r="S2960" s="20"/>
      <c r="T2960" s="20">
        <v>1250</v>
      </c>
      <c r="U2960" s="20"/>
      <c r="V2960" s="20"/>
      <c r="W2960" s="20"/>
      <c r="X2960" s="19">
        <v>1</v>
      </c>
      <c r="Y2960" s="19"/>
      <c r="Z2960" s="19"/>
      <c r="AA2960" s="19"/>
    </row>
    <row r="2961" spans="1:27" s="1" customFormat="1" ht="14.1" customHeight="1" outlineLevel="2" x14ac:dyDescent="0.2">
      <c r="A2961" s="17"/>
      <c r="B2961" s="17"/>
      <c r="C2961" s="17"/>
      <c r="D2961" s="18"/>
      <c r="E2961" s="18"/>
      <c r="F2961" s="18"/>
      <c r="G2961" s="18"/>
      <c r="H2961" s="18"/>
      <c r="I2961" s="18"/>
      <c r="J2961" s="18"/>
      <c r="K2961" s="18"/>
      <c r="L2961" s="18"/>
      <c r="M2961" s="18"/>
      <c r="N2961" s="18"/>
      <c r="O2961" s="18"/>
      <c r="P2961" s="20"/>
      <c r="Q2961" s="20"/>
      <c r="R2961" s="20"/>
      <c r="S2961" s="20"/>
      <c r="T2961" s="20"/>
      <c r="U2961" s="20"/>
      <c r="V2961" s="20"/>
      <c r="W2961" s="20"/>
      <c r="X2961" s="19"/>
      <c r="Y2961" s="19"/>
      <c r="Z2961" s="19"/>
      <c r="AA2961" s="19"/>
    </row>
    <row r="2962" spans="1:27" s="1" customFormat="1" ht="11.1" customHeight="1" outlineLevel="2" x14ac:dyDescent="0.2">
      <c r="A2962" s="17">
        <v>1306</v>
      </c>
      <c r="B2962" s="17"/>
      <c r="C2962" s="17"/>
      <c r="D2962" s="18" t="s">
        <v>1488</v>
      </c>
      <c r="E2962" s="18"/>
      <c r="F2962" s="18"/>
      <c r="G2962" s="18"/>
      <c r="H2962" s="18"/>
      <c r="I2962" s="18"/>
      <c r="J2962" s="18"/>
      <c r="K2962" s="18"/>
      <c r="L2962" s="18"/>
      <c r="M2962" s="18"/>
      <c r="N2962" s="18"/>
      <c r="O2962" s="18"/>
      <c r="P2962" s="20">
        <v>1150</v>
      </c>
      <c r="Q2962" s="20"/>
      <c r="R2962" s="20"/>
      <c r="S2962" s="20"/>
      <c r="T2962" s="20">
        <v>1040</v>
      </c>
      <c r="U2962" s="20"/>
      <c r="V2962" s="20"/>
      <c r="W2962" s="20"/>
      <c r="X2962" s="19">
        <v>1</v>
      </c>
      <c r="Y2962" s="19"/>
      <c r="Z2962" s="19"/>
      <c r="AA2962" s="19"/>
    </row>
    <row r="2963" spans="1:27" s="1" customFormat="1" ht="11.1" customHeight="1" outlineLevel="2" x14ac:dyDescent="0.2">
      <c r="A2963" s="17"/>
      <c r="B2963" s="17"/>
      <c r="C2963" s="17"/>
      <c r="D2963" s="18"/>
      <c r="E2963" s="18"/>
      <c r="F2963" s="18"/>
      <c r="G2963" s="18"/>
      <c r="H2963" s="18"/>
      <c r="I2963" s="18"/>
      <c r="J2963" s="18"/>
      <c r="K2963" s="18"/>
      <c r="L2963" s="18"/>
      <c r="M2963" s="18"/>
      <c r="N2963" s="18"/>
      <c r="O2963" s="18"/>
      <c r="P2963" s="20"/>
      <c r="Q2963" s="20"/>
      <c r="R2963" s="20"/>
      <c r="S2963" s="20"/>
      <c r="T2963" s="20"/>
      <c r="U2963" s="20"/>
      <c r="V2963" s="20"/>
      <c r="W2963" s="20"/>
      <c r="X2963" s="19"/>
      <c r="Y2963" s="19"/>
      <c r="Z2963" s="19"/>
      <c r="AA2963" s="19"/>
    </row>
    <row r="2964" spans="1:27" s="1" customFormat="1" ht="11.1" customHeight="1" outlineLevel="1" x14ac:dyDescent="0.2">
      <c r="A2964" s="16" t="s">
        <v>1168</v>
      </c>
      <c r="B2964" s="16"/>
      <c r="C2964" s="16"/>
      <c r="D2964" s="16"/>
      <c r="E2964" s="16"/>
      <c r="F2964" s="16"/>
      <c r="G2964" s="16"/>
      <c r="H2964" s="16"/>
      <c r="I2964" s="16"/>
      <c r="J2964" s="16"/>
      <c r="K2964" s="16"/>
      <c r="L2964" s="16"/>
      <c r="M2964" s="16"/>
      <c r="N2964" s="16"/>
      <c r="O2964" s="16"/>
      <c r="P2964" s="16"/>
      <c r="Q2964" s="16"/>
      <c r="R2964" s="16"/>
      <c r="S2964" s="16"/>
      <c r="T2964" s="16"/>
      <c r="U2964" s="16"/>
      <c r="V2964" s="16"/>
      <c r="W2964" s="16"/>
      <c r="X2964" s="16"/>
      <c r="Y2964" s="16"/>
      <c r="Z2964" s="16"/>
      <c r="AA2964" s="16"/>
    </row>
    <row r="2965" spans="1:27" s="1" customFormat="1" ht="11.1" customHeight="1" outlineLevel="1" x14ac:dyDescent="0.2">
      <c r="A2965" s="16"/>
      <c r="B2965" s="16"/>
      <c r="C2965" s="16"/>
      <c r="D2965" s="16"/>
      <c r="E2965" s="16"/>
      <c r="F2965" s="16"/>
      <c r="G2965" s="16"/>
      <c r="H2965" s="16"/>
      <c r="I2965" s="16"/>
      <c r="J2965" s="16"/>
      <c r="K2965" s="16"/>
      <c r="L2965" s="16"/>
      <c r="M2965" s="16"/>
      <c r="N2965" s="16"/>
      <c r="O2965" s="16"/>
      <c r="P2965" s="16"/>
      <c r="Q2965" s="16"/>
      <c r="R2965" s="16"/>
      <c r="S2965" s="16"/>
      <c r="T2965" s="16"/>
      <c r="U2965" s="16"/>
      <c r="V2965" s="16"/>
      <c r="W2965" s="16"/>
      <c r="X2965" s="16"/>
      <c r="Y2965" s="16"/>
      <c r="Z2965" s="16"/>
      <c r="AA2965" s="16"/>
    </row>
    <row r="2966" spans="1:27" s="1" customFormat="1" ht="11.1" customHeight="1" outlineLevel="2" x14ac:dyDescent="0.2">
      <c r="A2966" s="17">
        <v>18259</v>
      </c>
      <c r="B2966" s="17"/>
      <c r="C2966" s="17"/>
      <c r="D2966" s="18" t="s">
        <v>1489</v>
      </c>
      <c r="E2966" s="18"/>
      <c r="F2966" s="18"/>
      <c r="G2966" s="18"/>
      <c r="H2966" s="18"/>
      <c r="I2966" s="18"/>
      <c r="J2966" s="18"/>
      <c r="K2966" s="18"/>
      <c r="L2966" s="18"/>
      <c r="M2966" s="18"/>
      <c r="N2966" s="18"/>
      <c r="O2966" s="18"/>
      <c r="P2966" s="20">
        <v>7700</v>
      </c>
      <c r="Q2966" s="20"/>
      <c r="R2966" s="20"/>
      <c r="S2966" s="20"/>
      <c r="T2966" s="20">
        <v>7000</v>
      </c>
      <c r="U2966" s="20"/>
      <c r="V2966" s="20"/>
      <c r="W2966" s="20"/>
      <c r="X2966" s="19">
        <v>2</v>
      </c>
      <c r="Y2966" s="19"/>
      <c r="Z2966" s="19"/>
      <c r="AA2966" s="19"/>
    </row>
    <row r="2967" spans="1:27" s="1" customFormat="1" ht="11.1" customHeight="1" outlineLevel="2" x14ac:dyDescent="0.2">
      <c r="A2967" s="17"/>
      <c r="B2967" s="17"/>
      <c r="C2967" s="17"/>
      <c r="D2967" s="18"/>
      <c r="E2967" s="18"/>
      <c r="F2967" s="18"/>
      <c r="G2967" s="18"/>
      <c r="H2967" s="18"/>
      <c r="I2967" s="18"/>
      <c r="J2967" s="18"/>
      <c r="K2967" s="18"/>
      <c r="L2967" s="18"/>
      <c r="M2967" s="18"/>
      <c r="N2967" s="18"/>
      <c r="O2967" s="18"/>
      <c r="P2967" s="20"/>
      <c r="Q2967" s="20"/>
      <c r="R2967" s="20"/>
      <c r="S2967" s="20"/>
      <c r="T2967" s="20"/>
      <c r="U2967" s="20"/>
      <c r="V2967" s="20"/>
      <c r="W2967" s="20"/>
      <c r="X2967" s="19"/>
      <c r="Y2967" s="19"/>
      <c r="Z2967" s="19"/>
      <c r="AA2967" s="19"/>
    </row>
    <row r="2968" spans="1:27" s="1" customFormat="1" ht="14.1" customHeight="1" outlineLevel="2" x14ac:dyDescent="0.2">
      <c r="A2968" s="17">
        <v>18258</v>
      </c>
      <c r="B2968" s="17"/>
      <c r="C2968" s="17"/>
      <c r="D2968" s="18" t="s">
        <v>1490</v>
      </c>
      <c r="E2968" s="18"/>
      <c r="F2968" s="18"/>
      <c r="G2968" s="18"/>
      <c r="H2968" s="18"/>
      <c r="I2968" s="18"/>
      <c r="J2968" s="18"/>
      <c r="K2968" s="18"/>
      <c r="L2968" s="18"/>
      <c r="M2968" s="18"/>
      <c r="N2968" s="18"/>
      <c r="O2968" s="18"/>
      <c r="P2968" s="20">
        <v>9800</v>
      </c>
      <c r="Q2968" s="20"/>
      <c r="R2968" s="20"/>
      <c r="S2968" s="20"/>
      <c r="T2968" s="20">
        <v>9100</v>
      </c>
      <c r="U2968" s="20"/>
      <c r="V2968" s="20"/>
      <c r="W2968" s="20"/>
      <c r="X2968" s="19">
        <v>2</v>
      </c>
      <c r="Y2968" s="19"/>
      <c r="Z2968" s="19"/>
      <c r="AA2968" s="19"/>
    </row>
    <row r="2969" spans="1:27" s="1" customFormat="1" ht="14.1" customHeight="1" outlineLevel="2" x14ac:dyDescent="0.2">
      <c r="A2969" s="17"/>
      <c r="B2969" s="17"/>
      <c r="C2969" s="17"/>
      <c r="D2969" s="18"/>
      <c r="E2969" s="18"/>
      <c r="F2969" s="18"/>
      <c r="G2969" s="18"/>
      <c r="H2969" s="18"/>
      <c r="I2969" s="18"/>
      <c r="J2969" s="18"/>
      <c r="K2969" s="18"/>
      <c r="L2969" s="18"/>
      <c r="M2969" s="18"/>
      <c r="N2969" s="18"/>
      <c r="O2969" s="18"/>
      <c r="P2969" s="20"/>
      <c r="Q2969" s="20"/>
      <c r="R2969" s="20"/>
      <c r="S2969" s="20"/>
      <c r="T2969" s="20"/>
      <c r="U2969" s="20"/>
      <c r="V2969" s="20"/>
      <c r="W2969" s="20"/>
      <c r="X2969" s="19"/>
      <c r="Y2969" s="19"/>
      <c r="Z2969" s="19"/>
      <c r="AA2969" s="19"/>
    </row>
    <row r="2970" spans="1:27" s="1" customFormat="1" ht="11.1" customHeight="1" outlineLevel="1" x14ac:dyDescent="0.2">
      <c r="A2970" s="16" t="s">
        <v>1172</v>
      </c>
      <c r="B2970" s="16"/>
      <c r="C2970" s="16"/>
      <c r="D2970" s="16"/>
      <c r="E2970" s="16"/>
      <c r="F2970" s="16"/>
      <c r="G2970" s="16"/>
      <c r="H2970" s="16"/>
      <c r="I2970" s="16"/>
      <c r="J2970" s="16"/>
      <c r="K2970" s="16"/>
      <c r="L2970" s="16"/>
      <c r="M2970" s="16"/>
      <c r="N2970" s="16"/>
      <c r="O2970" s="16"/>
      <c r="P2970" s="16"/>
      <c r="Q2970" s="16"/>
      <c r="R2970" s="16"/>
      <c r="S2970" s="16"/>
      <c r="T2970" s="16"/>
      <c r="U2970" s="16"/>
      <c r="V2970" s="16"/>
      <c r="W2970" s="16"/>
      <c r="X2970" s="16"/>
      <c r="Y2970" s="16"/>
      <c r="Z2970" s="16"/>
      <c r="AA2970" s="16"/>
    </row>
    <row r="2971" spans="1:27" s="1" customFormat="1" ht="11.1" customHeight="1" outlineLevel="1" x14ac:dyDescent="0.2">
      <c r="A2971" s="16"/>
      <c r="B2971" s="16"/>
      <c r="C2971" s="16"/>
      <c r="D2971" s="16"/>
      <c r="E2971" s="16"/>
      <c r="F2971" s="16"/>
      <c r="G2971" s="16"/>
      <c r="H2971" s="16"/>
      <c r="I2971" s="16"/>
      <c r="J2971" s="16"/>
      <c r="K2971" s="16"/>
      <c r="L2971" s="16"/>
      <c r="M2971" s="16"/>
      <c r="N2971" s="16"/>
      <c r="O2971" s="16"/>
      <c r="P2971" s="16"/>
      <c r="Q2971" s="16"/>
      <c r="R2971" s="16"/>
      <c r="S2971" s="16"/>
      <c r="T2971" s="16"/>
      <c r="U2971" s="16"/>
      <c r="V2971" s="16"/>
      <c r="W2971" s="16"/>
      <c r="X2971" s="16"/>
      <c r="Y2971" s="16"/>
      <c r="Z2971" s="16"/>
      <c r="AA2971" s="16"/>
    </row>
    <row r="2972" spans="1:27" s="1" customFormat="1" ht="11.1" customHeight="1" outlineLevel="2" x14ac:dyDescent="0.2">
      <c r="A2972" s="17">
        <v>1224</v>
      </c>
      <c r="B2972" s="17"/>
      <c r="C2972" s="17"/>
      <c r="D2972" s="18" t="s">
        <v>1491</v>
      </c>
      <c r="E2972" s="18"/>
      <c r="F2972" s="18"/>
      <c r="G2972" s="18"/>
      <c r="H2972" s="18"/>
      <c r="I2972" s="18"/>
      <c r="J2972" s="18"/>
      <c r="K2972" s="18"/>
      <c r="L2972" s="18"/>
      <c r="M2972" s="18"/>
      <c r="N2972" s="18"/>
      <c r="O2972" s="18"/>
      <c r="P2972" s="19">
        <v>900</v>
      </c>
      <c r="Q2972" s="19"/>
      <c r="R2972" s="19"/>
      <c r="S2972" s="19"/>
      <c r="T2972" s="19">
        <v>820</v>
      </c>
      <c r="U2972" s="19"/>
      <c r="V2972" s="19"/>
      <c r="W2972" s="19"/>
      <c r="X2972" s="19">
        <v>1</v>
      </c>
      <c r="Y2972" s="19"/>
      <c r="Z2972" s="19"/>
      <c r="AA2972" s="19"/>
    </row>
    <row r="2973" spans="1:27" s="1" customFormat="1" ht="11.1" customHeight="1" outlineLevel="2" x14ac:dyDescent="0.2">
      <c r="A2973" s="17"/>
      <c r="B2973" s="17"/>
      <c r="C2973" s="17"/>
      <c r="D2973" s="18"/>
      <c r="E2973" s="18"/>
      <c r="F2973" s="18"/>
      <c r="G2973" s="18"/>
      <c r="H2973" s="18"/>
      <c r="I2973" s="18"/>
      <c r="J2973" s="18"/>
      <c r="K2973" s="18"/>
      <c r="L2973" s="18"/>
      <c r="M2973" s="18"/>
      <c r="N2973" s="18"/>
      <c r="O2973" s="18"/>
      <c r="P2973" s="19"/>
      <c r="Q2973" s="19"/>
      <c r="R2973" s="19"/>
      <c r="S2973" s="19"/>
      <c r="T2973" s="19"/>
      <c r="U2973" s="19"/>
      <c r="V2973" s="19"/>
      <c r="W2973" s="19"/>
      <c r="X2973" s="19"/>
      <c r="Y2973" s="19"/>
      <c r="Z2973" s="19"/>
      <c r="AA2973" s="19"/>
    </row>
    <row r="2974" spans="1:27" s="1" customFormat="1" ht="11.1" customHeight="1" outlineLevel="2" x14ac:dyDescent="0.2">
      <c r="A2974" s="17">
        <v>7349</v>
      </c>
      <c r="B2974" s="17"/>
      <c r="C2974" s="17"/>
      <c r="D2974" s="18" t="s">
        <v>1492</v>
      </c>
      <c r="E2974" s="18"/>
      <c r="F2974" s="18"/>
      <c r="G2974" s="18"/>
      <c r="H2974" s="18"/>
      <c r="I2974" s="18"/>
      <c r="J2974" s="18"/>
      <c r="K2974" s="18"/>
      <c r="L2974" s="18"/>
      <c r="M2974" s="18"/>
      <c r="N2974" s="18"/>
      <c r="O2974" s="18"/>
      <c r="P2974" s="19">
        <v>900</v>
      </c>
      <c r="Q2974" s="19"/>
      <c r="R2974" s="19"/>
      <c r="S2974" s="19"/>
      <c r="T2974" s="19">
        <v>860</v>
      </c>
      <c r="U2974" s="19"/>
      <c r="V2974" s="19"/>
      <c r="W2974" s="19"/>
      <c r="X2974" s="19">
        <v>1</v>
      </c>
      <c r="Y2974" s="19"/>
      <c r="Z2974" s="19"/>
      <c r="AA2974" s="19"/>
    </row>
    <row r="2975" spans="1:27" s="1" customFormat="1" ht="11.1" customHeight="1" outlineLevel="2" x14ac:dyDescent="0.2">
      <c r="A2975" s="17"/>
      <c r="B2975" s="17"/>
      <c r="C2975" s="17"/>
      <c r="D2975" s="18"/>
      <c r="E2975" s="18"/>
      <c r="F2975" s="18"/>
      <c r="G2975" s="18"/>
      <c r="H2975" s="18"/>
      <c r="I2975" s="18"/>
      <c r="J2975" s="18"/>
      <c r="K2975" s="18"/>
      <c r="L2975" s="18"/>
      <c r="M2975" s="18"/>
      <c r="N2975" s="18"/>
      <c r="O2975" s="18"/>
      <c r="P2975" s="19"/>
      <c r="Q2975" s="19"/>
      <c r="R2975" s="19"/>
      <c r="S2975" s="19"/>
      <c r="T2975" s="19"/>
      <c r="U2975" s="19"/>
      <c r="V2975" s="19"/>
      <c r="W2975" s="19"/>
      <c r="X2975" s="19"/>
      <c r="Y2975" s="19"/>
      <c r="Z2975" s="19"/>
      <c r="AA2975" s="19"/>
    </row>
    <row r="2976" spans="1:27" s="1" customFormat="1" ht="11.1" customHeight="1" outlineLevel="2" x14ac:dyDescent="0.2">
      <c r="A2976" s="17">
        <v>5373</v>
      </c>
      <c r="B2976" s="17"/>
      <c r="C2976" s="17"/>
      <c r="D2976" s="18" t="s">
        <v>1493</v>
      </c>
      <c r="E2976" s="18"/>
      <c r="F2976" s="18"/>
      <c r="G2976" s="18"/>
      <c r="H2976" s="18"/>
      <c r="I2976" s="18"/>
      <c r="J2976" s="18"/>
      <c r="K2976" s="18"/>
      <c r="L2976" s="18"/>
      <c r="M2976" s="18"/>
      <c r="N2976" s="18"/>
      <c r="O2976" s="18"/>
      <c r="P2976" s="20">
        <v>1500</v>
      </c>
      <c r="Q2976" s="20"/>
      <c r="R2976" s="20"/>
      <c r="S2976" s="20"/>
      <c r="T2976" s="20">
        <v>1400</v>
      </c>
      <c r="U2976" s="20"/>
      <c r="V2976" s="20"/>
      <c r="W2976" s="20"/>
      <c r="X2976" s="19">
        <v>1</v>
      </c>
      <c r="Y2976" s="19"/>
      <c r="Z2976" s="19"/>
      <c r="AA2976" s="19"/>
    </row>
    <row r="2977" spans="1:27" s="1" customFormat="1" ht="11.1" customHeight="1" outlineLevel="2" x14ac:dyDescent="0.2">
      <c r="A2977" s="17"/>
      <c r="B2977" s="17"/>
      <c r="C2977" s="17"/>
      <c r="D2977" s="18"/>
      <c r="E2977" s="18"/>
      <c r="F2977" s="18"/>
      <c r="G2977" s="18"/>
      <c r="H2977" s="18"/>
      <c r="I2977" s="18"/>
      <c r="J2977" s="18"/>
      <c r="K2977" s="18"/>
      <c r="L2977" s="18"/>
      <c r="M2977" s="18"/>
      <c r="N2977" s="18"/>
      <c r="O2977" s="18"/>
      <c r="P2977" s="20"/>
      <c r="Q2977" s="20"/>
      <c r="R2977" s="20"/>
      <c r="S2977" s="20"/>
      <c r="T2977" s="20"/>
      <c r="U2977" s="20"/>
      <c r="V2977" s="20"/>
      <c r="W2977" s="20"/>
      <c r="X2977" s="19"/>
      <c r="Y2977" s="19"/>
      <c r="Z2977" s="19"/>
      <c r="AA2977" s="19"/>
    </row>
    <row r="2978" spans="1:27" s="1" customFormat="1" ht="11.1" customHeight="1" outlineLevel="2" x14ac:dyDescent="0.2">
      <c r="A2978" s="17">
        <v>1220</v>
      </c>
      <c r="B2978" s="17"/>
      <c r="C2978" s="17"/>
      <c r="D2978" s="18" t="s">
        <v>1494</v>
      </c>
      <c r="E2978" s="18"/>
      <c r="F2978" s="18"/>
      <c r="G2978" s="18"/>
      <c r="H2978" s="18"/>
      <c r="I2978" s="18"/>
      <c r="J2978" s="18"/>
      <c r="K2978" s="18"/>
      <c r="L2978" s="18"/>
      <c r="M2978" s="18"/>
      <c r="N2978" s="18"/>
      <c r="O2978" s="18"/>
      <c r="P2978" s="20">
        <v>1100</v>
      </c>
      <c r="Q2978" s="20"/>
      <c r="R2978" s="20"/>
      <c r="S2978" s="20"/>
      <c r="T2978" s="19">
        <v>990</v>
      </c>
      <c r="U2978" s="19"/>
      <c r="V2978" s="19"/>
      <c r="W2978" s="19"/>
      <c r="X2978" s="19">
        <v>1</v>
      </c>
      <c r="Y2978" s="19"/>
      <c r="Z2978" s="19"/>
      <c r="AA2978" s="19"/>
    </row>
    <row r="2979" spans="1:27" s="1" customFormat="1" ht="11.1" customHeight="1" outlineLevel="2" x14ac:dyDescent="0.2">
      <c r="A2979" s="17"/>
      <c r="B2979" s="17"/>
      <c r="C2979" s="17"/>
      <c r="D2979" s="18"/>
      <c r="E2979" s="18"/>
      <c r="F2979" s="18"/>
      <c r="G2979" s="18"/>
      <c r="H2979" s="18"/>
      <c r="I2979" s="18"/>
      <c r="J2979" s="18"/>
      <c r="K2979" s="18"/>
      <c r="L2979" s="18"/>
      <c r="M2979" s="18"/>
      <c r="N2979" s="18"/>
      <c r="O2979" s="18"/>
      <c r="P2979" s="20"/>
      <c r="Q2979" s="20"/>
      <c r="R2979" s="20"/>
      <c r="S2979" s="20"/>
      <c r="T2979" s="19"/>
      <c r="U2979" s="19"/>
      <c r="V2979" s="19"/>
      <c r="W2979" s="19"/>
      <c r="X2979" s="19"/>
      <c r="Y2979" s="19"/>
      <c r="Z2979" s="19"/>
      <c r="AA2979" s="19"/>
    </row>
    <row r="2980" spans="1:27" s="1" customFormat="1" ht="11.1" customHeight="1" outlineLevel="2" x14ac:dyDescent="0.2">
      <c r="A2980" s="17">
        <v>1225</v>
      </c>
      <c r="B2980" s="17"/>
      <c r="C2980" s="17"/>
      <c r="D2980" s="18" t="s">
        <v>1495</v>
      </c>
      <c r="E2980" s="18"/>
      <c r="F2980" s="18"/>
      <c r="G2980" s="18"/>
      <c r="H2980" s="18"/>
      <c r="I2980" s="18"/>
      <c r="J2980" s="18"/>
      <c r="K2980" s="18"/>
      <c r="L2980" s="18"/>
      <c r="M2980" s="18"/>
      <c r="N2980" s="18"/>
      <c r="O2980" s="18"/>
      <c r="P2980" s="19">
        <v>900</v>
      </c>
      <c r="Q2980" s="19"/>
      <c r="R2980" s="19"/>
      <c r="S2980" s="19"/>
      <c r="T2980" s="19">
        <v>820</v>
      </c>
      <c r="U2980" s="19"/>
      <c r="V2980" s="19"/>
      <c r="W2980" s="19"/>
      <c r="X2980" s="19">
        <v>2</v>
      </c>
      <c r="Y2980" s="19"/>
      <c r="Z2980" s="19"/>
      <c r="AA2980" s="19"/>
    </row>
    <row r="2981" spans="1:27" s="1" customFormat="1" ht="11.1" customHeight="1" outlineLevel="2" x14ac:dyDescent="0.2">
      <c r="A2981" s="17"/>
      <c r="B2981" s="17"/>
      <c r="C2981" s="17"/>
      <c r="D2981" s="18"/>
      <c r="E2981" s="18"/>
      <c r="F2981" s="18"/>
      <c r="G2981" s="18"/>
      <c r="H2981" s="18"/>
      <c r="I2981" s="18"/>
      <c r="J2981" s="18"/>
      <c r="K2981" s="18"/>
      <c r="L2981" s="18"/>
      <c r="M2981" s="18"/>
      <c r="N2981" s="18"/>
      <c r="O2981" s="18"/>
      <c r="P2981" s="19"/>
      <c r="Q2981" s="19"/>
      <c r="R2981" s="19"/>
      <c r="S2981" s="19"/>
      <c r="T2981" s="19"/>
      <c r="U2981" s="19"/>
      <c r="V2981" s="19"/>
      <c r="W2981" s="19"/>
      <c r="X2981" s="19"/>
      <c r="Y2981" s="19"/>
      <c r="Z2981" s="19"/>
      <c r="AA2981" s="19"/>
    </row>
    <row r="2982" spans="1:27" s="1" customFormat="1" ht="11.1" customHeight="1" outlineLevel="2" x14ac:dyDescent="0.2">
      <c r="A2982" s="17">
        <v>1227</v>
      </c>
      <c r="B2982" s="17"/>
      <c r="C2982" s="17"/>
      <c r="D2982" s="18" t="s">
        <v>1496</v>
      </c>
      <c r="E2982" s="18"/>
      <c r="F2982" s="18"/>
      <c r="G2982" s="18"/>
      <c r="H2982" s="18"/>
      <c r="I2982" s="18"/>
      <c r="J2982" s="18"/>
      <c r="K2982" s="18"/>
      <c r="L2982" s="18"/>
      <c r="M2982" s="18"/>
      <c r="N2982" s="18"/>
      <c r="O2982" s="18"/>
      <c r="P2982" s="20">
        <v>1400</v>
      </c>
      <c r="Q2982" s="20"/>
      <c r="R2982" s="20"/>
      <c r="S2982" s="20"/>
      <c r="T2982" s="20">
        <v>1250</v>
      </c>
      <c r="U2982" s="20"/>
      <c r="V2982" s="20"/>
      <c r="W2982" s="20"/>
      <c r="X2982" s="19">
        <v>1</v>
      </c>
      <c r="Y2982" s="19"/>
      <c r="Z2982" s="19"/>
      <c r="AA2982" s="19"/>
    </row>
    <row r="2983" spans="1:27" s="1" customFormat="1" ht="11.1" customHeight="1" outlineLevel="2" x14ac:dyDescent="0.2">
      <c r="A2983" s="17"/>
      <c r="B2983" s="17"/>
      <c r="C2983" s="17"/>
      <c r="D2983" s="18"/>
      <c r="E2983" s="18"/>
      <c r="F2983" s="18"/>
      <c r="G2983" s="18"/>
      <c r="H2983" s="18"/>
      <c r="I2983" s="18"/>
      <c r="J2983" s="18"/>
      <c r="K2983" s="18"/>
      <c r="L2983" s="18"/>
      <c r="M2983" s="18"/>
      <c r="N2983" s="18"/>
      <c r="O2983" s="18"/>
      <c r="P2983" s="20"/>
      <c r="Q2983" s="20"/>
      <c r="R2983" s="20"/>
      <c r="S2983" s="20"/>
      <c r="T2983" s="20"/>
      <c r="U2983" s="20"/>
      <c r="V2983" s="20"/>
      <c r="W2983" s="20"/>
      <c r="X2983" s="19"/>
      <c r="Y2983" s="19"/>
      <c r="Z2983" s="19"/>
      <c r="AA2983" s="19"/>
    </row>
    <row r="2984" spans="1:27" s="1" customFormat="1" ht="14.1" customHeight="1" outlineLevel="2" x14ac:dyDescent="0.2">
      <c r="A2984" s="17">
        <v>1222</v>
      </c>
      <c r="B2984" s="17"/>
      <c r="C2984" s="17"/>
      <c r="D2984" s="18" t="s">
        <v>1497</v>
      </c>
      <c r="E2984" s="18"/>
      <c r="F2984" s="18"/>
      <c r="G2984" s="18"/>
      <c r="H2984" s="18"/>
      <c r="I2984" s="18"/>
      <c r="J2984" s="18"/>
      <c r="K2984" s="18"/>
      <c r="L2984" s="18"/>
      <c r="M2984" s="18"/>
      <c r="N2984" s="18"/>
      <c r="O2984" s="18"/>
      <c r="P2984" s="20">
        <v>1100</v>
      </c>
      <c r="Q2984" s="20"/>
      <c r="R2984" s="20"/>
      <c r="S2984" s="20"/>
      <c r="T2984" s="19">
        <v>990</v>
      </c>
      <c r="U2984" s="19"/>
      <c r="V2984" s="19"/>
      <c r="W2984" s="19"/>
      <c r="X2984" s="19">
        <v>3</v>
      </c>
      <c r="Y2984" s="19"/>
      <c r="Z2984" s="19"/>
      <c r="AA2984" s="19"/>
    </row>
    <row r="2985" spans="1:27" s="1" customFormat="1" ht="14.1" customHeight="1" outlineLevel="2" x14ac:dyDescent="0.2">
      <c r="A2985" s="17"/>
      <c r="B2985" s="17"/>
      <c r="C2985" s="17"/>
      <c r="D2985" s="18"/>
      <c r="E2985" s="18"/>
      <c r="F2985" s="18"/>
      <c r="G2985" s="18"/>
      <c r="H2985" s="18"/>
      <c r="I2985" s="18"/>
      <c r="J2985" s="18"/>
      <c r="K2985" s="18"/>
      <c r="L2985" s="18"/>
      <c r="M2985" s="18"/>
      <c r="N2985" s="18"/>
      <c r="O2985" s="18"/>
      <c r="P2985" s="20"/>
      <c r="Q2985" s="20"/>
      <c r="R2985" s="20"/>
      <c r="S2985" s="20"/>
      <c r="T2985" s="19"/>
      <c r="U2985" s="19"/>
      <c r="V2985" s="19"/>
      <c r="W2985" s="19"/>
      <c r="X2985" s="19"/>
      <c r="Y2985" s="19"/>
      <c r="Z2985" s="19"/>
      <c r="AA2985" s="19"/>
    </row>
    <row r="2986" spans="1:27" s="1" customFormat="1" ht="11.1" customHeight="1" outlineLevel="2" x14ac:dyDescent="0.2">
      <c r="A2986" s="17">
        <v>1210</v>
      </c>
      <c r="B2986" s="17"/>
      <c r="C2986" s="17"/>
      <c r="D2986" s="18" t="s">
        <v>1498</v>
      </c>
      <c r="E2986" s="18"/>
      <c r="F2986" s="18"/>
      <c r="G2986" s="18"/>
      <c r="H2986" s="18"/>
      <c r="I2986" s="18"/>
      <c r="J2986" s="18"/>
      <c r="K2986" s="18"/>
      <c r="L2986" s="18"/>
      <c r="M2986" s="18"/>
      <c r="N2986" s="18"/>
      <c r="O2986" s="18"/>
      <c r="P2986" s="20">
        <v>1200</v>
      </c>
      <c r="Q2986" s="20"/>
      <c r="R2986" s="20"/>
      <c r="S2986" s="20"/>
      <c r="T2986" s="20">
        <v>1130</v>
      </c>
      <c r="U2986" s="20"/>
      <c r="V2986" s="20"/>
      <c r="W2986" s="20"/>
      <c r="X2986" s="19">
        <v>1</v>
      </c>
      <c r="Y2986" s="19"/>
      <c r="Z2986" s="19"/>
      <c r="AA2986" s="19"/>
    </row>
    <row r="2987" spans="1:27" s="1" customFormat="1" ht="11.1" customHeight="1" outlineLevel="2" x14ac:dyDescent="0.2">
      <c r="A2987" s="17"/>
      <c r="B2987" s="17"/>
      <c r="C2987" s="17"/>
      <c r="D2987" s="18"/>
      <c r="E2987" s="18"/>
      <c r="F2987" s="18"/>
      <c r="G2987" s="18"/>
      <c r="H2987" s="18"/>
      <c r="I2987" s="18"/>
      <c r="J2987" s="18"/>
      <c r="K2987" s="18"/>
      <c r="L2987" s="18"/>
      <c r="M2987" s="18"/>
      <c r="N2987" s="18"/>
      <c r="O2987" s="18"/>
      <c r="P2987" s="20"/>
      <c r="Q2987" s="20"/>
      <c r="R2987" s="20"/>
      <c r="S2987" s="20"/>
      <c r="T2987" s="20"/>
      <c r="U2987" s="20"/>
      <c r="V2987" s="20"/>
      <c r="W2987" s="20"/>
      <c r="X2987" s="19"/>
      <c r="Y2987" s="19"/>
      <c r="Z2987" s="19"/>
      <c r="AA2987" s="19"/>
    </row>
    <row r="2988" spans="1:27" s="1" customFormat="1" ht="11.1" customHeight="1" outlineLevel="1" x14ac:dyDescent="0.2">
      <c r="A2988" s="16" t="s">
        <v>1175</v>
      </c>
      <c r="B2988" s="16"/>
      <c r="C2988" s="16"/>
      <c r="D2988" s="16"/>
      <c r="E2988" s="16"/>
      <c r="F2988" s="16"/>
      <c r="G2988" s="16"/>
      <c r="H2988" s="16"/>
      <c r="I2988" s="16"/>
      <c r="J2988" s="16"/>
      <c r="K2988" s="16"/>
      <c r="L2988" s="16"/>
      <c r="M2988" s="16"/>
      <c r="N2988" s="16"/>
      <c r="O2988" s="16"/>
      <c r="P2988" s="16"/>
      <c r="Q2988" s="16"/>
      <c r="R2988" s="16"/>
      <c r="S2988" s="16"/>
      <c r="T2988" s="16"/>
      <c r="U2988" s="16"/>
      <c r="V2988" s="16"/>
      <c r="W2988" s="16"/>
      <c r="X2988" s="16"/>
      <c r="Y2988" s="16"/>
      <c r="Z2988" s="16"/>
      <c r="AA2988" s="16"/>
    </row>
    <row r="2989" spans="1:27" s="1" customFormat="1" ht="11.1" customHeight="1" outlineLevel="1" x14ac:dyDescent="0.2">
      <c r="A2989" s="16"/>
      <c r="B2989" s="16"/>
      <c r="C2989" s="16"/>
      <c r="D2989" s="16"/>
      <c r="E2989" s="16"/>
      <c r="F2989" s="16"/>
      <c r="G2989" s="16"/>
      <c r="H2989" s="16"/>
      <c r="I2989" s="16"/>
      <c r="J2989" s="16"/>
      <c r="K2989" s="16"/>
      <c r="L2989" s="16"/>
      <c r="M2989" s="16"/>
      <c r="N2989" s="16"/>
      <c r="O2989" s="16"/>
      <c r="P2989" s="16"/>
      <c r="Q2989" s="16"/>
      <c r="R2989" s="16"/>
      <c r="S2989" s="16"/>
      <c r="T2989" s="16"/>
      <c r="U2989" s="16"/>
      <c r="V2989" s="16"/>
      <c r="W2989" s="16"/>
      <c r="X2989" s="16"/>
      <c r="Y2989" s="16"/>
      <c r="Z2989" s="16"/>
      <c r="AA2989" s="16"/>
    </row>
    <row r="2990" spans="1:27" s="1" customFormat="1" ht="14.1" customHeight="1" outlineLevel="2" x14ac:dyDescent="0.2">
      <c r="A2990" s="17">
        <v>18267</v>
      </c>
      <c r="B2990" s="17"/>
      <c r="C2990" s="17"/>
      <c r="D2990" s="18" t="s">
        <v>1499</v>
      </c>
      <c r="E2990" s="18"/>
      <c r="F2990" s="18"/>
      <c r="G2990" s="18"/>
      <c r="H2990" s="18"/>
      <c r="I2990" s="18"/>
      <c r="J2990" s="18"/>
      <c r="K2990" s="18"/>
      <c r="L2990" s="18"/>
      <c r="M2990" s="18"/>
      <c r="N2990" s="18"/>
      <c r="O2990" s="18"/>
      <c r="P2990" s="20">
        <v>1900</v>
      </c>
      <c r="Q2990" s="20"/>
      <c r="R2990" s="20"/>
      <c r="S2990" s="20"/>
      <c r="T2990" s="20">
        <v>1500</v>
      </c>
      <c r="U2990" s="20"/>
      <c r="V2990" s="20"/>
      <c r="W2990" s="20"/>
      <c r="X2990" s="19">
        <v>20</v>
      </c>
      <c r="Y2990" s="19"/>
      <c r="Z2990" s="19"/>
      <c r="AA2990" s="19"/>
    </row>
    <row r="2991" spans="1:27" s="1" customFormat="1" ht="14.1" customHeight="1" outlineLevel="2" x14ac:dyDescent="0.2">
      <c r="A2991" s="17"/>
      <c r="B2991" s="17"/>
      <c r="C2991" s="17"/>
      <c r="D2991" s="18"/>
      <c r="E2991" s="18"/>
      <c r="F2991" s="18"/>
      <c r="G2991" s="18"/>
      <c r="H2991" s="18"/>
      <c r="I2991" s="18"/>
      <c r="J2991" s="18"/>
      <c r="K2991" s="18"/>
      <c r="L2991" s="18"/>
      <c r="M2991" s="18"/>
      <c r="N2991" s="18"/>
      <c r="O2991" s="18"/>
      <c r="P2991" s="20"/>
      <c r="Q2991" s="20"/>
      <c r="R2991" s="20"/>
      <c r="S2991" s="20"/>
      <c r="T2991" s="20"/>
      <c r="U2991" s="20"/>
      <c r="V2991" s="20"/>
      <c r="W2991" s="20"/>
      <c r="X2991" s="19"/>
      <c r="Y2991" s="19"/>
      <c r="Z2991" s="19"/>
      <c r="AA2991" s="19"/>
    </row>
    <row r="2992" spans="1:27" s="1" customFormat="1" ht="14.1" customHeight="1" outlineLevel="2" x14ac:dyDescent="0.2">
      <c r="A2992" s="17">
        <v>16027</v>
      </c>
      <c r="B2992" s="17"/>
      <c r="C2992" s="17"/>
      <c r="D2992" s="18" t="s">
        <v>1500</v>
      </c>
      <c r="E2992" s="18"/>
      <c r="F2992" s="18"/>
      <c r="G2992" s="18"/>
      <c r="H2992" s="18"/>
      <c r="I2992" s="18"/>
      <c r="J2992" s="18"/>
      <c r="K2992" s="18"/>
      <c r="L2992" s="18"/>
      <c r="M2992" s="18"/>
      <c r="N2992" s="18"/>
      <c r="O2992" s="18"/>
      <c r="P2992" s="20">
        <v>1100</v>
      </c>
      <c r="Q2992" s="20"/>
      <c r="R2992" s="20"/>
      <c r="S2992" s="20"/>
      <c r="T2992" s="19">
        <v>990</v>
      </c>
      <c r="U2992" s="19"/>
      <c r="V2992" s="19"/>
      <c r="W2992" s="19"/>
      <c r="X2992" s="19">
        <v>4</v>
      </c>
      <c r="Y2992" s="19"/>
      <c r="Z2992" s="19"/>
      <c r="AA2992" s="19"/>
    </row>
    <row r="2993" spans="1:27" s="1" customFormat="1" ht="14.1" customHeight="1" outlineLevel="2" x14ac:dyDescent="0.2">
      <c r="A2993" s="17"/>
      <c r="B2993" s="17"/>
      <c r="C2993" s="17"/>
      <c r="D2993" s="18"/>
      <c r="E2993" s="18"/>
      <c r="F2993" s="18"/>
      <c r="G2993" s="18"/>
      <c r="H2993" s="18"/>
      <c r="I2993" s="18"/>
      <c r="J2993" s="18"/>
      <c r="K2993" s="18"/>
      <c r="L2993" s="18"/>
      <c r="M2993" s="18"/>
      <c r="N2993" s="18"/>
      <c r="O2993" s="18"/>
      <c r="P2993" s="20"/>
      <c r="Q2993" s="20"/>
      <c r="R2993" s="20"/>
      <c r="S2993" s="20"/>
      <c r="T2993" s="19"/>
      <c r="U2993" s="19"/>
      <c r="V2993" s="19"/>
      <c r="W2993" s="19"/>
      <c r="X2993" s="19"/>
      <c r="Y2993" s="19"/>
      <c r="Z2993" s="19"/>
      <c r="AA2993" s="19"/>
    </row>
    <row r="2994" spans="1:27" s="1" customFormat="1" ht="11.1" customHeight="1" outlineLevel="2" x14ac:dyDescent="0.2">
      <c r="A2994" s="17">
        <v>5919</v>
      </c>
      <c r="B2994" s="17"/>
      <c r="C2994" s="17"/>
      <c r="D2994" s="18" t="s">
        <v>1501</v>
      </c>
      <c r="E2994" s="18"/>
      <c r="F2994" s="18"/>
      <c r="G2994" s="18"/>
      <c r="H2994" s="18"/>
      <c r="I2994" s="18"/>
      <c r="J2994" s="18"/>
      <c r="K2994" s="18"/>
      <c r="L2994" s="18"/>
      <c r="M2994" s="18"/>
      <c r="N2994" s="18"/>
      <c r="O2994" s="18"/>
      <c r="P2994" s="20">
        <v>1250</v>
      </c>
      <c r="Q2994" s="20"/>
      <c r="R2994" s="20"/>
      <c r="S2994" s="20"/>
      <c r="T2994" s="20">
        <v>1180</v>
      </c>
      <c r="U2994" s="20"/>
      <c r="V2994" s="20"/>
      <c r="W2994" s="20"/>
      <c r="X2994" s="19">
        <v>1</v>
      </c>
      <c r="Y2994" s="19"/>
      <c r="Z2994" s="19"/>
      <c r="AA2994" s="19"/>
    </row>
    <row r="2995" spans="1:27" s="1" customFormat="1" ht="11.1" customHeight="1" outlineLevel="2" x14ac:dyDescent="0.2">
      <c r="A2995" s="17"/>
      <c r="B2995" s="17"/>
      <c r="C2995" s="17"/>
      <c r="D2995" s="18"/>
      <c r="E2995" s="18"/>
      <c r="F2995" s="18"/>
      <c r="G2995" s="18"/>
      <c r="H2995" s="18"/>
      <c r="I2995" s="18"/>
      <c r="J2995" s="18"/>
      <c r="K2995" s="18"/>
      <c r="L2995" s="18"/>
      <c r="M2995" s="18"/>
      <c r="N2995" s="18"/>
      <c r="O2995" s="18"/>
      <c r="P2995" s="20"/>
      <c r="Q2995" s="20"/>
      <c r="R2995" s="20"/>
      <c r="S2995" s="20"/>
      <c r="T2995" s="20"/>
      <c r="U2995" s="20"/>
      <c r="V2995" s="20"/>
      <c r="W2995" s="20"/>
      <c r="X2995" s="19"/>
      <c r="Y2995" s="19"/>
      <c r="Z2995" s="19"/>
      <c r="AA2995" s="19"/>
    </row>
    <row r="2996" spans="1:27" s="1" customFormat="1" ht="11.1" customHeight="1" outlineLevel="2" x14ac:dyDescent="0.2">
      <c r="A2996" s="17">
        <v>5385</v>
      </c>
      <c r="B2996" s="17"/>
      <c r="C2996" s="17"/>
      <c r="D2996" s="18" t="s">
        <v>1502</v>
      </c>
      <c r="E2996" s="18"/>
      <c r="F2996" s="18"/>
      <c r="G2996" s="18"/>
      <c r="H2996" s="18"/>
      <c r="I2996" s="18"/>
      <c r="J2996" s="18"/>
      <c r="K2996" s="18"/>
      <c r="L2996" s="18"/>
      <c r="M2996" s="18"/>
      <c r="N2996" s="18"/>
      <c r="O2996" s="18"/>
      <c r="P2996" s="20">
        <v>1250</v>
      </c>
      <c r="Q2996" s="20"/>
      <c r="R2996" s="20"/>
      <c r="S2996" s="20"/>
      <c r="T2996" s="20">
        <v>1170</v>
      </c>
      <c r="U2996" s="20"/>
      <c r="V2996" s="20"/>
      <c r="W2996" s="20"/>
      <c r="X2996" s="19">
        <v>1</v>
      </c>
      <c r="Y2996" s="19"/>
      <c r="Z2996" s="19"/>
      <c r="AA2996" s="19"/>
    </row>
    <row r="2997" spans="1:27" s="1" customFormat="1" ht="11.1" customHeight="1" outlineLevel="2" x14ac:dyDescent="0.2">
      <c r="A2997" s="17"/>
      <c r="B2997" s="17"/>
      <c r="C2997" s="17"/>
      <c r="D2997" s="18"/>
      <c r="E2997" s="18"/>
      <c r="F2997" s="18"/>
      <c r="G2997" s="18"/>
      <c r="H2997" s="18"/>
      <c r="I2997" s="18"/>
      <c r="J2997" s="18"/>
      <c r="K2997" s="18"/>
      <c r="L2997" s="18"/>
      <c r="M2997" s="18"/>
      <c r="N2997" s="18"/>
      <c r="O2997" s="18"/>
      <c r="P2997" s="20"/>
      <c r="Q2997" s="20"/>
      <c r="R2997" s="20"/>
      <c r="S2997" s="20"/>
      <c r="T2997" s="20"/>
      <c r="U2997" s="20"/>
      <c r="V2997" s="20"/>
      <c r="W2997" s="20"/>
      <c r="X2997" s="19"/>
      <c r="Y2997" s="19"/>
      <c r="Z2997" s="19"/>
      <c r="AA2997" s="19"/>
    </row>
    <row r="2998" spans="1:27" s="1" customFormat="1" ht="11.1" customHeight="1" outlineLevel="2" x14ac:dyDescent="0.2">
      <c r="A2998" s="17">
        <v>5384</v>
      </c>
      <c r="B2998" s="17"/>
      <c r="C2998" s="17"/>
      <c r="D2998" s="18" t="s">
        <v>1503</v>
      </c>
      <c r="E2998" s="18"/>
      <c r="F2998" s="18"/>
      <c r="G2998" s="18"/>
      <c r="H2998" s="18"/>
      <c r="I2998" s="18"/>
      <c r="J2998" s="18"/>
      <c r="K2998" s="18"/>
      <c r="L2998" s="18"/>
      <c r="M2998" s="18"/>
      <c r="N2998" s="18"/>
      <c r="O2998" s="18"/>
      <c r="P2998" s="20">
        <v>1400</v>
      </c>
      <c r="Q2998" s="20"/>
      <c r="R2998" s="20"/>
      <c r="S2998" s="20"/>
      <c r="T2998" s="20">
        <v>1350</v>
      </c>
      <c r="U2998" s="20"/>
      <c r="V2998" s="20"/>
      <c r="W2998" s="20"/>
      <c r="X2998" s="19">
        <v>1</v>
      </c>
      <c r="Y2998" s="19"/>
      <c r="Z2998" s="19"/>
      <c r="AA2998" s="19"/>
    </row>
    <row r="2999" spans="1:27" s="1" customFormat="1" ht="11.1" customHeight="1" outlineLevel="2" x14ac:dyDescent="0.2">
      <c r="A2999" s="17"/>
      <c r="B2999" s="17"/>
      <c r="C2999" s="17"/>
      <c r="D2999" s="18"/>
      <c r="E2999" s="18"/>
      <c r="F2999" s="18"/>
      <c r="G2999" s="18"/>
      <c r="H2999" s="18"/>
      <c r="I2999" s="18"/>
      <c r="J2999" s="18"/>
      <c r="K2999" s="18"/>
      <c r="L2999" s="18"/>
      <c r="M2999" s="18"/>
      <c r="N2999" s="18"/>
      <c r="O2999" s="18"/>
      <c r="P2999" s="20"/>
      <c r="Q2999" s="20"/>
      <c r="R2999" s="20"/>
      <c r="S2999" s="20"/>
      <c r="T2999" s="20"/>
      <c r="U2999" s="20"/>
      <c r="V2999" s="20"/>
      <c r="W2999" s="20"/>
      <c r="X2999" s="19"/>
      <c r="Y2999" s="19"/>
      <c r="Z2999" s="19"/>
      <c r="AA2999" s="19"/>
    </row>
    <row r="3000" spans="1:27" s="1" customFormat="1" ht="14.1" customHeight="1" outlineLevel="2" x14ac:dyDescent="0.2">
      <c r="A3000" s="17">
        <v>17118</v>
      </c>
      <c r="B3000" s="17"/>
      <c r="C3000" s="17"/>
      <c r="D3000" s="18" t="s">
        <v>1504</v>
      </c>
      <c r="E3000" s="18"/>
      <c r="F3000" s="18"/>
      <c r="G3000" s="18"/>
      <c r="H3000" s="18"/>
      <c r="I3000" s="18"/>
      <c r="J3000" s="18"/>
      <c r="K3000" s="18"/>
      <c r="L3000" s="18"/>
      <c r="M3000" s="18"/>
      <c r="N3000" s="18"/>
      <c r="O3000" s="18"/>
      <c r="P3000" s="20">
        <v>1150</v>
      </c>
      <c r="Q3000" s="20"/>
      <c r="R3000" s="20"/>
      <c r="S3000" s="20"/>
      <c r="T3000" s="19">
        <v>960</v>
      </c>
      <c r="U3000" s="19"/>
      <c r="V3000" s="19"/>
      <c r="W3000" s="19"/>
      <c r="X3000" s="19">
        <v>19</v>
      </c>
      <c r="Y3000" s="19"/>
      <c r="Z3000" s="19"/>
      <c r="AA3000" s="19"/>
    </row>
    <row r="3001" spans="1:27" s="1" customFormat="1" ht="14.1" customHeight="1" outlineLevel="2" x14ac:dyDescent="0.2">
      <c r="A3001" s="17"/>
      <c r="B3001" s="17"/>
      <c r="C3001" s="17"/>
      <c r="D3001" s="18"/>
      <c r="E3001" s="18"/>
      <c r="F3001" s="18"/>
      <c r="G3001" s="18"/>
      <c r="H3001" s="18"/>
      <c r="I3001" s="18"/>
      <c r="J3001" s="18"/>
      <c r="K3001" s="18"/>
      <c r="L3001" s="18"/>
      <c r="M3001" s="18"/>
      <c r="N3001" s="18"/>
      <c r="O3001" s="18"/>
      <c r="P3001" s="20"/>
      <c r="Q3001" s="20"/>
      <c r="R3001" s="20"/>
      <c r="S3001" s="20"/>
      <c r="T3001" s="19"/>
      <c r="U3001" s="19"/>
      <c r="V3001" s="19"/>
      <c r="W3001" s="19"/>
      <c r="X3001" s="19"/>
      <c r="Y3001" s="19"/>
      <c r="Z3001" s="19"/>
      <c r="AA3001" s="19"/>
    </row>
    <row r="3002" spans="1:27" s="1" customFormat="1" ht="14.1" customHeight="1" outlineLevel="2" x14ac:dyDescent="0.2">
      <c r="A3002" s="17">
        <v>16626</v>
      </c>
      <c r="B3002" s="17"/>
      <c r="C3002" s="17"/>
      <c r="D3002" s="18" t="s">
        <v>1505</v>
      </c>
      <c r="E3002" s="18"/>
      <c r="F3002" s="18"/>
      <c r="G3002" s="18"/>
      <c r="H3002" s="18"/>
      <c r="I3002" s="18"/>
      <c r="J3002" s="18"/>
      <c r="K3002" s="18"/>
      <c r="L3002" s="18"/>
      <c r="M3002" s="18"/>
      <c r="N3002" s="18"/>
      <c r="O3002" s="18"/>
      <c r="P3002" s="20">
        <v>1450</v>
      </c>
      <c r="Q3002" s="20"/>
      <c r="R3002" s="20"/>
      <c r="S3002" s="20"/>
      <c r="T3002" s="20">
        <v>1300</v>
      </c>
      <c r="U3002" s="20"/>
      <c r="V3002" s="20"/>
      <c r="W3002" s="20"/>
      <c r="X3002" s="19">
        <v>1</v>
      </c>
      <c r="Y3002" s="19"/>
      <c r="Z3002" s="19"/>
      <c r="AA3002" s="19"/>
    </row>
    <row r="3003" spans="1:27" s="1" customFormat="1" ht="14.1" customHeight="1" outlineLevel="2" x14ac:dyDescent="0.2">
      <c r="A3003" s="17"/>
      <c r="B3003" s="17"/>
      <c r="C3003" s="17"/>
      <c r="D3003" s="18"/>
      <c r="E3003" s="18"/>
      <c r="F3003" s="18"/>
      <c r="G3003" s="18"/>
      <c r="H3003" s="18"/>
      <c r="I3003" s="18"/>
      <c r="J3003" s="18"/>
      <c r="K3003" s="18"/>
      <c r="L3003" s="18"/>
      <c r="M3003" s="18"/>
      <c r="N3003" s="18"/>
      <c r="O3003" s="18"/>
      <c r="P3003" s="20"/>
      <c r="Q3003" s="20"/>
      <c r="R3003" s="20"/>
      <c r="S3003" s="20"/>
      <c r="T3003" s="20"/>
      <c r="U3003" s="20"/>
      <c r="V3003" s="20"/>
      <c r="W3003" s="20"/>
      <c r="X3003" s="19"/>
      <c r="Y3003" s="19"/>
      <c r="Z3003" s="19"/>
      <c r="AA3003" s="19"/>
    </row>
    <row r="3004" spans="1:27" s="1" customFormat="1" ht="11.1" customHeight="1" outlineLevel="2" x14ac:dyDescent="0.2">
      <c r="A3004" s="17">
        <v>7350</v>
      </c>
      <c r="B3004" s="17"/>
      <c r="C3004" s="17"/>
      <c r="D3004" s="18" t="s">
        <v>1506</v>
      </c>
      <c r="E3004" s="18"/>
      <c r="F3004" s="18"/>
      <c r="G3004" s="18"/>
      <c r="H3004" s="18"/>
      <c r="I3004" s="18"/>
      <c r="J3004" s="18"/>
      <c r="K3004" s="18"/>
      <c r="L3004" s="18"/>
      <c r="M3004" s="18"/>
      <c r="N3004" s="18"/>
      <c r="O3004" s="18"/>
      <c r="P3004" s="20">
        <v>1800</v>
      </c>
      <c r="Q3004" s="20"/>
      <c r="R3004" s="20"/>
      <c r="S3004" s="20"/>
      <c r="T3004" s="20">
        <v>1700</v>
      </c>
      <c r="U3004" s="20"/>
      <c r="V3004" s="20"/>
      <c r="W3004" s="20"/>
      <c r="X3004" s="19">
        <v>2</v>
      </c>
      <c r="Y3004" s="19"/>
      <c r="Z3004" s="19"/>
      <c r="AA3004" s="19"/>
    </row>
    <row r="3005" spans="1:27" s="1" customFormat="1" ht="11.1" customHeight="1" outlineLevel="2" x14ac:dyDescent="0.2">
      <c r="A3005" s="17"/>
      <c r="B3005" s="17"/>
      <c r="C3005" s="17"/>
      <c r="D3005" s="18"/>
      <c r="E3005" s="18"/>
      <c r="F3005" s="18"/>
      <c r="G3005" s="18"/>
      <c r="H3005" s="18"/>
      <c r="I3005" s="18"/>
      <c r="J3005" s="18"/>
      <c r="K3005" s="18"/>
      <c r="L3005" s="18"/>
      <c r="M3005" s="18"/>
      <c r="N3005" s="18"/>
      <c r="O3005" s="18"/>
      <c r="P3005" s="20"/>
      <c r="Q3005" s="20"/>
      <c r="R3005" s="20"/>
      <c r="S3005" s="20"/>
      <c r="T3005" s="20"/>
      <c r="U3005" s="20"/>
      <c r="V3005" s="20"/>
      <c r="W3005" s="20"/>
      <c r="X3005" s="19"/>
      <c r="Y3005" s="19"/>
      <c r="Z3005" s="19"/>
      <c r="AA3005" s="19"/>
    </row>
    <row r="3006" spans="1:27" s="1" customFormat="1" ht="14.1" customHeight="1" outlineLevel="2" x14ac:dyDescent="0.2">
      <c r="A3006" s="17">
        <v>17117</v>
      </c>
      <c r="B3006" s="17"/>
      <c r="C3006" s="17"/>
      <c r="D3006" s="18" t="s">
        <v>1507</v>
      </c>
      <c r="E3006" s="18"/>
      <c r="F3006" s="18"/>
      <c r="G3006" s="18"/>
      <c r="H3006" s="18"/>
      <c r="I3006" s="18"/>
      <c r="J3006" s="18"/>
      <c r="K3006" s="18"/>
      <c r="L3006" s="18"/>
      <c r="M3006" s="18"/>
      <c r="N3006" s="18"/>
      <c r="O3006" s="18"/>
      <c r="P3006" s="20">
        <v>7200</v>
      </c>
      <c r="Q3006" s="20"/>
      <c r="R3006" s="20"/>
      <c r="S3006" s="20"/>
      <c r="T3006" s="20">
        <v>6700</v>
      </c>
      <c r="U3006" s="20"/>
      <c r="V3006" s="20"/>
      <c r="W3006" s="20"/>
      <c r="X3006" s="19">
        <v>5</v>
      </c>
      <c r="Y3006" s="19"/>
      <c r="Z3006" s="19"/>
      <c r="AA3006" s="19"/>
    </row>
    <row r="3007" spans="1:27" s="1" customFormat="1" ht="14.1" customHeight="1" outlineLevel="2" x14ac:dyDescent="0.2">
      <c r="A3007" s="17"/>
      <c r="B3007" s="17"/>
      <c r="C3007" s="17"/>
      <c r="D3007" s="18"/>
      <c r="E3007" s="18"/>
      <c r="F3007" s="18"/>
      <c r="G3007" s="18"/>
      <c r="H3007" s="18"/>
      <c r="I3007" s="18"/>
      <c r="J3007" s="18"/>
      <c r="K3007" s="18"/>
      <c r="L3007" s="18"/>
      <c r="M3007" s="18"/>
      <c r="N3007" s="18"/>
      <c r="O3007" s="18"/>
      <c r="P3007" s="20"/>
      <c r="Q3007" s="20"/>
      <c r="R3007" s="20"/>
      <c r="S3007" s="20"/>
      <c r="T3007" s="20"/>
      <c r="U3007" s="20"/>
      <c r="V3007" s="20"/>
      <c r="W3007" s="20"/>
      <c r="X3007" s="19"/>
      <c r="Y3007" s="19"/>
      <c r="Z3007" s="19"/>
      <c r="AA3007" s="19"/>
    </row>
    <row r="3008" spans="1:27" s="1" customFormat="1" ht="14.1" customHeight="1" outlineLevel="2" x14ac:dyDescent="0.2">
      <c r="A3008" s="17">
        <v>17430</v>
      </c>
      <c r="B3008" s="17"/>
      <c r="C3008" s="17"/>
      <c r="D3008" s="18" t="s">
        <v>1508</v>
      </c>
      <c r="E3008" s="18"/>
      <c r="F3008" s="18"/>
      <c r="G3008" s="18"/>
      <c r="H3008" s="18"/>
      <c r="I3008" s="18"/>
      <c r="J3008" s="18"/>
      <c r="K3008" s="18"/>
      <c r="L3008" s="18"/>
      <c r="M3008" s="18"/>
      <c r="N3008" s="18"/>
      <c r="O3008" s="18"/>
      <c r="P3008" s="20">
        <v>2400</v>
      </c>
      <c r="Q3008" s="20"/>
      <c r="R3008" s="20"/>
      <c r="S3008" s="20"/>
      <c r="T3008" s="20">
        <v>2000</v>
      </c>
      <c r="U3008" s="20"/>
      <c r="V3008" s="20"/>
      <c r="W3008" s="20"/>
      <c r="X3008" s="19">
        <v>1</v>
      </c>
      <c r="Y3008" s="19"/>
      <c r="Z3008" s="19"/>
      <c r="AA3008" s="19"/>
    </row>
    <row r="3009" spans="1:27" s="1" customFormat="1" ht="14.1" customHeight="1" outlineLevel="2" x14ac:dyDescent="0.2">
      <c r="A3009" s="17"/>
      <c r="B3009" s="17"/>
      <c r="C3009" s="17"/>
      <c r="D3009" s="18"/>
      <c r="E3009" s="18"/>
      <c r="F3009" s="18"/>
      <c r="G3009" s="18"/>
      <c r="H3009" s="18"/>
      <c r="I3009" s="18"/>
      <c r="J3009" s="18"/>
      <c r="K3009" s="18"/>
      <c r="L3009" s="18"/>
      <c r="M3009" s="18"/>
      <c r="N3009" s="18"/>
      <c r="O3009" s="18"/>
      <c r="P3009" s="20"/>
      <c r="Q3009" s="20"/>
      <c r="R3009" s="20"/>
      <c r="S3009" s="20"/>
      <c r="T3009" s="20"/>
      <c r="U3009" s="20"/>
      <c r="V3009" s="20"/>
      <c r="W3009" s="20"/>
      <c r="X3009" s="19"/>
      <c r="Y3009" s="19"/>
      <c r="Z3009" s="19"/>
      <c r="AA3009" s="19"/>
    </row>
    <row r="3010" spans="1:27" s="1" customFormat="1" ht="14.1" customHeight="1" outlineLevel="2" x14ac:dyDescent="0.2">
      <c r="A3010" s="17">
        <v>8876</v>
      </c>
      <c r="B3010" s="17"/>
      <c r="C3010" s="17"/>
      <c r="D3010" s="18" t="s">
        <v>1509</v>
      </c>
      <c r="E3010" s="18"/>
      <c r="F3010" s="18"/>
      <c r="G3010" s="18"/>
      <c r="H3010" s="18"/>
      <c r="I3010" s="18"/>
      <c r="J3010" s="18"/>
      <c r="K3010" s="18"/>
      <c r="L3010" s="18"/>
      <c r="M3010" s="18"/>
      <c r="N3010" s="18"/>
      <c r="O3010" s="18"/>
      <c r="P3010" s="20">
        <v>1900</v>
      </c>
      <c r="Q3010" s="20"/>
      <c r="R3010" s="20"/>
      <c r="S3010" s="20"/>
      <c r="T3010" s="20">
        <v>1750</v>
      </c>
      <c r="U3010" s="20"/>
      <c r="V3010" s="20"/>
      <c r="W3010" s="20"/>
      <c r="X3010" s="19">
        <v>3</v>
      </c>
      <c r="Y3010" s="19"/>
      <c r="Z3010" s="19"/>
      <c r="AA3010" s="19"/>
    </row>
    <row r="3011" spans="1:27" s="1" customFormat="1" ht="14.1" customHeight="1" outlineLevel="2" x14ac:dyDescent="0.2">
      <c r="A3011" s="17"/>
      <c r="B3011" s="17"/>
      <c r="C3011" s="17"/>
      <c r="D3011" s="18"/>
      <c r="E3011" s="18"/>
      <c r="F3011" s="18"/>
      <c r="G3011" s="18"/>
      <c r="H3011" s="18"/>
      <c r="I3011" s="18"/>
      <c r="J3011" s="18"/>
      <c r="K3011" s="18"/>
      <c r="L3011" s="18"/>
      <c r="M3011" s="18"/>
      <c r="N3011" s="18"/>
      <c r="O3011" s="18"/>
      <c r="P3011" s="20"/>
      <c r="Q3011" s="20"/>
      <c r="R3011" s="20"/>
      <c r="S3011" s="20"/>
      <c r="T3011" s="20"/>
      <c r="U3011" s="20"/>
      <c r="V3011" s="20"/>
      <c r="W3011" s="20"/>
      <c r="X3011" s="19"/>
      <c r="Y3011" s="19"/>
      <c r="Z3011" s="19"/>
      <c r="AA3011" s="19"/>
    </row>
    <row r="3012" spans="1:27" s="1" customFormat="1" ht="14.1" customHeight="1" outlineLevel="2" x14ac:dyDescent="0.2">
      <c r="A3012" s="17">
        <v>17100</v>
      </c>
      <c r="B3012" s="17"/>
      <c r="C3012" s="17"/>
      <c r="D3012" s="18" t="s">
        <v>1510</v>
      </c>
      <c r="E3012" s="18"/>
      <c r="F3012" s="18"/>
      <c r="G3012" s="18"/>
      <c r="H3012" s="18"/>
      <c r="I3012" s="18"/>
      <c r="J3012" s="18"/>
      <c r="K3012" s="18"/>
      <c r="L3012" s="18"/>
      <c r="M3012" s="18"/>
      <c r="N3012" s="18"/>
      <c r="O3012" s="18"/>
      <c r="P3012" s="20">
        <v>1150</v>
      </c>
      <c r="Q3012" s="20"/>
      <c r="R3012" s="20"/>
      <c r="S3012" s="20"/>
      <c r="T3012" s="19">
        <v>900</v>
      </c>
      <c r="U3012" s="19"/>
      <c r="V3012" s="19"/>
      <c r="W3012" s="19"/>
      <c r="X3012" s="19">
        <v>31</v>
      </c>
      <c r="Y3012" s="19"/>
      <c r="Z3012" s="19"/>
      <c r="AA3012" s="19"/>
    </row>
    <row r="3013" spans="1:27" s="1" customFormat="1" ht="14.1" customHeight="1" outlineLevel="2" x14ac:dyDescent="0.2">
      <c r="A3013" s="17"/>
      <c r="B3013" s="17"/>
      <c r="C3013" s="17"/>
      <c r="D3013" s="18"/>
      <c r="E3013" s="18"/>
      <c r="F3013" s="18"/>
      <c r="G3013" s="18"/>
      <c r="H3013" s="18"/>
      <c r="I3013" s="18"/>
      <c r="J3013" s="18"/>
      <c r="K3013" s="18"/>
      <c r="L3013" s="18"/>
      <c r="M3013" s="18"/>
      <c r="N3013" s="18"/>
      <c r="O3013" s="18"/>
      <c r="P3013" s="20"/>
      <c r="Q3013" s="20"/>
      <c r="R3013" s="20"/>
      <c r="S3013" s="20"/>
      <c r="T3013" s="19"/>
      <c r="U3013" s="19"/>
      <c r="V3013" s="19"/>
      <c r="W3013" s="19"/>
      <c r="X3013" s="19"/>
      <c r="Y3013" s="19"/>
      <c r="Z3013" s="19"/>
      <c r="AA3013" s="19"/>
    </row>
    <row r="3014" spans="1:27" s="1" customFormat="1" ht="14.1" customHeight="1" outlineLevel="2" x14ac:dyDescent="0.2">
      <c r="A3014" s="17">
        <v>11880</v>
      </c>
      <c r="B3014" s="17"/>
      <c r="C3014" s="17"/>
      <c r="D3014" s="18" t="s">
        <v>1511</v>
      </c>
      <c r="E3014" s="18"/>
      <c r="F3014" s="18"/>
      <c r="G3014" s="18"/>
      <c r="H3014" s="18"/>
      <c r="I3014" s="18"/>
      <c r="J3014" s="18"/>
      <c r="K3014" s="18"/>
      <c r="L3014" s="18"/>
      <c r="M3014" s="18"/>
      <c r="N3014" s="18"/>
      <c r="O3014" s="18"/>
      <c r="P3014" s="20">
        <v>2300</v>
      </c>
      <c r="Q3014" s="20"/>
      <c r="R3014" s="20"/>
      <c r="S3014" s="20"/>
      <c r="T3014" s="20">
        <v>2200</v>
      </c>
      <c r="U3014" s="20"/>
      <c r="V3014" s="20"/>
      <c r="W3014" s="20"/>
      <c r="X3014" s="19">
        <v>4</v>
      </c>
      <c r="Y3014" s="19"/>
      <c r="Z3014" s="19"/>
      <c r="AA3014" s="19"/>
    </row>
    <row r="3015" spans="1:27" s="1" customFormat="1" ht="14.1" customHeight="1" outlineLevel="2" x14ac:dyDescent="0.2">
      <c r="A3015" s="17"/>
      <c r="B3015" s="17"/>
      <c r="C3015" s="17"/>
      <c r="D3015" s="18"/>
      <c r="E3015" s="18"/>
      <c r="F3015" s="18"/>
      <c r="G3015" s="18"/>
      <c r="H3015" s="18"/>
      <c r="I3015" s="18"/>
      <c r="J3015" s="18"/>
      <c r="K3015" s="18"/>
      <c r="L3015" s="18"/>
      <c r="M3015" s="18"/>
      <c r="N3015" s="18"/>
      <c r="O3015" s="18"/>
      <c r="P3015" s="20"/>
      <c r="Q3015" s="20"/>
      <c r="R3015" s="20"/>
      <c r="S3015" s="20"/>
      <c r="T3015" s="20"/>
      <c r="U3015" s="20"/>
      <c r="V3015" s="20"/>
      <c r="W3015" s="20"/>
      <c r="X3015" s="19"/>
      <c r="Y3015" s="19"/>
      <c r="Z3015" s="19"/>
      <c r="AA3015" s="19"/>
    </row>
    <row r="3016" spans="1:27" s="1" customFormat="1" ht="14.1" customHeight="1" outlineLevel="2" x14ac:dyDescent="0.2">
      <c r="A3016" s="17">
        <v>14664</v>
      </c>
      <c r="B3016" s="17"/>
      <c r="C3016" s="17"/>
      <c r="D3016" s="18" t="s">
        <v>1512</v>
      </c>
      <c r="E3016" s="18"/>
      <c r="F3016" s="18"/>
      <c r="G3016" s="18"/>
      <c r="H3016" s="18"/>
      <c r="I3016" s="18"/>
      <c r="J3016" s="18"/>
      <c r="K3016" s="18"/>
      <c r="L3016" s="18"/>
      <c r="M3016" s="18"/>
      <c r="N3016" s="18"/>
      <c r="O3016" s="18"/>
      <c r="P3016" s="20">
        <v>4200</v>
      </c>
      <c r="Q3016" s="20"/>
      <c r="R3016" s="20"/>
      <c r="S3016" s="20"/>
      <c r="T3016" s="20">
        <v>3600</v>
      </c>
      <c r="U3016" s="20"/>
      <c r="V3016" s="20"/>
      <c r="W3016" s="20"/>
      <c r="X3016" s="19">
        <v>5</v>
      </c>
      <c r="Y3016" s="19"/>
      <c r="Z3016" s="19"/>
      <c r="AA3016" s="19"/>
    </row>
    <row r="3017" spans="1:27" s="1" customFormat="1" ht="14.1" customHeight="1" outlineLevel="2" x14ac:dyDescent="0.2">
      <c r="A3017" s="17"/>
      <c r="B3017" s="17"/>
      <c r="C3017" s="17"/>
      <c r="D3017" s="18"/>
      <c r="E3017" s="18"/>
      <c r="F3017" s="18"/>
      <c r="G3017" s="18"/>
      <c r="H3017" s="18"/>
      <c r="I3017" s="18"/>
      <c r="J3017" s="18"/>
      <c r="K3017" s="18"/>
      <c r="L3017" s="18"/>
      <c r="M3017" s="18"/>
      <c r="N3017" s="18"/>
      <c r="O3017" s="18"/>
      <c r="P3017" s="20"/>
      <c r="Q3017" s="20"/>
      <c r="R3017" s="20"/>
      <c r="S3017" s="20"/>
      <c r="T3017" s="20"/>
      <c r="U3017" s="20"/>
      <c r="V3017" s="20"/>
      <c r="W3017" s="20"/>
      <c r="X3017" s="19"/>
      <c r="Y3017" s="19"/>
      <c r="Z3017" s="19"/>
      <c r="AA3017" s="19"/>
    </row>
    <row r="3018" spans="1:27" s="1" customFormat="1" ht="14.1" customHeight="1" outlineLevel="2" x14ac:dyDescent="0.2">
      <c r="A3018" s="17">
        <v>15839</v>
      </c>
      <c r="B3018" s="17"/>
      <c r="C3018" s="17"/>
      <c r="D3018" s="18" t="s">
        <v>1513</v>
      </c>
      <c r="E3018" s="18"/>
      <c r="F3018" s="18"/>
      <c r="G3018" s="18"/>
      <c r="H3018" s="18"/>
      <c r="I3018" s="18"/>
      <c r="J3018" s="18"/>
      <c r="K3018" s="18"/>
      <c r="L3018" s="18"/>
      <c r="M3018" s="18"/>
      <c r="N3018" s="18"/>
      <c r="O3018" s="18"/>
      <c r="P3018" s="20">
        <v>2300</v>
      </c>
      <c r="Q3018" s="20"/>
      <c r="R3018" s="20"/>
      <c r="S3018" s="20"/>
      <c r="T3018" s="20">
        <v>1990</v>
      </c>
      <c r="U3018" s="20"/>
      <c r="V3018" s="20"/>
      <c r="W3018" s="20"/>
      <c r="X3018" s="19">
        <v>6</v>
      </c>
      <c r="Y3018" s="19"/>
      <c r="Z3018" s="19"/>
      <c r="AA3018" s="19"/>
    </row>
    <row r="3019" spans="1:27" s="1" customFormat="1" ht="14.1" customHeight="1" outlineLevel="2" x14ac:dyDescent="0.2">
      <c r="A3019" s="17"/>
      <c r="B3019" s="17"/>
      <c r="C3019" s="17"/>
      <c r="D3019" s="18"/>
      <c r="E3019" s="18"/>
      <c r="F3019" s="18"/>
      <c r="G3019" s="18"/>
      <c r="H3019" s="18"/>
      <c r="I3019" s="18"/>
      <c r="J3019" s="18"/>
      <c r="K3019" s="18"/>
      <c r="L3019" s="18"/>
      <c r="M3019" s="18"/>
      <c r="N3019" s="18"/>
      <c r="O3019" s="18"/>
      <c r="P3019" s="20"/>
      <c r="Q3019" s="20"/>
      <c r="R3019" s="20"/>
      <c r="S3019" s="20"/>
      <c r="T3019" s="20"/>
      <c r="U3019" s="20"/>
      <c r="V3019" s="20"/>
      <c r="W3019" s="20"/>
      <c r="X3019" s="19"/>
      <c r="Y3019" s="19"/>
      <c r="Z3019" s="19"/>
      <c r="AA3019" s="19"/>
    </row>
    <row r="3020" spans="1:27" s="1" customFormat="1" ht="14.1" customHeight="1" outlineLevel="2" x14ac:dyDescent="0.2">
      <c r="A3020" s="17">
        <v>16268</v>
      </c>
      <c r="B3020" s="17"/>
      <c r="C3020" s="17"/>
      <c r="D3020" s="18" t="s">
        <v>1514</v>
      </c>
      <c r="E3020" s="18"/>
      <c r="F3020" s="18"/>
      <c r="G3020" s="18"/>
      <c r="H3020" s="18"/>
      <c r="I3020" s="18"/>
      <c r="J3020" s="18"/>
      <c r="K3020" s="18"/>
      <c r="L3020" s="18"/>
      <c r="M3020" s="18"/>
      <c r="N3020" s="18"/>
      <c r="O3020" s="18"/>
      <c r="P3020" s="20">
        <v>4200</v>
      </c>
      <c r="Q3020" s="20"/>
      <c r="R3020" s="20"/>
      <c r="S3020" s="20"/>
      <c r="T3020" s="20">
        <v>4000</v>
      </c>
      <c r="U3020" s="20"/>
      <c r="V3020" s="20"/>
      <c r="W3020" s="20"/>
      <c r="X3020" s="19">
        <v>1</v>
      </c>
      <c r="Y3020" s="19"/>
      <c r="Z3020" s="19"/>
      <c r="AA3020" s="19"/>
    </row>
    <row r="3021" spans="1:27" s="1" customFormat="1" ht="14.1" customHeight="1" outlineLevel="2" x14ac:dyDescent="0.2">
      <c r="A3021" s="17"/>
      <c r="B3021" s="17"/>
      <c r="C3021" s="17"/>
      <c r="D3021" s="18"/>
      <c r="E3021" s="18"/>
      <c r="F3021" s="18"/>
      <c r="G3021" s="18"/>
      <c r="H3021" s="18"/>
      <c r="I3021" s="18"/>
      <c r="J3021" s="18"/>
      <c r="K3021" s="18"/>
      <c r="L3021" s="18"/>
      <c r="M3021" s="18"/>
      <c r="N3021" s="18"/>
      <c r="O3021" s="18"/>
      <c r="P3021" s="20"/>
      <c r="Q3021" s="20"/>
      <c r="R3021" s="20"/>
      <c r="S3021" s="20"/>
      <c r="T3021" s="20"/>
      <c r="U3021" s="20"/>
      <c r="V3021" s="20"/>
      <c r="W3021" s="20"/>
      <c r="X3021" s="19"/>
      <c r="Y3021" s="19"/>
      <c r="Z3021" s="19"/>
      <c r="AA3021" s="19"/>
    </row>
    <row r="3022" spans="1:27" s="1" customFormat="1" ht="14.1" customHeight="1" outlineLevel="2" x14ac:dyDescent="0.2">
      <c r="A3022" s="17">
        <v>18260</v>
      </c>
      <c r="B3022" s="17"/>
      <c r="C3022" s="17"/>
      <c r="D3022" s="18" t="s">
        <v>1515</v>
      </c>
      <c r="E3022" s="18"/>
      <c r="F3022" s="18"/>
      <c r="G3022" s="18"/>
      <c r="H3022" s="18"/>
      <c r="I3022" s="18"/>
      <c r="J3022" s="18"/>
      <c r="K3022" s="18"/>
      <c r="L3022" s="18"/>
      <c r="M3022" s="18"/>
      <c r="N3022" s="18"/>
      <c r="O3022" s="18"/>
      <c r="P3022" s="20">
        <v>3100</v>
      </c>
      <c r="Q3022" s="20"/>
      <c r="R3022" s="20"/>
      <c r="S3022" s="20"/>
      <c r="T3022" s="20">
        <v>2700</v>
      </c>
      <c r="U3022" s="20"/>
      <c r="V3022" s="20"/>
      <c r="W3022" s="20"/>
      <c r="X3022" s="19">
        <v>15</v>
      </c>
      <c r="Y3022" s="19"/>
      <c r="Z3022" s="19"/>
      <c r="AA3022" s="19"/>
    </row>
    <row r="3023" spans="1:27" s="1" customFormat="1" ht="14.1" customHeight="1" outlineLevel="2" x14ac:dyDescent="0.2">
      <c r="A3023" s="17"/>
      <c r="B3023" s="17"/>
      <c r="C3023" s="17"/>
      <c r="D3023" s="18"/>
      <c r="E3023" s="18"/>
      <c r="F3023" s="18"/>
      <c r="G3023" s="18"/>
      <c r="H3023" s="18"/>
      <c r="I3023" s="18"/>
      <c r="J3023" s="18"/>
      <c r="K3023" s="18"/>
      <c r="L3023" s="18"/>
      <c r="M3023" s="18"/>
      <c r="N3023" s="18"/>
      <c r="O3023" s="18"/>
      <c r="P3023" s="20"/>
      <c r="Q3023" s="20"/>
      <c r="R3023" s="20"/>
      <c r="S3023" s="20"/>
      <c r="T3023" s="20"/>
      <c r="U3023" s="20"/>
      <c r="V3023" s="20"/>
      <c r="W3023" s="20"/>
      <c r="X3023" s="19"/>
      <c r="Y3023" s="19"/>
      <c r="Z3023" s="19"/>
      <c r="AA3023" s="19"/>
    </row>
    <row r="3024" spans="1:27" s="1" customFormat="1" ht="14.1" customHeight="1" outlineLevel="2" x14ac:dyDescent="0.2">
      <c r="A3024" s="17">
        <v>13690</v>
      </c>
      <c r="B3024" s="17"/>
      <c r="C3024" s="17"/>
      <c r="D3024" s="18" t="s">
        <v>1516</v>
      </c>
      <c r="E3024" s="18"/>
      <c r="F3024" s="18"/>
      <c r="G3024" s="18"/>
      <c r="H3024" s="18"/>
      <c r="I3024" s="18"/>
      <c r="J3024" s="18"/>
      <c r="K3024" s="18"/>
      <c r="L3024" s="18"/>
      <c r="M3024" s="18"/>
      <c r="N3024" s="18"/>
      <c r="O3024" s="18"/>
      <c r="P3024" s="20">
        <v>1960</v>
      </c>
      <c r="Q3024" s="20"/>
      <c r="R3024" s="20"/>
      <c r="S3024" s="20"/>
      <c r="T3024" s="20">
        <v>1800</v>
      </c>
      <c r="U3024" s="20"/>
      <c r="V3024" s="20"/>
      <c r="W3024" s="20"/>
      <c r="X3024" s="19">
        <v>8</v>
      </c>
      <c r="Y3024" s="19"/>
      <c r="Z3024" s="19"/>
      <c r="AA3024" s="19"/>
    </row>
    <row r="3025" spans="1:27" s="1" customFormat="1" ht="14.1" customHeight="1" outlineLevel="2" x14ac:dyDescent="0.2">
      <c r="A3025" s="17"/>
      <c r="B3025" s="17"/>
      <c r="C3025" s="17"/>
      <c r="D3025" s="18"/>
      <c r="E3025" s="18"/>
      <c r="F3025" s="18"/>
      <c r="G3025" s="18"/>
      <c r="H3025" s="18"/>
      <c r="I3025" s="18"/>
      <c r="J3025" s="18"/>
      <c r="K3025" s="18"/>
      <c r="L3025" s="18"/>
      <c r="M3025" s="18"/>
      <c r="N3025" s="18"/>
      <c r="O3025" s="18"/>
      <c r="P3025" s="20"/>
      <c r="Q3025" s="20"/>
      <c r="R3025" s="20"/>
      <c r="S3025" s="20"/>
      <c r="T3025" s="20"/>
      <c r="U3025" s="20"/>
      <c r="V3025" s="20"/>
      <c r="W3025" s="20"/>
      <c r="X3025" s="19"/>
      <c r="Y3025" s="19"/>
      <c r="Z3025" s="19"/>
      <c r="AA3025" s="19"/>
    </row>
    <row r="3026" spans="1:27" s="1" customFormat="1" ht="11.1" customHeight="1" outlineLevel="2" x14ac:dyDescent="0.2">
      <c r="A3026" s="17">
        <v>16050</v>
      </c>
      <c r="B3026" s="17"/>
      <c r="C3026" s="17"/>
      <c r="D3026" s="18" t="s">
        <v>1517</v>
      </c>
      <c r="E3026" s="18"/>
      <c r="F3026" s="18"/>
      <c r="G3026" s="18"/>
      <c r="H3026" s="18"/>
      <c r="I3026" s="18"/>
      <c r="J3026" s="18"/>
      <c r="K3026" s="18"/>
      <c r="L3026" s="18"/>
      <c r="M3026" s="18"/>
      <c r="N3026" s="18"/>
      <c r="O3026" s="18"/>
      <c r="P3026" s="20">
        <v>4200</v>
      </c>
      <c r="Q3026" s="20"/>
      <c r="R3026" s="20"/>
      <c r="S3026" s="20"/>
      <c r="T3026" s="20">
        <v>3900</v>
      </c>
      <c r="U3026" s="20"/>
      <c r="V3026" s="20"/>
      <c r="W3026" s="20"/>
      <c r="X3026" s="19">
        <v>3</v>
      </c>
      <c r="Y3026" s="19"/>
      <c r="Z3026" s="19"/>
      <c r="AA3026" s="19"/>
    </row>
    <row r="3027" spans="1:27" s="1" customFormat="1" ht="11.1" customHeight="1" outlineLevel="2" x14ac:dyDescent="0.2">
      <c r="A3027" s="17"/>
      <c r="B3027" s="17"/>
      <c r="C3027" s="17"/>
      <c r="D3027" s="18"/>
      <c r="E3027" s="18"/>
      <c r="F3027" s="18"/>
      <c r="G3027" s="18"/>
      <c r="H3027" s="18"/>
      <c r="I3027" s="18"/>
      <c r="J3027" s="18"/>
      <c r="K3027" s="18"/>
      <c r="L3027" s="18"/>
      <c r="M3027" s="18"/>
      <c r="N3027" s="18"/>
      <c r="O3027" s="18"/>
      <c r="P3027" s="20"/>
      <c r="Q3027" s="20"/>
      <c r="R3027" s="20"/>
      <c r="S3027" s="20"/>
      <c r="T3027" s="20"/>
      <c r="U3027" s="20"/>
      <c r="V3027" s="20"/>
      <c r="W3027" s="20"/>
      <c r="X3027" s="19"/>
      <c r="Y3027" s="19"/>
      <c r="Z3027" s="19"/>
      <c r="AA3027" s="19"/>
    </row>
    <row r="3028" spans="1:27" s="1" customFormat="1" ht="14.1" customHeight="1" outlineLevel="2" x14ac:dyDescent="0.2">
      <c r="A3028" s="17">
        <v>13640</v>
      </c>
      <c r="B3028" s="17"/>
      <c r="C3028" s="17"/>
      <c r="D3028" s="18" t="s">
        <v>1518</v>
      </c>
      <c r="E3028" s="18"/>
      <c r="F3028" s="18"/>
      <c r="G3028" s="18"/>
      <c r="H3028" s="18"/>
      <c r="I3028" s="18"/>
      <c r="J3028" s="18"/>
      <c r="K3028" s="18"/>
      <c r="L3028" s="18"/>
      <c r="M3028" s="18"/>
      <c r="N3028" s="18"/>
      <c r="O3028" s="18"/>
      <c r="P3028" s="20">
        <v>4900</v>
      </c>
      <c r="Q3028" s="20"/>
      <c r="R3028" s="20"/>
      <c r="S3028" s="20"/>
      <c r="T3028" s="20">
        <v>4500</v>
      </c>
      <c r="U3028" s="20"/>
      <c r="V3028" s="20"/>
      <c r="W3028" s="20"/>
      <c r="X3028" s="19">
        <v>2</v>
      </c>
      <c r="Y3028" s="19"/>
      <c r="Z3028" s="19"/>
      <c r="AA3028" s="19"/>
    </row>
    <row r="3029" spans="1:27" s="1" customFormat="1" ht="14.1" customHeight="1" outlineLevel="2" x14ac:dyDescent="0.2">
      <c r="A3029" s="17"/>
      <c r="B3029" s="17"/>
      <c r="C3029" s="17"/>
      <c r="D3029" s="18"/>
      <c r="E3029" s="18"/>
      <c r="F3029" s="18"/>
      <c r="G3029" s="18"/>
      <c r="H3029" s="18"/>
      <c r="I3029" s="18"/>
      <c r="J3029" s="18"/>
      <c r="K3029" s="18"/>
      <c r="L3029" s="18"/>
      <c r="M3029" s="18"/>
      <c r="N3029" s="18"/>
      <c r="O3029" s="18"/>
      <c r="P3029" s="20"/>
      <c r="Q3029" s="20"/>
      <c r="R3029" s="20"/>
      <c r="S3029" s="20"/>
      <c r="T3029" s="20"/>
      <c r="U3029" s="20"/>
      <c r="V3029" s="20"/>
      <c r="W3029" s="20"/>
      <c r="X3029" s="19"/>
      <c r="Y3029" s="19"/>
      <c r="Z3029" s="19"/>
      <c r="AA3029" s="19"/>
    </row>
    <row r="3030" spans="1:27" s="1" customFormat="1" ht="14.1" customHeight="1" outlineLevel="2" x14ac:dyDescent="0.2">
      <c r="A3030" s="17">
        <v>13947</v>
      </c>
      <c r="B3030" s="17"/>
      <c r="C3030" s="17"/>
      <c r="D3030" s="18" t="s">
        <v>1519</v>
      </c>
      <c r="E3030" s="18"/>
      <c r="F3030" s="18"/>
      <c r="G3030" s="18"/>
      <c r="H3030" s="18"/>
      <c r="I3030" s="18"/>
      <c r="J3030" s="18"/>
      <c r="K3030" s="18"/>
      <c r="L3030" s="18"/>
      <c r="M3030" s="18"/>
      <c r="N3030" s="18"/>
      <c r="O3030" s="18"/>
      <c r="P3030" s="20">
        <v>1950</v>
      </c>
      <c r="Q3030" s="20"/>
      <c r="R3030" s="20"/>
      <c r="S3030" s="20"/>
      <c r="T3030" s="20">
        <v>1720</v>
      </c>
      <c r="U3030" s="20"/>
      <c r="V3030" s="20"/>
      <c r="W3030" s="20"/>
      <c r="X3030" s="19">
        <v>5</v>
      </c>
      <c r="Y3030" s="19"/>
      <c r="Z3030" s="19"/>
      <c r="AA3030" s="19"/>
    </row>
    <row r="3031" spans="1:27" s="1" customFormat="1" ht="14.1" customHeight="1" outlineLevel="2" x14ac:dyDescent="0.2">
      <c r="A3031" s="17"/>
      <c r="B3031" s="17"/>
      <c r="C3031" s="17"/>
      <c r="D3031" s="18"/>
      <c r="E3031" s="18"/>
      <c r="F3031" s="18"/>
      <c r="G3031" s="18"/>
      <c r="H3031" s="18"/>
      <c r="I3031" s="18"/>
      <c r="J3031" s="18"/>
      <c r="K3031" s="18"/>
      <c r="L3031" s="18"/>
      <c r="M3031" s="18"/>
      <c r="N3031" s="18"/>
      <c r="O3031" s="18"/>
      <c r="P3031" s="20"/>
      <c r="Q3031" s="20"/>
      <c r="R3031" s="20"/>
      <c r="S3031" s="20"/>
      <c r="T3031" s="20"/>
      <c r="U3031" s="20"/>
      <c r="V3031" s="20"/>
      <c r="W3031" s="20"/>
      <c r="X3031" s="19"/>
      <c r="Y3031" s="19"/>
      <c r="Z3031" s="19"/>
      <c r="AA3031" s="19"/>
    </row>
    <row r="3032" spans="1:27" s="1" customFormat="1" ht="14.1" customHeight="1" outlineLevel="2" x14ac:dyDescent="0.2">
      <c r="A3032" s="17">
        <v>10699</v>
      </c>
      <c r="B3032" s="17"/>
      <c r="C3032" s="17"/>
      <c r="D3032" s="18" t="s">
        <v>1520</v>
      </c>
      <c r="E3032" s="18"/>
      <c r="F3032" s="18"/>
      <c r="G3032" s="18"/>
      <c r="H3032" s="18"/>
      <c r="I3032" s="18"/>
      <c r="J3032" s="18"/>
      <c r="K3032" s="18"/>
      <c r="L3032" s="18"/>
      <c r="M3032" s="18"/>
      <c r="N3032" s="18"/>
      <c r="O3032" s="18"/>
      <c r="P3032" s="20">
        <v>2000</v>
      </c>
      <c r="Q3032" s="20"/>
      <c r="R3032" s="20"/>
      <c r="S3032" s="20"/>
      <c r="T3032" s="20">
        <v>1650</v>
      </c>
      <c r="U3032" s="20"/>
      <c r="V3032" s="20"/>
      <c r="W3032" s="20"/>
      <c r="X3032" s="19">
        <v>10</v>
      </c>
      <c r="Y3032" s="19"/>
      <c r="Z3032" s="19"/>
      <c r="AA3032" s="19"/>
    </row>
    <row r="3033" spans="1:27" s="1" customFormat="1" ht="14.1" customHeight="1" outlineLevel="2" x14ac:dyDescent="0.2">
      <c r="A3033" s="17"/>
      <c r="B3033" s="17"/>
      <c r="C3033" s="17"/>
      <c r="D3033" s="18"/>
      <c r="E3033" s="18"/>
      <c r="F3033" s="18"/>
      <c r="G3033" s="18"/>
      <c r="H3033" s="18"/>
      <c r="I3033" s="18"/>
      <c r="J3033" s="18"/>
      <c r="K3033" s="18"/>
      <c r="L3033" s="18"/>
      <c r="M3033" s="18"/>
      <c r="N3033" s="18"/>
      <c r="O3033" s="18"/>
      <c r="P3033" s="20"/>
      <c r="Q3033" s="20"/>
      <c r="R3033" s="20"/>
      <c r="S3033" s="20"/>
      <c r="T3033" s="20"/>
      <c r="U3033" s="20"/>
      <c r="V3033" s="20"/>
      <c r="W3033" s="20"/>
      <c r="X3033" s="19"/>
      <c r="Y3033" s="19"/>
      <c r="Z3033" s="19"/>
      <c r="AA3033" s="19"/>
    </row>
    <row r="3034" spans="1:27" s="1" customFormat="1" ht="21" customHeight="1" outlineLevel="2" x14ac:dyDescent="0.2">
      <c r="A3034" s="17">
        <v>18093</v>
      </c>
      <c r="B3034" s="17"/>
      <c r="C3034" s="17"/>
      <c r="D3034" s="18" t="s">
        <v>1521</v>
      </c>
      <c r="E3034" s="18"/>
      <c r="F3034" s="18"/>
      <c r="G3034" s="18"/>
      <c r="H3034" s="18"/>
      <c r="I3034" s="18"/>
      <c r="J3034" s="18"/>
      <c r="K3034" s="18"/>
      <c r="L3034" s="18"/>
      <c r="M3034" s="18"/>
      <c r="N3034" s="18"/>
      <c r="O3034" s="18"/>
      <c r="P3034" s="20">
        <v>1700</v>
      </c>
      <c r="Q3034" s="20"/>
      <c r="R3034" s="20"/>
      <c r="S3034" s="20"/>
      <c r="T3034" s="20">
        <v>1400</v>
      </c>
      <c r="U3034" s="20"/>
      <c r="V3034" s="20"/>
      <c r="W3034" s="20"/>
      <c r="X3034" s="19">
        <v>2</v>
      </c>
      <c r="Y3034" s="19"/>
      <c r="Z3034" s="19"/>
      <c r="AA3034" s="19"/>
    </row>
    <row r="3035" spans="1:27" s="1" customFormat="1" ht="21" customHeight="1" outlineLevel="2" x14ac:dyDescent="0.2">
      <c r="A3035" s="17"/>
      <c r="B3035" s="17"/>
      <c r="C3035" s="17"/>
      <c r="D3035" s="18"/>
      <c r="E3035" s="18"/>
      <c r="F3035" s="18"/>
      <c r="G3035" s="18"/>
      <c r="H3035" s="18"/>
      <c r="I3035" s="18"/>
      <c r="J3035" s="18"/>
      <c r="K3035" s="18"/>
      <c r="L3035" s="18"/>
      <c r="M3035" s="18"/>
      <c r="N3035" s="18"/>
      <c r="O3035" s="18"/>
      <c r="P3035" s="20"/>
      <c r="Q3035" s="20"/>
      <c r="R3035" s="20"/>
      <c r="S3035" s="20"/>
      <c r="T3035" s="20"/>
      <c r="U3035" s="20"/>
      <c r="V3035" s="20"/>
      <c r="W3035" s="20"/>
      <c r="X3035" s="19"/>
      <c r="Y3035" s="19"/>
      <c r="Z3035" s="19"/>
      <c r="AA3035" s="19"/>
    </row>
    <row r="3036" spans="1:27" s="1" customFormat="1" ht="14.1" customHeight="1" outlineLevel="2" x14ac:dyDescent="0.2">
      <c r="A3036" s="17">
        <v>18097</v>
      </c>
      <c r="B3036" s="17"/>
      <c r="C3036" s="17"/>
      <c r="D3036" s="18" t="s">
        <v>1522</v>
      </c>
      <c r="E3036" s="18"/>
      <c r="F3036" s="18"/>
      <c r="G3036" s="18"/>
      <c r="H3036" s="18"/>
      <c r="I3036" s="18"/>
      <c r="J3036" s="18"/>
      <c r="K3036" s="18"/>
      <c r="L3036" s="18"/>
      <c r="M3036" s="18"/>
      <c r="N3036" s="18"/>
      <c r="O3036" s="18"/>
      <c r="P3036" s="20">
        <v>1800</v>
      </c>
      <c r="Q3036" s="20"/>
      <c r="R3036" s="20"/>
      <c r="S3036" s="20"/>
      <c r="T3036" s="20">
        <v>1500</v>
      </c>
      <c r="U3036" s="20"/>
      <c r="V3036" s="20"/>
      <c r="W3036" s="20"/>
      <c r="X3036" s="19">
        <v>3</v>
      </c>
      <c r="Y3036" s="19"/>
      <c r="Z3036" s="19"/>
      <c r="AA3036" s="19"/>
    </row>
    <row r="3037" spans="1:27" s="1" customFormat="1" ht="14.1" customHeight="1" outlineLevel="2" x14ac:dyDescent="0.2">
      <c r="A3037" s="17"/>
      <c r="B3037" s="17"/>
      <c r="C3037" s="17"/>
      <c r="D3037" s="18"/>
      <c r="E3037" s="18"/>
      <c r="F3037" s="18"/>
      <c r="G3037" s="18"/>
      <c r="H3037" s="18"/>
      <c r="I3037" s="18"/>
      <c r="J3037" s="18"/>
      <c r="K3037" s="18"/>
      <c r="L3037" s="18"/>
      <c r="M3037" s="18"/>
      <c r="N3037" s="18"/>
      <c r="O3037" s="18"/>
      <c r="P3037" s="20"/>
      <c r="Q3037" s="20"/>
      <c r="R3037" s="20"/>
      <c r="S3037" s="20"/>
      <c r="T3037" s="20"/>
      <c r="U3037" s="20"/>
      <c r="V3037" s="20"/>
      <c r="W3037" s="20"/>
      <c r="X3037" s="19"/>
      <c r="Y3037" s="19"/>
      <c r="Z3037" s="19"/>
      <c r="AA3037" s="19"/>
    </row>
    <row r="3038" spans="1:27" s="1" customFormat="1" ht="14.1" customHeight="1" outlineLevel="2" x14ac:dyDescent="0.2">
      <c r="A3038" s="17">
        <v>17099</v>
      </c>
      <c r="B3038" s="17"/>
      <c r="C3038" s="17"/>
      <c r="D3038" s="18" t="s">
        <v>1523</v>
      </c>
      <c r="E3038" s="18"/>
      <c r="F3038" s="18"/>
      <c r="G3038" s="18"/>
      <c r="H3038" s="18"/>
      <c r="I3038" s="18"/>
      <c r="J3038" s="18"/>
      <c r="K3038" s="18"/>
      <c r="L3038" s="18"/>
      <c r="M3038" s="18"/>
      <c r="N3038" s="18"/>
      <c r="O3038" s="18"/>
      <c r="P3038" s="20">
        <v>1350</v>
      </c>
      <c r="Q3038" s="20"/>
      <c r="R3038" s="20"/>
      <c r="S3038" s="20"/>
      <c r="T3038" s="20">
        <v>1170</v>
      </c>
      <c r="U3038" s="20"/>
      <c r="V3038" s="20"/>
      <c r="W3038" s="20"/>
      <c r="X3038" s="19">
        <v>10</v>
      </c>
      <c r="Y3038" s="19"/>
      <c r="Z3038" s="19"/>
      <c r="AA3038" s="19"/>
    </row>
    <row r="3039" spans="1:27" s="1" customFormat="1" ht="14.1" customHeight="1" outlineLevel="2" x14ac:dyDescent="0.2">
      <c r="A3039" s="17"/>
      <c r="B3039" s="17"/>
      <c r="C3039" s="17"/>
      <c r="D3039" s="18"/>
      <c r="E3039" s="18"/>
      <c r="F3039" s="18"/>
      <c r="G3039" s="18"/>
      <c r="H3039" s="18"/>
      <c r="I3039" s="18"/>
      <c r="J3039" s="18"/>
      <c r="K3039" s="18"/>
      <c r="L3039" s="18"/>
      <c r="M3039" s="18"/>
      <c r="N3039" s="18"/>
      <c r="O3039" s="18"/>
      <c r="P3039" s="20"/>
      <c r="Q3039" s="20"/>
      <c r="R3039" s="20"/>
      <c r="S3039" s="20"/>
      <c r="T3039" s="20"/>
      <c r="U3039" s="20"/>
      <c r="V3039" s="20"/>
      <c r="W3039" s="20"/>
      <c r="X3039" s="19"/>
      <c r="Y3039" s="19"/>
      <c r="Z3039" s="19"/>
      <c r="AA3039" s="19"/>
    </row>
    <row r="3040" spans="1:27" s="1" customFormat="1" ht="14.1" customHeight="1" outlineLevel="2" x14ac:dyDescent="0.2">
      <c r="A3040" s="17">
        <v>13946</v>
      </c>
      <c r="B3040" s="17"/>
      <c r="C3040" s="17"/>
      <c r="D3040" s="18" t="s">
        <v>1524</v>
      </c>
      <c r="E3040" s="18"/>
      <c r="F3040" s="18"/>
      <c r="G3040" s="18"/>
      <c r="H3040" s="18"/>
      <c r="I3040" s="18"/>
      <c r="J3040" s="18"/>
      <c r="K3040" s="18"/>
      <c r="L3040" s="18"/>
      <c r="M3040" s="18"/>
      <c r="N3040" s="18"/>
      <c r="O3040" s="18"/>
      <c r="P3040" s="20">
        <v>1700</v>
      </c>
      <c r="Q3040" s="20"/>
      <c r="R3040" s="20"/>
      <c r="S3040" s="20"/>
      <c r="T3040" s="20">
        <v>1400</v>
      </c>
      <c r="U3040" s="20"/>
      <c r="V3040" s="20"/>
      <c r="W3040" s="20"/>
      <c r="X3040" s="19">
        <v>24</v>
      </c>
      <c r="Y3040" s="19"/>
      <c r="Z3040" s="19"/>
      <c r="AA3040" s="19"/>
    </row>
    <row r="3041" spans="1:27" s="1" customFormat="1" ht="14.1" customHeight="1" outlineLevel="2" x14ac:dyDescent="0.2">
      <c r="A3041" s="17"/>
      <c r="B3041" s="17"/>
      <c r="C3041" s="17"/>
      <c r="D3041" s="18"/>
      <c r="E3041" s="18"/>
      <c r="F3041" s="18"/>
      <c r="G3041" s="18"/>
      <c r="H3041" s="18"/>
      <c r="I3041" s="18"/>
      <c r="J3041" s="18"/>
      <c r="K3041" s="18"/>
      <c r="L3041" s="18"/>
      <c r="M3041" s="18"/>
      <c r="N3041" s="18"/>
      <c r="O3041" s="18"/>
      <c r="P3041" s="20"/>
      <c r="Q3041" s="20"/>
      <c r="R3041" s="20"/>
      <c r="S3041" s="20"/>
      <c r="T3041" s="20"/>
      <c r="U3041" s="20"/>
      <c r="V3041" s="20"/>
      <c r="W3041" s="20"/>
      <c r="X3041" s="19"/>
      <c r="Y3041" s="19"/>
      <c r="Z3041" s="19"/>
      <c r="AA3041" s="19"/>
    </row>
    <row r="3042" spans="1:27" s="1" customFormat="1" ht="14.1" customHeight="1" outlineLevel="2" x14ac:dyDescent="0.2">
      <c r="A3042" s="17">
        <v>17107</v>
      </c>
      <c r="B3042" s="17"/>
      <c r="C3042" s="17"/>
      <c r="D3042" s="18" t="s">
        <v>1525</v>
      </c>
      <c r="E3042" s="18"/>
      <c r="F3042" s="18"/>
      <c r="G3042" s="18"/>
      <c r="H3042" s="18"/>
      <c r="I3042" s="18"/>
      <c r="J3042" s="18"/>
      <c r="K3042" s="18"/>
      <c r="L3042" s="18"/>
      <c r="M3042" s="18"/>
      <c r="N3042" s="18"/>
      <c r="O3042" s="18"/>
      <c r="P3042" s="20">
        <v>1050</v>
      </c>
      <c r="Q3042" s="20"/>
      <c r="R3042" s="20"/>
      <c r="S3042" s="20"/>
      <c r="T3042" s="19">
        <v>840</v>
      </c>
      <c r="U3042" s="19"/>
      <c r="V3042" s="19"/>
      <c r="W3042" s="19"/>
      <c r="X3042" s="19">
        <v>38</v>
      </c>
      <c r="Y3042" s="19"/>
      <c r="Z3042" s="19"/>
      <c r="AA3042" s="19"/>
    </row>
    <row r="3043" spans="1:27" s="1" customFormat="1" ht="14.1" customHeight="1" outlineLevel="2" x14ac:dyDescent="0.2">
      <c r="A3043" s="17"/>
      <c r="B3043" s="17"/>
      <c r="C3043" s="17"/>
      <c r="D3043" s="18"/>
      <c r="E3043" s="18"/>
      <c r="F3043" s="18"/>
      <c r="G3043" s="18"/>
      <c r="H3043" s="18"/>
      <c r="I3043" s="18"/>
      <c r="J3043" s="18"/>
      <c r="K3043" s="18"/>
      <c r="L3043" s="18"/>
      <c r="M3043" s="18"/>
      <c r="N3043" s="18"/>
      <c r="O3043" s="18"/>
      <c r="P3043" s="20"/>
      <c r="Q3043" s="20"/>
      <c r="R3043" s="20"/>
      <c r="S3043" s="20"/>
      <c r="T3043" s="19"/>
      <c r="U3043" s="19"/>
      <c r="V3043" s="19"/>
      <c r="W3043" s="19"/>
      <c r="X3043" s="19"/>
      <c r="Y3043" s="19"/>
      <c r="Z3043" s="19"/>
      <c r="AA3043" s="19"/>
    </row>
    <row r="3044" spans="1:27" s="1" customFormat="1" ht="14.1" customHeight="1" outlineLevel="2" x14ac:dyDescent="0.2">
      <c r="A3044" s="17">
        <v>10730</v>
      </c>
      <c r="B3044" s="17"/>
      <c r="C3044" s="17"/>
      <c r="D3044" s="18" t="s">
        <v>1526</v>
      </c>
      <c r="E3044" s="18"/>
      <c r="F3044" s="18"/>
      <c r="G3044" s="18"/>
      <c r="H3044" s="18"/>
      <c r="I3044" s="18"/>
      <c r="J3044" s="18"/>
      <c r="K3044" s="18"/>
      <c r="L3044" s="18"/>
      <c r="M3044" s="18"/>
      <c r="N3044" s="18"/>
      <c r="O3044" s="18"/>
      <c r="P3044" s="20">
        <v>1300</v>
      </c>
      <c r="Q3044" s="20"/>
      <c r="R3044" s="20"/>
      <c r="S3044" s="20"/>
      <c r="T3044" s="20">
        <v>1200</v>
      </c>
      <c r="U3044" s="20"/>
      <c r="V3044" s="20"/>
      <c r="W3044" s="20"/>
      <c r="X3044" s="19">
        <v>1</v>
      </c>
      <c r="Y3044" s="19"/>
      <c r="Z3044" s="19"/>
      <c r="AA3044" s="19"/>
    </row>
    <row r="3045" spans="1:27" s="1" customFormat="1" ht="14.1" customHeight="1" outlineLevel="2" x14ac:dyDescent="0.2">
      <c r="A3045" s="17"/>
      <c r="B3045" s="17"/>
      <c r="C3045" s="17"/>
      <c r="D3045" s="18"/>
      <c r="E3045" s="18"/>
      <c r="F3045" s="18"/>
      <c r="G3045" s="18"/>
      <c r="H3045" s="18"/>
      <c r="I3045" s="18"/>
      <c r="J3045" s="18"/>
      <c r="K3045" s="18"/>
      <c r="L3045" s="18"/>
      <c r="M3045" s="18"/>
      <c r="N3045" s="18"/>
      <c r="O3045" s="18"/>
      <c r="P3045" s="20"/>
      <c r="Q3045" s="20"/>
      <c r="R3045" s="20"/>
      <c r="S3045" s="20"/>
      <c r="T3045" s="20"/>
      <c r="U3045" s="20"/>
      <c r="V3045" s="20"/>
      <c r="W3045" s="20"/>
      <c r="X3045" s="19"/>
      <c r="Y3045" s="19"/>
      <c r="Z3045" s="19"/>
      <c r="AA3045" s="19"/>
    </row>
    <row r="3046" spans="1:27" s="1" customFormat="1" ht="14.1" customHeight="1" outlineLevel="2" x14ac:dyDescent="0.2">
      <c r="A3046" s="17">
        <v>15630</v>
      </c>
      <c r="B3046" s="17"/>
      <c r="C3046" s="17"/>
      <c r="D3046" s="18" t="s">
        <v>1527</v>
      </c>
      <c r="E3046" s="18"/>
      <c r="F3046" s="18"/>
      <c r="G3046" s="18"/>
      <c r="H3046" s="18"/>
      <c r="I3046" s="18"/>
      <c r="J3046" s="18"/>
      <c r="K3046" s="18"/>
      <c r="L3046" s="18"/>
      <c r="M3046" s="18"/>
      <c r="N3046" s="18"/>
      <c r="O3046" s="18"/>
      <c r="P3046" s="20">
        <v>1500</v>
      </c>
      <c r="Q3046" s="20"/>
      <c r="R3046" s="20"/>
      <c r="S3046" s="20"/>
      <c r="T3046" s="20">
        <v>1200</v>
      </c>
      <c r="U3046" s="20"/>
      <c r="V3046" s="20"/>
      <c r="W3046" s="20"/>
      <c r="X3046" s="19">
        <v>12</v>
      </c>
      <c r="Y3046" s="19"/>
      <c r="Z3046" s="19"/>
      <c r="AA3046" s="19"/>
    </row>
    <row r="3047" spans="1:27" s="1" customFormat="1" ht="14.1" customHeight="1" outlineLevel="2" x14ac:dyDescent="0.2">
      <c r="A3047" s="17"/>
      <c r="B3047" s="17"/>
      <c r="C3047" s="17"/>
      <c r="D3047" s="18"/>
      <c r="E3047" s="18"/>
      <c r="F3047" s="18"/>
      <c r="G3047" s="18"/>
      <c r="H3047" s="18"/>
      <c r="I3047" s="18"/>
      <c r="J3047" s="18"/>
      <c r="K3047" s="18"/>
      <c r="L3047" s="18"/>
      <c r="M3047" s="18"/>
      <c r="N3047" s="18"/>
      <c r="O3047" s="18"/>
      <c r="P3047" s="20"/>
      <c r="Q3047" s="20"/>
      <c r="R3047" s="20"/>
      <c r="S3047" s="20"/>
      <c r="T3047" s="20"/>
      <c r="U3047" s="20"/>
      <c r="V3047" s="20"/>
      <c r="W3047" s="20"/>
      <c r="X3047" s="19"/>
      <c r="Y3047" s="19"/>
      <c r="Z3047" s="19"/>
      <c r="AA3047" s="19"/>
    </row>
    <row r="3048" spans="1:27" s="1" customFormat="1" ht="14.1" customHeight="1" outlineLevel="2" x14ac:dyDescent="0.2">
      <c r="A3048" s="17">
        <v>10134</v>
      </c>
      <c r="B3048" s="17"/>
      <c r="C3048" s="17"/>
      <c r="D3048" s="18" t="s">
        <v>1528</v>
      </c>
      <c r="E3048" s="18"/>
      <c r="F3048" s="18"/>
      <c r="G3048" s="18"/>
      <c r="H3048" s="18"/>
      <c r="I3048" s="18"/>
      <c r="J3048" s="18"/>
      <c r="K3048" s="18"/>
      <c r="L3048" s="18"/>
      <c r="M3048" s="18"/>
      <c r="N3048" s="18"/>
      <c r="O3048" s="18"/>
      <c r="P3048" s="20">
        <v>1620</v>
      </c>
      <c r="Q3048" s="20"/>
      <c r="R3048" s="20"/>
      <c r="S3048" s="20"/>
      <c r="T3048" s="20">
        <v>1450</v>
      </c>
      <c r="U3048" s="20"/>
      <c r="V3048" s="20"/>
      <c r="W3048" s="20"/>
      <c r="X3048" s="19">
        <v>3</v>
      </c>
      <c r="Y3048" s="19"/>
      <c r="Z3048" s="19"/>
      <c r="AA3048" s="19"/>
    </row>
    <row r="3049" spans="1:27" s="1" customFormat="1" ht="14.1" customHeight="1" outlineLevel="2" x14ac:dyDescent="0.2">
      <c r="A3049" s="17"/>
      <c r="B3049" s="17"/>
      <c r="C3049" s="17"/>
      <c r="D3049" s="18"/>
      <c r="E3049" s="18"/>
      <c r="F3049" s="18"/>
      <c r="G3049" s="18"/>
      <c r="H3049" s="18"/>
      <c r="I3049" s="18"/>
      <c r="J3049" s="18"/>
      <c r="K3049" s="18"/>
      <c r="L3049" s="18"/>
      <c r="M3049" s="18"/>
      <c r="N3049" s="18"/>
      <c r="O3049" s="18"/>
      <c r="P3049" s="20"/>
      <c r="Q3049" s="20"/>
      <c r="R3049" s="20"/>
      <c r="S3049" s="20"/>
      <c r="T3049" s="20"/>
      <c r="U3049" s="20"/>
      <c r="V3049" s="20"/>
      <c r="W3049" s="20"/>
      <c r="X3049" s="19"/>
      <c r="Y3049" s="19"/>
      <c r="Z3049" s="19"/>
      <c r="AA3049" s="19"/>
    </row>
    <row r="3050" spans="1:27" s="1" customFormat="1" ht="14.1" customHeight="1" outlineLevel="2" x14ac:dyDescent="0.2">
      <c r="A3050" s="17">
        <v>14251</v>
      </c>
      <c r="B3050" s="17"/>
      <c r="C3050" s="17"/>
      <c r="D3050" s="18" t="s">
        <v>1529</v>
      </c>
      <c r="E3050" s="18"/>
      <c r="F3050" s="18"/>
      <c r="G3050" s="18"/>
      <c r="H3050" s="18"/>
      <c r="I3050" s="18"/>
      <c r="J3050" s="18"/>
      <c r="K3050" s="18"/>
      <c r="L3050" s="18"/>
      <c r="M3050" s="18"/>
      <c r="N3050" s="18"/>
      <c r="O3050" s="18"/>
      <c r="P3050" s="20">
        <v>1900</v>
      </c>
      <c r="Q3050" s="20"/>
      <c r="R3050" s="20"/>
      <c r="S3050" s="20"/>
      <c r="T3050" s="20">
        <v>1600</v>
      </c>
      <c r="U3050" s="20"/>
      <c r="V3050" s="20"/>
      <c r="W3050" s="20"/>
      <c r="X3050" s="19">
        <v>16</v>
      </c>
      <c r="Y3050" s="19"/>
      <c r="Z3050" s="19"/>
      <c r="AA3050" s="19"/>
    </row>
    <row r="3051" spans="1:27" s="1" customFormat="1" ht="14.1" customHeight="1" outlineLevel="2" x14ac:dyDescent="0.2">
      <c r="A3051" s="17"/>
      <c r="B3051" s="17"/>
      <c r="C3051" s="17"/>
      <c r="D3051" s="18"/>
      <c r="E3051" s="18"/>
      <c r="F3051" s="18"/>
      <c r="G3051" s="18"/>
      <c r="H3051" s="18"/>
      <c r="I3051" s="18"/>
      <c r="J3051" s="18"/>
      <c r="K3051" s="18"/>
      <c r="L3051" s="18"/>
      <c r="M3051" s="18"/>
      <c r="N3051" s="18"/>
      <c r="O3051" s="18"/>
      <c r="P3051" s="20"/>
      <c r="Q3051" s="20"/>
      <c r="R3051" s="20"/>
      <c r="S3051" s="20"/>
      <c r="T3051" s="20"/>
      <c r="U3051" s="20"/>
      <c r="V3051" s="20"/>
      <c r="W3051" s="20"/>
      <c r="X3051" s="19"/>
      <c r="Y3051" s="19"/>
      <c r="Z3051" s="19"/>
      <c r="AA3051" s="19"/>
    </row>
    <row r="3052" spans="1:27" s="1" customFormat="1" ht="14.1" customHeight="1" outlineLevel="2" x14ac:dyDescent="0.2">
      <c r="A3052" s="17">
        <v>9069</v>
      </c>
      <c r="B3052" s="17"/>
      <c r="C3052" s="17"/>
      <c r="D3052" s="18" t="s">
        <v>1530</v>
      </c>
      <c r="E3052" s="18"/>
      <c r="F3052" s="18"/>
      <c r="G3052" s="18"/>
      <c r="H3052" s="18"/>
      <c r="I3052" s="18"/>
      <c r="J3052" s="18"/>
      <c r="K3052" s="18"/>
      <c r="L3052" s="18"/>
      <c r="M3052" s="18"/>
      <c r="N3052" s="18"/>
      <c r="O3052" s="18"/>
      <c r="P3052" s="20">
        <v>1700</v>
      </c>
      <c r="Q3052" s="20"/>
      <c r="R3052" s="20"/>
      <c r="S3052" s="20"/>
      <c r="T3052" s="20">
        <v>1500</v>
      </c>
      <c r="U3052" s="20"/>
      <c r="V3052" s="20"/>
      <c r="W3052" s="20"/>
      <c r="X3052" s="19">
        <v>9</v>
      </c>
      <c r="Y3052" s="19"/>
      <c r="Z3052" s="19"/>
      <c r="AA3052" s="19"/>
    </row>
    <row r="3053" spans="1:27" s="1" customFormat="1" ht="14.1" customHeight="1" outlineLevel="2" x14ac:dyDescent="0.2">
      <c r="A3053" s="17"/>
      <c r="B3053" s="17"/>
      <c r="C3053" s="17"/>
      <c r="D3053" s="18"/>
      <c r="E3053" s="18"/>
      <c r="F3053" s="18"/>
      <c r="G3053" s="18"/>
      <c r="H3053" s="18"/>
      <c r="I3053" s="18"/>
      <c r="J3053" s="18"/>
      <c r="K3053" s="18"/>
      <c r="L3053" s="18"/>
      <c r="M3053" s="18"/>
      <c r="N3053" s="18"/>
      <c r="O3053" s="18"/>
      <c r="P3053" s="20"/>
      <c r="Q3053" s="20"/>
      <c r="R3053" s="20"/>
      <c r="S3053" s="20"/>
      <c r="T3053" s="20"/>
      <c r="U3053" s="20"/>
      <c r="V3053" s="20"/>
      <c r="W3053" s="20"/>
      <c r="X3053" s="19"/>
      <c r="Y3053" s="19"/>
      <c r="Z3053" s="19"/>
      <c r="AA3053" s="19"/>
    </row>
    <row r="3054" spans="1:27" s="1" customFormat="1" ht="14.1" customHeight="1" outlineLevel="2" x14ac:dyDescent="0.2">
      <c r="A3054" s="17">
        <v>15932</v>
      </c>
      <c r="B3054" s="17"/>
      <c r="C3054" s="17"/>
      <c r="D3054" s="18" t="s">
        <v>1531</v>
      </c>
      <c r="E3054" s="18"/>
      <c r="F3054" s="18"/>
      <c r="G3054" s="18"/>
      <c r="H3054" s="18"/>
      <c r="I3054" s="18"/>
      <c r="J3054" s="18"/>
      <c r="K3054" s="18"/>
      <c r="L3054" s="18"/>
      <c r="M3054" s="18"/>
      <c r="N3054" s="18"/>
      <c r="O3054" s="18"/>
      <c r="P3054" s="20">
        <v>5300</v>
      </c>
      <c r="Q3054" s="20"/>
      <c r="R3054" s="20"/>
      <c r="S3054" s="20"/>
      <c r="T3054" s="20">
        <v>4900</v>
      </c>
      <c r="U3054" s="20"/>
      <c r="V3054" s="20"/>
      <c r="W3054" s="20"/>
      <c r="X3054" s="19">
        <v>6</v>
      </c>
      <c r="Y3054" s="19"/>
      <c r="Z3054" s="19"/>
      <c r="AA3054" s="19"/>
    </row>
    <row r="3055" spans="1:27" s="1" customFormat="1" ht="14.1" customHeight="1" outlineLevel="2" x14ac:dyDescent="0.2">
      <c r="A3055" s="17"/>
      <c r="B3055" s="17"/>
      <c r="C3055" s="17"/>
      <c r="D3055" s="18"/>
      <c r="E3055" s="18"/>
      <c r="F3055" s="18"/>
      <c r="G3055" s="18"/>
      <c r="H3055" s="18"/>
      <c r="I3055" s="18"/>
      <c r="J3055" s="18"/>
      <c r="K3055" s="18"/>
      <c r="L3055" s="18"/>
      <c r="M3055" s="18"/>
      <c r="N3055" s="18"/>
      <c r="O3055" s="18"/>
      <c r="P3055" s="20"/>
      <c r="Q3055" s="20"/>
      <c r="R3055" s="20"/>
      <c r="S3055" s="20"/>
      <c r="T3055" s="20"/>
      <c r="U3055" s="20"/>
      <c r="V3055" s="20"/>
      <c r="W3055" s="20"/>
      <c r="X3055" s="19"/>
      <c r="Y3055" s="19"/>
      <c r="Z3055" s="19"/>
      <c r="AA3055" s="19"/>
    </row>
    <row r="3056" spans="1:27" s="1" customFormat="1" ht="14.1" customHeight="1" outlineLevel="2" x14ac:dyDescent="0.2">
      <c r="A3056" s="17">
        <v>17701</v>
      </c>
      <c r="B3056" s="17"/>
      <c r="C3056" s="17"/>
      <c r="D3056" s="18" t="s">
        <v>1532</v>
      </c>
      <c r="E3056" s="18"/>
      <c r="F3056" s="18"/>
      <c r="G3056" s="18"/>
      <c r="H3056" s="18"/>
      <c r="I3056" s="18"/>
      <c r="J3056" s="18"/>
      <c r="K3056" s="18"/>
      <c r="L3056" s="18"/>
      <c r="M3056" s="18"/>
      <c r="N3056" s="18"/>
      <c r="O3056" s="18"/>
      <c r="P3056" s="20">
        <v>4700</v>
      </c>
      <c r="Q3056" s="20"/>
      <c r="R3056" s="20"/>
      <c r="S3056" s="20"/>
      <c r="T3056" s="20">
        <v>4500</v>
      </c>
      <c r="U3056" s="20"/>
      <c r="V3056" s="20"/>
      <c r="W3056" s="20"/>
      <c r="X3056" s="19">
        <v>10</v>
      </c>
      <c r="Y3056" s="19"/>
      <c r="Z3056" s="19"/>
      <c r="AA3056" s="19"/>
    </row>
    <row r="3057" spans="1:27" s="1" customFormat="1" ht="14.1" customHeight="1" outlineLevel="2" x14ac:dyDescent="0.2">
      <c r="A3057" s="17"/>
      <c r="B3057" s="17"/>
      <c r="C3057" s="17"/>
      <c r="D3057" s="18"/>
      <c r="E3057" s="18"/>
      <c r="F3057" s="18"/>
      <c r="G3057" s="18"/>
      <c r="H3057" s="18"/>
      <c r="I3057" s="18"/>
      <c r="J3057" s="18"/>
      <c r="K3057" s="18"/>
      <c r="L3057" s="18"/>
      <c r="M3057" s="18"/>
      <c r="N3057" s="18"/>
      <c r="O3057" s="18"/>
      <c r="P3057" s="20"/>
      <c r="Q3057" s="20"/>
      <c r="R3057" s="20"/>
      <c r="S3057" s="20"/>
      <c r="T3057" s="20"/>
      <c r="U3057" s="20"/>
      <c r="V3057" s="20"/>
      <c r="W3057" s="20"/>
      <c r="X3057" s="19"/>
      <c r="Y3057" s="19"/>
      <c r="Z3057" s="19"/>
      <c r="AA3057" s="19"/>
    </row>
    <row r="3058" spans="1:27" s="1" customFormat="1" ht="14.1" customHeight="1" outlineLevel="2" x14ac:dyDescent="0.2">
      <c r="A3058" s="17">
        <v>13162</v>
      </c>
      <c r="B3058" s="17"/>
      <c r="C3058" s="17"/>
      <c r="D3058" s="18" t="s">
        <v>1533</v>
      </c>
      <c r="E3058" s="18"/>
      <c r="F3058" s="18"/>
      <c r="G3058" s="18"/>
      <c r="H3058" s="18"/>
      <c r="I3058" s="18"/>
      <c r="J3058" s="18"/>
      <c r="K3058" s="18"/>
      <c r="L3058" s="18"/>
      <c r="M3058" s="18"/>
      <c r="N3058" s="18"/>
      <c r="O3058" s="18"/>
      <c r="P3058" s="20">
        <v>2000</v>
      </c>
      <c r="Q3058" s="20"/>
      <c r="R3058" s="20"/>
      <c r="S3058" s="20"/>
      <c r="T3058" s="20">
        <v>1850</v>
      </c>
      <c r="U3058" s="20"/>
      <c r="V3058" s="20"/>
      <c r="W3058" s="20"/>
      <c r="X3058" s="19">
        <v>10</v>
      </c>
      <c r="Y3058" s="19"/>
      <c r="Z3058" s="19"/>
      <c r="AA3058" s="19"/>
    </row>
    <row r="3059" spans="1:27" s="1" customFormat="1" ht="14.1" customHeight="1" outlineLevel="2" x14ac:dyDescent="0.2">
      <c r="A3059" s="17"/>
      <c r="B3059" s="17"/>
      <c r="C3059" s="17"/>
      <c r="D3059" s="18"/>
      <c r="E3059" s="18"/>
      <c r="F3059" s="18"/>
      <c r="G3059" s="18"/>
      <c r="H3059" s="18"/>
      <c r="I3059" s="18"/>
      <c r="J3059" s="18"/>
      <c r="K3059" s="18"/>
      <c r="L3059" s="18"/>
      <c r="M3059" s="18"/>
      <c r="N3059" s="18"/>
      <c r="O3059" s="18"/>
      <c r="P3059" s="20"/>
      <c r="Q3059" s="20"/>
      <c r="R3059" s="20"/>
      <c r="S3059" s="20"/>
      <c r="T3059" s="20"/>
      <c r="U3059" s="20"/>
      <c r="V3059" s="20"/>
      <c r="W3059" s="20"/>
      <c r="X3059" s="19"/>
      <c r="Y3059" s="19"/>
      <c r="Z3059" s="19"/>
      <c r="AA3059" s="19"/>
    </row>
    <row r="3060" spans="1:27" s="1" customFormat="1" ht="14.1" customHeight="1" outlineLevel="2" x14ac:dyDescent="0.2">
      <c r="A3060" s="17">
        <v>13163</v>
      </c>
      <c r="B3060" s="17"/>
      <c r="C3060" s="17"/>
      <c r="D3060" s="18" t="s">
        <v>1534</v>
      </c>
      <c r="E3060" s="18"/>
      <c r="F3060" s="18"/>
      <c r="G3060" s="18"/>
      <c r="H3060" s="18"/>
      <c r="I3060" s="18"/>
      <c r="J3060" s="18"/>
      <c r="K3060" s="18"/>
      <c r="L3060" s="18"/>
      <c r="M3060" s="18"/>
      <c r="N3060" s="18"/>
      <c r="O3060" s="18"/>
      <c r="P3060" s="20">
        <v>2050</v>
      </c>
      <c r="Q3060" s="20"/>
      <c r="R3060" s="20"/>
      <c r="S3060" s="20"/>
      <c r="T3060" s="20">
        <v>1850</v>
      </c>
      <c r="U3060" s="20"/>
      <c r="V3060" s="20"/>
      <c r="W3060" s="20"/>
      <c r="X3060" s="19">
        <v>15</v>
      </c>
      <c r="Y3060" s="19"/>
      <c r="Z3060" s="19"/>
      <c r="AA3060" s="19"/>
    </row>
    <row r="3061" spans="1:27" s="1" customFormat="1" ht="14.1" customHeight="1" outlineLevel="2" x14ac:dyDescent="0.2">
      <c r="A3061" s="17"/>
      <c r="B3061" s="17"/>
      <c r="C3061" s="17"/>
      <c r="D3061" s="18"/>
      <c r="E3061" s="18"/>
      <c r="F3061" s="18"/>
      <c r="G3061" s="18"/>
      <c r="H3061" s="18"/>
      <c r="I3061" s="18"/>
      <c r="J3061" s="18"/>
      <c r="K3061" s="18"/>
      <c r="L3061" s="18"/>
      <c r="M3061" s="18"/>
      <c r="N3061" s="18"/>
      <c r="O3061" s="18"/>
      <c r="P3061" s="20"/>
      <c r="Q3061" s="20"/>
      <c r="R3061" s="20"/>
      <c r="S3061" s="20"/>
      <c r="T3061" s="20"/>
      <c r="U3061" s="20"/>
      <c r="V3061" s="20"/>
      <c r="W3061" s="20"/>
      <c r="X3061" s="19"/>
      <c r="Y3061" s="19"/>
      <c r="Z3061" s="19"/>
      <c r="AA3061" s="19"/>
    </row>
    <row r="3062" spans="1:27" s="1" customFormat="1" ht="11.1" customHeight="1" outlineLevel="2" x14ac:dyDescent="0.2">
      <c r="A3062" s="17">
        <v>15404</v>
      </c>
      <c r="B3062" s="17"/>
      <c r="C3062" s="17"/>
      <c r="D3062" s="18" t="s">
        <v>1535</v>
      </c>
      <c r="E3062" s="18"/>
      <c r="F3062" s="18"/>
      <c r="G3062" s="18"/>
      <c r="H3062" s="18"/>
      <c r="I3062" s="18"/>
      <c r="J3062" s="18"/>
      <c r="K3062" s="18"/>
      <c r="L3062" s="18"/>
      <c r="M3062" s="18"/>
      <c r="N3062" s="18"/>
      <c r="O3062" s="18"/>
      <c r="P3062" s="20">
        <v>1560</v>
      </c>
      <c r="Q3062" s="20"/>
      <c r="R3062" s="20"/>
      <c r="S3062" s="20"/>
      <c r="T3062" s="20">
        <v>1450</v>
      </c>
      <c r="U3062" s="20"/>
      <c r="V3062" s="20"/>
      <c r="W3062" s="20"/>
      <c r="X3062" s="19">
        <v>1</v>
      </c>
      <c r="Y3062" s="19"/>
      <c r="Z3062" s="19"/>
      <c r="AA3062" s="19"/>
    </row>
    <row r="3063" spans="1:27" s="1" customFormat="1" ht="11.1" customHeight="1" outlineLevel="2" x14ac:dyDescent="0.2">
      <c r="A3063" s="17"/>
      <c r="B3063" s="17"/>
      <c r="C3063" s="17"/>
      <c r="D3063" s="18"/>
      <c r="E3063" s="18"/>
      <c r="F3063" s="18"/>
      <c r="G3063" s="18"/>
      <c r="H3063" s="18"/>
      <c r="I3063" s="18"/>
      <c r="J3063" s="18"/>
      <c r="K3063" s="18"/>
      <c r="L3063" s="18"/>
      <c r="M3063" s="18"/>
      <c r="N3063" s="18"/>
      <c r="O3063" s="18"/>
      <c r="P3063" s="20"/>
      <c r="Q3063" s="20"/>
      <c r="R3063" s="20"/>
      <c r="S3063" s="20"/>
      <c r="T3063" s="20"/>
      <c r="U3063" s="20"/>
      <c r="V3063" s="20"/>
      <c r="W3063" s="20"/>
      <c r="X3063" s="19"/>
      <c r="Y3063" s="19"/>
      <c r="Z3063" s="19"/>
      <c r="AA3063" s="19"/>
    </row>
    <row r="3064" spans="1:27" s="1" customFormat="1" ht="14.1" customHeight="1" outlineLevel="2" x14ac:dyDescent="0.2">
      <c r="A3064" s="17">
        <v>6771</v>
      </c>
      <c r="B3064" s="17"/>
      <c r="C3064" s="17"/>
      <c r="D3064" s="18" t="s">
        <v>1536</v>
      </c>
      <c r="E3064" s="18"/>
      <c r="F3064" s="18"/>
      <c r="G3064" s="18"/>
      <c r="H3064" s="18"/>
      <c r="I3064" s="18"/>
      <c r="J3064" s="18"/>
      <c r="K3064" s="18"/>
      <c r="L3064" s="18"/>
      <c r="M3064" s="18"/>
      <c r="N3064" s="18"/>
      <c r="O3064" s="18"/>
      <c r="P3064" s="19">
        <v>850</v>
      </c>
      <c r="Q3064" s="19"/>
      <c r="R3064" s="19"/>
      <c r="S3064" s="19"/>
      <c r="T3064" s="19">
        <v>700</v>
      </c>
      <c r="U3064" s="19"/>
      <c r="V3064" s="19"/>
      <c r="W3064" s="19"/>
      <c r="X3064" s="19">
        <v>4</v>
      </c>
      <c r="Y3064" s="19"/>
      <c r="Z3064" s="19"/>
      <c r="AA3064" s="19"/>
    </row>
    <row r="3065" spans="1:27" s="1" customFormat="1" ht="14.1" customHeight="1" outlineLevel="2" x14ac:dyDescent="0.2">
      <c r="A3065" s="17"/>
      <c r="B3065" s="17"/>
      <c r="C3065" s="17"/>
      <c r="D3065" s="18"/>
      <c r="E3065" s="18"/>
      <c r="F3065" s="18"/>
      <c r="G3065" s="18"/>
      <c r="H3065" s="18"/>
      <c r="I3065" s="18"/>
      <c r="J3065" s="18"/>
      <c r="K3065" s="18"/>
      <c r="L3065" s="18"/>
      <c r="M3065" s="18"/>
      <c r="N3065" s="18"/>
      <c r="O3065" s="18"/>
      <c r="P3065" s="19"/>
      <c r="Q3065" s="19"/>
      <c r="R3065" s="19"/>
      <c r="S3065" s="19"/>
      <c r="T3065" s="19"/>
      <c r="U3065" s="19"/>
      <c r="V3065" s="19"/>
      <c r="W3065" s="19"/>
      <c r="X3065" s="19"/>
      <c r="Y3065" s="19"/>
      <c r="Z3065" s="19"/>
      <c r="AA3065" s="19"/>
    </row>
    <row r="3066" spans="1:27" s="1" customFormat="1" ht="14.1" customHeight="1" outlineLevel="2" x14ac:dyDescent="0.2">
      <c r="A3066" s="17">
        <v>15023</v>
      </c>
      <c r="B3066" s="17"/>
      <c r="C3066" s="17"/>
      <c r="D3066" s="18" t="s">
        <v>1537</v>
      </c>
      <c r="E3066" s="18"/>
      <c r="F3066" s="18"/>
      <c r="G3066" s="18"/>
      <c r="H3066" s="18"/>
      <c r="I3066" s="18"/>
      <c r="J3066" s="18"/>
      <c r="K3066" s="18"/>
      <c r="L3066" s="18"/>
      <c r="M3066" s="18"/>
      <c r="N3066" s="18"/>
      <c r="O3066" s="18"/>
      <c r="P3066" s="20">
        <v>2200</v>
      </c>
      <c r="Q3066" s="20"/>
      <c r="R3066" s="20"/>
      <c r="S3066" s="20"/>
      <c r="T3066" s="20">
        <v>2000</v>
      </c>
      <c r="U3066" s="20"/>
      <c r="V3066" s="20"/>
      <c r="W3066" s="20"/>
      <c r="X3066" s="19">
        <v>3</v>
      </c>
      <c r="Y3066" s="19"/>
      <c r="Z3066" s="19"/>
      <c r="AA3066" s="19"/>
    </row>
    <row r="3067" spans="1:27" s="1" customFormat="1" ht="14.1" customHeight="1" outlineLevel="2" x14ac:dyDescent="0.2">
      <c r="A3067" s="17"/>
      <c r="B3067" s="17"/>
      <c r="C3067" s="17"/>
      <c r="D3067" s="18"/>
      <c r="E3067" s="18"/>
      <c r="F3067" s="18"/>
      <c r="G3067" s="18"/>
      <c r="H3067" s="18"/>
      <c r="I3067" s="18"/>
      <c r="J3067" s="18"/>
      <c r="K3067" s="18"/>
      <c r="L3067" s="18"/>
      <c r="M3067" s="18"/>
      <c r="N3067" s="18"/>
      <c r="O3067" s="18"/>
      <c r="P3067" s="20"/>
      <c r="Q3067" s="20"/>
      <c r="R3067" s="20"/>
      <c r="S3067" s="20"/>
      <c r="T3067" s="20"/>
      <c r="U3067" s="20"/>
      <c r="V3067" s="20"/>
      <c r="W3067" s="20"/>
      <c r="X3067" s="19"/>
      <c r="Y3067" s="19"/>
      <c r="Z3067" s="19"/>
      <c r="AA3067" s="19"/>
    </row>
    <row r="3068" spans="1:27" s="1" customFormat="1" ht="11.1" customHeight="1" outlineLevel="2" x14ac:dyDescent="0.2">
      <c r="A3068" s="17">
        <v>16345</v>
      </c>
      <c r="B3068" s="17"/>
      <c r="C3068" s="17"/>
      <c r="D3068" s="18" t="s">
        <v>1538</v>
      </c>
      <c r="E3068" s="18"/>
      <c r="F3068" s="18"/>
      <c r="G3068" s="18"/>
      <c r="H3068" s="18"/>
      <c r="I3068" s="18"/>
      <c r="J3068" s="18"/>
      <c r="K3068" s="18"/>
      <c r="L3068" s="18"/>
      <c r="M3068" s="18"/>
      <c r="N3068" s="18"/>
      <c r="O3068" s="18"/>
      <c r="P3068" s="20">
        <v>1200</v>
      </c>
      <c r="Q3068" s="20"/>
      <c r="R3068" s="20"/>
      <c r="S3068" s="20"/>
      <c r="T3068" s="20">
        <v>1050</v>
      </c>
      <c r="U3068" s="20"/>
      <c r="V3068" s="20"/>
      <c r="W3068" s="20"/>
      <c r="X3068" s="19">
        <v>10</v>
      </c>
      <c r="Y3068" s="19"/>
      <c r="Z3068" s="19"/>
      <c r="AA3068" s="19"/>
    </row>
    <row r="3069" spans="1:27" s="1" customFormat="1" ht="11.1" customHeight="1" outlineLevel="2" x14ac:dyDescent="0.2">
      <c r="A3069" s="17"/>
      <c r="B3069" s="17"/>
      <c r="C3069" s="17"/>
      <c r="D3069" s="18"/>
      <c r="E3069" s="18"/>
      <c r="F3069" s="18"/>
      <c r="G3069" s="18"/>
      <c r="H3069" s="18"/>
      <c r="I3069" s="18"/>
      <c r="J3069" s="18"/>
      <c r="K3069" s="18"/>
      <c r="L3069" s="18"/>
      <c r="M3069" s="18"/>
      <c r="N3069" s="18"/>
      <c r="O3069" s="18"/>
      <c r="P3069" s="20"/>
      <c r="Q3069" s="20"/>
      <c r="R3069" s="20"/>
      <c r="S3069" s="20"/>
      <c r="T3069" s="20"/>
      <c r="U3069" s="20"/>
      <c r="V3069" s="20"/>
      <c r="W3069" s="20"/>
      <c r="X3069" s="19"/>
      <c r="Y3069" s="19"/>
      <c r="Z3069" s="19"/>
      <c r="AA3069" s="19"/>
    </row>
    <row r="3070" spans="1:27" s="1" customFormat="1" ht="11.1" customHeight="1" outlineLevel="2" x14ac:dyDescent="0.2">
      <c r="A3070" s="17">
        <v>9150</v>
      </c>
      <c r="B3070" s="17"/>
      <c r="C3070" s="17"/>
      <c r="D3070" s="18" t="s">
        <v>1539</v>
      </c>
      <c r="E3070" s="18"/>
      <c r="F3070" s="18"/>
      <c r="G3070" s="18"/>
      <c r="H3070" s="18"/>
      <c r="I3070" s="18"/>
      <c r="J3070" s="18"/>
      <c r="K3070" s="18"/>
      <c r="L3070" s="18"/>
      <c r="M3070" s="18"/>
      <c r="N3070" s="18"/>
      <c r="O3070" s="18"/>
      <c r="P3070" s="20">
        <v>1200</v>
      </c>
      <c r="Q3070" s="20"/>
      <c r="R3070" s="20"/>
      <c r="S3070" s="20"/>
      <c r="T3070" s="20">
        <v>1050</v>
      </c>
      <c r="U3070" s="20"/>
      <c r="V3070" s="20"/>
      <c r="W3070" s="20"/>
      <c r="X3070" s="19">
        <v>6</v>
      </c>
      <c r="Y3070" s="19"/>
      <c r="Z3070" s="19"/>
      <c r="AA3070" s="19"/>
    </row>
    <row r="3071" spans="1:27" s="1" customFormat="1" ht="11.1" customHeight="1" outlineLevel="2" x14ac:dyDescent="0.2">
      <c r="A3071" s="17"/>
      <c r="B3071" s="17"/>
      <c r="C3071" s="17"/>
      <c r="D3071" s="18"/>
      <c r="E3071" s="18"/>
      <c r="F3071" s="18"/>
      <c r="G3071" s="18"/>
      <c r="H3071" s="18"/>
      <c r="I3071" s="18"/>
      <c r="J3071" s="18"/>
      <c r="K3071" s="18"/>
      <c r="L3071" s="18"/>
      <c r="M3071" s="18"/>
      <c r="N3071" s="18"/>
      <c r="O3071" s="18"/>
      <c r="P3071" s="20"/>
      <c r="Q3071" s="20"/>
      <c r="R3071" s="20"/>
      <c r="S3071" s="20"/>
      <c r="T3071" s="20"/>
      <c r="U3071" s="20"/>
      <c r="V3071" s="20"/>
      <c r="W3071" s="20"/>
      <c r="X3071" s="19"/>
      <c r="Y3071" s="19"/>
      <c r="Z3071" s="19"/>
      <c r="AA3071" s="19"/>
    </row>
    <row r="3072" spans="1:27" s="1" customFormat="1" ht="14.1" customHeight="1" outlineLevel="2" x14ac:dyDescent="0.2">
      <c r="A3072" s="17">
        <v>6140</v>
      </c>
      <c r="B3072" s="17"/>
      <c r="C3072" s="17"/>
      <c r="D3072" s="18" t="s">
        <v>1540</v>
      </c>
      <c r="E3072" s="18"/>
      <c r="F3072" s="18"/>
      <c r="G3072" s="18"/>
      <c r="H3072" s="18"/>
      <c r="I3072" s="18"/>
      <c r="J3072" s="18"/>
      <c r="K3072" s="18"/>
      <c r="L3072" s="18"/>
      <c r="M3072" s="18"/>
      <c r="N3072" s="18"/>
      <c r="O3072" s="18"/>
      <c r="P3072" s="20">
        <v>1700</v>
      </c>
      <c r="Q3072" s="20"/>
      <c r="R3072" s="20"/>
      <c r="S3072" s="20"/>
      <c r="T3072" s="20">
        <v>1600</v>
      </c>
      <c r="U3072" s="20"/>
      <c r="V3072" s="20"/>
      <c r="W3072" s="20"/>
      <c r="X3072" s="19">
        <v>1</v>
      </c>
      <c r="Y3072" s="19"/>
      <c r="Z3072" s="19"/>
      <c r="AA3072" s="19"/>
    </row>
    <row r="3073" spans="1:27" s="1" customFormat="1" ht="14.1" customHeight="1" outlineLevel="2" x14ac:dyDescent="0.2">
      <c r="A3073" s="17"/>
      <c r="B3073" s="17"/>
      <c r="C3073" s="17"/>
      <c r="D3073" s="18"/>
      <c r="E3073" s="18"/>
      <c r="F3073" s="18"/>
      <c r="G3073" s="18"/>
      <c r="H3073" s="18"/>
      <c r="I3073" s="18"/>
      <c r="J3073" s="18"/>
      <c r="K3073" s="18"/>
      <c r="L3073" s="18"/>
      <c r="M3073" s="18"/>
      <c r="N3073" s="18"/>
      <c r="O3073" s="18"/>
      <c r="P3073" s="20"/>
      <c r="Q3073" s="20"/>
      <c r="R3073" s="20"/>
      <c r="S3073" s="20"/>
      <c r="T3073" s="20"/>
      <c r="U3073" s="20"/>
      <c r="V3073" s="20"/>
      <c r="W3073" s="20"/>
      <c r="X3073" s="19"/>
      <c r="Y3073" s="19"/>
      <c r="Z3073" s="19"/>
      <c r="AA3073" s="19"/>
    </row>
    <row r="3074" spans="1:27" s="1" customFormat="1" ht="11.1" customHeight="1" outlineLevel="2" x14ac:dyDescent="0.2">
      <c r="A3074" s="17">
        <v>13166</v>
      </c>
      <c r="B3074" s="17"/>
      <c r="C3074" s="17"/>
      <c r="D3074" s="18" t="s">
        <v>1541</v>
      </c>
      <c r="E3074" s="18"/>
      <c r="F3074" s="18"/>
      <c r="G3074" s="18"/>
      <c r="H3074" s="18"/>
      <c r="I3074" s="18"/>
      <c r="J3074" s="18"/>
      <c r="K3074" s="18"/>
      <c r="L3074" s="18"/>
      <c r="M3074" s="18"/>
      <c r="N3074" s="18"/>
      <c r="O3074" s="18"/>
      <c r="P3074" s="20">
        <v>1700</v>
      </c>
      <c r="Q3074" s="20"/>
      <c r="R3074" s="20"/>
      <c r="S3074" s="20"/>
      <c r="T3074" s="20">
        <v>1600</v>
      </c>
      <c r="U3074" s="20"/>
      <c r="V3074" s="20"/>
      <c r="W3074" s="20"/>
      <c r="X3074" s="19">
        <v>5</v>
      </c>
      <c r="Y3074" s="19"/>
      <c r="Z3074" s="19"/>
      <c r="AA3074" s="19"/>
    </row>
    <row r="3075" spans="1:27" s="1" customFormat="1" ht="11.1" customHeight="1" outlineLevel="2" x14ac:dyDescent="0.2">
      <c r="A3075" s="17"/>
      <c r="B3075" s="17"/>
      <c r="C3075" s="17"/>
      <c r="D3075" s="18"/>
      <c r="E3075" s="18"/>
      <c r="F3075" s="18"/>
      <c r="G3075" s="18"/>
      <c r="H3075" s="18"/>
      <c r="I3075" s="18"/>
      <c r="J3075" s="18"/>
      <c r="K3075" s="18"/>
      <c r="L3075" s="18"/>
      <c r="M3075" s="18"/>
      <c r="N3075" s="18"/>
      <c r="O3075" s="18"/>
      <c r="P3075" s="20"/>
      <c r="Q3075" s="20"/>
      <c r="R3075" s="20"/>
      <c r="S3075" s="20"/>
      <c r="T3075" s="20"/>
      <c r="U3075" s="20"/>
      <c r="V3075" s="20"/>
      <c r="W3075" s="20"/>
      <c r="X3075" s="19"/>
      <c r="Y3075" s="19"/>
      <c r="Z3075" s="19"/>
      <c r="AA3075" s="19"/>
    </row>
    <row r="3076" spans="1:27" s="1" customFormat="1" ht="11.1" customHeight="1" outlineLevel="2" x14ac:dyDescent="0.2">
      <c r="A3076" s="17">
        <v>10066</v>
      </c>
      <c r="B3076" s="17"/>
      <c r="C3076" s="17"/>
      <c r="D3076" s="18" t="s">
        <v>1542</v>
      </c>
      <c r="E3076" s="18"/>
      <c r="F3076" s="18"/>
      <c r="G3076" s="18"/>
      <c r="H3076" s="18"/>
      <c r="I3076" s="18"/>
      <c r="J3076" s="18"/>
      <c r="K3076" s="18"/>
      <c r="L3076" s="18"/>
      <c r="M3076" s="18"/>
      <c r="N3076" s="18"/>
      <c r="O3076" s="18"/>
      <c r="P3076" s="20">
        <v>1700</v>
      </c>
      <c r="Q3076" s="20"/>
      <c r="R3076" s="20"/>
      <c r="S3076" s="20"/>
      <c r="T3076" s="20">
        <v>1600</v>
      </c>
      <c r="U3076" s="20"/>
      <c r="V3076" s="20"/>
      <c r="W3076" s="20"/>
      <c r="X3076" s="19">
        <v>6</v>
      </c>
      <c r="Y3076" s="19"/>
      <c r="Z3076" s="19"/>
      <c r="AA3076" s="19"/>
    </row>
    <row r="3077" spans="1:27" s="1" customFormat="1" ht="11.1" customHeight="1" outlineLevel="2" x14ac:dyDescent="0.2">
      <c r="A3077" s="17"/>
      <c r="B3077" s="17"/>
      <c r="C3077" s="17"/>
      <c r="D3077" s="18"/>
      <c r="E3077" s="18"/>
      <c r="F3077" s="18"/>
      <c r="G3077" s="18"/>
      <c r="H3077" s="18"/>
      <c r="I3077" s="18"/>
      <c r="J3077" s="18"/>
      <c r="K3077" s="18"/>
      <c r="L3077" s="18"/>
      <c r="M3077" s="18"/>
      <c r="N3077" s="18"/>
      <c r="O3077" s="18"/>
      <c r="P3077" s="20"/>
      <c r="Q3077" s="20"/>
      <c r="R3077" s="20"/>
      <c r="S3077" s="20"/>
      <c r="T3077" s="20"/>
      <c r="U3077" s="20"/>
      <c r="V3077" s="20"/>
      <c r="W3077" s="20"/>
      <c r="X3077" s="19"/>
      <c r="Y3077" s="19"/>
      <c r="Z3077" s="19"/>
      <c r="AA3077" s="19"/>
    </row>
    <row r="3078" spans="1:27" s="1" customFormat="1" ht="11.1" customHeight="1" outlineLevel="2" x14ac:dyDescent="0.2">
      <c r="A3078" s="17">
        <v>13165</v>
      </c>
      <c r="B3078" s="17"/>
      <c r="C3078" s="17"/>
      <c r="D3078" s="18" t="s">
        <v>1543</v>
      </c>
      <c r="E3078" s="18"/>
      <c r="F3078" s="18"/>
      <c r="G3078" s="18"/>
      <c r="H3078" s="18"/>
      <c r="I3078" s="18"/>
      <c r="J3078" s="18"/>
      <c r="K3078" s="18"/>
      <c r="L3078" s="18"/>
      <c r="M3078" s="18"/>
      <c r="N3078" s="18"/>
      <c r="O3078" s="18"/>
      <c r="P3078" s="20">
        <v>1700</v>
      </c>
      <c r="Q3078" s="20"/>
      <c r="R3078" s="20"/>
      <c r="S3078" s="20"/>
      <c r="T3078" s="20">
        <v>1600</v>
      </c>
      <c r="U3078" s="20"/>
      <c r="V3078" s="20"/>
      <c r="W3078" s="20"/>
      <c r="X3078" s="19">
        <v>2</v>
      </c>
      <c r="Y3078" s="19"/>
      <c r="Z3078" s="19"/>
      <c r="AA3078" s="19"/>
    </row>
    <row r="3079" spans="1:27" s="1" customFormat="1" ht="11.1" customHeight="1" outlineLevel="2" x14ac:dyDescent="0.2">
      <c r="A3079" s="17"/>
      <c r="B3079" s="17"/>
      <c r="C3079" s="17"/>
      <c r="D3079" s="18"/>
      <c r="E3079" s="18"/>
      <c r="F3079" s="18"/>
      <c r="G3079" s="18"/>
      <c r="H3079" s="18"/>
      <c r="I3079" s="18"/>
      <c r="J3079" s="18"/>
      <c r="K3079" s="18"/>
      <c r="L3079" s="18"/>
      <c r="M3079" s="18"/>
      <c r="N3079" s="18"/>
      <c r="O3079" s="18"/>
      <c r="P3079" s="20"/>
      <c r="Q3079" s="20"/>
      <c r="R3079" s="20"/>
      <c r="S3079" s="20"/>
      <c r="T3079" s="20"/>
      <c r="U3079" s="20"/>
      <c r="V3079" s="20"/>
      <c r="W3079" s="20"/>
      <c r="X3079" s="19"/>
      <c r="Y3079" s="19"/>
      <c r="Z3079" s="19"/>
      <c r="AA3079" s="19"/>
    </row>
    <row r="3080" spans="1:27" s="1" customFormat="1" ht="11.1" customHeight="1" outlineLevel="2" x14ac:dyDescent="0.2">
      <c r="A3080" s="17">
        <v>13164</v>
      </c>
      <c r="B3080" s="17"/>
      <c r="C3080" s="17"/>
      <c r="D3080" s="18" t="s">
        <v>1544</v>
      </c>
      <c r="E3080" s="18"/>
      <c r="F3080" s="18"/>
      <c r="G3080" s="18"/>
      <c r="H3080" s="18"/>
      <c r="I3080" s="18"/>
      <c r="J3080" s="18"/>
      <c r="K3080" s="18"/>
      <c r="L3080" s="18"/>
      <c r="M3080" s="18"/>
      <c r="N3080" s="18"/>
      <c r="O3080" s="18"/>
      <c r="P3080" s="20">
        <v>1700</v>
      </c>
      <c r="Q3080" s="20"/>
      <c r="R3080" s="20"/>
      <c r="S3080" s="20"/>
      <c r="T3080" s="20">
        <v>1600</v>
      </c>
      <c r="U3080" s="20"/>
      <c r="V3080" s="20"/>
      <c r="W3080" s="20"/>
      <c r="X3080" s="19">
        <v>5</v>
      </c>
      <c r="Y3080" s="19"/>
      <c r="Z3080" s="19"/>
      <c r="AA3080" s="19"/>
    </row>
    <row r="3081" spans="1:27" s="1" customFormat="1" ht="11.1" customHeight="1" outlineLevel="2" x14ac:dyDescent="0.2">
      <c r="A3081" s="17"/>
      <c r="B3081" s="17"/>
      <c r="C3081" s="17"/>
      <c r="D3081" s="18"/>
      <c r="E3081" s="18"/>
      <c r="F3081" s="18"/>
      <c r="G3081" s="18"/>
      <c r="H3081" s="18"/>
      <c r="I3081" s="18"/>
      <c r="J3081" s="18"/>
      <c r="K3081" s="18"/>
      <c r="L3081" s="18"/>
      <c r="M3081" s="18"/>
      <c r="N3081" s="18"/>
      <c r="O3081" s="18"/>
      <c r="P3081" s="20"/>
      <c r="Q3081" s="20"/>
      <c r="R3081" s="20"/>
      <c r="S3081" s="20"/>
      <c r="T3081" s="20"/>
      <c r="U3081" s="20"/>
      <c r="V3081" s="20"/>
      <c r="W3081" s="20"/>
      <c r="X3081" s="19"/>
      <c r="Y3081" s="19"/>
      <c r="Z3081" s="19"/>
      <c r="AA3081" s="19"/>
    </row>
    <row r="3082" spans="1:27" s="1" customFormat="1" ht="11.1" customHeight="1" outlineLevel="2" x14ac:dyDescent="0.2">
      <c r="A3082" s="17">
        <v>7272</v>
      </c>
      <c r="B3082" s="17"/>
      <c r="C3082" s="17"/>
      <c r="D3082" s="18" t="s">
        <v>1545</v>
      </c>
      <c r="E3082" s="18"/>
      <c r="F3082" s="18"/>
      <c r="G3082" s="18"/>
      <c r="H3082" s="18"/>
      <c r="I3082" s="18"/>
      <c r="J3082" s="18"/>
      <c r="K3082" s="18"/>
      <c r="L3082" s="18"/>
      <c r="M3082" s="18"/>
      <c r="N3082" s="18"/>
      <c r="O3082" s="18"/>
      <c r="P3082" s="20">
        <v>1350</v>
      </c>
      <c r="Q3082" s="20"/>
      <c r="R3082" s="20"/>
      <c r="S3082" s="20"/>
      <c r="T3082" s="20">
        <v>1200</v>
      </c>
      <c r="U3082" s="20"/>
      <c r="V3082" s="20"/>
      <c r="W3082" s="20"/>
      <c r="X3082" s="19">
        <v>13</v>
      </c>
      <c r="Y3082" s="19"/>
      <c r="Z3082" s="19"/>
      <c r="AA3082" s="19"/>
    </row>
    <row r="3083" spans="1:27" s="1" customFormat="1" ht="11.1" customHeight="1" outlineLevel="2" x14ac:dyDescent="0.2">
      <c r="A3083" s="17"/>
      <c r="B3083" s="17"/>
      <c r="C3083" s="17"/>
      <c r="D3083" s="18"/>
      <c r="E3083" s="18"/>
      <c r="F3083" s="18"/>
      <c r="G3083" s="18"/>
      <c r="H3083" s="18"/>
      <c r="I3083" s="18"/>
      <c r="J3083" s="18"/>
      <c r="K3083" s="18"/>
      <c r="L3083" s="18"/>
      <c r="M3083" s="18"/>
      <c r="N3083" s="18"/>
      <c r="O3083" s="18"/>
      <c r="P3083" s="20"/>
      <c r="Q3083" s="20"/>
      <c r="R3083" s="20"/>
      <c r="S3083" s="20"/>
      <c r="T3083" s="20"/>
      <c r="U3083" s="20"/>
      <c r="V3083" s="20"/>
      <c r="W3083" s="20"/>
      <c r="X3083" s="19"/>
      <c r="Y3083" s="19"/>
      <c r="Z3083" s="19"/>
      <c r="AA3083" s="19"/>
    </row>
    <row r="3084" spans="1:27" s="1" customFormat="1" ht="14.1" customHeight="1" outlineLevel="2" x14ac:dyDescent="0.2">
      <c r="A3084" s="17">
        <v>15025</v>
      </c>
      <c r="B3084" s="17"/>
      <c r="C3084" s="17"/>
      <c r="D3084" s="18" t="s">
        <v>1546</v>
      </c>
      <c r="E3084" s="18"/>
      <c r="F3084" s="18"/>
      <c r="G3084" s="18"/>
      <c r="H3084" s="18"/>
      <c r="I3084" s="18"/>
      <c r="J3084" s="18"/>
      <c r="K3084" s="18"/>
      <c r="L3084" s="18"/>
      <c r="M3084" s="18"/>
      <c r="N3084" s="18"/>
      <c r="O3084" s="18"/>
      <c r="P3084" s="20">
        <v>2200</v>
      </c>
      <c r="Q3084" s="20"/>
      <c r="R3084" s="20"/>
      <c r="S3084" s="20"/>
      <c r="T3084" s="20">
        <v>2000</v>
      </c>
      <c r="U3084" s="20"/>
      <c r="V3084" s="20"/>
      <c r="W3084" s="20"/>
      <c r="X3084" s="19">
        <v>5</v>
      </c>
      <c r="Y3084" s="19"/>
      <c r="Z3084" s="19"/>
      <c r="AA3084" s="19"/>
    </row>
    <row r="3085" spans="1:27" s="1" customFormat="1" ht="14.1" customHeight="1" outlineLevel="2" x14ac:dyDescent="0.2">
      <c r="A3085" s="17"/>
      <c r="B3085" s="17"/>
      <c r="C3085" s="17"/>
      <c r="D3085" s="18"/>
      <c r="E3085" s="18"/>
      <c r="F3085" s="18"/>
      <c r="G3085" s="18"/>
      <c r="H3085" s="18"/>
      <c r="I3085" s="18"/>
      <c r="J3085" s="18"/>
      <c r="K3085" s="18"/>
      <c r="L3085" s="18"/>
      <c r="M3085" s="18"/>
      <c r="N3085" s="18"/>
      <c r="O3085" s="18"/>
      <c r="P3085" s="20"/>
      <c r="Q3085" s="20"/>
      <c r="R3085" s="20"/>
      <c r="S3085" s="20"/>
      <c r="T3085" s="20"/>
      <c r="U3085" s="20"/>
      <c r="V3085" s="20"/>
      <c r="W3085" s="20"/>
      <c r="X3085" s="19"/>
      <c r="Y3085" s="19"/>
      <c r="Z3085" s="19"/>
      <c r="AA3085" s="19"/>
    </row>
    <row r="3086" spans="1:27" s="1" customFormat="1" ht="14.1" customHeight="1" outlineLevel="2" x14ac:dyDescent="0.2">
      <c r="A3086" s="17">
        <v>8474</v>
      </c>
      <c r="B3086" s="17"/>
      <c r="C3086" s="17"/>
      <c r="D3086" s="18" t="s">
        <v>1547</v>
      </c>
      <c r="E3086" s="18"/>
      <c r="F3086" s="18"/>
      <c r="G3086" s="18"/>
      <c r="H3086" s="18"/>
      <c r="I3086" s="18"/>
      <c r="J3086" s="18"/>
      <c r="K3086" s="18"/>
      <c r="L3086" s="18"/>
      <c r="M3086" s="18"/>
      <c r="N3086" s="18"/>
      <c r="O3086" s="18"/>
      <c r="P3086" s="19">
        <v>940</v>
      </c>
      <c r="Q3086" s="19"/>
      <c r="R3086" s="19"/>
      <c r="S3086" s="19"/>
      <c r="T3086" s="19">
        <v>850</v>
      </c>
      <c r="U3086" s="19"/>
      <c r="V3086" s="19"/>
      <c r="W3086" s="19"/>
      <c r="X3086" s="19">
        <v>9</v>
      </c>
      <c r="Y3086" s="19"/>
      <c r="Z3086" s="19"/>
      <c r="AA3086" s="19"/>
    </row>
    <row r="3087" spans="1:27" s="1" customFormat="1" ht="14.1" customHeight="1" outlineLevel="2" x14ac:dyDescent="0.2">
      <c r="A3087" s="17"/>
      <c r="B3087" s="17"/>
      <c r="C3087" s="17"/>
      <c r="D3087" s="18"/>
      <c r="E3087" s="18"/>
      <c r="F3087" s="18"/>
      <c r="G3087" s="18"/>
      <c r="H3087" s="18"/>
      <c r="I3087" s="18"/>
      <c r="J3087" s="18"/>
      <c r="K3087" s="18"/>
      <c r="L3087" s="18"/>
      <c r="M3087" s="18"/>
      <c r="N3087" s="18"/>
      <c r="O3087" s="18"/>
      <c r="P3087" s="19"/>
      <c r="Q3087" s="19"/>
      <c r="R3087" s="19"/>
      <c r="S3087" s="19"/>
      <c r="T3087" s="19"/>
      <c r="U3087" s="19"/>
      <c r="V3087" s="19"/>
      <c r="W3087" s="19"/>
      <c r="X3087" s="19"/>
      <c r="Y3087" s="19"/>
      <c r="Z3087" s="19"/>
      <c r="AA3087" s="19"/>
    </row>
    <row r="3088" spans="1:27" s="1" customFormat="1" ht="14.1" customHeight="1" outlineLevel="2" x14ac:dyDescent="0.2">
      <c r="A3088" s="17">
        <v>18255</v>
      </c>
      <c r="B3088" s="17"/>
      <c r="C3088" s="17"/>
      <c r="D3088" s="18" t="s">
        <v>1548</v>
      </c>
      <c r="E3088" s="18"/>
      <c r="F3088" s="18"/>
      <c r="G3088" s="18"/>
      <c r="H3088" s="18"/>
      <c r="I3088" s="18"/>
      <c r="J3088" s="18"/>
      <c r="K3088" s="18"/>
      <c r="L3088" s="18"/>
      <c r="M3088" s="18"/>
      <c r="N3088" s="18"/>
      <c r="O3088" s="18"/>
      <c r="P3088" s="20">
        <v>1400</v>
      </c>
      <c r="Q3088" s="20"/>
      <c r="R3088" s="20"/>
      <c r="S3088" s="20"/>
      <c r="T3088" s="20">
        <v>1100</v>
      </c>
      <c r="U3088" s="20"/>
      <c r="V3088" s="20"/>
      <c r="W3088" s="20"/>
      <c r="X3088" s="19">
        <v>15</v>
      </c>
      <c r="Y3088" s="19"/>
      <c r="Z3088" s="19"/>
      <c r="AA3088" s="19"/>
    </row>
    <row r="3089" spans="1:27" s="1" customFormat="1" ht="14.1" customHeight="1" outlineLevel="2" x14ac:dyDescent="0.2">
      <c r="A3089" s="17"/>
      <c r="B3089" s="17"/>
      <c r="C3089" s="17"/>
      <c r="D3089" s="18"/>
      <c r="E3089" s="18"/>
      <c r="F3089" s="18"/>
      <c r="G3089" s="18"/>
      <c r="H3089" s="18"/>
      <c r="I3089" s="18"/>
      <c r="J3089" s="18"/>
      <c r="K3089" s="18"/>
      <c r="L3089" s="18"/>
      <c r="M3089" s="18"/>
      <c r="N3089" s="18"/>
      <c r="O3089" s="18"/>
      <c r="P3089" s="20"/>
      <c r="Q3089" s="20"/>
      <c r="R3089" s="20"/>
      <c r="S3089" s="20"/>
      <c r="T3089" s="20"/>
      <c r="U3089" s="20"/>
      <c r="V3089" s="20"/>
      <c r="W3089" s="20"/>
      <c r="X3089" s="19"/>
      <c r="Y3089" s="19"/>
      <c r="Z3089" s="19"/>
      <c r="AA3089" s="19"/>
    </row>
    <row r="3090" spans="1:27" s="1" customFormat="1" ht="14.1" customHeight="1" outlineLevel="2" x14ac:dyDescent="0.2">
      <c r="A3090" s="17">
        <v>7687</v>
      </c>
      <c r="B3090" s="17"/>
      <c r="C3090" s="17"/>
      <c r="D3090" s="18" t="s">
        <v>1549</v>
      </c>
      <c r="E3090" s="18"/>
      <c r="F3090" s="18"/>
      <c r="G3090" s="18"/>
      <c r="H3090" s="18"/>
      <c r="I3090" s="18"/>
      <c r="J3090" s="18"/>
      <c r="K3090" s="18"/>
      <c r="L3090" s="18"/>
      <c r="M3090" s="18"/>
      <c r="N3090" s="18"/>
      <c r="O3090" s="18"/>
      <c r="P3090" s="20">
        <v>1050</v>
      </c>
      <c r="Q3090" s="20"/>
      <c r="R3090" s="20"/>
      <c r="S3090" s="20"/>
      <c r="T3090" s="19">
        <v>840</v>
      </c>
      <c r="U3090" s="19"/>
      <c r="V3090" s="19"/>
      <c r="W3090" s="19"/>
      <c r="X3090" s="19">
        <v>14</v>
      </c>
      <c r="Y3090" s="19"/>
      <c r="Z3090" s="19"/>
      <c r="AA3090" s="19"/>
    </row>
    <row r="3091" spans="1:27" s="1" customFormat="1" ht="14.1" customHeight="1" outlineLevel="2" x14ac:dyDescent="0.2">
      <c r="A3091" s="17"/>
      <c r="B3091" s="17"/>
      <c r="C3091" s="17"/>
      <c r="D3091" s="18"/>
      <c r="E3091" s="18"/>
      <c r="F3091" s="18"/>
      <c r="G3091" s="18"/>
      <c r="H3091" s="18"/>
      <c r="I3091" s="18"/>
      <c r="J3091" s="18"/>
      <c r="K3091" s="18"/>
      <c r="L3091" s="18"/>
      <c r="M3091" s="18"/>
      <c r="N3091" s="18"/>
      <c r="O3091" s="18"/>
      <c r="P3091" s="20"/>
      <c r="Q3091" s="20"/>
      <c r="R3091" s="20"/>
      <c r="S3091" s="20"/>
      <c r="T3091" s="19"/>
      <c r="U3091" s="19"/>
      <c r="V3091" s="19"/>
      <c r="W3091" s="19"/>
      <c r="X3091" s="19"/>
      <c r="Y3091" s="19"/>
      <c r="Z3091" s="19"/>
      <c r="AA3091" s="19"/>
    </row>
    <row r="3092" spans="1:27" s="1" customFormat="1" ht="14.1" customHeight="1" outlineLevel="2" x14ac:dyDescent="0.2">
      <c r="A3092" s="17">
        <v>13948</v>
      </c>
      <c r="B3092" s="17"/>
      <c r="C3092" s="17"/>
      <c r="D3092" s="18" t="s">
        <v>1550</v>
      </c>
      <c r="E3092" s="18"/>
      <c r="F3092" s="18"/>
      <c r="G3092" s="18"/>
      <c r="H3092" s="18"/>
      <c r="I3092" s="18"/>
      <c r="J3092" s="18"/>
      <c r="K3092" s="18"/>
      <c r="L3092" s="18"/>
      <c r="M3092" s="18"/>
      <c r="N3092" s="18"/>
      <c r="O3092" s="18"/>
      <c r="P3092" s="20">
        <v>1700</v>
      </c>
      <c r="Q3092" s="20"/>
      <c r="R3092" s="20"/>
      <c r="S3092" s="20"/>
      <c r="T3092" s="20">
        <v>1450</v>
      </c>
      <c r="U3092" s="20"/>
      <c r="V3092" s="20"/>
      <c r="W3092" s="20"/>
      <c r="X3092" s="19">
        <v>9</v>
      </c>
      <c r="Y3092" s="19"/>
      <c r="Z3092" s="19"/>
      <c r="AA3092" s="19"/>
    </row>
    <row r="3093" spans="1:27" s="1" customFormat="1" ht="14.1" customHeight="1" outlineLevel="2" x14ac:dyDescent="0.2">
      <c r="A3093" s="17"/>
      <c r="B3093" s="17"/>
      <c r="C3093" s="17"/>
      <c r="D3093" s="18"/>
      <c r="E3093" s="18"/>
      <c r="F3093" s="18"/>
      <c r="G3093" s="18"/>
      <c r="H3093" s="18"/>
      <c r="I3093" s="18"/>
      <c r="J3093" s="18"/>
      <c r="K3093" s="18"/>
      <c r="L3093" s="18"/>
      <c r="M3093" s="18"/>
      <c r="N3093" s="18"/>
      <c r="O3093" s="18"/>
      <c r="P3093" s="20"/>
      <c r="Q3093" s="20"/>
      <c r="R3093" s="20"/>
      <c r="S3093" s="20"/>
      <c r="T3093" s="20"/>
      <c r="U3093" s="20"/>
      <c r="V3093" s="20"/>
      <c r="W3093" s="20"/>
      <c r="X3093" s="19"/>
      <c r="Y3093" s="19"/>
      <c r="Z3093" s="19"/>
      <c r="AA3093" s="19"/>
    </row>
    <row r="3094" spans="1:27" s="1" customFormat="1" ht="11.1" customHeight="1" outlineLevel="2" x14ac:dyDescent="0.2">
      <c r="A3094" s="17">
        <v>14726</v>
      </c>
      <c r="B3094" s="17"/>
      <c r="C3094" s="17"/>
      <c r="D3094" s="18" t="s">
        <v>1551</v>
      </c>
      <c r="E3094" s="18"/>
      <c r="F3094" s="18"/>
      <c r="G3094" s="18"/>
      <c r="H3094" s="18"/>
      <c r="I3094" s="18"/>
      <c r="J3094" s="18"/>
      <c r="K3094" s="18"/>
      <c r="L3094" s="18"/>
      <c r="M3094" s="18"/>
      <c r="N3094" s="18"/>
      <c r="O3094" s="18"/>
      <c r="P3094" s="20">
        <v>1050</v>
      </c>
      <c r="Q3094" s="20"/>
      <c r="R3094" s="20"/>
      <c r="S3094" s="20"/>
      <c r="T3094" s="19">
        <v>950</v>
      </c>
      <c r="U3094" s="19"/>
      <c r="V3094" s="19"/>
      <c r="W3094" s="19"/>
      <c r="X3094" s="19">
        <v>19</v>
      </c>
      <c r="Y3094" s="19"/>
      <c r="Z3094" s="19"/>
      <c r="AA3094" s="19"/>
    </row>
    <row r="3095" spans="1:27" s="1" customFormat="1" ht="11.1" customHeight="1" outlineLevel="2" x14ac:dyDescent="0.2">
      <c r="A3095" s="17"/>
      <c r="B3095" s="17"/>
      <c r="C3095" s="17"/>
      <c r="D3095" s="18"/>
      <c r="E3095" s="18"/>
      <c r="F3095" s="18"/>
      <c r="G3095" s="18"/>
      <c r="H3095" s="18"/>
      <c r="I3095" s="18"/>
      <c r="J3095" s="18"/>
      <c r="K3095" s="18"/>
      <c r="L3095" s="18"/>
      <c r="M3095" s="18"/>
      <c r="N3095" s="18"/>
      <c r="O3095" s="18"/>
      <c r="P3095" s="20"/>
      <c r="Q3095" s="20"/>
      <c r="R3095" s="20"/>
      <c r="S3095" s="20"/>
      <c r="T3095" s="19"/>
      <c r="U3095" s="19"/>
      <c r="V3095" s="19"/>
      <c r="W3095" s="19"/>
      <c r="X3095" s="19"/>
      <c r="Y3095" s="19"/>
      <c r="Z3095" s="19"/>
      <c r="AA3095" s="19"/>
    </row>
    <row r="3096" spans="1:27" s="1" customFormat="1" ht="14.1" customHeight="1" outlineLevel="2" x14ac:dyDescent="0.2">
      <c r="A3096" s="17">
        <v>17685</v>
      </c>
      <c r="B3096" s="17"/>
      <c r="C3096" s="17"/>
      <c r="D3096" s="18" t="s">
        <v>1552</v>
      </c>
      <c r="E3096" s="18"/>
      <c r="F3096" s="18"/>
      <c r="G3096" s="18"/>
      <c r="H3096" s="18"/>
      <c r="I3096" s="18"/>
      <c r="J3096" s="18"/>
      <c r="K3096" s="18"/>
      <c r="L3096" s="18"/>
      <c r="M3096" s="18"/>
      <c r="N3096" s="18"/>
      <c r="O3096" s="18"/>
      <c r="P3096" s="20">
        <v>1250</v>
      </c>
      <c r="Q3096" s="20"/>
      <c r="R3096" s="20"/>
      <c r="S3096" s="20"/>
      <c r="T3096" s="20">
        <v>1050</v>
      </c>
      <c r="U3096" s="20"/>
      <c r="V3096" s="20"/>
      <c r="W3096" s="20"/>
      <c r="X3096" s="19">
        <v>19</v>
      </c>
      <c r="Y3096" s="19"/>
      <c r="Z3096" s="19"/>
      <c r="AA3096" s="19"/>
    </row>
    <row r="3097" spans="1:27" s="1" customFormat="1" ht="14.1" customHeight="1" outlineLevel="2" x14ac:dyDescent="0.2">
      <c r="A3097" s="17"/>
      <c r="B3097" s="17"/>
      <c r="C3097" s="17"/>
      <c r="D3097" s="18"/>
      <c r="E3097" s="18"/>
      <c r="F3097" s="18"/>
      <c r="G3097" s="18"/>
      <c r="H3097" s="18"/>
      <c r="I3097" s="18"/>
      <c r="J3097" s="18"/>
      <c r="K3097" s="18"/>
      <c r="L3097" s="18"/>
      <c r="M3097" s="18"/>
      <c r="N3097" s="18"/>
      <c r="O3097" s="18"/>
      <c r="P3097" s="20"/>
      <c r="Q3097" s="20"/>
      <c r="R3097" s="20"/>
      <c r="S3097" s="20"/>
      <c r="T3097" s="20"/>
      <c r="U3097" s="20"/>
      <c r="V3097" s="20"/>
      <c r="W3097" s="20"/>
      <c r="X3097" s="19"/>
      <c r="Y3097" s="19"/>
      <c r="Z3097" s="19"/>
      <c r="AA3097" s="19"/>
    </row>
    <row r="3098" spans="1:27" s="1" customFormat="1" ht="11.1" customHeight="1" outlineLevel="2" x14ac:dyDescent="0.2">
      <c r="A3098" s="17">
        <v>7722</v>
      </c>
      <c r="B3098" s="17"/>
      <c r="C3098" s="17"/>
      <c r="D3098" s="18" t="s">
        <v>1553</v>
      </c>
      <c r="E3098" s="18"/>
      <c r="F3098" s="18"/>
      <c r="G3098" s="18"/>
      <c r="H3098" s="18"/>
      <c r="I3098" s="18"/>
      <c r="J3098" s="18"/>
      <c r="K3098" s="18"/>
      <c r="L3098" s="18"/>
      <c r="M3098" s="18"/>
      <c r="N3098" s="18"/>
      <c r="O3098" s="18"/>
      <c r="P3098" s="20">
        <v>1050</v>
      </c>
      <c r="Q3098" s="20"/>
      <c r="R3098" s="20"/>
      <c r="S3098" s="20"/>
      <c r="T3098" s="19">
        <v>950</v>
      </c>
      <c r="U3098" s="19"/>
      <c r="V3098" s="19"/>
      <c r="W3098" s="19"/>
      <c r="X3098" s="19">
        <v>6</v>
      </c>
      <c r="Y3098" s="19"/>
      <c r="Z3098" s="19"/>
      <c r="AA3098" s="19"/>
    </row>
    <row r="3099" spans="1:27" s="1" customFormat="1" ht="11.1" customHeight="1" outlineLevel="2" x14ac:dyDescent="0.2">
      <c r="A3099" s="17"/>
      <c r="B3099" s="17"/>
      <c r="C3099" s="17"/>
      <c r="D3099" s="18"/>
      <c r="E3099" s="18"/>
      <c r="F3099" s="18"/>
      <c r="G3099" s="18"/>
      <c r="H3099" s="18"/>
      <c r="I3099" s="18"/>
      <c r="J3099" s="18"/>
      <c r="K3099" s="18"/>
      <c r="L3099" s="18"/>
      <c r="M3099" s="18"/>
      <c r="N3099" s="18"/>
      <c r="O3099" s="18"/>
      <c r="P3099" s="20"/>
      <c r="Q3099" s="20"/>
      <c r="R3099" s="20"/>
      <c r="S3099" s="20"/>
      <c r="T3099" s="19"/>
      <c r="U3099" s="19"/>
      <c r="V3099" s="19"/>
      <c r="W3099" s="19"/>
      <c r="X3099" s="19"/>
      <c r="Y3099" s="19"/>
      <c r="Z3099" s="19"/>
      <c r="AA3099" s="19"/>
    </row>
    <row r="3100" spans="1:27" s="1" customFormat="1" ht="14.1" customHeight="1" outlineLevel="2" x14ac:dyDescent="0.2">
      <c r="A3100" s="17">
        <v>16341</v>
      </c>
      <c r="B3100" s="17"/>
      <c r="C3100" s="17"/>
      <c r="D3100" s="18" t="s">
        <v>1554</v>
      </c>
      <c r="E3100" s="18"/>
      <c r="F3100" s="18"/>
      <c r="G3100" s="18"/>
      <c r="H3100" s="18"/>
      <c r="I3100" s="18"/>
      <c r="J3100" s="18"/>
      <c r="K3100" s="18"/>
      <c r="L3100" s="18"/>
      <c r="M3100" s="18"/>
      <c r="N3100" s="18"/>
      <c r="O3100" s="18"/>
      <c r="P3100" s="20">
        <v>1250</v>
      </c>
      <c r="Q3100" s="20"/>
      <c r="R3100" s="20"/>
      <c r="S3100" s="20"/>
      <c r="T3100" s="20">
        <v>1050</v>
      </c>
      <c r="U3100" s="20"/>
      <c r="V3100" s="20"/>
      <c r="W3100" s="20"/>
      <c r="X3100" s="19">
        <v>23</v>
      </c>
      <c r="Y3100" s="19"/>
      <c r="Z3100" s="19"/>
      <c r="AA3100" s="19"/>
    </row>
    <row r="3101" spans="1:27" s="1" customFormat="1" ht="14.1" customHeight="1" outlineLevel="2" x14ac:dyDescent="0.2">
      <c r="A3101" s="17"/>
      <c r="B3101" s="17"/>
      <c r="C3101" s="17"/>
      <c r="D3101" s="18"/>
      <c r="E3101" s="18"/>
      <c r="F3101" s="18"/>
      <c r="G3101" s="18"/>
      <c r="H3101" s="18"/>
      <c r="I3101" s="18"/>
      <c r="J3101" s="18"/>
      <c r="K3101" s="18"/>
      <c r="L3101" s="18"/>
      <c r="M3101" s="18"/>
      <c r="N3101" s="18"/>
      <c r="O3101" s="18"/>
      <c r="P3101" s="20"/>
      <c r="Q3101" s="20"/>
      <c r="R3101" s="20"/>
      <c r="S3101" s="20"/>
      <c r="T3101" s="20"/>
      <c r="U3101" s="20"/>
      <c r="V3101" s="20"/>
      <c r="W3101" s="20"/>
      <c r="X3101" s="19"/>
      <c r="Y3101" s="19"/>
      <c r="Z3101" s="19"/>
      <c r="AA3101" s="19"/>
    </row>
    <row r="3102" spans="1:27" s="1" customFormat="1" ht="11.1" customHeight="1" outlineLevel="2" x14ac:dyDescent="0.2">
      <c r="A3102" s="17">
        <v>7596</v>
      </c>
      <c r="B3102" s="17"/>
      <c r="C3102" s="17"/>
      <c r="D3102" s="18" t="s">
        <v>1555</v>
      </c>
      <c r="E3102" s="18"/>
      <c r="F3102" s="18"/>
      <c r="G3102" s="18"/>
      <c r="H3102" s="18"/>
      <c r="I3102" s="18"/>
      <c r="J3102" s="18"/>
      <c r="K3102" s="18"/>
      <c r="L3102" s="18"/>
      <c r="M3102" s="18"/>
      <c r="N3102" s="18"/>
      <c r="O3102" s="18"/>
      <c r="P3102" s="20">
        <v>1050</v>
      </c>
      <c r="Q3102" s="20"/>
      <c r="R3102" s="20"/>
      <c r="S3102" s="20"/>
      <c r="T3102" s="19">
        <v>950</v>
      </c>
      <c r="U3102" s="19"/>
      <c r="V3102" s="19"/>
      <c r="W3102" s="19"/>
      <c r="X3102" s="19">
        <v>7</v>
      </c>
      <c r="Y3102" s="19"/>
      <c r="Z3102" s="19"/>
      <c r="AA3102" s="19"/>
    </row>
    <row r="3103" spans="1:27" s="1" customFormat="1" ht="11.1" customHeight="1" outlineLevel="2" x14ac:dyDescent="0.2">
      <c r="A3103" s="17"/>
      <c r="B3103" s="17"/>
      <c r="C3103" s="17"/>
      <c r="D3103" s="18"/>
      <c r="E3103" s="18"/>
      <c r="F3103" s="18"/>
      <c r="G3103" s="18"/>
      <c r="H3103" s="18"/>
      <c r="I3103" s="18"/>
      <c r="J3103" s="18"/>
      <c r="K3103" s="18"/>
      <c r="L3103" s="18"/>
      <c r="M3103" s="18"/>
      <c r="N3103" s="18"/>
      <c r="O3103" s="18"/>
      <c r="P3103" s="20"/>
      <c r="Q3103" s="20"/>
      <c r="R3103" s="20"/>
      <c r="S3103" s="20"/>
      <c r="T3103" s="19"/>
      <c r="U3103" s="19"/>
      <c r="V3103" s="19"/>
      <c r="W3103" s="19"/>
      <c r="X3103" s="19"/>
      <c r="Y3103" s="19"/>
      <c r="Z3103" s="19"/>
      <c r="AA3103" s="19"/>
    </row>
    <row r="3104" spans="1:27" s="1" customFormat="1" ht="14.1" customHeight="1" outlineLevel="2" x14ac:dyDescent="0.2">
      <c r="A3104" s="17">
        <v>16342</v>
      </c>
      <c r="B3104" s="17"/>
      <c r="C3104" s="17"/>
      <c r="D3104" s="18" t="s">
        <v>1556</v>
      </c>
      <c r="E3104" s="18"/>
      <c r="F3104" s="18"/>
      <c r="G3104" s="18"/>
      <c r="H3104" s="18"/>
      <c r="I3104" s="18"/>
      <c r="J3104" s="18"/>
      <c r="K3104" s="18"/>
      <c r="L3104" s="18"/>
      <c r="M3104" s="18"/>
      <c r="N3104" s="18"/>
      <c r="O3104" s="18"/>
      <c r="P3104" s="20">
        <v>1250</v>
      </c>
      <c r="Q3104" s="20"/>
      <c r="R3104" s="20"/>
      <c r="S3104" s="20"/>
      <c r="T3104" s="20">
        <v>1050</v>
      </c>
      <c r="U3104" s="20"/>
      <c r="V3104" s="20"/>
      <c r="W3104" s="20"/>
      <c r="X3104" s="19">
        <v>22</v>
      </c>
      <c r="Y3104" s="19"/>
      <c r="Z3104" s="19"/>
      <c r="AA3104" s="19"/>
    </row>
    <row r="3105" spans="1:27" s="1" customFormat="1" ht="14.1" customHeight="1" outlineLevel="2" x14ac:dyDescent="0.2">
      <c r="A3105" s="17"/>
      <c r="B3105" s="17"/>
      <c r="C3105" s="17"/>
      <c r="D3105" s="18"/>
      <c r="E3105" s="18"/>
      <c r="F3105" s="18"/>
      <c r="G3105" s="18"/>
      <c r="H3105" s="18"/>
      <c r="I3105" s="18"/>
      <c r="J3105" s="18"/>
      <c r="K3105" s="18"/>
      <c r="L3105" s="18"/>
      <c r="M3105" s="18"/>
      <c r="N3105" s="18"/>
      <c r="O3105" s="18"/>
      <c r="P3105" s="20"/>
      <c r="Q3105" s="20"/>
      <c r="R3105" s="20"/>
      <c r="S3105" s="20"/>
      <c r="T3105" s="20"/>
      <c r="U3105" s="20"/>
      <c r="V3105" s="20"/>
      <c r="W3105" s="20"/>
      <c r="X3105" s="19"/>
      <c r="Y3105" s="19"/>
      <c r="Z3105" s="19"/>
      <c r="AA3105" s="19"/>
    </row>
    <row r="3106" spans="1:27" s="1" customFormat="1" ht="14.1" customHeight="1" outlineLevel="2" x14ac:dyDescent="0.2">
      <c r="A3106" s="17">
        <v>14727</v>
      </c>
      <c r="B3106" s="17"/>
      <c r="C3106" s="17"/>
      <c r="D3106" s="18" t="s">
        <v>1557</v>
      </c>
      <c r="E3106" s="18"/>
      <c r="F3106" s="18"/>
      <c r="G3106" s="18"/>
      <c r="H3106" s="18"/>
      <c r="I3106" s="18"/>
      <c r="J3106" s="18"/>
      <c r="K3106" s="18"/>
      <c r="L3106" s="18"/>
      <c r="M3106" s="18"/>
      <c r="N3106" s="18"/>
      <c r="O3106" s="18"/>
      <c r="P3106" s="20">
        <v>1100</v>
      </c>
      <c r="Q3106" s="20"/>
      <c r="R3106" s="20"/>
      <c r="S3106" s="20"/>
      <c r="T3106" s="19">
        <v>990</v>
      </c>
      <c r="U3106" s="19"/>
      <c r="V3106" s="19"/>
      <c r="W3106" s="19"/>
      <c r="X3106" s="19">
        <v>10</v>
      </c>
      <c r="Y3106" s="19"/>
      <c r="Z3106" s="19"/>
      <c r="AA3106" s="19"/>
    </row>
    <row r="3107" spans="1:27" s="1" customFormat="1" ht="14.1" customHeight="1" outlineLevel="2" x14ac:dyDescent="0.2">
      <c r="A3107" s="17"/>
      <c r="B3107" s="17"/>
      <c r="C3107" s="17"/>
      <c r="D3107" s="18"/>
      <c r="E3107" s="18"/>
      <c r="F3107" s="18"/>
      <c r="G3107" s="18"/>
      <c r="H3107" s="18"/>
      <c r="I3107" s="18"/>
      <c r="J3107" s="18"/>
      <c r="K3107" s="18"/>
      <c r="L3107" s="18"/>
      <c r="M3107" s="18"/>
      <c r="N3107" s="18"/>
      <c r="O3107" s="18"/>
      <c r="P3107" s="20"/>
      <c r="Q3107" s="20"/>
      <c r="R3107" s="20"/>
      <c r="S3107" s="20"/>
      <c r="T3107" s="19"/>
      <c r="U3107" s="19"/>
      <c r="V3107" s="19"/>
      <c r="W3107" s="19"/>
      <c r="X3107" s="19"/>
      <c r="Y3107" s="19"/>
      <c r="Z3107" s="19"/>
      <c r="AA3107" s="19"/>
    </row>
    <row r="3108" spans="1:27" s="1" customFormat="1" ht="14.1" customHeight="1" outlineLevel="2" x14ac:dyDescent="0.2">
      <c r="A3108" s="17">
        <v>9487</v>
      </c>
      <c r="B3108" s="17"/>
      <c r="C3108" s="17"/>
      <c r="D3108" s="18" t="s">
        <v>1558</v>
      </c>
      <c r="E3108" s="18"/>
      <c r="F3108" s="18"/>
      <c r="G3108" s="18"/>
      <c r="H3108" s="18"/>
      <c r="I3108" s="18"/>
      <c r="J3108" s="18"/>
      <c r="K3108" s="18"/>
      <c r="L3108" s="18"/>
      <c r="M3108" s="18"/>
      <c r="N3108" s="18"/>
      <c r="O3108" s="18"/>
      <c r="P3108" s="20">
        <v>1250</v>
      </c>
      <c r="Q3108" s="20"/>
      <c r="R3108" s="20"/>
      <c r="S3108" s="20"/>
      <c r="T3108" s="20">
        <v>1150</v>
      </c>
      <c r="U3108" s="20"/>
      <c r="V3108" s="20"/>
      <c r="W3108" s="20"/>
      <c r="X3108" s="19">
        <v>15</v>
      </c>
      <c r="Y3108" s="19"/>
      <c r="Z3108" s="19"/>
      <c r="AA3108" s="19"/>
    </row>
    <row r="3109" spans="1:27" s="1" customFormat="1" ht="14.1" customHeight="1" outlineLevel="2" x14ac:dyDescent="0.2">
      <c r="A3109" s="17"/>
      <c r="B3109" s="17"/>
      <c r="C3109" s="17"/>
      <c r="D3109" s="18"/>
      <c r="E3109" s="18"/>
      <c r="F3109" s="18"/>
      <c r="G3109" s="18"/>
      <c r="H3109" s="18"/>
      <c r="I3109" s="18"/>
      <c r="J3109" s="18"/>
      <c r="K3109" s="18"/>
      <c r="L3109" s="18"/>
      <c r="M3109" s="18"/>
      <c r="N3109" s="18"/>
      <c r="O3109" s="18"/>
      <c r="P3109" s="20"/>
      <c r="Q3109" s="20"/>
      <c r="R3109" s="20"/>
      <c r="S3109" s="20"/>
      <c r="T3109" s="20"/>
      <c r="U3109" s="20"/>
      <c r="V3109" s="20"/>
      <c r="W3109" s="20"/>
      <c r="X3109" s="19"/>
      <c r="Y3109" s="19"/>
      <c r="Z3109" s="19"/>
      <c r="AA3109" s="19"/>
    </row>
    <row r="3110" spans="1:27" s="1" customFormat="1" ht="14.1" customHeight="1" outlineLevel="2" x14ac:dyDescent="0.2">
      <c r="A3110" s="17">
        <v>8863</v>
      </c>
      <c r="B3110" s="17"/>
      <c r="C3110" s="17"/>
      <c r="D3110" s="18" t="s">
        <v>1559</v>
      </c>
      <c r="E3110" s="18"/>
      <c r="F3110" s="18"/>
      <c r="G3110" s="18"/>
      <c r="H3110" s="18"/>
      <c r="I3110" s="18"/>
      <c r="J3110" s="18"/>
      <c r="K3110" s="18"/>
      <c r="L3110" s="18"/>
      <c r="M3110" s="18"/>
      <c r="N3110" s="18"/>
      <c r="O3110" s="18"/>
      <c r="P3110" s="20">
        <v>1300</v>
      </c>
      <c r="Q3110" s="20"/>
      <c r="R3110" s="20"/>
      <c r="S3110" s="20"/>
      <c r="T3110" s="19">
        <v>990</v>
      </c>
      <c r="U3110" s="19"/>
      <c r="V3110" s="19"/>
      <c r="W3110" s="19"/>
      <c r="X3110" s="19">
        <v>15</v>
      </c>
      <c r="Y3110" s="19"/>
      <c r="Z3110" s="19"/>
      <c r="AA3110" s="19"/>
    </row>
    <row r="3111" spans="1:27" s="1" customFormat="1" ht="14.1" customHeight="1" outlineLevel="2" x14ac:dyDescent="0.2">
      <c r="A3111" s="17"/>
      <c r="B3111" s="17"/>
      <c r="C3111" s="17"/>
      <c r="D3111" s="18"/>
      <c r="E3111" s="18"/>
      <c r="F3111" s="18"/>
      <c r="G3111" s="18"/>
      <c r="H3111" s="18"/>
      <c r="I3111" s="18"/>
      <c r="J3111" s="18"/>
      <c r="K3111" s="18"/>
      <c r="L3111" s="18"/>
      <c r="M3111" s="18"/>
      <c r="N3111" s="18"/>
      <c r="O3111" s="18"/>
      <c r="P3111" s="20"/>
      <c r="Q3111" s="20"/>
      <c r="R3111" s="20"/>
      <c r="S3111" s="20"/>
      <c r="T3111" s="19"/>
      <c r="U3111" s="19"/>
      <c r="V3111" s="19"/>
      <c r="W3111" s="19"/>
      <c r="X3111" s="19"/>
      <c r="Y3111" s="19"/>
      <c r="Z3111" s="19"/>
      <c r="AA3111" s="19"/>
    </row>
    <row r="3112" spans="1:27" s="1" customFormat="1" ht="14.1" customHeight="1" outlineLevel="2" x14ac:dyDescent="0.2">
      <c r="A3112" s="17">
        <v>7346</v>
      </c>
      <c r="B3112" s="17"/>
      <c r="C3112" s="17"/>
      <c r="D3112" s="18" t="s">
        <v>1560</v>
      </c>
      <c r="E3112" s="18"/>
      <c r="F3112" s="18"/>
      <c r="G3112" s="18"/>
      <c r="H3112" s="18"/>
      <c r="I3112" s="18"/>
      <c r="J3112" s="18"/>
      <c r="K3112" s="18"/>
      <c r="L3112" s="18"/>
      <c r="M3112" s="18"/>
      <c r="N3112" s="18"/>
      <c r="O3112" s="18"/>
      <c r="P3112" s="20">
        <v>1380</v>
      </c>
      <c r="Q3112" s="20"/>
      <c r="R3112" s="20"/>
      <c r="S3112" s="20"/>
      <c r="T3112" s="20">
        <v>1300</v>
      </c>
      <c r="U3112" s="20"/>
      <c r="V3112" s="20"/>
      <c r="W3112" s="20"/>
      <c r="X3112" s="19">
        <v>4</v>
      </c>
      <c r="Y3112" s="19"/>
      <c r="Z3112" s="19"/>
      <c r="AA3112" s="19"/>
    </row>
    <row r="3113" spans="1:27" s="1" customFormat="1" ht="14.1" customHeight="1" outlineLevel="2" x14ac:dyDescent="0.2">
      <c r="A3113" s="17"/>
      <c r="B3113" s="17"/>
      <c r="C3113" s="17"/>
      <c r="D3113" s="18"/>
      <c r="E3113" s="18"/>
      <c r="F3113" s="18"/>
      <c r="G3113" s="18"/>
      <c r="H3113" s="18"/>
      <c r="I3113" s="18"/>
      <c r="J3113" s="18"/>
      <c r="K3113" s="18"/>
      <c r="L3113" s="18"/>
      <c r="M3113" s="18"/>
      <c r="N3113" s="18"/>
      <c r="O3113" s="18"/>
      <c r="P3113" s="20"/>
      <c r="Q3113" s="20"/>
      <c r="R3113" s="20"/>
      <c r="S3113" s="20"/>
      <c r="T3113" s="20"/>
      <c r="U3113" s="20"/>
      <c r="V3113" s="20"/>
      <c r="W3113" s="20"/>
      <c r="X3113" s="19"/>
      <c r="Y3113" s="19"/>
      <c r="Z3113" s="19"/>
      <c r="AA3113" s="19"/>
    </row>
    <row r="3114" spans="1:27" s="1" customFormat="1" ht="14.1" customHeight="1" outlineLevel="2" x14ac:dyDescent="0.2">
      <c r="A3114" s="17">
        <v>8898</v>
      </c>
      <c r="B3114" s="17"/>
      <c r="C3114" s="17"/>
      <c r="D3114" s="18" t="s">
        <v>1561</v>
      </c>
      <c r="E3114" s="18"/>
      <c r="F3114" s="18"/>
      <c r="G3114" s="18"/>
      <c r="H3114" s="18"/>
      <c r="I3114" s="18"/>
      <c r="J3114" s="18"/>
      <c r="K3114" s="18"/>
      <c r="L3114" s="18"/>
      <c r="M3114" s="18"/>
      <c r="N3114" s="18"/>
      <c r="O3114" s="18"/>
      <c r="P3114" s="20">
        <v>1250</v>
      </c>
      <c r="Q3114" s="20"/>
      <c r="R3114" s="20"/>
      <c r="S3114" s="20"/>
      <c r="T3114" s="20">
        <v>1150</v>
      </c>
      <c r="U3114" s="20"/>
      <c r="V3114" s="20"/>
      <c r="W3114" s="20"/>
      <c r="X3114" s="19">
        <v>1</v>
      </c>
      <c r="Y3114" s="19"/>
      <c r="Z3114" s="19"/>
      <c r="AA3114" s="19"/>
    </row>
    <row r="3115" spans="1:27" s="1" customFormat="1" ht="14.1" customHeight="1" outlineLevel="2" x14ac:dyDescent="0.2">
      <c r="A3115" s="17"/>
      <c r="B3115" s="17"/>
      <c r="C3115" s="17"/>
      <c r="D3115" s="18"/>
      <c r="E3115" s="18"/>
      <c r="F3115" s="18"/>
      <c r="G3115" s="18"/>
      <c r="H3115" s="18"/>
      <c r="I3115" s="18"/>
      <c r="J3115" s="18"/>
      <c r="K3115" s="18"/>
      <c r="L3115" s="18"/>
      <c r="M3115" s="18"/>
      <c r="N3115" s="18"/>
      <c r="O3115" s="18"/>
      <c r="P3115" s="20"/>
      <c r="Q3115" s="20"/>
      <c r="R3115" s="20"/>
      <c r="S3115" s="20"/>
      <c r="T3115" s="20"/>
      <c r="U3115" s="20"/>
      <c r="V3115" s="20"/>
      <c r="W3115" s="20"/>
      <c r="X3115" s="19"/>
      <c r="Y3115" s="19"/>
      <c r="Z3115" s="19"/>
      <c r="AA3115" s="19"/>
    </row>
    <row r="3116" spans="1:27" s="1" customFormat="1" ht="14.1" customHeight="1" outlineLevel="2" x14ac:dyDescent="0.2">
      <c r="A3116" s="17">
        <v>14027</v>
      </c>
      <c r="B3116" s="17"/>
      <c r="C3116" s="17"/>
      <c r="D3116" s="18" t="s">
        <v>1562</v>
      </c>
      <c r="E3116" s="18"/>
      <c r="F3116" s="18"/>
      <c r="G3116" s="18"/>
      <c r="H3116" s="18"/>
      <c r="I3116" s="18"/>
      <c r="J3116" s="18"/>
      <c r="K3116" s="18"/>
      <c r="L3116" s="18"/>
      <c r="M3116" s="18"/>
      <c r="N3116" s="18"/>
      <c r="O3116" s="18"/>
      <c r="P3116" s="20">
        <v>1850</v>
      </c>
      <c r="Q3116" s="20"/>
      <c r="R3116" s="20"/>
      <c r="S3116" s="20"/>
      <c r="T3116" s="20">
        <v>1690</v>
      </c>
      <c r="U3116" s="20"/>
      <c r="V3116" s="20"/>
      <c r="W3116" s="20"/>
      <c r="X3116" s="19">
        <v>4</v>
      </c>
      <c r="Y3116" s="19"/>
      <c r="Z3116" s="19"/>
      <c r="AA3116" s="19"/>
    </row>
    <row r="3117" spans="1:27" s="1" customFormat="1" ht="14.1" customHeight="1" outlineLevel="2" x14ac:dyDescent="0.2">
      <c r="A3117" s="17"/>
      <c r="B3117" s="17"/>
      <c r="C3117" s="17"/>
      <c r="D3117" s="18"/>
      <c r="E3117" s="18"/>
      <c r="F3117" s="18"/>
      <c r="G3117" s="18"/>
      <c r="H3117" s="18"/>
      <c r="I3117" s="18"/>
      <c r="J3117" s="18"/>
      <c r="K3117" s="18"/>
      <c r="L3117" s="18"/>
      <c r="M3117" s="18"/>
      <c r="N3117" s="18"/>
      <c r="O3117" s="18"/>
      <c r="P3117" s="20"/>
      <c r="Q3117" s="20"/>
      <c r="R3117" s="20"/>
      <c r="S3117" s="20"/>
      <c r="T3117" s="20"/>
      <c r="U3117" s="20"/>
      <c r="V3117" s="20"/>
      <c r="W3117" s="20"/>
      <c r="X3117" s="19"/>
      <c r="Y3117" s="19"/>
      <c r="Z3117" s="19"/>
      <c r="AA3117" s="19"/>
    </row>
    <row r="3118" spans="1:27" s="1" customFormat="1" ht="14.1" customHeight="1" outlineLevel="2" x14ac:dyDescent="0.2">
      <c r="A3118" s="17">
        <v>15632</v>
      </c>
      <c r="B3118" s="17"/>
      <c r="C3118" s="17"/>
      <c r="D3118" s="18" t="s">
        <v>1563</v>
      </c>
      <c r="E3118" s="18"/>
      <c r="F3118" s="18"/>
      <c r="G3118" s="18"/>
      <c r="H3118" s="18"/>
      <c r="I3118" s="18"/>
      <c r="J3118" s="18"/>
      <c r="K3118" s="18"/>
      <c r="L3118" s="18"/>
      <c r="M3118" s="18"/>
      <c r="N3118" s="18"/>
      <c r="O3118" s="18"/>
      <c r="P3118" s="20">
        <v>1900</v>
      </c>
      <c r="Q3118" s="20"/>
      <c r="R3118" s="20"/>
      <c r="S3118" s="20"/>
      <c r="T3118" s="20">
        <v>1750</v>
      </c>
      <c r="U3118" s="20"/>
      <c r="V3118" s="20"/>
      <c r="W3118" s="20"/>
      <c r="X3118" s="19">
        <v>4</v>
      </c>
      <c r="Y3118" s="19"/>
      <c r="Z3118" s="19"/>
      <c r="AA3118" s="19"/>
    </row>
    <row r="3119" spans="1:27" s="1" customFormat="1" ht="14.1" customHeight="1" outlineLevel="2" x14ac:dyDescent="0.2">
      <c r="A3119" s="17"/>
      <c r="B3119" s="17"/>
      <c r="C3119" s="17"/>
      <c r="D3119" s="18"/>
      <c r="E3119" s="18"/>
      <c r="F3119" s="18"/>
      <c r="G3119" s="18"/>
      <c r="H3119" s="18"/>
      <c r="I3119" s="18"/>
      <c r="J3119" s="18"/>
      <c r="K3119" s="18"/>
      <c r="L3119" s="18"/>
      <c r="M3119" s="18"/>
      <c r="N3119" s="18"/>
      <c r="O3119" s="18"/>
      <c r="P3119" s="20"/>
      <c r="Q3119" s="20"/>
      <c r="R3119" s="20"/>
      <c r="S3119" s="20"/>
      <c r="T3119" s="20"/>
      <c r="U3119" s="20"/>
      <c r="V3119" s="20"/>
      <c r="W3119" s="20"/>
      <c r="X3119" s="19"/>
      <c r="Y3119" s="19"/>
      <c r="Z3119" s="19"/>
      <c r="AA3119" s="19"/>
    </row>
    <row r="3120" spans="1:27" s="1" customFormat="1" ht="14.1" customHeight="1" outlineLevel="2" x14ac:dyDescent="0.2">
      <c r="A3120" s="17">
        <v>16351</v>
      </c>
      <c r="B3120" s="17"/>
      <c r="C3120" s="17"/>
      <c r="D3120" s="18" t="s">
        <v>1564</v>
      </c>
      <c r="E3120" s="18"/>
      <c r="F3120" s="18"/>
      <c r="G3120" s="18"/>
      <c r="H3120" s="18"/>
      <c r="I3120" s="18"/>
      <c r="J3120" s="18"/>
      <c r="K3120" s="18"/>
      <c r="L3120" s="18"/>
      <c r="M3120" s="18"/>
      <c r="N3120" s="18"/>
      <c r="O3120" s="18"/>
      <c r="P3120" s="20">
        <v>1450</v>
      </c>
      <c r="Q3120" s="20"/>
      <c r="R3120" s="20"/>
      <c r="S3120" s="20"/>
      <c r="T3120" s="20">
        <v>1250</v>
      </c>
      <c r="U3120" s="20"/>
      <c r="V3120" s="20"/>
      <c r="W3120" s="20"/>
      <c r="X3120" s="19">
        <v>5</v>
      </c>
      <c r="Y3120" s="19"/>
      <c r="Z3120" s="19"/>
      <c r="AA3120" s="19"/>
    </row>
    <row r="3121" spans="1:27" s="1" customFormat="1" ht="14.1" customHeight="1" outlineLevel="2" x14ac:dyDescent="0.2">
      <c r="A3121" s="17"/>
      <c r="B3121" s="17"/>
      <c r="C3121" s="17"/>
      <c r="D3121" s="18"/>
      <c r="E3121" s="18"/>
      <c r="F3121" s="18"/>
      <c r="G3121" s="18"/>
      <c r="H3121" s="18"/>
      <c r="I3121" s="18"/>
      <c r="J3121" s="18"/>
      <c r="K3121" s="18"/>
      <c r="L3121" s="18"/>
      <c r="M3121" s="18"/>
      <c r="N3121" s="18"/>
      <c r="O3121" s="18"/>
      <c r="P3121" s="20"/>
      <c r="Q3121" s="20"/>
      <c r="R3121" s="20"/>
      <c r="S3121" s="20"/>
      <c r="T3121" s="20"/>
      <c r="U3121" s="20"/>
      <c r="V3121" s="20"/>
      <c r="W3121" s="20"/>
      <c r="X3121" s="19"/>
      <c r="Y3121" s="19"/>
      <c r="Z3121" s="19"/>
      <c r="AA3121" s="19"/>
    </row>
    <row r="3122" spans="1:27" s="1" customFormat="1" ht="14.1" customHeight="1" outlineLevel="2" x14ac:dyDescent="0.2">
      <c r="A3122" s="17">
        <v>16350</v>
      </c>
      <c r="B3122" s="17"/>
      <c r="C3122" s="17"/>
      <c r="D3122" s="18" t="s">
        <v>1565</v>
      </c>
      <c r="E3122" s="18"/>
      <c r="F3122" s="18"/>
      <c r="G3122" s="18"/>
      <c r="H3122" s="18"/>
      <c r="I3122" s="18"/>
      <c r="J3122" s="18"/>
      <c r="K3122" s="18"/>
      <c r="L3122" s="18"/>
      <c r="M3122" s="18"/>
      <c r="N3122" s="18"/>
      <c r="O3122" s="18"/>
      <c r="P3122" s="20">
        <v>1800</v>
      </c>
      <c r="Q3122" s="20"/>
      <c r="R3122" s="20"/>
      <c r="S3122" s="20"/>
      <c r="T3122" s="20">
        <v>1650</v>
      </c>
      <c r="U3122" s="20"/>
      <c r="V3122" s="20"/>
      <c r="W3122" s="20"/>
      <c r="X3122" s="19">
        <v>18</v>
      </c>
      <c r="Y3122" s="19"/>
      <c r="Z3122" s="19"/>
      <c r="AA3122" s="19"/>
    </row>
    <row r="3123" spans="1:27" s="1" customFormat="1" ht="14.1" customHeight="1" outlineLevel="2" x14ac:dyDescent="0.2">
      <c r="A3123" s="17"/>
      <c r="B3123" s="17"/>
      <c r="C3123" s="17"/>
      <c r="D3123" s="18"/>
      <c r="E3123" s="18"/>
      <c r="F3123" s="18"/>
      <c r="G3123" s="18"/>
      <c r="H3123" s="18"/>
      <c r="I3123" s="18"/>
      <c r="J3123" s="18"/>
      <c r="K3123" s="18"/>
      <c r="L3123" s="18"/>
      <c r="M3123" s="18"/>
      <c r="N3123" s="18"/>
      <c r="O3123" s="18"/>
      <c r="P3123" s="20"/>
      <c r="Q3123" s="20"/>
      <c r="R3123" s="20"/>
      <c r="S3123" s="20"/>
      <c r="T3123" s="20"/>
      <c r="U3123" s="20"/>
      <c r="V3123" s="20"/>
      <c r="W3123" s="20"/>
      <c r="X3123" s="19"/>
      <c r="Y3123" s="19"/>
      <c r="Z3123" s="19"/>
      <c r="AA3123" s="19"/>
    </row>
    <row r="3124" spans="1:27" s="1" customFormat="1" ht="14.1" customHeight="1" outlineLevel="2" x14ac:dyDescent="0.2">
      <c r="A3124" s="17">
        <v>14024</v>
      </c>
      <c r="B3124" s="17"/>
      <c r="C3124" s="17"/>
      <c r="D3124" s="18" t="s">
        <v>1566</v>
      </c>
      <c r="E3124" s="18"/>
      <c r="F3124" s="18"/>
      <c r="G3124" s="18"/>
      <c r="H3124" s="18"/>
      <c r="I3124" s="18"/>
      <c r="J3124" s="18"/>
      <c r="K3124" s="18"/>
      <c r="L3124" s="18"/>
      <c r="M3124" s="18"/>
      <c r="N3124" s="18"/>
      <c r="O3124" s="18"/>
      <c r="P3124" s="20">
        <v>1150</v>
      </c>
      <c r="Q3124" s="20"/>
      <c r="R3124" s="20"/>
      <c r="S3124" s="20"/>
      <c r="T3124" s="20">
        <v>1050</v>
      </c>
      <c r="U3124" s="20"/>
      <c r="V3124" s="20"/>
      <c r="W3124" s="20"/>
      <c r="X3124" s="19">
        <v>6</v>
      </c>
      <c r="Y3124" s="19"/>
      <c r="Z3124" s="19"/>
      <c r="AA3124" s="19"/>
    </row>
    <row r="3125" spans="1:27" s="1" customFormat="1" ht="14.1" customHeight="1" outlineLevel="2" x14ac:dyDescent="0.2">
      <c r="A3125" s="17"/>
      <c r="B3125" s="17"/>
      <c r="C3125" s="17"/>
      <c r="D3125" s="18"/>
      <c r="E3125" s="18"/>
      <c r="F3125" s="18"/>
      <c r="G3125" s="18"/>
      <c r="H3125" s="18"/>
      <c r="I3125" s="18"/>
      <c r="J3125" s="18"/>
      <c r="K3125" s="18"/>
      <c r="L3125" s="18"/>
      <c r="M3125" s="18"/>
      <c r="N3125" s="18"/>
      <c r="O3125" s="18"/>
      <c r="P3125" s="20"/>
      <c r="Q3125" s="20"/>
      <c r="R3125" s="20"/>
      <c r="S3125" s="20"/>
      <c r="T3125" s="20"/>
      <c r="U3125" s="20"/>
      <c r="V3125" s="20"/>
      <c r="W3125" s="20"/>
      <c r="X3125" s="19"/>
      <c r="Y3125" s="19"/>
      <c r="Z3125" s="19"/>
      <c r="AA3125" s="19"/>
    </row>
    <row r="3126" spans="1:27" s="1" customFormat="1" ht="14.1" customHeight="1" outlineLevel="2" x14ac:dyDescent="0.2">
      <c r="A3126" s="17">
        <v>15631</v>
      </c>
      <c r="B3126" s="17"/>
      <c r="C3126" s="17"/>
      <c r="D3126" s="18" t="s">
        <v>1567</v>
      </c>
      <c r="E3126" s="18"/>
      <c r="F3126" s="18"/>
      <c r="G3126" s="18"/>
      <c r="H3126" s="18"/>
      <c r="I3126" s="18"/>
      <c r="J3126" s="18"/>
      <c r="K3126" s="18"/>
      <c r="L3126" s="18"/>
      <c r="M3126" s="18"/>
      <c r="N3126" s="18"/>
      <c r="O3126" s="18"/>
      <c r="P3126" s="20">
        <v>2050</v>
      </c>
      <c r="Q3126" s="20"/>
      <c r="R3126" s="20"/>
      <c r="S3126" s="20"/>
      <c r="T3126" s="20">
        <v>1900</v>
      </c>
      <c r="U3126" s="20"/>
      <c r="V3126" s="20"/>
      <c r="W3126" s="20"/>
      <c r="X3126" s="19">
        <v>2</v>
      </c>
      <c r="Y3126" s="19"/>
      <c r="Z3126" s="19"/>
      <c r="AA3126" s="19"/>
    </row>
    <row r="3127" spans="1:27" s="1" customFormat="1" ht="14.1" customHeight="1" outlineLevel="2" x14ac:dyDescent="0.2">
      <c r="A3127" s="17"/>
      <c r="B3127" s="17"/>
      <c r="C3127" s="17"/>
      <c r="D3127" s="18"/>
      <c r="E3127" s="18"/>
      <c r="F3127" s="18"/>
      <c r="G3127" s="18"/>
      <c r="H3127" s="18"/>
      <c r="I3127" s="18"/>
      <c r="J3127" s="18"/>
      <c r="K3127" s="18"/>
      <c r="L3127" s="18"/>
      <c r="M3127" s="18"/>
      <c r="N3127" s="18"/>
      <c r="O3127" s="18"/>
      <c r="P3127" s="20"/>
      <c r="Q3127" s="20"/>
      <c r="R3127" s="20"/>
      <c r="S3127" s="20"/>
      <c r="T3127" s="20"/>
      <c r="U3127" s="20"/>
      <c r="V3127" s="20"/>
      <c r="W3127" s="20"/>
      <c r="X3127" s="19"/>
      <c r="Y3127" s="19"/>
      <c r="Z3127" s="19"/>
      <c r="AA3127" s="19"/>
    </row>
    <row r="3128" spans="1:27" s="1" customFormat="1" ht="14.1" customHeight="1" outlineLevel="2" x14ac:dyDescent="0.2">
      <c r="A3128" s="17">
        <v>14025</v>
      </c>
      <c r="B3128" s="17"/>
      <c r="C3128" s="17"/>
      <c r="D3128" s="18" t="s">
        <v>1568</v>
      </c>
      <c r="E3128" s="18"/>
      <c r="F3128" s="18"/>
      <c r="G3128" s="18"/>
      <c r="H3128" s="18"/>
      <c r="I3128" s="18"/>
      <c r="J3128" s="18"/>
      <c r="K3128" s="18"/>
      <c r="L3128" s="18"/>
      <c r="M3128" s="18"/>
      <c r="N3128" s="18"/>
      <c r="O3128" s="18"/>
      <c r="P3128" s="20">
        <v>1900</v>
      </c>
      <c r="Q3128" s="20"/>
      <c r="R3128" s="20"/>
      <c r="S3128" s="20"/>
      <c r="T3128" s="20">
        <v>1760</v>
      </c>
      <c r="U3128" s="20"/>
      <c r="V3128" s="20"/>
      <c r="W3128" s="20"/>
      <c r="X3128" s="19">
        <v>5</v>
      </c>
      <c r="Y3128" s="19"/>
      <c r="Z3128" s="19"/>
      <c r="AA3128" s="19"/>
    </row>
    <row r="3129" spans="1:27" s="1" customFormat="1" ht="14.1" customHeight="1" outlineLevel="2" x14ac:dyDescent="0.2">
      <c r="A3129" s="17"/>
      <c r="B3129" s="17"/>
      <c r="C3129" s="17"/>
      <c r="D3129" s="18"/>
      <c r="E3129" s="18"/>
      <c r="F3129" s="18"/>
      <c r="G3129" s="18"/>
      <c r="H3129" s="18"/>
      <c r="I3129" s="18"/>
      <c r="J3129" s="18"/>
      <c r="K3129" s="18"/>
      <c r="L3129" s="18"/>
      <c r="M3129" s="18"/>
      <c r="N3129" s="18"/>
      <c r="O3129" s="18"/>
      <c r="P3129" s="20"/>
      <c r="Q3129" s="20"/>
      <c r="R3129" s="20"/>
      <c r="S3129" s="20"/>
      <c r="T3129" s="20"/>
      <c r="U3129" s="20"/>
      <c r="V3129" s="20"/>
      <c r="W3129" s="20"/>
      <c r="X3129" s="19"/>
      <c r="Y3129" s="19"/>
      <c r="Z3129" s="19"/>
      <c r="AA3129" s="19"/>
    </row>
    <row r="3130" spans="1:27" s="1" customFormat="1" ht="14.1" customHeight="1" outlineLevel="2" x14ac:dyDescent="0.2">
      <c r="A3130" s="17">
        <v>13805</v>
      </c>
      <c r="B3130" s="17"/>
      <c r="C3130" s="17"/>
      <c r="D3130" s="18" t="s">
        <v>1569</v>
      </c>
      <c r="E3130" s="18"/>
      <c r="F3130" s="18"/>
      <c r="G3130" s="18"/>
      <c r="H3130" s="18"/>
      <c r="I3130" s="18"/>
      <c r="J3130" s="18"/>
      <c r="K3130" s="18"/>
      <c r="L3130" s="18"/>
      <c r="M3130" s="18"/>
      <c r="N3130" s="18"/>
      <c r="O3130" s="18"/>
      <c r="P3130" s="19">
        <v>990</v>
      </c>
      <c r="Q3130" s="19"/>
      <c r="R3130" s="19"/>
      <c r="S3130" s="19"/>
      <c r="T3130" s="19">
        <v>850</v>
      </c>
      <c r="U3130" s="19"/>
      <c r="V3130" s="19"/>
      <c r="W3130" s="19"/>
      <c r="X3130" s="19">
        <v>3</v>
      </c>
      <c r="Y3130" s="19"/>
      <c r="Z3130" s="19"/>
      <c r="AA3130" s="19"/>
    </row>
    <row r="3131" spans="1:27" s="1" customFormat="1" ht="14.1" customHeight="1" outlineLevel="2" x14ac:dyDescent="0.2">
      <c r="A3131" s="17"/>
      <c r="B3131" s="17"/>
      <c r="C3131" s="17"/>
      <c r="D3131" s="18"/>
      <c r="E3131" s="18"/>
      <c r="F3131" s="18"/>
      <c r="G3131" s="18"/>
      <c r="H3131" s="18"/>
      <c r="I3131" s="18"/>
      <c r="J3131" s="18"/>
      <c r="K3131" s="18"/>
      <c r="L3131" s="18"/>
      <c r="M3131" s="18"/>
      <c r="N3131" s="18"/>
      <c r="O3131" s="18"/>
      <c r="P3131" s="19"/>
      <c r="Q3131" s="19"/>
      <c r="R3131" s="19"/>
      <c r="S3131" s="19"/>
      <c r="T3131" s="19"/>
      <c r="U3131" s="19"/>
      <c r="V3131" s="19"/>
      <c r="W3131" s="19"/>
      <c r="X3131" s="19"/>
      <c r="Y3131" s="19"/>
      <c r="Z3131" s="19"/>
      <c r="AA3131" s="19"/>
    </row>
    <row r="3132" spans="1:27" s="1" customFormat="1" ht="11.1" customHeight="1" outlineLevel="2" x14ac:dyDescent="0.2">
      <c r="A3132" s="17">
        <v>11668</v>
      </c>
      <c r="B3132" s="17"/>
      <c r="C3132" s="17"/>
      <c r="D3132" s="18" t="s">
        <v>1570</v>
      </c>
      <c r="E3132" s="18"/>
      <c r="F3132" s="18"/>
      <c r="G3132" s="18"/>
      <c r="H3132" s="18"/>
      <c r="I3132" s="18"/>
      <c r="J3132" s="18"/>
      <c r="K3132" s="18"/>
      <c r="L3132" s="18"/>
      <c r="M3132" s="18"/>
      <c r="N3132" s="18"/>
      <c r="O3132" s="18"/>
      <c r="P3132" s="20">
        <v>1100</v>
      </c>
      <c r="Q3132" s="20"/>
      <c r="R3132" s="20"/>
      <c r="S3132" s="20"/>
      <c r="T3132" s="19">
        <v>990</v>
      </c>
      <c r="U3132" s="19"/>
      <c r="V3132" s="19"/>
      <c r="W3132" s="19"/>
      <c r="X3132" s="19">
        <v>1</v>
      </c>
      <c r="Y3132" s="19"/>
      <c r="Z3132" s="19"/>
      <c r="AA3132" s="19"/>
    </row>
    <row r="3133" spans="1:27" s="1" customFormat="1" ht="11.1" customHeight="1" outlineLevel="2" x14ac:dyDescent="0.2">
      <c r="A3133" s="17"/>
      <c r="B3133" s="17"/>
      <c r="C3133" s="17"/>
      <c r="D3133" s="18"/>
      <c r="E3133" s="18"/>
      <c r="F3133" s="18"/>
      <c r="G3133" s="18"/>
      <c r="H3133" s="18"/>
      <c r="I3133" s="18"/>
      <c r="J3133" s="18"/>
      <c r="K3133" s="18"/>
      <c r="L3133" s="18"/>
      <c r="M3133" s="18"/>
      <c r="N3133" s="18"/>
      <c r="O3133" s="18"/>
      <c r="P3133" s="20"/>
      <c r="Q3133" s="20"/>
      <c r="R3133" s="20"/>
      <c r="S3133" s="20"/>
      <c r="T3133" s="19"/>
      <c r="U3133" s="19"/>
      <c r="V3133" s="19"/>
      <c r="W3133" s="19"/>
      <c r="X3133" s="19"/>
      <c r="Y3133" s="19"/>
      <c r="Z3133" s="19"/>
      <c r="AA3133" s="19"/>
    </row>
    <row r="3134" spans="1:27" s="1" customFormat="1" ht="14.1" customHeight="1" outlineLevel="2" x14ac:dyDescent="0.2">
      <c r="A3134" s="17">
        <v>17114</v>
      </c>
      <c r="B3134" s="17"/>
      <c r="C3134" s="17"/>
      <c r="D3134" s="18" t="s">
        <v>1571</v>
      </c>
      <c r="E3134" s="18"/>
      <c r="F3134" s="18"/>
      <c r="G3134" s="18"/>
      <c r="H3134" s="18"/>
      <c r="I3134" s="18"/>
      <c r="J3134" s="18"/>
      <c r="K3134" s="18"/>
      <c r="L3134" s="18"/>
      <c r="M3134" s="18"/>
      <c r="N3134" s="18"/>
      <c r="O3134" s="18"/>
      <c r="P3134" s="20">
        <v>1450</v>
      </c>
      <c r="Q3134" s="20"/>
      <c r="R3134" s="20"/>
      <c r="S3134" s="20"/>
      <c r="T3134" s="20">
        <v>1150</v>
      </c>
      <c r="U3134" s="20"/>
      <c r="V3134" s="20"/>
      <c r="W3134" s="20"/>
      <c r="X3134" s="19">
        <v>30</v>
      </c>
      <c r="Y3134" s="19"/>
      <c r="Z3134" s="19"/>
      <c r="AA3134" s="19"/>
    </row>
    <row r="3135" spans="1:27" s="1" customFormat="1" ht="14.1" customHeight="1" outlineLevel="2" x14ac:dyDescent="0.2">
      <c r="A3135" s="17"/>
      <c r="B3135" s="17"/>
      <c r="C3135" s="17"/>
      <c r="D3135" s="18"/>
      <c r="E3135" s="18"/>
      <c r="F3135" s="18"/>
      <c r="G3135" s="18"/>
      <c r="H3135" s="18"/>
      <c r="I3135" s="18"/>
      <c r="J3135" s="18"/>
      <c r="K3135" s="18"/>
      <c r="L3135" s="18"/>
      <c r="M3135" s="18"/>
      <c r="N3135" s="18"/>
      <c r="O3135" s="18"/>
      <c r="P3135" s="20"/>
      <c r="Q3135" s="20"/>
      <c r="R3135" s="20"/>
      <c r="S3135" s="20"/>
      <c r="T3135" s="20"/>
      <c r="U3135" s="20"/>
      <c r="V3135" s="20"/>
      <c r="W3135" s="20"/>
      <c r="X3135" s="19"/>
      <c r="Y3135" s="19"/>
      <c r="Z3135" s="19"/>
      <c r="AA3135" s="19"/>
    </row>
    <row r="3136" spans="1:27" s="1" customFormat="1" ht="14.1" customHeight="1" outlineLevel="2" x14ac:dyDescent="0.2">
      <c r="A3136" s="17">
        <v>13157</v>
      </c>
      <c r="B3136" s="17"/>
      <c r="C3136" s="17"/>
      <c r="D3136" s="18" t="s">
        <v>1572</v>
      </c>
      <c r="E3136" s="18"/>
      <c r="F3136" s="18"/>
      <c r="G3136" s="18"/>
      <c r="H3136" s="18"/>
      <c r="I3136" s="18"/>
      <c r="J3136" s="18"/>
      <c r="K3136" s="18"/>
      <c r="L3136" s="18"/>
      <c r="M3136" s="18"/>
      <c r="N3136" s="18"/>
      <c r="O3136" s="18"/>
      <c r="P3136" s="20">
        <v>6500</v>
      </c>
      <c r="Q3136" s="20"/>
      <c r="R3136" s="20"/>
      <c r="S3136" s="20"/>
      <c r="T3136" s="20">
        <v>6300</v>
      </c>
      <c r="U3136" s="20"/>
      <c r="V3136" s="20"/>
      <c r="W3136" s="20"/>
      <c r="X3136" s="19">
        <v>1</v>
      </c>
      <c r="Y3136" s="19"/>
      <c r="Z3136" s="19"/>
      <c r="AA3136" s="19"/>
    </row>
    <row r="3137" spans="1:27" s="1" customFormat="1" ht="14.1" customHeight="1" outlineLevel="2" x14ac:dyDescent="0.2">
      <c r="A3137" s="17"/>
      <c r="B3137" s="17"/>
      <c r="C3137" s="17"/>
      <c r="D3137" s="18"/>
      <c r="E3137" s="18"/>
      <c r="F3137" s="18"/>
      <c r="G3137" s="18"/>
      <c r="H3137" s="18"/>
      <c r="I3137" s="18"/>
      <c r="J3137" s="18"/>
      <c r="K3137" s="18"/>
      <c r="L3137" s="18"/>
      <c r="M3137" s="18"/>
      <c r="N3137" s="18"/>
      <c r="O3137" s="18"/>
      <c r="P3137" s="20"/>
      <c r="Q3137" s="20"/>
      <c r="R3137" s="20"/>
      <c r="S3137" s="20"/>
      <c r="T3137" s="20"/>
      <c r="U3137" s="20"/>
      <c r="V3137" s="20"/>
      <c r="W3137" s="20"/>
      <c r="X3137" s="19"/>
      <c r="Y3137" s="19"/>
      <c r="Z3137" s="19"/>
      <c r="AA3137" s="19"/>
    </row>
    <row r="3138" spans="1:27" s="1" customFormat="1" ht="14.1" customHeight="1" outlineLevel="2" x14ac:dyDescent="0.2">
      <c r="A3138" s="17">
        <v>18247</v>
      </c>
      <c r="B3138" s="17"/>
      <c r="C3138" s="17"/>
      <c r="D3138" s="18" t="s">
        <v>1573</v>
      </c>
      <c r="E3138" s="18"/>
      <c r="F3138" s="18"/>
      <c r="G3138" s="18"/>
      <c r="H3138" s="18"/>
      <c r="I3138" s="18"/>
      <c r="J3138" s="18"/>
      <c r="K3138" s="18"/>
      <c r="L3138" s="18"/>
      <c r="M3138" s="18"/>
      <c r="N3138" s="18"/>
      <c r="O3138" s="18"/>
      <c r="P3138" s="20">
        <v>2200</v>
      </c>
      <c r="Q3138" s="20"/>
      <c r="R3138" s="20"/>
      <c r="S3138" s="20"/>
      <c r="T3138" s="20">
        <v>1900</v>
      </c>
      <c r="U3138" s="20"/>
      <c r="V3138" s="20"/>
      <c r="W3138" s="20"/>
      <c r="X3138" s="19">
        <v>10</v>
      </c>
      <c r="Y3138" s="19"/>
      <c r="Z3138" s="19"/>
      <c r="AA3138" s="19"/>
    </row>
    <row r="3139" spans="1:27" s="1" customFormat="1" ht="14.1" customHeight="1" outlineLevel="2" x14ac:dyDescent="0.2">
      <c r="A3139" s="17"/>
      <c r="B3139" s="17"/>
      <c r="C3139" s="17"/>
      <c r="D3139" s="18"/>
      <c r="E3139" s="18"/>
      <c r="F3139" s="18"/>
      <c r="G3139" s="18"/>
      <c r="H3139" s="18"/>
      <c r="I3139" s="18"/>
      <c r="J3139" s="18"/>
      <c r="K3139" s="18"/>
      <c r="L3139" s="18"/>
      <c r="M3139" s="18"/>
      <c r="N3139" s="18"/>
      <c r="O3139" s="18"/>
      <c r="P3139" s="20"/>
      <c r="Q3139" s="20"/>
      <c r="R3139" s="20"/>
      <c r="S3139" s="20"/>
      <c r="T3139" s="20"/>
      <c r="U3139" s="20"/>
      <c r="V3139" s="20"/>
      <c r="W3139" s="20"/>
      <c r="X3139" s="19"/>
      <c r="Y3139" s="19"/>
      <c r="Z3139" s="19"/>
      <c r="AA3139" s="19"/>
    </row>
    <row r="3140" spans="1:27" s="1" customFormat="1" ht="14.1" customHeight="1" outlineLevel="2" x14ac:dyDescent="0.2">
      <c r="A3140" s="17">
        <v>18246</v>
      </c>
      <c r="B3140" s="17"/>
      <c r="C3140" s="17"/>
      <c r="D3140" s="18" t="s">
        <v>1574</v>
      </c>
      <c r="E3140" s="18"/>
      <c r="F3140" s="18"/>
      <c r="G3140" s="18"/>
      <c r="H3140" s="18"/>
      <c r="I3140" s="18"/>
      <c r="J3140" s="18"/>
      <c r="K3140" s="18"/>
      <c r="L3140" s="18"/>
      <c r="M3140" s="18"/>
      <c r="N3140" s="18"/>
      <c r="O3140" s="18"/>
      <c r="P3140" s="20">
        <v>2000</v>
      </c>
      <c r="Q3140" s="20"/>
      <c r="R3140" s="20"/>
      <c r="S3140" s="20"/>
      <c r="T3140" s="20">
        <v>1700</v>
      </c>
      <c r="U3140" s="20"/>
      <c r="V3140" s="20"/>
      <c r="W3140" s="20"/>
      <c r="X3140" s="19">
        <v>10</v>
      </c>
      <c r="Y3140" s="19"/>
      <c r="Z3140" s="19"/>
      <c r="AA3140" s="19"/>
    </row>
    <row r="3141" spans="1:27" s="1" customFormat="1" ht="14.1" customHeight="1" outlineLevel="2" x14ac:dyDescent="0.2">
      <c r="A3141" s="17"/>
      <c r="B3141" s="17"/>
      <c r="C3141" s="17"/>
      <c r="D3141" s="18"/>
      <c r="E3141" s="18"/>
      <c r="F3141" s="18"/>
      <c r="G3141" s="18"/>
      <c r="H3141" s="18"/>
      <c r="I3141" s="18"/>
      <c r="J3141" s="18"/>
      <c r="K3141" s="18"/>
      <c r="L3141" s="18"/>
      <c r="M3141" s="18"/>
      <c r="N3141" s="18"/>
      <c r="O3141" s="18"/>
      <c r="P3141" s="20"/>
      <c r="Q3141" s="20"/>
      <c r="R3141" s="20"/>
      <c r="S3141" s="20"/>
      <c r="T3141" s="20"/>
      <c r="U3141" s="20"/>
      <c r="V3141" s="20"/>
      <c r="W3141" s="20"/>
      <c r="X3141" s="19"/>
      <c r="Y3141" s="19"/>
      <c r="Z3141" s="19"/>
      <c r="AA3141" s="19"/>
    </row>
    <row r="3142" spans="1:27" s="1" customFormat="1" ht="11.1" customHeight="1" outlineLevel="2" x14ac:dyDescent="0.2">
      <c r="A3142" s="17">
        <v>13804</v>
      </c>
      <c r="B3142" s="17"/>
      <c r="C3142" s="17"/>
      <c r="D3142" s="18" t="s">
        <v>1575</v>
      </c>
      <c r="E3142" s="18"/>
      <c r="F3142" s="18"/>
      <c r="G3142" s="18"/>
      <c r="H3142" s="18"/>
      <c r="I3142" s="18"/>
      <c r="J3142" s="18"/>
      <c r="K3142" s="18"/>
      <c r="L3142" s="18"/>
      <c r="M3142" s="18"/>
      <c r="N3142" s="18"/>
      <c r="O3142" s="18"/>
      <c r="P3142" s="20">
        <v>1100</v>
      </c>
      <c r="Q3142" s="20"/>
      <c r="R3142" s="20"/>
      <c r="S3142" s="20"/>
      <c r="T3142" s="19">
        <v>980</v>
      </c>
      <c r="U3142" s="19"/>
      <c r="V3142" s="19"/>
      <c r="W3142" s="19"/>
      <c r="X3142" s="19">
        <v>4</v>
      </c>
      <c r="Y3142" s="19"/>
      <c r="Z3142" s="19"/>
      <c r="AA3142" s="19"/>
    </row>
    <row r="3143" spans="1:27" s="1" customFormat="1" ht="11.1" customHeight="1" outlineLevel="2" x14ac:dyDescent="0.2">
      <c r="A3143" s="17"/>
      <c r="B3143" s="17"/>
      <c r="C3143" s="17"/>
      <c r="D3143" s="18"/>
      <c r="E3143" s="18"/>
      <c r="F3143" s="18"/>
      <c r="G3143" s="18"/>
      <c r="H3143" s="18"/>
      <c r="I3143" s="18"/>
      <c r="J3143" s="18"/>
      <c r="K3143" s="18"/>
      <c r="L3143" s="18"/>
      <c r="M3143" s="18"/>
      <c r="N3143" s="18"/>
      <c r="O3143" s="18"/>
      <c r="P3143" s="20"/>
      <c r="Q3143" s="20"/>
      <c r="R3143" s="20"/>
      <c r="S3143" s="20"/>
      <c r="T3143" s="19"/>
      <c r="U3143" s="19"/>
      <c r="V3143" s="19"/>
      <c r="W3143" s="19"/>
      <c r="X3143" s="19"/>
      <c r="Y3143" s="19"/>
      <c r="Z3143" s="19"/>
      <c r="AA3143" s="19"/>
    </row>
    <row r="3144" spans="1:27" s="1" customFormat="1" ht="11.1" customHeight="1" outlineLevel="2" x14ac:dyDescent="0.2">
      <c r="A3144" s="17">
        <v>9209</v>
      </c>
      <c r="B3144" s="17"/>
      <c r="C3144" s="17"/>
      <c r="D3144" s="18" t="s">
        <v>1576</v>
      </c>
      <c r="E3144" s="18"/>
      <c r="F3144" s="18"/>
      <c r="G3144" s="18"/>
      <c r="H3144" s="18"/>
      <c r="I3144" s="18"/>
      <c r="J3144" s="18"/>
      <c r="K3144" s="18"/>
      <c r="L3144" s="18"/>
      <c r="M3144" s="18"/>
      <c r="N3144" s="18"/>
      <c r="O3144" s="18"/>
      <c r="P3144" s="20">
        <v>1100</v>
      </c>
      <c r="Q3144" s="20"/>
      <c r="R3144" s="20"/>
      <c r="S3144" s="20"/>
      <c r="T3144" s="19">
        <v>980</v>
      </c>
      <c r="U3144" s="19"/>
      <c r="V3144" s="19"/>
      <c r="W3144" s="19"/>
      <c r="X3144" s="19">
        <v>1</v>
      </c>
      <c r="Y3144" s="19"/>
      <c r="Z3144" s="19"/>
      <c r="AA3144" s="19"/>
    </row>
    <row r="3145" spans="1:27" s="1" customFormat="1" ht="11.1" customHeight="1" outlineLevel="2" x14ac:dyDescent="0.2">
      <c r="A3145" s="17"/>
      <c r="B3145" s="17"/>
      <c r="C3145" s="17"/>
      <c r="D3145" s="18"/>
      <c r="E3145" s="18"/>
      <c r="F3145" s="18"/>
      <c r="G3145" s="18"/>
      <c r="H3145" s="18"/>
      <c r="I3145" s="18"/>
      <c r="J3145" s="18"/>
      <c r="K3145" s="18"/>
      <c r="L3145" s="18"/>
      <c r="M3145" s="18"/>
      <c r="N3145" s="18"/>
      <c r="O3145" s="18"/>
      <c r="P3145" s="20"/>
      <c r="Q3145" s="20"/>
      <c r="R3145" s="20"/>
      <c r="S3145" s="20"/>
      <c r="T3145" s="19"/>
      <c r="U3145" s="19"/>
      <c r="V3145" s="19"/>
      <c r="W3145" s="19"/>
      <c r="X3145" s="19"/>
      <c r="Y3145" s="19"/>
      <c r="Z3145" s="19"/>
      <c r="AA3145" s="19"/>
    </row>
    <row r="3146" spans="1:27" s="1" customFormat="1" ht="11.1" customHeight="1" outlineLevel="2" x14ac:dyDescent="0.2">
      <c r="A3146" s="17">
        <v>9208</v>
      </c>
      <c r="B3146" s="17"/>
      <c r="C3146" s="17"/>
      <c r="D3146" s="18" t="s">
        <v>1577</v>
      </c>
      <c r="E3146" s="18"/>
      <c r="F3146" s="18"/>
      <c r="G3146" s="18"/>
      <c r="H3146" s="18"/>
      <c r="I3146" s="18"/>
      <c r="J3146" s="18"/>
      <c r="K3146" s="18"/>
      <c r="L3146" s="18"/>
      <c r="M3146" s="18"/>
      <c r="N3146" s="18"/>
      <c r="O3146" s="18"/>
      <c r="P3146" s="20">
        <v>1350</v>
      </c>
      <c r="Q3146" s="20"/>
      <c r="R3146" s="20"/>
      <c r="S3146" s="20"/>
      <c r="T3146" s="20">
        <v>1190</v>
      </c>
      <c r="U3146" s="20"/>
      <c r="V3146" s="20"/>
      <c r="W3146" s="20"/>
      <c r="X3146" s="19">
        <v>3</v>
      </c>
      <c r="Y3146" s="19"/>
      <c r="Z3146" s="19"/>
      <c r="AA3146" s="19"/>
    </row>
    <row r="3147" spans="1:27" s="1" customFormat="1" ht="11.1" customHeight="1" outlineLevel="2" x14ac:dyDescent="0.2">
      <c r="A3147" s="17"/>
      <c r="B3147" s="17"/>
      <c r="C3147" s="17"/>
      <c r="D3147" s="18"/>
      <c r="E3147" s="18"/>
      <c r="F3147" s="18"/>
      <c r="G3147" s="18"/>
      <c r="H3147" s="18"/>
      <c r="I3147" s="18"/>
      <c r="J3147" s="18"/>
      <c r="K3147" s="18"/>
      <c r="L3147" s="18"/>
      <c r="M3147" s="18"/>
      <c r="N3147" s="18"/>
      <c r="O3147" s="18"/>
      <c r="P3147" s="20"/>
      <c r="Q3147" s="20"/>
      <c r="R3147" s="20"/>
      <c r="S3147" s="20"/>
      <c r="T3147" s="20"/>
      <c r="U3147" s="20"/>
      <c r="V3147" s="20"/>
      <c r="W3147" s="20"/>
      <c r="X3147" s="19"/>
      <c r="Y3147" s="19"/>
      <c r="Z3147" s="19"/>
      <c r="AA3147" s="19"/>
    </row>
    <row r="3148" spans="1:27" s="1" customFormat="1" ht="14.1" customHeight="1" outlineLevel="2" x14ac:dyDescent="0.2">
      <c r="A3148" s="17">
        <v>10743</v>
      </c>
      <c r="B3148" s="17"/>
      <c r="C3148" s="17"/>
      <c r="D3148" s="18" t="s">
        <v>1578</v>
      </c>
      <c r="E3148" s="18"/>
      <c r="F3148" s="18"/>
      <c r="G3148" s="18"/>
      <c r="H3148" s="18"/>
      <c r="I3148" s="18"/>
      <c r="J3148" s="18"/>
      <c r="K3148" s="18"/>
      <c r="L3148" s="18"/>
      <c r="M3148" s="18"/>
      <c r="N3148" s="18"/>
      <c r="O3148" s="18"/>
      <c r="P3148" s="20">
        <v>1350</v>
      </c>
      <c r="Q3148" s="20"/>
      <c r="R3148" s="20"/>
      <c r="S3148" s="20"/>
      <c r="T3148" s="20">
        <v>1190</v>
      </c>
      <c r="U3148" s="20"/>
      <c r="V3148" s="20"/>
      <c r="W3148" s="20"/>
      <c r="X3148" s="19">
        <v>3</v>
      </c>
      <c r="Y3148" s="19"/>
      <c r="Z3148" s="19"/>
      <c r="AA3148" s="19"/>
    </row>
    <row r="3149" spans="1:27" s="1" customFormat="1" ht="14.1" customHeight="1" outlineLevel="2" x14ac:dyDescent="0.2">
      <c r="A3149" s="17"/>
      <c r="B3149" s="17"/>
      <c r="C3149" s="17"/>
      <c r="D3149" s="18"/>
      <c r="E3149" s="18"/>
      <c r="F3149" s="18"/>
      <c r="G3149" s="18"/>
      <c r="H3149" s="18"/>
      <c r="I3149" s="18"/>
      <c r="J3149" s="18"/>
      <c r="K3149" s="18"/>
      <c r="L3149" s="18"/>
      <c r="M3149" s="18"/>
      <c r="N3149" s="18"/>
      <c r="O3149" s="18"/>
      <c r="P3149" s="20"/>
      <c r="Q3149" s="20"/>
      <c r="R3149" s="20"/>
      <c r="S3149" s="20"/>
      <c r="T3149" s="20"/>
      <c r="U3149" s="20"/>
      <c r="V3149" s="20"/>
      <c r="W3149" s="20"/>
      <c r="X3149" s="19"/>
      <c r="Y3149" s="19"/>
      <c r="Z3149" s="19"/>
      <c r="AA3149" s="19"/>
    </row>
    <row r="3150" spans="1:27" s="1" customFormat="1" ht="14.1" customHeight="1" outlineLevel="2" x14ac:dyDescent="0.2">
      <c r="A3150" s="17">
        <v>18273</v>
      </c>
      <c r="B3150" s="17"/>
      <c r="C3150" s="17"/>
      <c r="D3150" s="18" t="s">
        <v>1579</v>
      </c>
      <c r="E3150" s="18"/>
      <c r="F3150" s="18"/>
      <c r="G3150" s="18"/>
      <c r="H3150" s="18"/>
      <c r="I3150" s="18"/>
      <c r="J3150" s="18"/>
      <c r="K3150" s="18"/>
      <c r="L3150" s="18"/>
      <c r="M3150" s="18"/>
      <c r="N3150" s="18"/>
      <c r="O3150" s="18"/>
      <c r="P3150" s="20">
        <v>2000</v>
      </c>
      <c r="Q3150" s="20"/>
      <c r="R3150" s="20"/>
      <c r="S3150" s="20"/>
      <c r="T3150" s="20">
        <v>1500</v>
      </c>
      <c r="U3150" s="20"/>
      <c r="V3150" s="20"/>
      <c r="W3150" s="20"/>
      <c r="X3150" s="19">
        <v>10</v>
      </c>
      <c r="Y3150" s="19"/>
      <c r="Z3150" s="19"/>
      <c r="AA3150" s="19"/>
    </row>
    <row r="3151" spans="1:27" s="1" customFormat="1" ht="14.1" customHeight="1" outlineLevel="2" x14ac:dyDescent="0.2">
      <c r="A3151" s="17"/>
      <c r="B3151" s="17"/>
      <c r="C3151" s="17"/>
      <c r="D3151" s="18"/>
      <c r="E3151" s="18"/>
      <c r="F3151" s="18"/>
      <c r="G3151" s="18"/>
      <c r="H3151" s="18"/>
      <c r="I3151" s="18"/>
      <c r="J3151" s="18"/>
      <c r="K3151" s="18"/>
      <c r="L3151" s="18"/>
      <c r="M3151" s="18"/>
      <c r="N3151" s="18"/>
      <c r="O3151" s="18"/>
      <c r="P3151" s="20"/>
      <c r="Q3151" s="20"/>
      <c r="R3151" s="20"/>
      <c r="S3151" s="20"/>
      <c r="T3151" s="20"/>
      <c r="U3151" s="20"/>
      <c r="V3151" s="20"/>
      <c r="W3151" s="20"/>
      <c r="X3151" s="19"/>
      <c r="Y3151" s="19"/>
      <c r="Z3151" s="19"/>
      <c r="AA3151" s="19"/>
    </row>
    <row r="3152" spans="1:27" s="1" customFormat="1" ht="14.1" customHeight="1" outlineLevel="2" x14ac:dyDescent="0.2">
      <c r="A3152" s="17">
        <v>18272</v>
      </c>
      <c r="B3152" s="17"/>
      <c r="C3152" s="17"/>
      <c r="D3152" s="18" t="s">
        <v>1580</v>
      </c>
      <c r="E3152" s="18"/>
      <c r="F3152" s="18"/>
      <c r="G3152" s="18"/>
      <c r="H3152" s="18"/>
      <c r="I3152" s="18"/>
      <c r="J3152" s="18"/>
      <c r="K3152" s="18"/>
      <c r="L3152" s="18"/>
      <c r="M3152" s="18"/>
      <c r="N3152" s="18"/>
      <c r="O3152" s="18"/>
      <c r="P3152" s="20">
        <v>2500</v>
      </c>
      <c r="Q3152" s="20"/>
      <c r="R3152" s="20"/>
      <c r="S3152" s="20"/>
      <c r="T3152" s="20">
        <v>1670</v>
      </c>
      <c r="U3152" s="20"/>
      <c r="V3152" s="20"/>
      <c r="W3152" s="20"/>
      <c r="X3152" s="19">
        <v>5</v>
      </c>
      <c r="Y3152" s="19"/>
      <c r="Z3152" s="19"/>
      <c r="AA3152" s="19"/>
    </row>
    <row r="3153" spans="1:27" s="1" customFormat="1" ht="14.1" customHeight="1" outlineLevel="2" x14ac:dyDescent="0.2">
      <c r="A3153" s="17"/>
      <c r="B3153" s="17"/>
      <c r="C3153" s="17"/>
      <c r="D3153" s="18"/>
      <c r="E3153" s="18"/>
      <c r="F3153" s="18"/>
      <c r="G3153" s="18"/>
      <c r="H3153" s="18"/>
      <c r="I3153" s="18"/>
      <c r="J3153" s="18"/>
      <c r="K3153" s="18"/>
      <c r="L3153" s="18"/>
      <c r="M3153" s="18"/>
      <c r="N3153" s="18"/>
      <c r="O3153" s="18"/>
      <c r="P3153" s="20"/>
      <c r="Q3153" s="20"/>
      <c r="R3153" s="20"/>
      <c r="S3153" s="20"/>
      <c r="T3153" s="20"/>
      <c r="U3153" s="20"/>
      <c r="V3153" s="20"/>
      <c r="W3153" s="20"/>
      <c r="X3153" s="19"/>
      <c r="Y3153" s="19"/>
      <c r="Z3153" s="19"/>
      <c r="AA3153" s="19"/>
    </row>
    <row r="3154" spans="1:27" s="1" customFormat="1" ht="14.1" customHeight="1" outlineLevel="2" x14ac:dyDescent="0.2">
      <c r="A3154" s="17">
        <v>14390</v>
      </c>
      <c r="B3154" s="17"/>
      <c r="C3154" s="17"/>
      <c r="D3154" s="18" t="s">
        <v>1581</v>
      </c>
      <c r="E3154" s="18"/>
      <c r="F3154" s="18"/>
      <c r="G3154" s="18"/>
      <c r="H3154" s="18"/>
      <c r="I3154" s="18"/>
      <c r="J3154" s="18"/>
      <c r="K3154" s="18"/>
      <c r="L3154" s="18"/>
      <c r="M3154" s="18"/>
      <c r="N3154" s="18"/>
      <c r="O3154" s="18"/>
      <c r="P3154" s="20">
        <v>1190</v>
      </c>
      <c r="Q3154" s="20"/>
      <c r="R3154" s="20"/>
      <c r="S3154" s="20"/>
      <c r="T3154" s="19">
        <v>950</v>
      </c>
      <c r="U3154" s="19"/>
      <c r="V3154" s="19"/>
      <c r="W3154" s="19"/>
      <c r="X3154" s="19">
        <v>15</v>
      </c>
      <c r="Y3154" s="19"/>
      <c r="Z3154" s="19"/>
      <c r="AA3154" s="19"/>
    </row>
    <row r="3155" spans="1:27" s="1" customFormat="1" ht="14.1" customHeight="1" outlineLevel="2" x14ac:dyDescent="0.2">
      <c r="A3155" s="17"/>
      <c r="B3155" s="17"/>
      <c r="C3155" s="17"/>
      <c r="D3155" s="18"/>
      <c r="E3155" s="18"/>
      <c r="F3155" s="18"/>
      <c r="G3155" s="18"/>
      <c r="H3155" s="18"/>
      <c r="I3155" s="18"/>
      <c r="J3155" s="18"/>
      <c r="K3155" s="18"/>
      <c r="L3155" s="18"/>
      <c r="M3155" s="18"/>
      <c r="N3155" s="18"/>
      <c r="O3155" s="18"/>
      <c r="P3155" s="20"/>
      <c r="Q3155" s="20"/>
      <c r="R3155" s="20"/>
      <c r="S3155" s="20"/>
      <c r="T3155" s="19"/>
      <c r="U3155" s="19"/>
      <c r="V3155" s="19"/>
      <c r="W3155" s="19"/>
      <c r="X3155" s="19"/>
      <c r="Y3155" s="19"/>
      <c r="Z3155" s="19"/>
      <c r="AA3155" s="19"/>
    </row>
    <row r="3156" spans="1:27" s="1" customFormat="1" ht="14.1" customHeight="1" outlineLevel="2" x14ac:dyDescent="0.2">
      <c r="A3156" s="17">
        <v>17933</v>
      </c>
      <c r="B3156" s="17"/>
      <c r="C3156" s="17"/>
      <c r="D3156" s="18" t="s">
        <v>1582</v>
      </c>
      <c r="E3156" s="18"/>
      <c r="F3156" s="18"/>
      <c r="G3156" s="18"/>
      <c r="H3156" s="18"/>
      <c r="I3156" s="18"/>
      <c r="J3156" s="18"/>
      <c r="K3156" s="18"/>
      <c r="L3156" s="18"/>
      <c r="M3156" s="18"/>
      <c r="N3156" s="18"/>
      <c r="O3156" s="18"/>
      <c r="P3156" s="20">
        <v>2300</v>
      </c>
      <c r="Q3156" s="20"/>
      <c r="R3156" s="20"/>
      <c r="S3156" s="20"/>
      <c r="T3156" s="20">
        <v>2000</v>
      </c>
      <c r="U3156" s="20"/>
      <c r="V3156" s="20"/>
      <c r="W3156" s="20"/>
      <c r="X3156" s="19">
        <v>1</v>
      </c>
      <c r="Y3156" s="19"/>
      <c r="Z3156" s="19"/>
      <c r="AA3156" s="19"/>
    </row>
    <row r="3157" spans="1:27" s="1" customFormat="1" ht="14.1" customHeight="1" outlineLevel="2" x14ac:dyDescent="0.2">
      <c r="A3157" s="17"/>
      <c r="B3157" s="17"/>
      <c r="C3157" s="17"/>
      <c r="D3157" s="18"/>
      <c r="E3157" s="18"/>
      <c r="F3157" s="18"/>
      <c r="G3157" s="18"/>
      <c r="H3157" s="18"/>
      <c r="I3157" s="18"/>
      <c r="J3157" s="18"/>
      <c r="K3157" s="18"/>
      <c r="L3157" s="18"/>
      <c r="M3157" s="18"/>
      <c r="N3157" s="18"/>
      <c r="O3157" s="18"/>
      <c r="P3157" s="20"/>
      <c r="Q3157" s="20"/>
      <c r="R3157" s="20"/>
      <c r="S3157" s="20"/>
      <c r="T3157" s="20"/>
      <c r="U3157" s="20"/>
      <c r="V3157" s="20"/>
      <c r="W3157" s="20"/>
      <c r="X3157" s="19"/>
      <c r="Y3157" s="19"/>
      <c r="Z3157" s="19"/>
      <c r="AA3157" s="19"/>
    </row>
    <row r="3158" spans="1:27" s="1" customFormat="1" ht="14.1" customHeight="1" outlineLevel="2" x14ac:dyDescent="0.2">
      <c r="A3158" s="17">
        <v>18270</v>
      </c>
      <c r="B3158" s="17"/>
      <c r="C3158" s="17"/>
      <c r="D3158" s="18" t="s">
        <v>1583</v>
      </c>
      <c r="E3158" s="18"/>
      <c r="F3158" s="18"/>
      <c r="G3158" s="18"/>
      <c r="H3158" s="18"/>
      <c r="I3158" s="18"/>
      <c r="J3158" s="18"/>
      <c r="K3158" s="18"/>
      <c r="L3158" s="18"/>
      <c r="M3158" s="18"/>
      <c r="N3158" s="18"/>
      <c r="O3158" s="18"/>
      <c r="P3158" s="20">
        <v>2100</v>
      </c>
      <c r="Q3158" s="20"/>
      <c r="R3158" s="20"/>
      <c r="S3158" s="20"/>
      <c r="T3158" s="20">
        <v>1600</v>
      </c>
      <c r="U3158" s="20"/>
      <c r="V3158" s="20"/>
      <c r="W3158" s="20"/>
      <c r="X3158" s="19">
        <v>20</v>
      </c>
      <c r="Y3158" s="19"/>
      <c r="Z3158" s="19"/>
      <c r="AA3158" s="19"/>
    </row>
    <row r="3159" spans="1:27" s="1" customFormat="1" ht="14.1" customHeight="1" outlineLevel="2" x14ac:dyDescent="0.2">
      <c r="A3159" s="17"/>
      <c r="B3159" s="17"/>
      <c r="C3159" s="17"/>
      <c r="D3159" s="18"/>
      <c r="E3159" s="18"/>
      <c r="F3159" s="18"/>
      <c r="G3159" s="18"/>
      <c r="H3159" s="18"/>
      <c r="I3159" s="18"/>
      <c r="J3159" s="18"/>
      <c r="K3159" s="18"/>
      <c r="L3159" s="18"/>
      <c r="M3159" s="18"/>
      <c r="N3159" s="18"/>
      <c r="O3159" s="18"/>
      <c r="P3159" s="20"/>
      <c r="Q3159" s="20"/>
      <c r="R3159" s="20"/>
      <c r="S3159" s="20"/>
      <c r="T3159" s="20"/>
      <c r="U3159" s="20"/>
      <c r="V3159" s="20"/>
      <c r="W3159" s="20"/>
      <c r="X3159" s="19"/>
      <c r="Y3159" s="19"/>
      <c r="Z3159" s="19"/>
      <c r="AA3159" s="19"/>
    </row>
    <row r="3160" spans="1:27" s="1" customFormat="1" ht="14.1" customHeight="1" outlineLevel="2" x14ac:dyDescent="0.2">
      <c r="A3160" s="17">
        <v>13159</v>
      </c>
      <c r="B3160" s="17"/>
      <c r="C3160" s="17"/>
      <c r="D3160" s="18" t="s">
        <v>1584</v>
      </c>
      <c r="E3160" s="18"/>
      <c r="F3160" s="18"/>
      <c r="G3160" s="18"/>
      <c r="H3160" s="18"/>
      <c r="I3160" s="18"/>
      <c r="J3160" s="18"/>
      <c r="K3160" s="18"/>
      <c r="L3160" s="18"/>
      <c r="M3160" s="18"/>
      <c r="N3160" s="18"/>
      <c r="O3160" s="18"/>
      <c r="P3160" s="20">
        <v>1730</v>
      </c>
      <c r="Q3160" s="20"/>
      <c r="R3160" s="20"/>
      <c r="S3160" s="20"/>
      <c r="T3160" s="20">
        <v>1600</v>
      </c>
      <c r="U3160" s="20"/>
      <c r="V3160" s="20"/>
      <c r="W3160" s="20"/>
      <c r="X3160" s="19">
        <v>3</v>
      </c>
      <c r="Y3160" s="19"/>
      <c r="Z3160" s="19"/>
      <c r="AA3160" s="19"/>
    </row>
    <row r="3161" spans="1:27" s="1" customFormat="1" ht="14.1" customHeight="1" outlineLevel="2" x14ac:dyDescent="0.2">
      <c r="A3161" s="17"/>
      <c r="B3161" s="17"/>
      <c r="C3161" s="17"/>
      <c r="D3161" s="18"/>
      <c r="E3161" s="18"/>
      <c r="F3161" s="18"/>
      <c r="G3161" s="18"/>
      <c r="H3161" s="18"/>
      <c r="I3161" s="18"/>
      <c r="J3161" s="18"/>
      <c r="K3161" s="18"/>
      <c r="L3161" s="18"/>
      <c r="M3161" s="18"/>
      <c r="N3161" s="18"/>
      <c r="O3161" s="18"/>
      <c r="P3161" s="20"/>
      <c r="Q3161" s="20"/>
      <c r="R3161" s="20"/>
      <c r="S3161" s="20"/>
      <c r="T3161" s="20"/>
      <c r="U3161" s="20"/>
      <c r="V3161" s="20"/>
      <c r="W3161" s="20"/>
      <c r="X3161" s="19"/>
      <c r="Y3161" s="19"/>
      <c r="Z3161" s="19"/>
      <c r="AA3161" s="19"/>
    </row>
    <row r="3162" spans="1:27" s="1" customFormat="1" ht="14.1" customHeight="1" outlineLevel="2" x14ac:dyDescent="0.2">
      <c r="A3162" s="17">
        <v>7610</v>
      </c>
      <c r="B3162" s="17"/>
      <c r="C3162" s="17"/>
      <c r="D3162" s="18" t="s">
        <v>1585</v>
      </c>
      <c r="E3162" s="18"/>
      <c r="F3162" s="18"/>
      <c r="G3162" s="18"/>
      <c r="H3162" s="18"/>
      <c r="I3162" s="18"/>
      <c r="J3162" s="18"/>
      <c r="K3162" s="18"/>
      <c r="L3162" s="18"/>
      <c r="M3162" s="18"/>
      <c r="N3162" s="18"/>
      <c r="O3162" s="18"/>
      <c r="P3162" s="20">
        <v>1300</v>
      </c>
      <c r="Q3162" s="20"/>
      <c r="R3162" s="20"/>
      <c r="S3162" s="20"/>
      <c r="T3162" s="20">
        <v>1100</v>
      </c>
      <c r="U3162" s="20"/>
      <c r="V3162" s="20"/>
      <c r="W3162" s="20"/>
      <c r="X3162" s="19">
        <v>20</v>
      </c>
      <c r="Y3162" s="19"/>
      <c r="Z3162" s="19"/>
      <c r="AA3162" s="19"/>
    </row>
    <row r="3163" spans="1:27" s="1" customFormat="1" ht="14.1" customHeight="1" outlineLevel="2" x14ac:dyDescent="0.2">
      <c r="A3163" s="17"/>
      <c r="B3163" s="17"/>
      <c r="C3163" s="17"/>
      <c r="D3163" s="18"/>
      <c r="E3163" s="18"/>
      <c r="F3163" s="18"/>
      <c r="G3163" s="18"/>
      <c r="H3163" s="18"/>
      <c r="I3163" s="18"/>
      <c r="J3163" s="18"/>
      <c r="K3163" s="18"/>
      <c r="L3163" s="18"/>
      <c r="M3163" s="18"/>
      <c r="N3163" s="18"/>
      <c r="O3163" s="18"/>
      <c r="P3163" s="20"/>
      <c r="Q3163" s="20"/>
      <c r="R3163" s="20"/>
      <c r="S3163" s="20"/>
      <c r="T3163" s="20"/>
      <c r="U3163" s="20"/>
      <c r="V3163" s="20"/>
      <c r="W3163" s="20"/>
      <c r="X3163" s="19"/>
      <c r="Y3163" s="19"/>
      <c r="Z3163" s="19"/>
      <c r="AA3163" s="19"/>
    </row>
    <row r="3164" spans="1:27" s="1" customFormat="1" ht="14.1" customHeight="1" outlineLevel="2" x14ac:dyDescent="0.2">
      <c r="A3164" s="17">
        <v>9068</v>
      </c>
      <c r="B3164" s="17"/>
      <c r="C3164" s="17"/>
      <c r="D3164" s="18" t="s">
        <v>1586</v>
      </c>
      <c r="E3164" s="18"/>
      <c r="F3164" s="18"/>
      <c r="G3164" s="18"/>
      <c r="H3164" s="18"/>
      <c r="I3164" s="18"/>
      <c r="J3164" s="18"/>
      <c r="K3164" s="18"/>
      <c r="L3164" s="18"/>
      <c r="M3164" s="18"/>
      <c r="N3164" s="18"/>
      <c r="O3164" s="18"/>
      <c r="P3164" s="20">
        <v>2200</v>
      </c>
      <c r="Q3164" s="20"/>
      <c r="R3164" s="20"/>
      <c r="S3164" s="20"/>
      <c r="T3164" s="20">
        <v>2000</v>
      </c>
      <c r="U3164" s="20"/>
      <c r="V3164" s="20"/>
      <c r="W3164" s="20"/>
      <c r="X3164" s="19">
        <v>10</v>
      </c>
      <c r="Y3164" s="19"/>
      <c r="Z3164" s="19"/>
      <c r="AA3164" s="19"/>
    </row>
    <row r="3165" spans="1:27" s="1" customFormat="1" ht="14.1" customHeight="1" outlineLevel="2" x14ac:dyDescent="0.2">
      <c r="A3165" s="17"/>
      <c r="B3165" s="17"/>
      <c r="C3165" s="17"/>
      <c r="D3165" s="18"/>
      <c r="E3165" s="18"/>
      <c r="F3165" s="18"/>
      <c r="G3165" s="18"/>
      <c r="H3165" s="18"/>
      <c r="I3165" s="18"/>
      <c r="J3165" s="18"/>
      <c r="K3165" s="18"/>
      <c r="L3165" s="18"/>
      <c r="M3165" s="18"/>
      <c r="N3165" s="18"/>
      <c r="O3165" s="18"/>
      <c r="P3165" s="20"/>
      <c r="Q3165" s="20"/>
      <c r="R3165" s="20"/>
      <c r="S3165" s="20"/>
      <c r="T3165" s="20"/>
      <c r="U3165" s="20"/>
      <c r="V3165" s="20"/>
      <c r="W3165" s="20"/>
      <c r="X3165" s="19"/>
      <c r="Y3165" s="19"/>
      <c r="Z3165" s="19"/>
      <c r="AA3165" s="19"/>
    </row>
    <row r="3166" spans="1:27" s="1" customFormat="1" ht="11.1" customHeight="1" outlineLevel="2" x14ac:dyDescent="0.2">
      <c r="A3166" s="17">
        <v>11979</v>
      </c>
      <c r="B3166" s="17"/>
      <c r="C3166" s="17"/>
      <c r="D3166" s="18" t="s">
        <v>1587</v>
      </c>
      <c r="E3166" s="18"/>
      <c r="F3166" s="18"/>
      <c r="G3166" s="18"/>
      <c r="H3166" s="18"/>
      <c r="I3166" s="18"/>
      <c r="J3166" s="18"/>
      <c r="K3166" s="18"/>
      <c r="L3166" s="18"/>
      <c r="M3166" s="18"/>
      <c r="N3166" s="18"/>
      <c r="O3166" s="18"/>
      <c r="P3166" s="20">
        <v>2350</v>
      </c>
      <c r="Q3166" s="20"/>
      <c r="R3166" s="20"/>
      <c r="S3166" s="20"/>
      <c r="T3166" s="20">
        <v>2200</v>
      </c>
      <c r="U3166" s="20"/>
      <c r="V3166" s="20"/>
      <c r="W3166" s="20"/>
      <c r="X3166" s="19">
        <v>1</v>
      </c>
      <c r="Y3166" s="19"/>
      <c r="Z3166" s="19"/>
      <c r="AA3166" s="19"/>
    </row>
    <row r="3167" spans="1:27" s="1" customFormat="1" ht="11.1" customHeight="1" outlineLevel="2" x14ac:dyDescent="0.2">
      <c r="A3167" s="17"/>
      <c r="B3167" s="17"/>
      <c r="C3167" s="17"/>
      <c r="D3167" s="18"/>
      <c r="E3167" s="18"/>
      <c r="F3167" s="18"/>
      <c r="G3167" s="18"/>
      <c r="H3167" s="18"/>
      <c r="I3167" s="18"/>
      <c r="J3167" s="18"/>
      <c r="K3167" s="18"/>
      <c r="L3167" s="18"/>
      <c r="M3167" s="18"/>
      <c r="N3167" s="18"/>
      <c r="O3167" s="18"/>
      <c r="P3167" s="20"/>
      <c r="Q3167" s="20"/>
      <c r="R3167" s="20"/>
      <c r="S3167" s="20"/>
      <c r="T3167" s="20"/>
      <c r="U3167" s="20"/>
      <c r="V3167" s="20"/>
      <c r="W3167" s="20"/>
      <c r="X3167" s="19"/>
      <c r="Y3167" s="19"/>
      <c r="Z3167" s="19"/>
      <c r="AA3167" s="19"/>
    </row>
    <row r="3168" spans="1:27" s="1" customFormat="1" ht="11.1" customHeight="1" outlineLevel="2" x14ac:dyDescent="0.2">
      <c r="A3168" s="17">
        <v>11980</v>
      </c>
      <c r="B3168" s="17"/>
      <c r="C3168" s="17"/>
      <c r="D3168" s="18" t="s">
        <v>1588</v>
      </c>
      <c r="E3168" s="18"/>
      <c r="F3168" s="18"/>
      <c r="G3168" s="18"/>
      <c r="H3168" s="18"/>
      <c r="I3168" s="18"/>
      <c r="J3168" s="18"/>
      <c r="K3168" s="18"/>
      <c r="L3168" s="18"/>
      <c r="M3168" s="18"/>
      <c r="N3168" s="18"/>
      <c r="O3168" s="18"/>
      <c r="P3168" s="20">
        <v>2350</v>
      </c>
      <c r="Q3168" s="20"/>
      <c r="R3168" s="20"/>
      <c r="S3168" s="20"/>
      <c r="T3168" s="20">
        <v>2200</v>
      </c>
      <c r="U3168" s="20"/>
      <c r="V3168" s="20"/>
      <c r="W3168" s="20"/>
      <c r="X3168" s="19">
        <v>1</v>
      </c>
      <c r="Y3168" s="19"/>
      <c r="Z3168" s="19"/>
      <c r="AA3168" s="19"/>
    </row>
    <row r="3169" spans="1:27" s="1" customFormat="1" ht="11.1" customHeight="1" outlineLevel="2" x14ac:dyDescent="0.2">
      <c r="A3169" s="17"/>
      <c r="B3169" s="17"/>
      <c r="C3169" s="17"/>
      <c r="D3169" s="18"/>
      <c r="E3169" s="18"/>
      <c r="F3169" s="18"/>
      <c r="G3169" s="18"/>
      <c r="H3169" s="18"/>
      <c r="I3169" s="18"/>
      <c r="J3169" s="18"/>
      <c r="K3169" s="18"/>
      <c r="L3169" s="18"/>
      <c r="M3169" s="18"/>
      <c r="N3169" s="18"/>
      <c r="O3169" s="18"/>
      <c r="P3169" s="20"/>
      <c r="Q3169" s="20"/>
      <c r="R3169" s="20"/>
      <c r="S3169" s="20"/>
      <c r="T3169" s="20"/>
      <c r="U3169" s="20"/>
      <c r="V3169" s="20"/>
      <c r="W3169" s="20"/>
      <c r="X3169" s="19"/>
      <c r="Y3169" s="19"/>
      <c r="Z3169" s="19"/>
      <c r="AA3169" s="19"/>
    </row>
    <row r="3170" spans="1:27" s="1" customFormat="1" ht="11.1" customHeight="1" outlineLevel="2" x14ac:dyDescent="0.2">
      <c r="A3170" s="17">
        <v>11978</v>
      </c>
      <c r="B3170" s="17"/>
      <c r="C3170" s="17"/>
      <c r="D3170" s="18" t="s">
        <v>1589</v>
      </c>
      <c r="E3170" s="18"/>
      <c r="F3170" s="18"/>
      <c r="G3170" s="18"/>
      <c r="H3170" s="18"/>
      <c r="I3170" s="18"/>
      <c r="J3170" s="18"/>
      <c r="K3170" s="18"/>
      <c r="L3170" s="18"/>
      <c r="M3170" s="18"/>
      <c r="N3170" s="18"/>
      <c r="O3170" s="18"/>
      <c r="P3170" s="20">
        <v>2350</v>
      </c>
      <c r="Q3170" s="20"/>
      <c r="R3170" s="20"/>
      <c r="S3170" s="20"/>
      <c r="T3170" s="20">
        <v>2200</v>
      </c>
      <c r="U3170" s="20"/>
      <c r="V3170" s="20"/>
      <c r="W3170" s="20"/>
      <c r="X3170" s="19">
        <v>1</v>
      </c>
      <c r="Y3170" s="19"/>
      <c r="Z3170" s="19"/>
      <c r="AA3170" s="19"/>
    </row>
    <row r="3171" spans="1:27" s="1" customFormat="1" ht="11.1" customHeight="1" outlineLevel="2" x14ac:dyDescent="0.2">
      <c r="A3171" s="17"/>
      <c r="B3171" s="17"/>
      <c r="C3171" s="17"/>
      <c r="D3171" s="18"/>
      <c r="E3171" s="18"/>
      <c r="F3171" s="18"/>
      <c r="G3171" s="18"/>
      <c r="H3171" s="18"/>
      <c r="I3171" s="18"/>
      <c r="J3171" s="18"/>
      <c r="K3171" s="18"/>
      <c r="L3171" s="18"/>
      <c r="M3171" s="18"/>
      <c r="N3171" s="18"/>
      <c r="O3171" s="18"/>
      <c r="P3171" s="20"/>
      <c r="Q3171" s="20"/>
      <c r="R3171" s="20"/>
      <c r="S3171" s="20"/>
      <c r="T3171" s="20"/>
      <c r="U3171" s="20"/>
      <c r="V3171" s="20"/>
      <c r="W3171" s="20"/>
      <c r="X3171" s="19"/>
      <c r="Y3171" s="19"/>
      <c r="Z3171" s="19"/>
      <c r="AA3171" s="19"/>
    </row>
    <row r="3172" spans="1:27" s="1" customFormat="1" ht="14.1" customHeight="1" outlineLevel="2" x14ac:dyDescent="0.2">
      <c r="A3172" s="17">
        <v>13806</v>
      </c>
      <c r="B3172" s="17"/>
      <c r="C3172" s="17"/>
      <c r="D3172" s="18" t="s">
        <v>1590</v>
      </c>
      <c r="E3172" s="18"/>
      <c r="F3172" s="18"/>
      <c r="G3172" s="18"/>
      <c r="H3172" s="18"/>
      <c r="I3172" s="18"/>
      <c r="J3172" s="18"/>
      <c r="K3172" s="18"/>
      <c r="L3172" s="18"/>
      <c r="M3172" s="18"/>
      <c r="N3172" s="18"/>
      <c r="O3172" s="18"/>
      <c r="P3172" s="20">
        <v>1100</v>
      </c>
      <c r="Q3172" s="20"/>
      <c r="R3172" s="20"/>
      <c r="S3172" s="20"/>
      <c r="T3172" s="19">
        <v>990</v>
      </c>
      <c r="U3172" s="19"/>
      <c r="V3172" s="19"/>
      <c r="W3172" s="19"/>
      <c r="X3172" s="19">
        <v>7</v>
      </c>
      <c r="Y3172" s="19"/>
      <c r="Z3172" s="19"/>
      <c r="AA3172" s="19"/>
    </row>
    <row r="3173" spans="1:27" s="1" customFormat="1" ht="14.1" customHeight="1" outlineLevel="2" x14ac:dyDescent="0.2">
      <c r="A3173" s="17"/>
      <c r="B3173" s="17"/>
      <c r="C3173" s="17"/>
      <c r="D3173" s="18"/>
      <c r="E3173" s="18"/>
      <c r="F3173" s="18"/>
      <c r="G3173" s="18"/>
      <c r="H3173" s="18"/>
      <c r="I3173" s="18"/>
      <c r="J3173" s="18"/>
      <c r="K3173" s="18"/>
      <c r="L3173" s="18"/>
      <c r="M3173" s="18"/>
      <c r="N3173" s="18"/>
      <c r="O3173" s="18"/>
      <c r="P3173" s="20"/>
      <c r="Q3173" s="20"/>
      <c r="R3173" s="20"/>
      <c r="S3173" s="20"/>
      <c r="T3173" s="19"/>
      <c r="U3173" s="19"/>
      <c r="V3173" s="19"/>
      <c r="W3173" s="19"/>
      <c r="X3173" s="19"/>
      <c r="Y3173" s="19"/>
      <c r="Z3173" s="19"/>
      <c r="AA3173" s="19"/>
    </row>
    <row r="3174" spans="1:27" s="1" customFormat="1" ht="11.1" customHeight="1" outlineLevel="2" x14ac:dyDescent="0.2">
      <c r="A3174" s="17">
        <v>16353</v>
      </c>
      <c r="B3174" s="17"/>
      <c r="C3174" s="17"/>
      <c r="D3174" s="18" t="s">
        <v>1591</v>
      </c>
      <c r="E3174" s="18"/>
      <c r="F3174" s="18"/>
      <c r="G3174" s="18"/>
      <c r="H3174" s="18"/>
      <c r="I3174" s="18"/>
      <c r="J3174" s="18"/>
      <c r="K3174" s="18"/>
      <c r="L3174" s="18"/>
      <c r="M3174" s="18"/>
      <c r="N3174" s="18"/>
      <c r="O3174" s="18"/>
      <c r="P3174" s="20">
        <v>2750</v>
      </c>
      <c r="Q3174" s="20"/>
      <c r="R3174" s="20"/>
      <c r="S3174" s="20"/>
      <c r="T3174" s="20">
        <v>2300</v>
      </c>
      <c r="U3174" s="20"/>
      <c r="V3174" s="20"/>
      <c r="W3174" s="20"/>
      <c r="X3174" s="19">
        <v>4</v>
      </c>
      <c r="Y3174" s="19"/>
      <c r="Z3174" s="19"/>
      <c r="AA3174" s="19"/>
    </row>
    <row r="3175" spans="1:27" s="1" customFormat="1" ht="11.1" customHeight="1" outlineLevel="2" x14ac:dyDescent="0.2">
      <c r="A3175" s="17"/>
      <c r="B3175" s="17"/>
      <c r="C3175" s="17"/>
      <c r="D3175" s="18"/>
      <c r="E3175" s="18"/>
      <c r="F3175" s="18"/>
      <c r="G3175" s="18"/>
      <c r="H3175" s="18"/>
      <c r="I3175" s="18"/>
      <c r="J3175" s="18"/>
      <c r="K3175" s="18"/>
      <c r="L3175" s="18"/>
      <c r="M3175" s="18"/>
      <c r="N3175" s="18"/>
      <c r="O3175" s="18"/>
      <c r="P3175" s="20"/>
      <c r="Q3175" s="20"/>
      <c r="R3175" s="20"/>
      <c r="S3175" s="20"/>
      <c r="T3175" s="20"/>
      <c r="U3175" s="20"/>
      <c r="V3175" s="20"/>
      <c r="W3175" s="20"/>
      <c r="X3175" s="19"/>
      <c r="Y3175" s="19"/>
      <c r="Z3175" s="19"/>
      <c r="AA3175" s="19"/>
    </row>
    <row r="3176" spans="1:27" s="1" customFormat="1" ht="11.1" customHeight="1" outlineLevel="2" x14ac:dyDescent="0.2">
      <c r="A3176" s="17">
        <v>14026</v>
      </c>
      <c r="B3176" s="17"/>
      <c r="C3176" s="17"/>
      <c r="D3176" s="18" t="s">
        <v>1592</v>
      </c>
      <c r="E3176" s="18"/>
      <c r="F3176" s="18"/>
      <c r="G3176" s="18"/>
      <c r="H3176" s="18"/>
      <c r="I3176" s="18"/>
      <c r="J3176" s="18"/>
      <c r="K3176" s="18"/>
      <c r="L3176" s="18"/>
      <c r="M3176" s="18"/>
      <c r="N3176" s="18"/>
      <c r="O3176" s="18"/>
      <c r="P3176" s="20">
        <v>3300</v>
      </c>
      <c r="Q3176" s="20"/>
      <c r="R3176" s="20"/>
      <c r="S3176" s="20"/>
      <c r="T3176" s="20">
        <v>3000</v>
      </c>
      <c r="U3176" s="20"/>
      <c r="V3176" s="20"/>
      <c r="W3176" s="20"/>
      <c r="X3176" s="19">
        <v>8</v>
      </c>
      <c r="Y3176" s="19"/>
      <c r="Z3176" s="19"/>
      <c r="AA3176" s="19"/>
    </row>
    <row r="3177" spans="1:27" s="1" customFormat="1" ht="11.1" customHeight="1" outlineLevel="2" x14ac:dyDescent="0.2">
      <c r="A3177" s="17"/>
      <c r="B3177" s="17"/>
      <c r="C3177" s="17"/>
      <c r="D3177" s="18"/>
      <c r="E3177" s="18"/>
      <c r="F3177" s="18"/>
      <c r="G3177" s="18"/>
      <c r="H3177" s="18"/>
      <c r="I3177" s="18"/>
      <c r="J3177" s="18"/>
      <c r="K3177" s="18"/>
      <c r="L3177" s="18"/>
      <c r="M3177" s="18"/>
      <c r="N3177" s="18"/>
      <c r="O3177" s="18"/>
      <c r="P3177" s="20"/>
      <c r="Q3177" s="20"/>
      <c r="R3177" s="20"/>
      <c r="S3177" s="20"/>
      <c r="T3177" s="20"/>
      <c r="U3177" s="20"/>
      <c r="V3177" s="20"/>
      <c r="W3177" s="20"/>
      <c r="X3177" s="19"/>
      <c r="Y3177" s="19"/>
      <c r="Z3177" s="19"/>
      <c r="AA3177" s="19"/>
    </row>
    <row r="3178" spans="1:27" s="1" customFormat="1" ht="14.1" customHeight="1" outlineLevel="2" x14ac:dyDescent="0.2">
      <c r="A3178" s="17">
        <v>18252</v>
      </c>
      <c r="B3178" s="17"/>
      <c r="C3178" s="17"/>
      <c r="D3178" s="18" t="s">
        <v>1593</v>
      </c>
      <c r="E3178" s="18"/>
      <c r="F3178" s="18"/>
      <c r="G3178" s="18"/>
      <c r="H3178" s="18"/>
      <c r="I3178" s="18"/>
      <c r="J3178" s="18"/>
      <c r="K3178" s="18"/>
      <c r="L3178" s="18"/>
      <c r="M3178" s="18"/>
      <c r="N3178" s="18"/>
      <c r="O3178" s="18"/>
      <c r="P3178" s="20">
        <v>1250</v>
      </c>
      <c r="Q3178" s="20"/>
      <c r="R3178" s="20"/>
      <c r="S3178" s="20"/>
      <c r="T3178" s="19">
        <v>990</v>
      </c>
      <c r="U3178" s="19"/>
      <c r="V3178" s="19"/>
      <c r="W3178" s="19"/>
      <c r="X3178" s="19">
        <v>15</v>
      </c>
      <c r="Y3178" s="19"/>
      <c r="Z3178" s="19"/>
      <c r="AA3178" s="19"/>
    </row>
    <row r="3179" spans="1:27" s="1" customFormat="1" ht="14.1" customHeight="1" outlineLevel="2" x14ac:dyDescent="0.2">
      <c r="A3179" s="17"/>
      <c r="B3179" s="17"/>
      <c r="C3179" s="17"/>
      <c r="D3179" s="18"/>
      <c r="E3179" s="18"/>
      <c r="F3179" s="18"/>
      <c r="G3179" s="18"/>
      <c r="H3179" s="18"/>
      <c r="I3179" s="18"/>
      <c r="J3179" s="18"/>
      <c r="K3179" s="18"/>
      <c r="L3179" s="18"/>
      <c r="M3179" s="18"/>
      <c r="N3179" s="18"/>
      <c r="O3179" s="18"/>
      <c r="P3179" s="20"/>
      <c r="Q3179" s="20"/>
      <c r="R3179" s="20"/>
      <c r="S3179" s="20"/>
      <c r="T3179" s="19"/>
      <c r="U3179" s="19"/>
      <c r="V3179" s="19"/>
      <c r="W3179" s="19"/>
      <c r="X3179" s="19"/>
      <c r="Y3179" s="19"/>
      <c r="Z3179" s="19"/>
      <c r="AA3179" s="19"/>
    </row>
    <row r="3180" spans="1:27" s="1" customFormat="1" ht="14.1" customHeight="1" outlineLevel="2" x14ac:dyDescent="0.2">
      <c r="A3180" s="17">
        <v>18251</v>
      </c>
      <c r="B3180" s="17"/>
      <c r="C3180" s="17"/>
      <c r="D3180" s="18" t="s">
        <v>1594</v>
      </c>
      <c r="E3180" s="18"/>
      <c r="F3180" s="18"/>
      <c r="G3180" s="18"/>
      <c r="H3180" s="18"/>
      <c r="I3180" s="18"/>
      <c r="J3180" s="18"/>
      <c r="K3180" s="18"/>
      <c r="L3180" s="18"/>
      <c r="M3180" s="18"/>
      <c r="N3180" s="18"/>
      <c r="O3180" s="18"/>
      <c r="P3180" s="20">
        <v>1700</v>
      </c>
      <c r="Q3180" s="20"/>
      <c r="R3180" s="20"/>
      <c r="S3180" s="20"/>
      <c r="T3180" s="20">
        <v>1300</v>
      </c>
      <c r="U3180" s="20"/>
      <c r="V3180" s="20"/>
      <c r="W3180" s="20"/>
      <c r="X3180" s="19">
        <v>10</v>
      </c>
      <c r="Y3180" s="19"/>
      <c r="Z3180" s="19"/>
      <c r="AA3180" s="19"/>
    </row>
    <row r="3181" spans="1:27" s="1" customFormat="1" ht="14.1" customHeight="1" outlineLevel="2" x14ac:dyDescent="0.2">
      <c r="A3181" s="17"/>
      <c r="B3181" s="17"/>
      <c r="C3181" s="17"/>
      <c r="D3181" s="18"/>
      <c r="E3181" s="18"/>
      <c r="F3181" s="18"/>
      <c r="G3181" s="18"/>
      <c r="H3181" s="18"/>
      <c r="I3181" s="18"/>
      <c r="J3181" s="18"/>
      <c r="K3181" s="18"/>
      <c r="L3181" s="18"/>
      <c r="M3181" s="18"/>
      <c r="N3181" s="18"/>
      <c r="O3181" s="18"/>
      <c r="P3181" s="20"/>
      <c r="Q3181" s="20"/>
      <c r="R3181" s="20"/>
      <c r="S3181" s="20"/>
      <c r="T3181" s="20"/>
      <c r="U3181" s="20"/>
      <c r="V3181" s="20"/>
      <c r="W3181" s="20"/>
      <c r="X3181" s="19"/>
      <c r="Y3181" s="19"/>
      <c r="Z3181" s="19"/>
      <c r="AA3181" s="19"/>
    </row>
    <row r="3182" spans="1:27" s="1" customFormat="1" ht="11.1" customHeight="1" outlineLevel="2" x14ac:dyDescent="0.2">
      <c r="A3182" s="17">
        <v>16391</v>
      </c>
      <c r="B3182" s="17"/>
      <c r="C3182" s="17"/>
      <c r="D3182" s="18" t="s">
        <v>1595</v>
      </c>
      <c r="E3182" s="18"/>
      <c r="F3182" s="18"/>
      <c r="G3182" s="18"/>
      <c r="H3182" s="18"/>
      <c r="I3182" s="18"/>
      <c r="J3182" s="18"/>
      <c r="K3182" s="18"/>
      <c r="L3182" s="18"/>
      <c r="M3182" s="18"/>
      <c r="N3182" s="18"/>
      <c r="O3182" s="18"/>
      <c r="P3182" s="20">
        <v>4600</v>
      </c>
      <c r="Q3182" s="20"/>
      <c r="R3182" s="20"/>
      <c r="S3182" s="20"/>
      <c r="T3182" s="20">
        <v>4200</v>
      </c>
      <c r="U3182" s="20"/>
      <c r="V3182" s="20"/>
      <c r="W3182" s="20"/>
      <c r="X3182" s="19">
        <v>15</v>
      </c>
      <c r="Y3182" s="19"/>
      <c r="Z3182" s="19"/>
      <c r="AA3182" s="19"/>
    </row>
    <row r="3183" spans="1:27" s="1" customFormat="1" ht="11.1" customHeight="1" outlineLevel="2" x14ac:dyDescent="0.2">
      <c r="A3183" s="17"/>
      <c r="B3183" s="17"/>
      <c r="C3183" s="17"/>
      <c r="D3183" s="18"/>
      <c r="E3183" s="18"/>
      <c r="F3183" s="18"/>
      <c r="G3183" s="18"/>
      <c r="H3183" s="18"/>
      <c r="I3183" s="18"/>
      <c r="J3183" s="18"/>
      <c r="K3183" s="18"/>
      <c r="L3183" s="18"/>
      <c r="M3183" s="18"/>
      <c r="N3183" s="18"/>
      <c r="O3183" s="18"/>
      <c r="P3183" s="20"/>
      <c r="Q3183" s="20"/>
      <c r="R3183" s="20"/>
      <c r="S3183" s="20"/>
      <c r="T3183" s="20"/>
      <c r="U3183" s="20"/>
      <c r="V3183" s="20"/>
      <c r="W3183" s="20"/>
      <c r="X3183" s="19"/>
      <c r="Y3183" s="19"/>
      <c r="Z3183" s="19"/>
      <c r="AA3183" s="19"/>
    </row>
    <row r="3184" spans="1:27" s="1" customFormat="1" ht="14.1" customHeight="1" outlineLevel="2" x14ac:dyDescent="0.2">
      <c r="A3184" s="17">
        <v>9311</v>
      </c>
      <c r="B3184" s="17"/>
      <c r="C3184" s="17"/>
      <c r="D3184" s="18" t="s">
        <v>1596</v>
      </c>
      <c r="E3184" s="18"/>
      <c r="F3184" s="18"/>
      <c r="G3184" s="18"/>
      <c r="H3184" s="18"/>
      <c r="I3184" s="18"/>
      <c r="J3184" s="18"/>
      <c r="K3184" s="18"/>
      <c r="L3184" s="18"/>
      <c r="M3184" s="18"/>
      <c r="N3184" s="18"/>
      <c r="O3184" s="18"/>
      <c r="P3184" s="20">
        <v>1300</v>
      </c>
      <c r="Q3184" s="20"/>
      <c r="R3184" s="20"/>
      <c r="S3184" s="20"/>
      <c r="T3184" s="20">
        <v>1190</v>
      </c>
      <c r="U3184" s="20"/>
      <c r="V3184" s="20"/>
      <c r="W3184" s="20"/>
      <c r="X3184" s="19">
        <v>17</v>
      </c>
      <c r="Y3184" s="19"/>
      <c r="Z3184" s="19"/>
      <c r="AA3184" s="19"/>
    </row>
    <row r="3185" spans="1:27" s="1" customFormat="1" ht="14.1" customHeight="1" outlineLevel="2" x14ac:dyDescent="0.2">
      <c r="A3185" s="17"/>
      <c r="B3185" s="17"/>
      <c r="C3185" s="17"/>
      <c r="D3185" s="18"/>
      <c r="E3185" s="18"/>
      <c r="F3185" s="18"/>
      <c r="G3185" s="18"/>
      <c r="H3185" s="18"/>
      <c r="I3185" s="18"/>
      <c r="J3185" s="18"/>
      <c r="K3185" s="18"/>
      <c r="L3185" s="18"/>
      <c r="M3185" s="18"/>
      <c r="N3185" s="18"/>
      <c r="O3185" s="18"/>
      <c r="P3185" s="20"/>
      <c r="Q3185" s="20"/>
      <c r="R3185" s="20"/>
      <c r="S3185" s="20"/>
      <c r="T3185" s="20"/>
      <c r="U3185" s="20"/>
      <c r="V3185" s="20"/>
      <c r="W3185" s="20"/>
      <c r="X3185" s="19"/>
      <c r="Y3185" s="19"/>
      <c r="Z3185" s="19"/>
      <c r="AA3185" s="19"/>
    </row>
    <row r="3186" spans="1:27" s="1" customFormat="1" ht="14.1" customHeight="1" outlineLevel="2" x14ac:dyDescent="0.2">
      <c r="A3186" s="17">
        <v>11913</v>
      </c>
      <c r="B3186" s="17"/>
      <c r="C3186" s="17"/>
      <c r="D3186" s="18" t="s">
        <v>1597</v>
      </c>
      <c r="E3186" s="18"/>
      <c r="F3186" s="18"/>
      <c r="G3186" s="18"/>
      <c r="H3186" s="18"/>
      <c r="I3186" s="18"/>
      <c r="J3186" s="18"/>
      <c r="K3186" s="18"/>
      <c r="L3186" s="18"/>
      <c r="M3186" s="18"/>
      <c r="N3186" s="18"/>
      <c r="O3186" s="18"/>
      <c r="P3186" s="20">
        <v>2050</v>
      </c>
      <c r="Q3186" s="20"/>
      <c r="R3186" s="20"/>
      <c r="S3186" s="20"/>
      <c r="T3186" s="20">
        <v>1850</v>
      </c>
      <c r="U3186" s="20"/>
      <c r="V3186" s="20"/>
      <c r="W3186" s="20"/>
      <c r="X3186" s="19">
        <v>5</v>
      </c>
      <c r="Y3186" s="19"/>
      <c r="Z3186" s="19"/>
      <c r="AA3186" s="19"/>
    </row>
    <row r="3187" spans="1:27" s="1" customFormat="1" ht="14.1" customHeight="1" outlineLevel="2" x14ac:dyDescent="0.2">
      <c r="A3187" s="17"/>
      <c r="B3187" s="17"/>
      <c r="C3187" s="17"/>
      <c r="D3187" s="18"/>
      <c r="E3187" s="18"/>
      <c r="F3187" s="18"/>
      <c r="G3187" s="18"/>
      <c r="H3187" s="18"/>
      <c r="I3187" s="18"/>
      <c r="J3187" s="18"/>
      <c r="K3187" s="18"/>
      <c r="L3187" s="18"/>
      <c r="M3187" s="18"/>
      <c r="N3187" s="18"/>
      <c r="O3187" s="18"/>
      <c r="P3187" s="20"/>
      <c r="Q3187" s="20"/>
      <c r="R3187" s="20"/>
      <c r="S3187" s="20"/>
      <c r="T3187" s="20"/>
      <c r="U3187" s="20"/>
      <c r="V3187" s="20"/>
      <c r="W3187" s="20"/>
      <c r="X3187" s="19"/>
      <c r="Y3187" s="19"/>
      <c r="Z3187" s="19"/>
      <c r="AA3187" s="19"/>
    </row>
    <row r="3188" spans="1:27" s="1" customFormat="1" ht="14.1" customHeight="1" outlineLevel="2" x14ac:dyDescent="0.2">
      <c r="A3188" s="17">
        <v>11452</v>
      </c>
      <c r="B3188" s="17"/>
      <c r="C3188" s="17"/>
      <c r="D3188" s="18" t="s">
        <v>1598</v>
      </c>
      <c r="E3188" s="18"/>
      <c r="F3188" s="18"/>
      <c r="G3188" s="18"/>
      <c r="H3188" s="18"/>
      <c r="I3188" s="18"/>
      <c r="J3188" s="18"/>
      <c r="K3188" s="18"/>
      <c r="L3188" s="18"/>
      <c r="M3188" s="18"/>
      <c r="N3188" s="18"/>
      <c r="O3188" s="18"/>
      <c r="P3188" s="20">
        <v>1200</v>
      </c>
      <c r="Q3188" s="20"/>
      <c r="R3188" s="20"/>
      <c r="S3188" s="20"/>
      <c r="T3188" s="19">
        <v>950</v>
      </c>
      <c r="U3188" s="19"/>
      <c r="V3188" s="19"/>
      <c r="W3188" s="19"/>
      <c r="X3188" s="19">
        <v>34</v>
      </c>
      <c r="Y3188" s="19"/>
      <c r="Z3188" s="19"/>
      <c r="AA3188" s="19"/>
    </row>
    <row r="3189" spans="1:27" s="1" customFormat="1" ht="14.1" customHeight="1" outlineLevel="2" x14ac:dyDescent="0.2">
      <c r="A3189" s="17"/>
      <c r="B3189" s="17"/>
      <c r="C3189" s="17"/>
      <c r="D3189" s="18"/>
      <c r="E3189" s="18"/>
      <c r="F3189" s="18"/>
      <c r="G3189" s="18"/>
      <c r="H3189" s="18"/>
      <c r="I3189" s="18"/>
      <c r="J3189" s="18"/>
      <c r="K3189" s="18"/>
      <c r="L3189" s="18"/>
      <c r="M3189" s="18"/>
      <c r="N3189" s="18"/>
      <c r="O3189" s="18"/>
      <c r="P3189" s="20"/>
      <c r="Q3189" s="20"/>
      <c r="R3189" s="20"/>
      <c r="S3189" s="20"/>
      <c r="T3189" s="19"/>
      <c r="U3189" s="19"/>
      <c r="V3189" s="19"/>
      <c r="W3189" s="19"/>
      <c r="X3189" s="19"/>
      <c r="Y3189" s="19"/>
      <c r="Z3189" s="19"/>
      <c r="AA3189" s="19"/>
    </row>
    <row r="3190" spans="1:27" s="1" customFormat="1" ht="14.1" customHeight="1" outlineLevel="2" x14ac:dyDescent="0.2">
      <c r="A3190" s="17">
        <v>17112</v>
      </c>
      <c r="B3190" s="17"/>
      <c r="C3190" s="17"/>
      <c r="D3190" s="18" t="s">
        <v>1599</v>
      </c>
      <c r="E3190" s="18"/>
      <c r="F3190" s="18"/>
      <c r="G3190" s="18"/>
      <c r="H3190" s="18"/>
      <c r="I3190" s="18"/>
      <c r="J3190" s="18"/>
      <c r="K3190" s="18"/>
      <c r="L3190" s="18"/>
      <c r="M3190" s="18"/>
      <c r="N3190" s="18"/>
      <c r="O3190" s="18"/>
      <c r="P3190" s="20">
        <v>6200</v>
      </c>
      <c r="Q3190" s="20"/>
      <c r="R3190" s="20"/>
      <c r="S3190" s="20"/>
      <c r="T3190" s="20">
        <v>5200</v>
      </c>
      <c r="U3190" s="20"/>
      <c r="V3190" s="20"/>
      <c r="W3190" s="20"/>
      <c r="X3190" s="19">
        <v>8</v>
      </c>
      <c r="Y3190" s="19"/>
      <c r="Z3190" s="19"/>
      <c r="AA3190" s="19"/>
    </row>
    <row r="3191" spans="1:27" s="1" customFormat="1" ht="14.1" customHeight="1" outlineLevel="2" x14ac:dyDescent="0.2">
      <c r="A3191" s="17"/>
      <c r="B3191" s="17"/>
      <c r="C3191" s="17"/>
      <c r="D3191" s="18"/>
      <c r="E3191" s="18"/>
      <c r="F3191" s="18"/>
      <c r="G3191" s="18"/>
      <c r="H3191" s="18"/>
      <c r="I3191" s="18"/>
      <c r="J3191" s="18"/>
      <c r="K3191" s="18"/>
      <c r="L3191" s="18"/>
      <c r="M3191" s="18"/>
      <c r="N3191" s="18"/>
      <c r="O3191" s="18"/>
      <c r="P3191" s="20"/>
      <c r="Q3191" s="20"/>
      <c r="R3191" s="20"/>
      <c r="S3191" s="20"/>
      <c r="T3191" s="20"/>
      <c r="U3191" s="20"/>
      <c r="V3191" s="20"/>
      <c r="W3191" s="20"/>
      <c r="X3191" s="19"/>
      <c r="Y3191" s="19"/>
      <c r="Z3191" s="19"/>
      <c r="AA3191" s="19"/>
    </row>
    <row r="3192" spans="1:27" s="1" customFormat="1" ht="11.1" customHeight="1" outlineLevel="2" x14ac:dyDescent="0.2">
      <c r="A3192" s="17">
        <v>5386</v>
      </c>
      <c r="B3192" s="17"/>
      <c r="C3192" s="17"/>
      <c r="D3192" s="18" t="s">
        <v>1600</v>
      </c>
      <c r="E3192" s="18"/>
      <c r="F3192" s="18"/>
      <c r="G3192" s="18"/>
      <c r="H3192" s="18"/>
      <c r="I3192" s="18"/>
      <c r="J3192" s="18"/>
      <c r="K3192" s="18"/>
      <c r="L3192" s="18"/>
      <c r="M3192" s="18"/>
      <c r="N3192" s="18"/>
      <c r="O3192" s="18"/>
      <c r="P3192" s="19">
        <v>400</v>
      </c>
      <c r="Q3192" s="19"/>
      <c r="R3192" s="19"/>
      <c r="S3192" s="19"/>
      <c r="T3192" s="19">
        <v>350</v>
      </c>
      <c r="U3192" s="19"/>
      <c r="V3192" s="19"/>
      <c r="W3192" s="19"/>
      <c r="X3192" s="19">
        <v>1</v>
      </c>
      <c r="Y3192" s="19"/>
      <c r="Z3192" s="19"/>
      <c r="AA3192" s="19"/>
    </row>
    <row r="3193" spans="1:27" s="1" customFormat="1" ht="11.1" customHeight="1" outlineLevel="2" x14ac:dyDescent="0.2">
      <c r="A3193" s="17"/>
      <c r="B3193" s="17"/>
      <c r="C3193" s="17"/>
      <c r="D3193" s="18"/>
      <c r="E3193" s="18"/>
      <c r="F3193" s="18"/>
      <c r="G3193" s="18"/>
      <c r="H3193" s="18"/>
      <c r="I3193" s="18"/>
      <c r="J3193" s="18"/>
      <c r="K3193" s="18"/>
      <c r="L3193" s="18"/>
      <c r="M3193" s="18"/>
      <c r="N3193" s="18"/>
      <c r="O3193" s="18"/>
      <c r="P3193" s="19"/>
      <c r="Q3193" s="19"/>
      <c r="R3193" s="19"/>
      <c r="S3193" s="19"/>
      <c r="T3193" s="19"/>
      <c r="U3193" s="19"/>
      <c r="V3193" s="19"/>
      <c r="W3193" s="19"/>
      <c r="X3193" s="19"/>
      <c r="Y3193" s="19"/>
      <c r="Z3193" s="19"/>
      <c r="AA3193" s="19"/>
    </row>
    <row r="3194" spans="1:27" s="1" customFormat="1" ht="14.1" customHeight="1" outlineLevel="2" x14ac:dyDescent="0.2">
      <c r="A3194" s="17">
        <v>14725</v>
      </c>
      <c r="B3194" s="17"/>
      <c r="C3194" s="17"/>
      <c r="D3194" s="18" t="s">
        <v>1601</v>
      </c>
      <c r="E3194" s="18"/>
      <c r="F3194" s="18"/>
      <c r="G3194" s="18"/>
      <c r="H3194" s="18"/>
      <c r="I3194" s="18"/>
      <c r="J3194" s="18"/>
      <c r="K3194" s="18"/>
      <c r="L3194" s="18"/>
      <c r="M3194" s="18"/>
      <c r="N3194" s="18"/>
      <c r="O3194" s="18"/>
      <c r="P3194" s="19">
        <v>920</v>
      </c>
      <c r="Q3194" s="19"/>
      <c r="R3194" s="19"/>
      <c r="S3194" s="19"/>
      <c r="T3194" s="19">
        <v>850</v>
      </c>
      <c r="U3194" s="19"/>
      <c r="V3194" s="19"/>
      <c r="W3194" s="19"/>
      <c r="X3194" s="19">
        <v>1</v>
      </c>
      <c r="Y3194" s="19"/>
      <c r="Z3194" s="19"/>
      <c r="AA3194" s="19"/>
    </row>
    <row r="3195" spans="1:27" s="1" customFormat="1" ht="14.1" customHeight="1" outlineLevel="2" x14ac:dyDescent="0.2">
      <c r="A3195" s="17"/>
      <c r="B3195" s="17"/>
      <c r="C3195" s="17"/>
      <c r="D3195" s="18"/>
      <c r="E3195" s="18"/>
      <c r="F3195" s="18"/>
      <c r="G3195" s="18"/>
      <c r="H3195" s="18"/>
      <c r="I3195" s="18"/>
      <c r="J3195" s="18"/>
      <c r="K3195" s="18"/>
      <c r="L3195" s="18"/>
      <c r="M3195" s="18"/>
      <c r="N3195" s="18"/>
      <c r="O3195" s="18"/>
      <c r="P3195" s="19"/>
      <c r="Q3195" s="19"/>
      <c r="R3195" s="19"/>
      <c r="S3195" s="19"/>
      <c r="T3195" s="19"/>
      <c r="U3195" s="19"/>
      <c r="V3195" s="19"/>
      <c r="W3195" s="19"/>
      <c r="X3195" s="19"/>
      <c r="Y3195" s="19"/>
      <c r="Z3195" s="19"/>
      <c r="AA3195" s="19"/>
    </row>
    <row r="3196" spans="1:27" s="1" customFormat="1" ht="14.1" customHeight="1" outlineLevel="2" x14ac:dyDescent="0.2">
      <c r="A3196" s="17">
        <v>7869</v>
      </c>
      <c r="B3196" s="17"/>
      <c r="C3196" s="17"/>
      <c r="D3196" s="18" t="s">
        <v>1602</v>
      </c>
      <c r="E3196" s="18"/>
      <c r="F3196" s="18"/>
      <c r="G3196" s="18"/>
      <c r="H3196" s="18"/>
      <c r="I3196" s="18"/>
      <c r="J3196" s="18"/>
      <c r="K3196" s="18"/>
      <c r="L3196" s="18"/>
      <c r="M3196" s="18"/>
      <c r="N3196" s="18"/>
      <c r="O3196" s="18"/>
      <c r="P3196" s="19">
        <v>750</v>
      </c>
      <c r="Q3196" s="19"/>
      <c r="R3196" s="19"/>
      <c r="S3196" s="19"/>
      <c r="T3196" s="19">
        <v>690</v>
      </c>
      <c r="U3196" s="19"/>
      <c r="V3196" s="19"/>
      <c r="W3196" s="19"/>
      <c r="X3196" s="19">
        <v>16</v>
      </c>
      <c r="Y3196" s="19"/>
      <c r="Z3196" s="19"/>
      <c r="AA3196" s="19"/>
    </row>
    <row r="3197" spans="1:27" s="1" customFormat="1" ht="14.1" customHeight="1" outlineLevel="2" x14ac:dyDescent="0.2">
      <c r="A3197" s="17"/>
      <c r="B3197" s="17"/>
      <c r="C3197" s="17"/>
      <c r="D3197" s="18"/>
      <c r="E3197" s="18"/>
      <c r="F3197" s="18"/>
      <c r="G3197" s="18"/>
      <c r="H3197" s="18"/>
      <c r="I3197" s="18"/>
      <c r="J3197" s="18"/>
      <c r="K3197" s="18"/>
      <c r="L3197" s="18"/>
      <c r="M3197" s="18"/>
      <c r="N3197" s="18"/>
      <c r="O3197" s="18"/>
      <c r="P3197" s="19"/>
      <c r="Q3197" s="19"/>
      <c r="R3197" s="19"/>
      <c r="S3197" s="19"/>
      <c r="T3197" s="19"/>
      <c r="U3197" s="19"/>
      <c r="V3197" s="19"/>
      <c r="W3197" s="19"/>
      <c r="X3197" s="19"/>
      <c r="Y3197" s="19"/>
      <c r="Z3197" s="19"/>
      <c r="AA3197" s="19"/>
    </row>
    <row r="3198" spans="1:27" s="1" customFormat="1" ht="14.1" customHeight="1" outlineLevel="2" x14ac:dyDescent="0.2">
      <c r="A3198" s="17">
        <v>8833</v>
      </c>
      <c r="B3198" s="17"/>
      <c r="C3198" s="17"/>
      <c r="D3198" s="18" t="s">
        <v>1603</v>
      </c>
      <c r="E3198" s="18"/>
      <c r="F3198" s="18"/>
      <c r="G3198" s="18"/>
      <c r="H3198" s="18"/>
      <c r="I3198" s="18"/>
      <c r="J3198" s="18"/>
      <c r="K3198" s="18"/>
      <c r="L3198" s="18"/>
      <c r="M3198" s="18"/>
      <c r="N3198" s="18"/>
      <c r="O3198" s="18"/>
      <c r="P3198" s="20">
        <v>1000</v>
      </c>
      <c r="Q3198" s="20"/>
      <c r="R3198" s="20"/>
      <c r="S3198" s="20"/>
      <c r="T3198" s="19">
        <v>850</v>
      </c>
      <c r="U3198" s="19"/>
      <c r="V3198" s="19"/>
      <c r="W3198" s="19"/>
      <c r="X3198" s="19">
        <v>19</v>
      </c>
      <c r="Y3198" s="19"/>
      <c r="Z3198" s="19"/>
      <c r="AA3198" s="19"/>
    </row>
    <row r="3199" spans="1:27" s="1" customFormat="1" ht="14.1" customHeight="1" outlineLevel="2" x14ac:dyDescent="0.2">
      <c r="A3199" s="17"/>
      <c r="B3199" s="17"/>
      <c r="C3199" s="17"/>
      <c r="D3199" s="18"/>
      <c r="E3199" s="18"/>
      <c r="F3199" s="18"/>
      <c r="G3199" s="18"/>
      <c r="H3199" s="18"/>
      <c r="I3199" s="18"/>
      <c r="J3199" s="18"/>
      <c r="K3199" s="18"/>
      <c r="L3199" s="18"/>
      <c r="M3199" s="18"/>
      <c r="N3199" s="18"/>
      <c r="O3199" s="18"/>
      <c r="P3199" s="20"/>
      <c r="Q3199" s="20"/>
      <c r="R3199" s="20"/>
      <c r="S3199" s="20"/>
      <c r="T3199" s="19"/>
      <c r="U3199" s="19"/>
      <c r="V3199" s="19"/>
      <c r="W3199" s="19"/>
      <c r="X3199" s="19"/>
      <c r="Y3199" s="19"/>
      <c r="Z3199" s="19"/>
      <c r="AA3199" s="19"/>
    </row>
    <row r="3200" spans="1:27" s="1" customFormat="1" ht="14.1" customHeight="1" outlineLevel="2" x14ac:dyDescent="0.2">
      <c r="A3200" s="17">
        <v>9157</v>
      </c>
      <c r="B3200" s="17"/>
      <c r="C3200" s="17"/>
      <c r="D3200" s="18" t="s">
        <v>1604</v>
      </c>
      <c r="E3200" s="18"/>
      <c r="F3200" s="18"/>
      <c r="G3200" s="18"/>
      <c r="H3200" s="18"/>
      <c r="I3200" s="18"/>
      <c r="J3200" s="18"/>
      <c r="K3200" s="18"/>
      <c r="L3200" s="18"/>
      <c r="M3200" s="18"/>
      <c r="N3200" s="18"/>
      <c r="O3200" s="18"/>
      <c r="P3200" s="20">
        <v>1820</v>
      </c>
      <c r="Q3200" s="20"/>
      <c r="R3200" s="20"/>
      <c r="S3200" s="20"/>
      <c r="T3200" s="20">
        <v>1650</v>
      </c>
      <c r="U3200" s="20"/>
      <c r="V3200" s="20"/>
      <c r="W3200" s="20"/>
      <c r="X3200" s="19">
        <v>3</v>
      </c>
      <c r="Y3200" s="19"/>
      <c r="Z3200" s="19"/>
      <c r="AA3200" s="19"/>
    </row>
    <row r="3201" spans="1:27" s="1" customFormat="1" ht="14.1" customHeight="1" outlineLevel="2" x14ac:dyDescent="0.2">
      <c r="A3201" s="17"/>
      <c r="B3201" s="17"/>
      <c r="C3201" s="17"/>
      <c r="D3201" s="18"/>
      <c r="E3201" s="18"/>
      <c r="F3201" s="18"/>
      <c r="G3201" s="18"/>
      <c r="H3201" s="18"/>
      <c r="I3201" s="18"/>
      <c r="J3201" s="18"/>
      <c r="K3201" s="18"/>
      <c r="L3201" s="18"/>
      <c r="M3201" s="18"/>
      <c r="N3201" s="18"/>
      <c r="O3201" s="18"/>
      <c r="P3201" s="20"/>
      <c r="Q3201" s="20"/>
      <c r="R3201" s="20"/>
      <c r="S3201" s="20"/>
      <c r="T3201" s="20"/>
      <c r="U3201" s="20"/>
      <c r="V3201" s="20"/>
      <c r="W3201" s="20"/>
      <c r="X3201" s="19"/>
      <c r="Y3201" s="19"/>
      <c r="Z3201" s="19"/>
      <c r="AA3201" s="19"/>
    </row>
    <row r="3202" spans="1:27" s="1" customFormat="1" ht="14.1" customHeight="1" outlineLevel="2" x14ac:dyDescent="0.2">
      <c r="A3202" s="17">
        <v>6656</v>
      </c>
      <c r="B3202" s="17"/>
      <c r="C3202" s="17"/>
      <c r="D3202" s="18" t="s">
        <v>1605</v>
      </c>
      <c r="E3202" s="18"/>
      <c r="F3202" s="18"/>
      <c r="G3202" s="18"/>
      <c r="H3202" s="18"/>
      <c r="I3202" s="18"/>
      <c r="J3202" s="18"/>
      <c r="K3202" s="18"/>
      <c r="L3202" s="18"/>
      <c r="M3202" s="18"/>
      <c r="N3202" s="18"/>
      <c r="O3202" s="18"/>
      <c r="P3202" s="20">
        <v>1100</v>
      </c>
      <c r="Q3202" s="20"/>
      <c r="R3202" s="20"/>
      <c r="S3202" s="20"/>
      <c r="T3202" s="19">
        <v>890</v>
      </c>
      <c r="U3202" s="19"/>
      <c r="V3202" s="19"/>
      <c r="W3202" s="19"/>
      <c r="X3202" s="19">
        <v>23</v>
      </c>
      <c r="Y3202" s="19"/>
      <c r="Z3202" s="19"/>
      <c r="AA3202" s="19"/>
    </row>
    <row r="3203" spans="1:27" s="1" customFormat="1" ht="14.1" customHeight="1" outlineLevel="2" x14ac:dyDescent="0.2">
      <c r="A3203" s="17"/>
      <c r="B3203" s="17"/>
      <c r="C3203" s="17"/>
      <c r="D3203" s="18"/>
      <c r="E3203" s="18"/>
      <c r="F3203" s="18"/>
      <c r="G3203" s="18"/>
      <c r="H3203" s="18"/>
      <c r="I3203" s="18"/>
      <c r="J3203" s="18"/>
      <c r="K3203" s="18"/>
      <c r="L3203" s="18"/>
      <c r="M3203" s="18"/>
      <c r="N3203" s="18"/>
      <c r="O3203" s="18"/>
      <c r="P3203" s="20"/>
      <c r="Q3203" s="20"/>
      <c r="R3203" s="20"/>
      <c r="S3203" s="20"/>
      <c r="T3203" s="19"/>
      <c r="U3203" s="19"/>
      <c r="V3203" s="19"/>
      <c r="W3203" s="19"/>
      <c r="X3203" s="19"/>
      <c r="Y3203" s="19"/>
      <c r="Z3203" s="19"/>
      <c r="AA3203" s="19"/>
    </row>
    <row r="3204" spans="1:27" s="1" customFormat="1" ht="14.1" customHeight="1" outlineLevel="2" x14ac:dyDescent="0.2">
      <c r="A3204" s="17">
        <v>6655</v>
      </c>
      <c r="B3204" s="17"/>
      <c r="C3204" s="17"/>
      <c r="D3204" s="18" t="s">
        <v>1606</v>
      </c>
      <c r="E3204" s="18"/>
      <c r="F3204" s="18"/>
      <c r="G3204" s="18"/>
      <c r="H3204" s="18"/>
      <c r="I3204" s="18"/>
      <c r="J3204" s="18"/>
      <c r="K3204" s="18"/>
      <c r="L3204" s="18"/>
      <c r="M3204" s="18"/>
      <c r="N3204" s="18"/>
      <c r="O3204" s="18"/>
      <c r="P3204" s="20">
        <v>1100</v>
      </c>
      <c r="Q3204" s="20"/>
      <c r="R3204" s="20"/>
      <c r="S3204" s="20"/>
      <c r="T3204" s="19">
        <v>890</v>
      </c>
      <c r="U3204" s="19"/>
      <c r="V3204" s="19"/>
      <c r="W3204" s="19"/>
      <c r="X3204" s="19">
        <v>26</v>
      </c>
      <c r="Y3204" s="19"/>
      <c r="Z3204" s="19"/>
      <c r="AA3204" s="19"/>
    </row>
    <row r="3205" spans="1:27" s="1" customFormat="1" ht="14.1" customHeight="1" outlineLevel="2" x14ac:dyDescent="0.2">
      <c r="A3205" s="17"/>
      <c r="B3205" s="17"/>
      <c r="C3205" s="17"/>
      <c r="D3205" s="18"/>
      <c r="E3205" s="18"/>
      <c r="F3205" s="18"/>
      <c r="G3205" s="18"/>
      <c r="H3205" s="18"/>
      <c r="I3205" s="18"/>
      <c r="J3205" s="18"/>
      <c r="K3205" s="18"/>
      <c r="L3205" s="18"/>
      <c r="M3205" s="18"/>
      <c r="N3205" s="18"/>
      <c r="O3205" s="18"/>
      <c r="P3205" s="20"/>
      <c r="Q3205" s="20"/>
      <c r="R3205" s="20"/>
      <c r="S3205" s="20"/>
      <c r="T3205" s="19"/>
      <c r="U3205" s="19"/>
      <c r="V3205" s="19"/>
      <c r="W3205" s="19"/>
      <c r="X3205" s="19"/>
      <c r="Y3205" s="19"/>
      <c r="Z3205" s="19"/>
      <c r="AA3205" s="19"/>
    </row>
    <row r="3206" spans="1:27" s="1" customFormat="1" ht="14.1" customHeight="1" outlineLevel="2" x14ac:dyDescent="0.2">
      <c r="A3206" s="17">
        <v>1393</v>
      </c>
      <c r="B3206" s="17"/>
      <c r="C3206" s="17"/>
      <c r="D3206" s="18" t="s">
        <v>1607</v>
      </c>
      <c r="E3206" s="18"/>
      <c r="F3206" s="18"/>
      <c r="G3206" s="18"/>
      <c r="H3206" s="18"/>
      <c r="I3206" s="18"/>
      <c r="J3206" s="18"/>
      <c r="K3206" s="18"/>
      <c r="L3206" s="18"/>
      <c r="M3206" s="18"/>
      <c r="N3206" s="18"/>
      <c r="O3206" s="18"/>
      <c r="P3206" s="19">
        <v>860</v>
      </c>
      <c r="Q3206" s="19"/>
      <c r="R3206" s="19"/>
      <c r="S3206" s="19"/>
      <c r="T3206" s="19">
        <v>800</v>
      </c>
      <c r="U3206" s="19"/>
      <c r="V3206" s="19"/>
      <c r="W3206" s="19"/>
      <c r="X3206" s="19">
        <v>1</v>
      </c>
      <c r="Y3206" s="19"/>
      <c r="Z3206" s="19"/>
      <c r="AA3206" s="19"/>
    </row>
    <row r="3207" spans="1:27" s="1" customFormat="1" ht="14.1" customHeight="1" outlineLevel="2" x14ac:dyDescent="0.2">
      <c r="A3207" s="17"/>
      <c r="B3207" s="17"/>
      <c r="C3207" s="17"/>
      <c r="D3207" s="18"/>
      <c r="E3207" s="18"/>
      <c r="F3207" s="18"/>
      <c r="G3207" s="18"/>
      <c r="H3207" s="18"/>
      <c r="I3207" s="18"/>
      <c r="J3207" s="18"/>
      <c r="K3207" s="18"/>
      <c r="L3207" s="18"/>
      <c r="M3207" s="18"/>
      <c r="N3207" s="18"/>
      <c r="O3207" s="18"/>
      <c r="P3207" s="19"/>
      <c r="Q3207" s="19"/>
      <c r="R3207" s="19"/>
      <c r="S3207" s="19"/>
      <c r="T3207" s="19"/>
      <c r="U3207" s="19"/>
      <c r="V3207" s="19"/>
      <c r="W3207" s="19"/>
      <c r="X3207" s="19"/>
      <c r="Y3207" s="19"/>
      <c r="Z3207" s="19"/>
      <c r="AA3207" s="19"/>
    </row>
    <row r="3208" spans="1:27" s="1" customFormat="1" ht="14.1" customHeight="1" outlineLevel="2" x14ac:dyDescent="0.2">
      <c r="A3208" s="17">
        <v>13161</v>
      </c>
      <c r="B3208" s="17"/>
      <c r="C3208" s="17"/>
      <c r="D3208" s="18" t="s">
        <v>1608</v>
      </c>
      <c r="E3208" s="18"/>
      <c r="F3208" s="18"/>
      <c r="G3208" s="18"/>
      <c r="H3208" s="18"/>
      <c r="I3208" s="18"/>
      <c r="J3208" s="18"/>
      <c r="K3208" s="18"/>
      <c r="L3208" s="18"/>
      <c r="M3208" s="18"/>
      <c r="N3208" s="18"/>
      <c r="O3208" s="18"/>
      <c r="P3208" s="20">
        <v>1060</v>
      </c>
      <c r="Q3208" s="20"/>
      <c r="R3208" s="20"/>
      <c r="S3208" s="20"/>
      <c r="T3208" s="19">
        <v>950</v>
      </c>
      <c r="U3208" s="19"/>
      <c r="V3208" s="19"/>
      <c r="W3208" s="19"/>
      <c r="X3208" s="19">
        <v>9</v>
      </c>
      <c r="Y3208" s="19"/>
      <c r="Z3208" s="19"/>
      <c r="AA3208" s="19"/>
    </row>
    <row r="3209" spans="1:27" s="1" customFormat="1" ht="14.1" customHeight="1" outlineLevel="2" x14ac:dyDescent="0.2">
      <c r="A3209" s="17"/>
      <c r="B3209" s="17"/>
      <c r="C3209" s="17"/>
      <c r="D3209" s="18"/>
      <c r="E3209" s="18"/>
      <c r="F3209" s="18"/>
      <c r="G3209" s="18"/>
      <c r="H3209" s="18"/>
      <c r="I3209" s="18"/>
      <c r="J3209" s="18"/>
      <c r="K3209" s="18"/>
      <c r="L3209" s="18"/>
      <c r="M3209" s="18"/>
      <c r="N3209" s="18"/>
      <c r="O3209" s="18"/>
      <c r="P3209" s="20"/>
      <c r="Q3209" s="20"/>
      <c r="R3209" s="20"/>
      <c r="S3209" s="20"/>
      <c r="T3209" s="19"/>
      <c r="U3209" s="19"/>
      <c r="V3209" s="19"/>
      <c r="W3209" s="19"/>
      <c r="X3209" s="19"/>
      <c r="Y3209" s="19"/>
      <c r="Z3209" s="19"/>
      <c r="AA3209" s="19"/>
    </row>
    <row r="3210" spans="1:27" s="1" customFormat="1" ht="14.1" customHeight="1" outlineLevel="2" x14ac:dyDescent="0.2">
      <c r="A3210" s="17">
        <v>13803</v>
      </c>
      <c r="B3210" s="17"/>
      <c r="C3210" s="17"/>
      <c r="D3210" s="18" t="s">
        <v>1609</v>
      </c>
      <c r="E3210" s="18"/>
      <c r="F3210" s="18"/>
      <c r="G3210" s="18"/>
      <c r="H3210" s="18"/>
      <c r="I3210" s="18"/>
      <c r="J3210" s="18"/>
      <c r="K3210" s="18"/>
      <c r="L3210" s="18"/>
      <c r="M3210" s="18"/>
      <c r="N3210" s="18"/>
      <c r="O3210" s="18"/>
      <c r="P3210" s="20">
        <v>1060</v>
      </c>
      <c r="Q3210" s="20"/>
      <c r="R3210" s="20"/>
      <c r="S3210" s="20"/>
      <c r="T3210" s="19">
        <v>950</v>
      </c>
      <c r="U3210" s="19"/>
      <c r="V3210" s="19"/>
      <c r="W3210" s="19"/>
      <c r="X3210" s="19">
        <v>3</v>
      </c>
      <c r="Y3210" s="19"/>
      <c r="Z3210" s="19"/>
      <c r="AA3210" s="19"/>
    </row>
    <row r="3211" spans="1:27" s="1" customFormat="1" ht="14.1" customHeight="1" outlineLevel="2" x14ac:dyDescent="0.2">
      <c r="A3211" s="17"/>
      <c r="B3211" s="17"/>
      <c r="C3211" s="17"/>
      <c r="D3211" s="18"/>
      <c r="E3211" s="18"/>
      <c r="F3211" s="18"/>
      <c r="G3211" s="18"/>
      <c r="H3211" s="18"/>
      <c r="I3211" s="18"/>
      <c r="J3211" s="18"/>
      <c r="K3211" s="18"/>
      <c r="L3211" s="18"/>
      <c r="M3211" s="18"/>
      <c r="N3211" s="18"/>
      <c r="O3211" s="18"/>
      <c r="P3211" s="20"/>
      <c r="Q3211" s="20"/>
      <c r="R3211" s="20"/>
      <c r="S3211" s="20"/>
      <c r="T3211" s="19"/>
      <c r="U3211" s="19"/>
      <c r="V3211" s="19"/>
      <c r="W3211" s="19"/>
      <c r="X3211" s="19"/>
      <c r="Y3211" s="19"/>
      <c r="Z3211" s="19"/>
      <c r="AA3211" s="19"/>
    </row>
    <row r="3212" spans="1:27" s="1" customFormat="1" ht="14.1" customHeight="1" outlineLevel="2" x14ac:dyDescent="0.2">
      <c r="A3212" s="17">
        <v>9131</v>
      </c>
      <c r="B3212" s="17"/>
      <c r="C3212" s="17"/>
      <c r="D3212" s="18" t="s">
        <v>1610</v>
      </c>
      <c r="E3212" s="18"/>
      <c r="F3212" s="18"/>
      <c r="G3212" s="18"/>
      <c r="H3212" s="18"/>
      <c r="I3212" s="18"/>
      <c r="J3212" s="18"/>
      <c r="K3212" s="18"/>
      <c r="L3212" s="18"/>
      <c r="M3212" s="18"/>
      <c r="N3212" s="18"/>
      <c r="O3212" s="18"/>
      <c r="P3212" s="19">
        <v>990</v>
      </c>
      <c r="Q3212" s="19"/>
      <c r="R3212" s="19"/>
      <c r="S3212" s="19"/>
      <c r="T3212" s="19">
        <v>770</v>
      </c>
      <c r="U3212" s="19"/>
      <c r="V3212" s="19"/>
      <c r="W3212" s="19"/>
      <c r="X3212" s="19">
        <v>20</v>
      </c>
      <c r="Y3212" s="19"/>
      <c r="Z3212" s="19"/>
      <c r="AA3212" s="19"/>
    </row>
    <row r="3213" spans="1:27" s="1" customFormat="1" ht="14.1" customHeight="1" outlineLevel="2" x14ac:dyDescent="0.2">
      <c r="A3213" s="17"/>
      <c r="B3213" s="17"/>
      <c r="C3213" s="17"/>
      <c r="D3213" s="18"/>
      <c r="E3213" s="18"/>
      <c r="F3213" s="18"/>
      <c r="G3213" s="18"/>
      <c r="H3213" s="18"/>
      <c r="I3213" s="18"/>
      <c r="J3213" s="18"/>
      <c r="K3213" s="18"/>
      <c r="L3213" s="18"/>
      <c r="M3213" s="18"/>
      <c r="N3213" s="18"/>
      <c r="O3213" s="18"/>
      <c r="P3213" s="19"/>
      <c r="Q3213" s="19"/>
      <c r="R3213" s="19"/>
      <c r="S3213" s="19"/>
      <c r="T3213" s="19"/>
      <c r="U3213" s="19"/>
      <c r="V3213" s="19"/>
      <c r="W3213" s="19"/>
      <c r="X3213" s="19"/>
      <c r="Y3213" s="19"/>
      <c r="Z3213" s="19"/>
      <c r="AA3213" s="19"/>
    </row>
    <row r="3214" spans="1:27" s="1" customFormat="1" ht="14.1" customHeight="1" outlineLevel="2" x14ac:dyDescent="0.2">
      <c r="A3214" s="17">
        <v>16344</v>
      </c>
      <c r="B3214" s="17"/>
      <c r="C3214" s="17"/>
      <c r="D3214" s="18" t="s">
        <v>1611</v>
      </c>
      <c r="E3214" s="18"/>
      <c r="F3214" s="18"/>
      <c r="G3214" s="18"/>
      <c r="H3214" s="18"/>
      <c r="I3214" s="18"/>
      <c r="J3214" s="18"/>
      <c r="K3214" s="18"/>
      <c r="L3214" s="18"/>
      <c r="M3214" s="18"/>
      <c r="N3214" s="18"/>
      <c r="O3214" s="18"/>
      <c r="P3214" s="20">
        <v>1150</v>
      </c>
      <c r="Q3214" s="20"/>
      <c r="R3214" s="20"/>
      <c r="S3214" s="20"/>
      <c r="T3214" s="19">
        <v>890</v>
      </c>
      <c r="U3214" s="19"/>
      <c r="V3214" s="19"/>
      <c r="W3214" s="19"/>
      <c r="X3214" s="19">
        <v>19</v>
      </c>
      <c r="Y3214" s="19"/>
      <c r="Z3214" s="19"/>
      <c r="AA3214" s="19"/>
    </row>
    <row r="3215" spans="1:27" s="1" customFormat="1" ht="14.1" customHeight="1" outlineLevel="2" x14ac:dyDescent="0.2">
      <c r="A3215" s="17"/>
      <c r="B3215" s="17"/>
      <c r="C3215" s="17"/>
      <c r="D3215" s="18"/>
      <c r="E3215" s="18"/>
      <c r="F3215" s="18"/>
      <c r="G3215" s="18"/>
      <c r="H3215" s="18"/>
      <c r="I3215" s="18"/>
      <c r="J3215" s="18"/>
      <c r="K3215" s="18"/>
      <c r="L3215" s="18"/>
      <c r="M3215" s="18"/>
      <c r="N3215" s="18"/>
      <c r="O3215" s="18"/>
      <c r="P3215" s="20"/>
      <c r="Q3215" s="20"/>
      <c r="R3215" s="20"/>
      <c r="S3215" s="20"/>
      <c r="T3215" s="19"/>
      <c r="U3215" s="19"/>
      <c r="V3215" s="19"/>
      <c r="W3215" s="19"/>
      <c r="X3215" s="19"/>
      <c r="Y3215" s="19"/>
      <c r="Z3215" s="19"/>
      <c r="AA3215" s="19"/>
    </row>
    <row r="3216" spans="1:27" s="1" customFormat="1" ht="14.1" customHeight="1" outlineLevel="2" x14ac:dyDescent="0.2">
      <c r="A3216" s="17">
        <v>14731</v>
      </c>
      <c r="B3216" s="17"/>
      <c r="C3216" s="17"/>
      <c r="D3216" s="18" t="s">
        <v>1612</v>
      </c>
      <c r="E3216" s="18"/>
      <c r="F3216" s="18"/>
      <c r="G3216" s="18"/>
      <c r="H3216" s="18"/>
      <c r="I3216" s="18"/>
      <c r="J3216" s="18"/>
      <c r="K3216" s="18"/>
      <c r="L3216" s="18"/>
      <c r="M3216" s="18"/>
      <c r="N3216" s="18"/>
      <c r="O3216" s="18"/>
      <c r="P3216" s="20">
        <v>1200</v>
      </c>
      <c r="Q3216" s="20"/>
      <c r="R3216" s="20"/>
      <c r="S3216" s="20"/>
      <c r="T3216" s="19">
        <v>890</v>
      </c>
      <c r="U3216" s="19"/>
      <c r="V3216" s="19"/>
      <c r="W3216" s="19"/>
      <c r="X3216" s="19">
        <v>15</v>
      </c>
      <c r="Y3216" s="19"/>
      <c r="Z3216" s="19"/>
      <c r="AA3216" s="19"/>
    </row>
    <row r="3217" spans="1:27" s="1" customFormat="1" ht="14.1" customHeight="1" outlineLevel="2" x14ac:dyDescent="0.2">
      <c r="A3217" s="17"/>
      <c r="B3217" s="17"/>
      <c r="C3217" s="17"/>
      <c r="D3217" s="18"/>
      <c r="E3217" s="18"/>
      <c r="F3217" s="18"/>
      <c r="G3217" s="18"/>
      <c r="H3217" s="18"/>
      <c r="I3217" s="18"/>
      <c r="J3217" s="18"/>
      <c r="K3217" s="18"/>
      <c r="L3217" s="18"/>
      <c r="M3217" s="18"/>
      <c r="N3217" s="18"/>
      <c r="O3217" s="18"/>
      <c r="P3217" s="20"/>
      <c r="Q3217" s="20"/>
      <c r="R3217" s="20"/>
      <c r="S3217" s="20"/>
      <c r="T3217" s="19"/>
      <c r="U3217" s="19"/>
      <c r="V3217" s="19"/>
      <c r="W3217" s="19"/>
      <c r="X3217" s="19"/>
      <c r="Y3217" s="19"/>
      <c r="Z3217" s="19"/>
      <c r="AA3217" s="19"/>
    </row>
    <row r="3218" spans="1:27" s="1" customFormat="1" ht="14.1" customHeight="1" outlineLevel="2" x14ac:dyDescent="0.2">
      <c r="A3218" s="17">
        <v>13160</v>
      </c>
      <c r="B3218" s="17"/>
      <c r="C3218" s="17"/>
      <c r="D3218" s="18" t="s">
        <v>1613</v>
      </c>
      <c r="E3218" s="18"/>
      <c r="F3218" s="18"/>
      <c r="G3218" s="18"/>
      <c r="H3218" s="18"/>
      <c r="I3218" s="18"/>
      <c r="J3218" s="18"/>
      <c r="K3218" s="18"/>
      <c r="L3218" s="18"/>
      <c r="M3218" s="18"/>
      <c r="N3218" s="18"/>
      <c r="O3218" s="18"/>
      <c r="P3218" s="20">
        <v>1550</v>
      </c>
      <c r="Q3218" s="20"/>
      <c r="R3218" s="20"/>
      <c r="S3218" s="20"/>
      <c r="T3218" s="20">
        <v>1450</v>
      </c>
      <c r="U3218" s="20"/>
      <c r="V3218" s="20"/>
      <c r="W3218" s="20"/>
      <c r="X3218" s="19">
        <v>3</v>
      </c>
      <c r="Y3218" s="19"/>
      <c r="Z3218" s="19"/>
      <c r="AA3218" s="19"/>
    </row>
    <row r="3219" spans="1:27" s="1" customFormat="1" ht="14.1" customHeight="1" outlineLevel="2" x14ac:dyDescent="0.2">
      <c r="A3219" s="17"/>
      <c r="B3219" s="17"/>
      <c r="C3219" s="17"/>
      <c r="D3219" s="18"/>
      <c r="E3219" s="18"/>
      <c r="F3219" s="18"/>
      <c r="G3219" s="18"/>
      <c r="H3219" s="18"/>
      <c r="I3219" s="18"/>
      <c r="J3219" s="18"/>
      <c r="K3219" s="18"/>
      <c r="L3219" s="18"/>
      <c r="M3219" s="18"/>
      <c r="N3219" s="18"/>
      <c r="O3219" s="18"/>
      <c r="P3219" s="20"/>
      <c r="Q3219" s="20"/>
      <c r="R3219" s="20"/>
      <c r="S3219" s="20"/>
      <c r="T3219" s="20"/>
      <c r="U3219" s="20"/>
      <c r="V3219" s="20"/>
      <c r="W3219" s="20"/>
      <c r="X3219" s="19"/>
      <c r="Y3219" s="19"/>
      <c r="Z3219" s="19"/>
      <c r="AA3219" s="19"/>
    </row>
    <row r="3220" spans="1:27" s="1" customFormat="1" ht="14.1" customHeight="1" outlineLevel="2" x14ac:dyDescent="0.2">
      <c r="A3220" s="17">
        <v>17386</v>
      </c>
      <c r="B3220" s="17"/>
      <c r="C3220" s="17"/>
      <c r="D3220" s="18" t="s">
        <v>1614</v>
      </c>
      <c r="E3220" s="18"/>
      <c r="F3220" s="18"/>
      <c r="G3220" s="18"/>
      <c r="H3220" s="18"/>
      <c r="I3220" s="18"/>
      <c r="J3220" s="18"/>
      <c r="K3220" s="18"/>
      <c r="L3220" s="18"/>
      <c r="M3220" s="18"/>
      <c r="N3220" s="18"/>
      <c r="O3220" s="18"/>
      <c r="P3220" s="20">
        <v>2000</v>
      </c>
      <c r="Q3220" s="20"/>
      <c r="R3220" s="20"/>
      <c r="S3220" s="20"/>
      <c r="T3220" s="20">
        <v>1800</v>
      </c>
      <c r="U3220" s="20"/>
      <c r="V3220" s="20"/>
      <c r="W3220" s="20"/>
      <c r="X3220" s="19">
        <v>1</v>
      </c>
      <c r="Y3220" s="19"/>
      <c r="Z3220" s="19"/>
      <c r="AA3220" s="19"/>
    </row>
    <row r="3221" spans="1:27" s="1" customFormat="1" ht="14.1" customHeight="1" outlineLevel="2" x14ac:dyDescent="0.2">
      <c r="A3221" s="17"/>
      <c r="B3221" s="17"/>
      <c r="C3221" s="17"/>
      <c r="D3221" s="18"/>
      <c r="E3221" s="18"/>
      <c r="F3221" s="18"/>
      <c r="G3221" s="18"/>
      <c r="H3221" s="18"/>
      <c r="I3221" s="18"/>
      <c r="J3221" s="18"/>
      <c r="K3221" s="18"/>
      <c r="L3221" s="18"/>
      <c r="M3221" s="18"/>
      <c r="N3221" s="18"/>
      <c r="O3221" s="18"/>
      <c r="P3221" s="20"/>
      <c r="Q3221" s="20"/>
      <c r="R3221" s="20"/>
      <c r="S3221" s="20"/>
      <c r="T3221" s="20"/>
      <c r="U3221" s="20"/>
      <c r="V3221" s="20"/>
      <c r="W3221" s="20"/>
      <c r="X3221" s="19"/>
      <c r="Y3221" s="19"/>
      <c r="Z3221" s="19"/>
      <c r="AA3221" s="19"/>
    </row>
    <row r="3222" spans="1:27" s="1" customFormat="1" ht="11.1" customHeight="1" outlineLevel="2" x14ac:dyDescent="0.2">
      <c r="A3222" s="17">
        <v>13616</v>
      </c>
      <c r="B3222" s="17"/>
      <c r="C3222" s="17"/>
      <c r="D3222" s="18" t="s">
        <v>1615</v>
      </c>
      <c r="E3222" s="18"/>
      <c r="F3222" s="18"/>
      <c r="G3222" s="18"/>
      <c r="H3222" s="18"/>
      <c r="I3222" s="18"/>
      <c r="J3222" s="18"/>
      <c r="K3222" s="18"/>
      <c r="L3222" s="18"/>
      <c r="M3222" s="18"/>
      <c r="N3222" s="18"/>
      <c r="O3222" s="18"/>
      <c r="P3222" s="19">
        <v>220</v>
      </c>
      <c r="Q3222" s="19"/>
      <c r="R3222" s="19"/>
      <c r="S3222" s="19"/>
      <c r="T3222" s="19">
        <v>160</v>
      </c>
      <c r="U3222" s="19"/>
      <c r="V3222" s="19"/>
      <c r="W3222" s="19"/>
      <c r="X3222" s="19">
        <v>20</v>
      </c>
      <c r="Y3222" s="19"/>
      <c r="Z3222" s="19"/>
      <c r="AA3222" s="19"/>
    </row>
    <row r="3223" spans="1:27" s="1" customFormat="1" ht="11.1" customHeight="1" outlineLevel="2" x14ac:dyDescent="0.2">
      <c r="A3223" s="17"/>
      <c r="B3223" s="17"/>
      <c r="C3223" s="17"/>
      <c r="D3223" s="18"/>
      <c r="E3223" s="18"/>
      <c r="F3223" s="18"/>
      <c r="G3223" s="18"/>
      <c r="H3223" s="18"/>
      <c r="I3223" s="18"/>
      <c r="J3223" s="18"/>
      <c r="K3223" s="18"/>
      <c r="L3223" s="18"/>
      <c r="M3223" s="18"/>
      <c r="N3223" s="18"/>
      <c r="O3223" s="18"/>
      <c r="P3223" s="19"/>
      <c r="Q3223" s="19"/>
      <c r="R3223" s="19"/>
      <c r="S3223" s="19"/>
      <c r="T3223" s="19"/>
      <c r="U3223" s="19"/>
      <c r="V3223" s="19"/>
      <c r="W3223" s="19"/>
      <c r="X3223" s="19"/>
      <c r="Y3223" s="19"/>
      <c r="Z3223" s="19"/>
      <c r="AA3223" s="19"/>
    </row>
    <row r="3224" spans="1:27" s="1" customFormat="1" ht="11.1" customHeight="1" outlineLevel="2" x14ac:dyDescent="0.2">
      <c r="A3224" s="17">
        <v>13739</v>
      </c>
      <c r="B3224" s="17"/>
      <c r="C3224" s="17"/>
      <c r="D3224" s="18" t="s">
        <v>1616</v>
      </c>
      <c r="E3224" s="18"/>
      <c r="F3224" s="18"/>
      <c r="G3224" s="18"/>
      <c r="H3224" s="18"/>
      <c r="I3224" s="18"/>
      <c r="J3224" s="18"/>
      <c r="K3224" s="18"/>
      <c r="L3224" s="18"/>
      <c r="M3224" s="18"/>
      <c r="N3224" s="18"/>
      <c r="O3224" s="18"/>
      <c r="P3224" s="19">
        <v>220</v>
      </c>
      <c r="Q3224" s="19"/>
      <c r="R3224" s="19"/>
      <c r="S3224" s="19"/>
      <c r="T3224" s="19">
        <v>160</v>
      </c>
      <c r="U3224" s="19"/>
      <c r="V3224" s="19"/>
      <c r="W3224" s="19"/>
      <c r="X3224" s="19">
        <v>15</v>
      </c>
      <c r="Y3224" s="19"/>
      <c r="Z3224" s="19"/>
      <c r="AA3224" s="19"/>
    </row>
    <row r="3225" spans="1:27" s="1" customFormat="1" ht="11.1" customHeight="1" outlineLevel="2" x14ac:dyDescent="0.2">
      <c r="A3225" s="17"/>
      <c r="B3225" s="17"/>
      <c r="C3225" s="17"/>
      <c r="D3225" s="18"/>
      <c r="E3225" s="18"/>
      <c r="F3225" s="18"/>
      <c r="G3225" s="18"/>
      <c r="H3225" s="18"/>
      <c r="I3225" s="18"/>
      <c r="J3225" s="18"/>
      <c r="K3225" s="18"/>
      <c r="L3225" s="18"/>
      <c r="M3225" s="18"/>
      <c r="N3225" s="18"/>
      <c r="O3225" s="18"/>
      <c r="P3225" s="19"/>
      <c r="Q3225" s="19"/>
      <c r="R3225" s="19"/>
      <c r="S3225" s="19"/>
      <c r="T3225" s="19"/>
      <c r="U3225" s="19"/>
      <c r="V3225" s="19"/>
      <c r="W3225" s="19"/>
      <c r="X3225" s="19"/>
      <c r="Y3225" s="19"/>
      <c r="Z3225" s="19"/>
      <c r="AA3225" s="19"/>
    </row>
    <row r="3226" spans="1:27" s="1" customFormat="1" ht="14.1" customHeight="1" outlineLevel="2" x14ac:dyDescent="0.2">
      <c r="A3226" s="17">
        <v>13603</v>
      </c>
      <c r="B3226" s="17"/>
      <c r="C3226" s="17"/>
      <c r="D3226" s="18" t="s">
        <v>1617</v>
      </c>
      <c r="E3226" s="18"/>
      <c r="F3226" s="18"/>
      <c r="G3226" s="18"/>
      <c r="H3226" s="18"/>
      <c r="I3226" s="18"/>
      <c r="J3226" s="18"/>
      <c r="K3226" s="18"/>
      <c r="L3226" s="18"/>
      <c r="M3226" s="18"/>
      <c r="N3226" s="18"/>
      <c r="O3226" s="18"/>
      <c r="P3226" s="19">
        <v>220</v>
      </c>
      <c r="Q3226" s="19"/>
      <c r="R3226" s="19"/>
      <c r="S3226" s="19"/>
      <c r="T3226" s="19">
        <v>160</v>
      </c>
      <c r="U3226" s="19"/>
      <c r="V3226" s="19"/>
      <c r="W3226" s="19"/>
      <c r="X3226" s="19">
        <v>12</v>
      </c>
      <c r="Y3226" s="19"/>
      <c r="Z3226" s="19"/>
      <c r="AA3226" s="19"/>
    </row>
    <row r="3227" spans="1:27" s="1" customFormat="1" ht="14.1" customHeight="1" outlineLevel="2" x14ac:dyDescent="0.2">
      <c r="A3227" s="17"/>
      <c r="B3227" s="17"/>
      <c r="C3227" s="17"/>
      <c r="D3227" s="18"/>
      <c r="E3227" s="18"/>
      <c r="F3227" s="18"/>
      <c r="G3227" s="18"/>
      <c r="H3227" s="18"/>
      <c r="I3227" s="18"/>
      <c r="J3227" s="18"/>
      <c r="K3227" s="18"/>
      <c r="L3227" s="18"/>
      <c r="M3227" s="18"/>
      <c r="N3227" s="18"/>
      <c r="O3227" s="18"/>
      <c r="P3227" s="19"/>
      <c r="Q3227" s="19"/>
      <c r="R3227" s="19"/>
      <c r="S3227" s="19"/>
      <c r="T3227" s="19"/>
      <c r="U3227" s="19"/>
      <c r="V3227" s="19"/>
      <c r="W3227" s="19"/>
      <c r="X3227" s="19"/>
      <c r="Y3227" s="19"/>
      <c r="Z3227" s="19"/>
      <c r="AA3227" s="19"/>
    </row>
    <row r="3228" spans="1:27" s="1" customFormat="1" ht="14.1" customHeight="1" outlineLevel="2" x14ac:dyDescent="0.2">
      <c r="A3228" s="17">
        <v>14348</v>
      </c>
      <c r="B3228" s="17"/>
      <c r="C3228" s="17"/>
      <c r="D3228" s="18" t="s">
        <v>1618</v>
      </c>
      <c r="E3228" s="18"/>
      <c r="F3228" s="18"/>
      <c r="G3228" s="18"/>
      <c r="H3228" s="18"/>
      <c r="I3228" s="18"/>
      <c r="J3228" s="18"/>
      <c r="K3228" s="18"/>
      <c r="L3228" s="18"/>
      <c r="M3228" s="18"/>
      <c r="N3228" s="18"/>
      <c r="O3228" s="18"/>
      <c r="P3228" s="19">
        <v>210</v>
      </c>
      <c r="Q3228" s="19"/>
      <c r="R3228" s="19"/>
      <c r="S3228" s="19"/>
      <c r="T3228" s="19">
        <v>150</v>
      </c>
      <c r="U3228" s="19"/>
      <c r="V3228" s="19"/>
      <c r="W3228" s="19"/>
      <c r="X3228" s="19">
        <v>17</v>
      </c>
      <c r="Y3228" s="19"/>
      <c r="Z3228" s="19"/>
      <c r="AA3228" s="19"/>
    </row>
    <row r="3229" spans="1:27" s="1" customFormat="1" ht="14.1" customHeight="1" outlineLevel="2" x14ac:dyDescent="0.2">
      <c r="A3229" s="17"/>
      <c r="B3229" s="17"/>
      <c r="C3229" s="17"/>
      <c r="D3229" s="18"/>
      <c r="E3229" s="18"/>
      <c r="F3229" s="18"/>
      <c r="G3229" s="18"/>
      <c r="H3229" s="18"/>
      <c r="I3229" s="18"/>
      <c r="J3229" s="18"/>
      <c r="K3229" s="18"/>
      <c r="L3229" s="18"/>
      <c r="M3229" s="18"/>
      <c r="N3229" s="18"/>
      <c r="O3229" s="18"/>
      <c r="P3229" s="19"/>
      <c r="Q3229" s="19"/>
      <c r="R3229" s="19"/>
      <c r="S3229" s="19"/>
      <c r="T3229" s="19"/>
      <c r="U3229" s="19"/>
      <c r="V3229" s="19"/>
      <c r="W3229" s="19"/>
      <c r="X3229" s="19"/>
      <c r="Y3229" s="19"/>
      <c r="Z3229" s="19"/>
      <c r="AA3229" s="19"/>
    </row>
    <row r="3230" spans="1:27" s="1" customFormat="1" ht="11.1" customHeight="1" outlineLevel="2" x14ac:dyDescent="0.2">
      <c r="A3230" s="17">
        <v>13740</v>
      </c>
      <c r="B3230" s="17"/>
      <c r="C3230" s="17"/>
      <c r="D3230" s="18" t="s">
        <v>1619</v>
      </c>
      <c r="E3230" s="18"/>
      <c r="F3230" s="18"/>
      <c r="G3230" s="18"/>
      <c r="H3230" s="18"/>
      <c r="I3230" s="18"/>
      <c r="J3230" s="18"/>
      <c r="K3230" s="18"/>
      <c r="L3230" s="18"/>
      <c r="M3230" s="18"/>
      <c r="N3230" s="18"/>
      <c r="O3230" s="18"/>
      <c r="P3230" s="19">
        <v>220</v>
      </c>
      <c r="Q3230" s="19"/>
      <c r="R3230" s="19"/>
      <c r="S3230" s="19"/>
      <c r="T3230" s="19">
        <v>160</v>
      </c>
      <c r="U3230" s="19"/>
      <c r="V3230" s="19"/>
      <c r="W3230" s="19"/>
      <c r="X3230" s="19">
        <v>20</v>
      </c>
      <c r="Y3230" s="19"/>
      <c r="Z3230" s="19"/>
      <c r="AA3230" s="19"/>
    </row>
    <row r="3231" spans="1:27" s="1" customFormat="1" ht="11.1" customHeight="1" outlineLevel="2" x14ac:dyDescent="0.2">
      <c r="A3231" s="17"/>
      <c r="B3231" s="17"/>
      <c r="C3231" s="17"/>
      <c r="D3231" s="18"/>
      <c r="E3231" s="18"/>
      <c r="F3231" s="18"/>
      <c r="G3231" s="18"/>
      <c r="H3231" s="18"/>
      <c r="I3231" s="18"/>
      <c r="J3231" s="18"/>
      <c r="K3231" s="18"/>
      <c r="L3231" s="18"/>
      <c r="M3231" s="18"/>
      <c r="N3231" s="18"/>
      <c r="O3231" s="18"/>
      <c r="P3231" s="19"/>
      <c r="Q3231" s="19"/>
      <c r="R3231" s="19"/>
      <c r="S3231" s="19"/>
      <c r="T3231" s="19"/>
      <c r="U3231" s="19"/>
      <c r="V3231" s="19"/>
      <c r="W3231" s="19"/>
      <c r="X3231" s="19"/>
      <c r="Y3231" s="19"/>
      <c r="Z3231" s="19"/>
      <c r="AA3231" s="19"/>
    </row>
    <row r="3232" spans="1:27" s="1" customFormat="1" ht="11.1" customHeight="1" outlineLevel="2" x14ac:dyDescent="0.2">
      <c r="A3232" s="17">
        <v>13608</v>
      </c>
      <c r="B3232" s="17"/>
      <c r="C3232" s="17"/>
      <c r="D3232" s="18" t="s">
        <v>1620</v>
      </c>
      <c r="E3232" s="18"/>
      <c r="F3232" s="18"/>
      <c r="G3232" s="18"/>
      <c r="H3232" s="18"/>
      <c r="I3232" s="18"/>
      <c r="J3232" s="18"/>
      <c r="K3232" s="18"/>
      <c r="L3232" s="18"/>
      <c r="M3232" s="18"/>
      <c r="N3232" s="18"/>
      <c r="O3232" s="18"/>
      <c r="P3232" s="19">
        <v>220</v>
      </c>
      <c r="Q3232" s="19"/>
      <c r="R3232" s="19"/>
      <c r="S3232" s="19"/>
      <c r="T3232" s="19">
        <v>160</v>
      </c>
      <c r="U3232" s="19"/>
      <c r="V3232" s="19"/>
      <c r="W3232" s="19"/>
      <c r="X3232" s="19">
        <v>14</v>
      </c>
      <c r="Y3232" s="19"/>
      <c r="Z3232" s="19"/>
      <c r="AA3232" s="19"/>
    </row>
    <row r="3233" spans="1:27" s="1" customFormat="1" ht="11.1" customHeight="1" outlineLevel="2" x14ac:dyDescent="0.2">
      <c r="A3233" s="17"/>
      <c r="B3233" s="17"/>
      <c r="C3233" s="17"/>
      <c r="D3233" s="18"/>
      <c r="E3233" s="18"/>
      <c r="F3233" s="18"/>
      <c r="G3233" s="18"/>
      <c r="H3233" s="18"/>
      <c r="I3233" s="18"/>
      <c r="J3233" s="18"/>
      <c r="K3233" s="18"/>
      <c r="L3233" s="18"/>
      <c r="M3233" s="18"/>
      <c r="N3233" s="18"/>
      <c r="O3233" s="18"/>
      <c r="P3233" s="19"/>
      <c r="Q3233" s="19"/>
      <c r="R3233" s="19"/>
      <c r="S3233" s="19"/>
      <c r="T3233" s="19"/>
      <c r="U3233" s="19"/>
      <c r="V3233" s="19"/>
      <c r="W3233" s="19"/>
      <c r="X3233" s="19"/>
      <c r="Y3233" s="19"/>
      <c r="Z3233" s="19"/>
      <c r="AA3233" s="19"/>
    </row>
    <row r="3234" spans="1:27" s="1" customFormat="1" ht="14.1" customHeight="1" outlineLevel="2" x14ac:dyDescent="0.2">
      <c r="A3234" s="17">
        <v>13600</v>
      </c>
      <c r="B3234" s="17"/>
      <c r="C3234" s="17"/>
      <c r="D3234" s="18" t="s">
        <v>1621</v>
      </c>
      <c r="E3234" s="18"/>
      <c r="F3234" s="18"/>
      <c r="G3234" s="18"/>
      <c r="H3234" s="18"/>
      <c r="I3234" s="18"/>
      <c r="J3234" s="18"/>
      <c r="K3234" s="18"/>
      <c r="L3234" s="18"/>
      <c r="M3234" s="18"/>
      <c r="N3234" s="18"/>
      <c r="O3234" s="18"/>
      <c r="P3234" s="19">
        <v>220</v>
      </c>
      <c r="Q3234" s="19"/>
      <c r="R3234" s="19"/>
      <c r="S3234" s="19"/>
      <c r="T3234" s="19">
        <v>160</v>
      </c>
      <c r="U3234" s="19"/>
      <c r="V3234" s="19"/>
      <c r="W3234" s="19"/>
      <c r="X3234" s="19">
        <v>12</v>
      </c>
      <c r="Y3234" s="19"/>
      <c r="Z3234" s="19"/>
      <c r="AA3234" s="19"/>
    </row>
    <row r="3235" spans="1:27" s="1" customFormat="1" ht="14.1" customHeight="1" outlineLevel="2" x14ac:dyDescent="0.2">
      <c r="A3235" s="17"/>
      <c r="B3235" s="17"/>
      <c r="C3235" s="17"/>
      <c r="D3235" s="18"/>
      <c r="E3235" s="18"/>
      <c r="F3235" s="18"/>
      <c r="G3235" s="18"/>
      <c r="H3235" s="18"/>
      <c r="I3235" s="18"/>
      <c r="J3235" s="18"/>
      <c r="K3235" s="18"/>
      <c r="L3235" s="18"/>
      <c r="M3235" s="18"/>
      <c r="N3235" s="18"/>
      <c r="O3235" s="18"/>
      <c r="P3235" s="19"/>
      <c r="Q3235" s="19"/>
      <c r="R3235" s="19"/>
      <c r="S3235" s="19"/>
      <c r="T3235" s="19"/>
      <c r="U3235" s="19"/>
      <c r="V3235" s="19"/>
      <c r="W3235" s="19"/>
      <c r="X3235" s="19"/>
      <c r="Y3235" s="19"/>
      <c r="Z3235" s="19"/>
      <c r="AA3235" s="19"/>
    </row>
    <row r="3236" spans="1:27" s="1" customFormat="1" ht="11.1" customHeight="1" outlineLevel="2" x14ac:dyDescent="0.2">
      <c r="A3236" s="17">
        <v>14347</v>
      </c>
      <c r="B3236" s="17"/>
      <c r="C3236" s="17"/>
      <c r="D3236" s="18" t="s">
        <v>1622</v>
      </c>
      <c r="E3236" s="18"/>
      <c r="F3236" s="18"/>
      <c r="G3236" s="18"/>
      <c r="H3236" s="18"/>
      <c r="I3236" s="18"/>
      <c r="J3236" s="18"/>
      <c r="K3236" s="18"/>
      <c r="L3236" s="18"/>
      <c r="M3236" s="18"/>
      <c r="N3236" s="18"/>
      <c r="O3236" s="18"/>
      <c r="P3236" s="19">
        <v>210</v>
      </c>
      <c r="Q3236" s="19"/>
      <c r="R3236" s="19"/>
      <c r="S3236" s="19"/>
      <c r="T3236" s="19">
        <v>150</v>
      </c>
      <c r="U3236" s="19"/>
      <c r="V3236" s="19"/>
      <c r="W3236" s="19"/>
      <c r="X3236" s="19">
        <v>30</v>
      </c>
      <c r="Y3236" s="19"/>
      <c r="Z3236" s="19"/>
      <c r="AA3236" s="19"/>
    </row>
    <row r="3237" spans="1:27" s="1" customFormat="1" ht="11.1" customHeight="1" outlineLevel="2" x14ac:dyDescent="0.2">
      <c r="A3237" s="17"/>
      <c r="B3237" s="17"/>
      <c r="C3237" s="17"/>
      <c r="D3237" s="18"/>
      <c r="E3237" s="18"/>
      <c r="F3237" s="18"/>
      <c r="G3237" s="18"/>
      <c r="H3237" s="18"/>
      <c r="I3237" s="18"/>
      <c r="J3237" s="18"/>
      <c r="K3237" s="18"/>
      <c r="L3237" s="18"/>
      <c r="M3237" s="18"/>
      <c r="N3237" s="18"/>
      <c r="O3237" s="18"/>
      <c r="P3237" s="19"/>
      <c r="Q3237" s="19"/>
      <c r="R3237" s="19"/>
      <c r="S3237" s="19"/>
      <c r="T3237" s="19"/>
      <c r="U3237" s="19"/>
      <c r="V3237" s="19"/>
      <c r="W3237" s="19"/>
      <c r="X3237" s="19"/>
      <c r="Y3237" s="19"/>
      <c r="Z3237" s="19"/>
      <c r="AA3237" s="19"/>
    </row>
    <row r="3238" spans="1:27" s="1" customFormat="1" ht="11.1" customHeight="1" outlineLevel="2" x14ac:dyDescent="0.2">
      <c r="A3238" s="17">
        <v>13607</v>
      </c>
      <c r="B3238" s="17"/>
      <c r="C3238" s="17"/>
      <c r="D3238" s="18" t="s">
        <v>1623</v>
      </c>
      <c r="E3238" s="18"/>
      <c r="F3238" s="18"/>
      <c r="G3238" s="18"/>
      <c r="H3238" s="18"/>
      <c r="I3238" s="18"/>
      <c r="J3238" s="18"/>
      <c r="K3238" s="18"/>
      <c r="L3238" s="18"/>
      <c r="M3238" s="18"/>
      <c r="N3238" s="18"/>
      <c r="O3238" s="18"/>
      <c r="P3238" s="19">
        <v>220</v>
      </c>
      <c r="Q3238" s="19"/>
      <c r="R3238" s="19"/>
      <c r="S3238" s="19"/>
      <c r="T3238" s="19">
        <v>160</v>
      </c>
      <c r="U3238" s="19"/>
      <c r="V3238" s="19"/>
      <c r="W3238" s="19"/>
      <c r="X3238" s="19">
        <v>14</v>
      </c>
      <c r="Y3238" s="19"/>
      <c r="Z3238" s="19"/>
      <c r="AA3238" s="19"/>
    </row>
    <row r="3239" spans="1:27" s="1" customFormat="1" ht="11.1" customHeight="1" outlineLevel="2" x14ac:dyDescent="0.2">
      <c r="A3239" s="17"/>
      <c r="B3239" s="17"/>
      <c r="C3239" s="17"/>
      <c r="D3239" s="18"/>
      <c r="E3239" s="18"/>
      <c r="F3239" s="18"/>
      <c r="G3239" s="18"/>
      <c r="H3239" s="18"/>
      <c r="I3239" s="18"/>
      <c r="J3239" s="18"/>
      <c r="K3239" s="18"/>
      <c r="L3239" s="18"/>
      <c r="M3239" s="18"/>
      <c r="N3239" s="18"/>
      <c r="O3239" s="18"/>
      <c r="P3239" s="19"/>
      <c r="Q3239" s="19"/>
      <c r="R3239" s="19"/>
      <c r="S3239" s="19"/>
      <c r="T3239" s="19"/>
      <c r="U3239" s="19"/>
      <c r="V3239" s="19"/>
      <c r="W3239" s="19"/>
      <c r="X3239" s="19"/>
      <c r="Y3239" s="19"/>
      <c r="Z3239" s="19"/>
      <c r="AA3239" s="19"/>
    </row>
    <row r="3240" spans="1:27" s="1" customFormat="1" ht="11.1" customHeight="1" outlineLevel="2" x14ac:dyDescent="0.2">
      <c r="A3240" s="17">
        <v>13601</v>
      </c>
      <c r="B3240" s="17"/>
      <c r="C3240" s="17"/>
      <c r="D3240" s="18" t="s">
        <v>1624</v>
      </c>
      <c r="E3240" s="18"/>
      <c r="F3240" s="18"/>
      <c r="G3240" s="18"/>
      <c r="H3240" s="18"/>
      <c r="I3240" s="18"/>
      <c r="J3240" s="18"/>
      <c r="K3240" s="18"/>
      <c r="L3240" s="18"/>
      <c r="M3240" s="18"/>
      <c r="N3240" s="18"/>
      <c r="O3240" s="18"/>
      <c r="P3240" s="19">
        <v>210</v>
      </c>
      <c r="Q3240" s="19"/>
      <c r="R3240" s="19"/>
      <c r="S3240" s="19"/>
      <c r="T3240" s="19">
        <v>150</v>
      </c>
      <c r="U3240" s="19"/>
      <c r="V3240" s="19"/>
      <c r="W3240" s="19"/>
      <c r="X3240" s="19">
        <v>41</v>
      </c>
      <c r="Y3240" s="19"/>
      <c r="Z3240" s="19"/>
      <c r="AA3240" s="19"/>
    </row>
    <row r="3241" spans="1:27" s="1" customFormat="1" ht="11.1" customHeight="1" outlineLevel="2" x14ac:dyDescent="0.2">
      <c r="A3241" s="17"/>
      <c r="B3241" s="17"/>
      <c r="C3241" s="17"/>
      <c r="D3241" s="18"/>
      <c r="E3241" s="18"/>
      <c r="F3241" s="18"/>
      <c r="G3241" s="18"/>
      <c r="H3241" s="18"/>
      <c r="I3241" s="18"/>
      <c r="J3241" s="18"/>
      <c r="K3241" s="18"/>
      <c r="L3241" s="18"/>
      <c r="M3241" s="18"/>
      <c r="N3241" s="18"/>
      <c r="O3241" s="18"/>
      <c r="P3241" s="19"/>
      <c r="Q3241" s="19"/>
      <c r="R3241" s="19"/>
      <c r="S3241" s="19"/>
      <c r="T3241" s="19"/>
      <c r="U3241" s="19"/>
      <c r="V3241" s="19"/>
      <c r="W3241" s="19"/>
      <c r="X3241" s="19"/>
      <c r="Y3241" s="19"/>
      <c r="Z3241" s="19"/>
      <c r="AA3241" s="19"/>
    </row>
    <row r="3242" spans="1:27" s="1" customFormat="1" ht="14.1" customHeight="1" outlineLevel="2" x14ac:dyDescent="0.2">
      <c r="A3242" s="17">
        <v>13609</v>
      </c>
      <c r="B3242" s="17"/>
      <c r="C3242" s="17"/>
      <c r="D3242" s="18" t="s">
        <v>1625</v>
      </c>
      <c r="E3242" s="18"/>
      <c r="F3242" s="18"/>
      <c r="G3242" s="18"/>
      <c r="H3242" s="18"/>
      <c r="I3242" s="18"/>
      <c r="J3242" s="18"/>
      <c r="K3242" s="18"/>
      <c r="L3242" s="18"/>
      <c r="M3242" s="18"/>
      <c r="N3242" s="18"/>
      <c r="O3242" s="18"/>
      <c r="P3242" s="19">
        <v>220</v>
      </c>
      <c r="Q3242" s="19"/>
      <c r="R3242" s="19"/>
      <c r="S3242" s="19"/>
      <c r="T3242" s="19">
        <v>160</v>
      </c>
      <c r="U3242" s="19"/>
      <c r="V3242" s="19"/>
      <c r="W3242" s="19"/>
      <c r="X3242" s="19">
        <v>40</v>
      </c>
      <c r="Y3242" s="19"/>
      <c r="Z3242" s="19"/>
      <c r="AA3242" s="19"/>
    </row>
    <row r="3243" spans="1:27" s="1" customFormat="1" ht="14.1" customHeight="1" outlineLevel="2" x14ac:dyDescent="0.2">
      <c r="A3243" s="17"/>
      <c r="B3243" s="17"/>
      <c r="C3243" s="17"/>
      <c r="D3243" s="18"/>
      <c r="E3243" s="18"/>
      <c r="F3243" s="18"/>
      <c r="G3243" s="18"/>
      <c r="H3243" s="18"/>
      <c r="I3243" s="18"/>
      <c r="J3243" s="18"/>
      <c r="K3243" s="18"/>
      <c r="L3243" s="18"/>
      <c r="M3243" s="18"/>
      <c r="N3243" s="18"/>
      <c r="O3243" s="18"/>
      <c r="P3243" s="19"/>
      <c r="Q3243" s="19"/>
      <c r="R3243" s="19"/>
      <c r="S3243" s="19"/>
      <c r="T3243" s="19"/>
      <c r="U3243" s="19"/>
      <c r="V3243" s="19"/>
      <c r="W3243" s="19"/>
      <c r="X3243" s="19"/>
      <c r="Y3243" s="19"/>
      <c r="Z3243" s="19"/>
      <c r="AA3243" s="19"/>
    </row>
    <row r="3244" spans="1:27" s="1" customFormat="1" ht="14.1" customHeight="1" outlineLevel="2" x14ac:dyDescent="0.2">
      <c r="A3244" s="17">
        <v>13604</v>
      </c>
      <c r="B3244" s="17"/>
      <c r="C3244" s="17"/>
      <c r="D3244" s="18" t="s">
        <v>1626</v>
      </c>
      <c r="E3244" s="18"/>
      <c r="F3244" s="18"/>
      <c r="G3244" s="18"/>
      <c r="H3244" s="18"/>
      <c r="I3244" s="18"/>
      <c r="J3244" s="18"/>
      <c r="K3244" s="18"/>
      <c r="L3244" s="18"/>
      <c r="M3244" s="18"/>
      <c r="N3244" s="18"/>
      <c r="O3244" s="18"/>
      <c r="P3244" s="19">
        <v>220</v>
      </c>
      <c r="Q3244" s="19"/>
      <c r="R3244" s="19"/>
      <c r="S3244" s="19"/>
      <c r="T3244" s="19">
        <v>160</v>
      </c>
      <c r="U3244" s="19"/>
      <c r="V3244" s="19"/>
      <c r="W3244" s="19"/>
      <c r="X3244" s="19">
        <v>15</v>
      </c>
      <c r="Y3244" s="19"/>
      <c r="Z3244" s="19"/>
      <c r="AA3244" s="19"/>
    </row>
    <row r="3245" spans="1:27" s="1" customFormat="1" ht="14.1" customHeight="1" outlineLevel="2" x14ac:dyDescent="0.2">
      <c r="A3245" s="17"/>
      <c r="B3245" s="17"/>
      <c r="C3245" s="17"/>
      <c r="D3245" s="18"/>
      <c r="E3245" s="18"/>
      <c r="F3245" s="18"/>
      <c r="G3245" s="18"/>
      <c r="H3245" s="18"/>
      <c r="I3245" s="18"/>
      <c r="J3245" s="18"/>
      <c r="K3245" s="18"/>
      <c r="L3245" s="18"/>
      <c r="M3245" s="18"/>
      <c r="N3245" s="18"/>
      <c r="O3245" s="18"/>
      <c r="P3245" s="19"/>
      <c r="Q3245" s="19"/>
      <c r="R3245" s="19"/>
      <c r="S3245" s="19"/>
      <c r="T3245" s="19"/>
      <c r="U3245" s="19"/>
      <c r="V3245" s="19"/>
      <c r="W3245" s="19"/>
      <c r="X3245" s="19"/>
      <c r="Y3245" s="19"/>
      <c r="Z3245" s="19"/>
      <c r="AA3245" s="19"/>
    </row>
    <row r="3246" spans="1:27" s="1" customFormat="1" ht="11.1" customHeight="1" outlineLevel="2" x14ac:dyDescent="0.2">
      <c r="A3246" s="17">
        <v>13605</v>
      </c>
      <c r="B3246" s="17"/>
      <c r="C3246" s="17"/>
      <c r="D3246" s="18" t="s">
        <v>1627</v>
      </c>
      <c r="E3246" s="18"/>
      <c r="F3246" s="18"/>
      <c r="G3246" s="18"/>
      <c r="H3246" s="18"/>
      <c r="I3246" s="18"/>
      <c r="J3246" s="18"/>
      <c r="K3246" s="18"/>
      <c r="L3246" s="18"/>
      <c r="M3246" s="18"/>
      <c r="N3246" s="18"/>
      <c r="O3246" s="18"/>
      <c r="P3246" s="19">
        <v>220</v>
      </c>
      <c r="Q3246" s="19"/>
      <c r="R3246" s="19"/>
      <c r="S3246" s="19"/>
      <c r="T3246" s="19">
        <v>160</v>
      </c>
      <c r="U3246" s="19"/>
      <c r="V3246" s="19"/>
      <c r="W3246" s="19"/>
      <c r="X3246" s="19">
        <v>20</v>
      </c>
      <c r="Y3246" s="19"/>
      <c r="Z3246" s="19"/>
      <c r="AA3246" s="19"/>
    </row>
    <row r="3247" spans="1:27" s="1" customFormat="1" ht="11.1" customHeight="1" outlineLevel="2" x14ac:dyDescent="0.2">
      <c r="A3247" s="17"/>
      <c r="B3247" s="17"/>
      <c r="C3247" s="17"/>
      <c r="D3247" s="18"/>
      <c r="E3247" s="18"/>
      <c r="F3247" s="18"/>
      <c r="G3247" s="18"/>
      <c r="H3247" s="18"/>
      <c r="I3247" s="18"/>
      <c r="J3247" s="18"/>
      <c r="K3247" s="18"/>
      <c r="L3247" s="18"/>
      <c r="M3247" s="18"/>
      <c r="N3247" s="18"/>
      <c r="O3247" s="18"/>
      <c r="P3247" s="19"/>
      <c r="Q3247" s="19"/>
      <c r="R3247" s="19"/>
      <c r="S3247" s="19"/>
      <c r="T3247" s="19"/>
      <c r="U3247" s="19"/>
      <c r="V3247" s="19"/>
      <c r="W3247" s="19"/>
      <c r="X3247" s="19"/>
      <c r="Y3247" s="19"/>
      <c r="Z3247" s="19"/>
      <c r="AA3247" s="19"/>
    </row>
    <row r="3248" spans="1:27" s="1" customFormat="1" ht="14.1" customHeight="1" outlineLevel="2" x14ac:dyDescent="0.2">
      <c r="A3248" s="17">
        <v>13606</v>
      </c>
      <c r="B3248" s="17"/>
      <c r="C3248" s="17"/>
      <c r="D3248" s="18" t="s">
        <v>1628</v>
      </c>
      <c r="E3248" s="18"/>
      <c r="F3248" s="18"/>
      <c r="G3248" s="18"/>
      <c r="H3248" s="18"/>
      <c r="I3248" s="18"/>
      <c r="J3248" s="18"/>
      <c r="K3248" s="18"/>
      <c r="L3248" s="18"/>
      <c r="M3248" s="18"/>
      <c r="N3248" s="18"/>
      <c r="O3248" s="18"/>
      <c r="P3248" s="19">
        <v>220</v>
      </c>
      <c r="Q3248" s="19"/>
      <c r="R3248" s="19"/>
      <c r="S3248" s="19"/>
      <c r="T3248" s="19">
        <v>160</v>
      </c>
      <c r="U3248" s="19"/>
      <c r="V3248" s="19"/>
      <c r="W3248" s="19"/>
      <c r="X3248" s="19">
        <v>19</v>
      </c>
      <c r="Y3248" s="19"/>
      <c r="Z3248" s="19"/>
      <c r="AA3248" s="19"/>
    </row>
    <row r="3249" spans="1:27" s="1" customFormat="1" ht="14.1" customHeight="1" outlineLevel="2" x14ac:dyDescent="0.2">
      <c r="A3249" s="17"/>
      <c r="B3249" s="17"/>
      <c r="C3249" s="17"/>
      <c r="D3249" s="18"/>
      <c r="E3249" s="18"/>
      <c r="F3249" s="18"/>
      <c r="G3249" s="18"/>
      <c r="H3249" s="18"/>
      <c r="I3249" s="18"/>
      <c r="J3249" s="18"/>
      <c r="K3249" s="18"/>
      <c r="L3249" s="18"/>
      <c r="M3249" s="18"/>
      <c r="N3249" s="18"/>
      <c r="O3249" s="18"/>
      <c r="P3249" s="19"/>
      <c r="Q3249" s="19"/>
      <c r="R3249" s="19"/>
      <c r="S3249" s="19"/>
      <c r="T3249" s="19"/>
      <c r="U3249" s="19"/>
      <c r="V3249" s="19"/>
      <c r="W3249" s="19"/>
      <c r="X3249" s="19"/>
      <c r="Y3249" s="19"/>
      <c r="Z3249" s="19"/>
      <c r="AA3249" s="19"/>
    </row>
    <row r="3250" spans="1:27" s="1" customFormat="1" ht="14.1" customHeight="1" outlineLevel="2" x14ac:dyDescent="0.2">
      <c r="A3250" s="17">
        <v>13602</v>
      </c>
      <c r="B3250" s="17"/>
      <c r="C3250" s="17"/>
      <c r="D3250" s="18" t="s">
        <v>1629</v>
      </c>
      <c r="E3250" s="18"/>
      <c r="F3250" s="18"/>
      <c r="G3250" s="18"/>
      <c r="H3250" s="18"/>
      <c r="I3250" s="18"/>
      <c r="J3250" s="18"/>
      <c r="K3250" s="18"/>
      <c r="L3250" s="18"/>
      <c r="M3250" s="18"/>
      <c r="N3250" s="18"/>
      <c r="O3250" s="18"/>
      <c r="P3250" s="19">
        <v>220</v>
      </c>
      <c r="Q3250" s="19"/>
      <c r="R3250" s="19"/>
      <c r="S3250" s="19"/>
      <c r="T3250" s="19">
        <v>160</v>
      </c>
      <c r="U3250" s="19"/>
      <c r="V3250" s="19"/>
      <c r="W3250" s="19"/>
      <c r="X3250" s="19">
        <v>18</v>
      </c>
      <c r="Y3250" s="19"/>
      <c r="Z3250" s="19"/>
      <c r="AA3250" s="19"/>
    </row>
    <row r="3251" spans="1:27" s="1" customFormat="1" ht="14.1" customHeight="1" outlineLevel="2" x14ac:dyDescent="0.2">
      <c r="A3251" s="17"/>
      <c r="B3251" s="17"/>
      <c r="C3251" s="17"/>
      <c r="D3251" s="18"/>
      <c r="E3251" s="18"/>
      <c r="F3251" s="18"/>
      <c r="G3251" s="18"/>
      <c r="H3251" s="18"/>
      <c r="I3251" s="18"/>
      <c r="J3251" s="18"/>
      <c r="K3251" s="18"/>
      <c r="L3251" s="18"/>
      <c r="M3251" s="18"/>
      <c r="N3251" s="18"/>
      <c r="O3251" s="18"/>
      <c r="P3251" s="19"/>
      <c r="Q3251" s="19"/>
      <c r="R3251" s="19"/>
      <c r="S3251" s="19"/>
      <c r="T3251" s="19"/>
      <c r="U3251" s="19"/>
      <c r="V3251" s="19"/>
      <c r="W3251" s="19"/>
      <c r="X3251" s="19"/>
      <c r="Y3251" s="19"/>
      <c r="Z3251" s="19"/>
      <c r="AA3251" s="19"/>
    </row>
    <row r="3252" spans="1:27" s="1" customFormat="1" ht="11.1" customHeight="1" outlineLevel="2" x14ac:dyDescent="0.2">
      <c r="A3252" s="17">
        <v>13745</v>
      </c>
      <c r="B3252" s="17"/>
      <c r="C3252" s="17"/>
      <c r="D3252" s="18" t="s">
        <v>1630</v>
      </c>
      <c r="E3252" s="18"/>
      <c r="F3252" s="18"/>
      <c r="G3252" s="18"/>
      <c r="H3252" s="18"/>
      <c r="I3252" s="18"/>
      <c r="J3252" s="18"/>
      <c r="K3252" s="18"/>
      <c r="L3252" s="18"/>
      <c r="M3252" s="18"/>
      <c r="N3252" s="18"/>
      <c r="O3252" s="18"/>
      <c r="P3252" s="19">
        <v>60</v>
      </c>
      <c r="Q3252" s="19"/>
      <c r="R3252" s="19"/>
      <c r="S3252" s="19"/>
      <c r="T3252" s="19">
        <v>35</v>
      </c>
      <c r="U3252" s="19"/>
      <c r="V3252" s="19"/>
      <c r="W3252" s="19"/>
      <c r="X3252" s="19">
        <v>49</v>
      </c>
      <c r="Y3252" s="19"/>
      <c r="Z3252" s="19"/>
      <c r="AA3252" s="19"/>
    </row>
    <row r="3253" spans="1:27" s="1" customFormat="1" ht="11.1" customHeight="1" outlineLevel="2" x14ac:dyDescent="0.2">
      <c r="A3253" s="17"/>
      <c r="B3253" s="17"/>
      <c r="C3253" s="17"/>
      <c r="D3253" s="18"/>
      <c r="E3253" s="18"/>
      <c r="F3253" s="18"/>
      <c r="G3253" s="18"/>
      <c r="H3253" s="18"/>
      <c r="I3253" s="18"/>
      <c r="J3253" s="18"/>
      <c r="K3253" s="18"/>
      <c r="L3253" s="18"/>
      <c r="M3253" s="18"/>
      <c r="N3253" s="18"/>
      <c r="O3253" s="18"/>
      <c r="P3253" s="19"/>
      <c r="Q3253" s="19"/>
      <c r="R3253" s="19"/>
      <c r="S3253" s="19"/>
      <c r="T3253" s="19"/>
      <c r="U3253" s="19"/>
      <c r="V3253" s="19"/>
      <c r="W3253" s="19"/>
      <c r="X3253" s="19"/>
      <c r="Y3253" s="19"/>
      <c r="Z3253" s="19"/>
      <c r="AA3253" s="19"/>
    </row>
    <row r="3254" spans="1:27" s="1" customFormat="1" ht="14.1" customHeight="1" outlineLevel="2" x14ac:dyDescent="0.2">
      <c r="A3254" s="17">
        <v>10017</v>
      </c>
      <c r="B3254" s="17"/>
      <c r="C3254" s="17"/>
      <c r="D3254" s="18" t="s">
        <v>1631</v>
      </c>
      <c r="E3254" s="18"/>
      <c r="F3254" s="18"/>
      <c r="G3254" s="18"/>
      <c r="H3254" s="18"/>
      <c r="I3254" s="18"/>
      <c r="J3254" s="18"/>
      <c r="K3254" s="18"/>
      <c r="L3254" s="18"/>
      <c r="M3254" s="18"/>
      <c r="N3254" s="18"/>
      <c r="O3254" s="18"/>
      <c r="P3254" s="19">
        <v>60</v>
      </c>
      <c r="Q3254" s="19"/>
      <c r="R3254" s="19"/>
      <c r="S3254" s="19"/>
      <c r="T3254" s="19">
        <v>35</v>
      </c>
      <c r="U3254" s="19"/>
      <c r="V3254" s="19"/>
      <c r="W3254" s="19"/>
      <c r="X3254" s="19">
        <v>44</v>
      </c>
      <c r="Y3254" s="19"/>
      <c r="Z3254" s="19"/>
      <c r="AA3254" s="19"/>
    </row>
    <row r="3255" spans="1:27" s="1" customFormat="1" ht="14.1" customHeight="1" outlineLevel="2" x14ac:dyDescent="0.2">
      <c r="A3255" s="17"/>
      <c r="B3255" s="17"/>
      <c r="C3255" s="17"/>
      <c r="D3255" s="18"/>
      <c r="E3255" s="18"/>
      <c r="F3255" s="18"/>
      <c r="G3255" s="18"/>
      <c r="H3255" s="18"/>
      <c r="I3255" s="18"/>
      <c r="J3255" s="18"/>
      <c r="K3255" s="18"/>
      <c r="L3255" s="18"/>
      <c r="M3255" s="18"/>
      <c r="N3255" s="18"/>
      <c r="O3255" s="18"/>
      <c r="P3255" s="19"/>
      <c r="Q3255" s="19"/>
      <c r="R3255" s="19"/>
      <c r="S3255" s="19"/>
      <c r="T3255" s="19"/>
      <c r="U3255" s="19"/>
      <c r="V3255" s="19"/>
      <c r="W3255" s="19"/>
      <c r="X3255" s="19"/>
      <c r="Y3255" s="19"/>
      <c r="Z3255" s="19"/>
      <c r="AA3255" s="19"/>
    </row>
    <row r="3256" spans="1:27" s="1" customFormat="1" ht="11.1" customHeight="1" outlineLevel="1" x14ac:dyDescent="0.2">
      <c r="A3256" s="16" t="s">
        <v>1632</v>
      </c>
      <c r="B3256" s="16"/>
      <c r="C3256" s="16"/>
      <c r="D3256" s="16"/>
      <c r="E3256" s="16"/>
      <c r="F3256" s="16"/>
      <c r="G3256" s="16"/>
      <c r="H3256" s="16"/>
      <c r="I3256" s="16"/>
      <c r="J3256" s="16"/>
      <c r="K3256" s="16"/>
      <c r="L3256" s="16"/>
      <c r="M3256" s="16"/>
      <c r="N3256" s="16"/>
      <c r="O3256" s="16"/>
      <c r="P3256" s="16"/>
      <c r="Q3256" s="16"/>
      <c r="R3256" s="16"/>
      <c r="S3256" s="16"/>
      <c r="T3256" s="16"/>
      <c r="U3256" s="16"/>
      <c r="V3256" s="16"/>
      <c r="W3256" s="16"/>
      <c r="X3256" s="16"/>
      <c r="Y3256" s="16"/>
      <c r="Z3256" s="16"/>
      <c r="AA3256" s="16"/>
    </row>
    <row r="3257" spans="1:27" s="1" customFormat="1" ht="11.1" customHeight="1" outlineLevel="1" x14ac:dyDescent="0.2">
      <c r="A3257" s="16"/>
      <c r="B3257" s="16"/>
      <c r="C3257" s="16"/>
      <c r="D3257" s="16"/>
      <c r="E3257" s="16"/>
      <c r="F3257" s="16"/>
      <c r="G3257" s="16"/>
      <c r="H3257" s="16"/>
      <c r="I3257" s="16"/>
      <c r="J3257" s="16"/>
      <c r="K3257" s="16"/>
      <c r="L3257" s="16"/>
      <c r="M3257" s="16"/>
      <c r="N3257" s="16"/>
      <c r="O3257" s="16"/>
      <c r="P3257" s="16"/>
      <c r="Q3257" s="16"/>
      <c r="R3257" s="16"/>
      <c r="S3257" s="16"/>
      <c r="T3257" s="16"/>
      <c r="U3257" s="16"/>
      <c r="V3257" s="16"/>
      <c r="W3257" s="16"/>
      <c r="X3257" s="16"/>
      <c r="Y3257" s="16"/>
      <c r="Z3257" s="16"/>
      <c r="AA3257" s="16"/>
    </row>
    <row r="3258" spans="1:27" s="1" customFormat="1" ht="11.1" customHeight="1" outlineLevel="2" x14ac:dyDescent="0.2">
      <c r="A3258" s="17">
        <v>17720</v>
      </c>
      <c r="B3258" s="17"/>
      <c r="C3258" s="17"/>
      <c r="D3258" s="18" t="s">
        <v>1633</v>
      </c>
      <c r="E3258" s="18"/>
      <c r="F3258" s="18"/>
      <c r="G3258" s="18"/>
      <c r="H3258" s="18"/>
      <c r="I3258" s="18"/>
      <c r="J3258" s="18"/>
      <c r="K3258" s="18"/>
      <c r="L3258" s="18"/>
      <c r="M3258" s="18"/>
      <c r="N3258" s="18"/>
      <c r="O3258" s="18"/>
      <c r="P3258" s="20">
        <v>1900</v>
      </c>
      <c r="Q3258" s="20"/>
      <c r="R3258" s="20"/>
      <c r="S3258" s="20"/>
      <c r="T3258" s="20">
        <v>1700</v>
      </c>
      <c r="U3258" s="20"/>
      <c r="V3258" s="20"/>
      <c r="W3258" s="20"/>
      <c r="X3258" s="19">
        <v>10</v>
      </c>
      <c r="Y3258" s="19"/>
      <c r="Z3258" s="19"/>
      <c r="AA3258" s="19"/>
    </row>
    <row r="3259" spans="1:27" s="1" customFormat="1" ht="11.1" customHeight="1" outlineLevel="2" x14ac:dyDescent="0.2">
      <c r="A3259" s="17"/>
      <c r="B3259" s="17"/>
      <c r="C3259" s="17"/>
      <c r="D3259" s="18"/>
      <c r="E3259" s="18"/>
      <c r="F3259" s="18"/>
      <c r="G3259" s="18"/>
      <c r="H3259" s="18"/>
      <c r="I3259" s="18"/>
      <c r="J3259" s="18"/>
      <c r="K3259" s="18"/>
      <c r="L3259" s="18"/>
      <c r="M3259" s="18"/>
      <c r="N3259" s="18"/>
      <c r="O3259" s="18"/>
      <c r="P3259" s="20"/>
      <c r="Q3259" s="20"/>
      <c r="R3259" s="20"/>
      <c r="S3259" s="20"/>
      <c r="T3259" s="20"/>
      <c r="U3259" s="20"/>
      <c r="V3259" s="20"/>
      <c r="W3259" s="20"/>
      <c r="X3259" s="19"/>
      <c r="Y3259" s="19"/>
      <c r="Z3259" s="19"/>
      <c r="AA3259" s="19"/>
    </row>
    <row r="3260" spans="1:27" s="1" customFormat="1" ht="11.1" customHeight="1" outlineLevel="1" x14ac:dyDescent="0.2">
      <c r="A3260" s="16" t="s">
        <v>1634</v>
      </c>
      <c r="B3260" s="16"/>
      <c r="C3260" s="16"/>
      <c r="D3260" s="16"/>
      <c r="E3260" s="16"/>
      <c r="F3260" s="16"/>
      <c r="G3260" s="16"/>
      <c r="H3260" s="16"/>
      <c r="I3260" s="16"/>
      <c r="J3260" s="16"/>
      <c r="K3260" s="16"/>
      <c r="L3260" s="16"/>
      <c r="M3260" s="16"/>
      <c r="N3260" s="16"/>
      <c r="O3260" s="16"/>
      <c r="P3260" s="16"/>
      <c r="Q3260" s="16"/>
      <c r="R3260" s="16"/>
      <c r="S3260" s="16"/>
      <c r="T3260" s="16"/>
      <c r="U3260" s="16"/>
      <c r="V3260" s="16"/>
      <c r="W3260" s="16"/>
      <c r="X3260" s="16"/>
      <c r="Y3260" s="16"/>
      <c r="Z3260" s="16"/>
      <c r="AA3260" s="16"/>
    </row>
    <row r="3261" spans="1:27" s="1" customFormat="1" ht="11.1" customHeight="1" outlineLevel="1" x14ac:dyDescent="0.2">
      <c r="A3261" s="16"/>
      <c r="B3261" s="16"/>
      <c r="C3261" s="16"/>
      <c r="D3261" s="16"/>
      <c r="E3261" s="16"/>
      <c r="F3261" s="16"/>
      <c r="G3261" s="16"/>
      <c r="H3261" s="16"/>
      <c r="I3261" s="16"/>
      <c r="J3261" s="16"/>
      <c r="K3261" s="16"/>
      <c r="L3261" s="16"/>
      <c r="M3261" s="16"/>
      <c r="N3261" s="16"/>
      <c r="O3261" s="16"/>
      <c r="P3261" s="16"/>
      <c r="Q3261" s="16"/>
      <c r="R3261" s="16"/>
      <c r="S3261" s="16"/>
      <c r="T3261" s="16"/>
      <c r="U3261" s="16"/>
      <c r="V3261" s="16"/>
      <c r="W3261" s="16"/>
      <c r="X3261" s="16"/>
      <c r="Y3261" s="16"/>
      <c r="Z3261" s="16"/>
      <c r="AA3261" s="16"/>
    </row>
    <row r="3262" spans="1:27" s="1" customFormat="1" ht="11.1" customHeight="1" outlineLevel="2" x14ac:dyDescent="0.2">
      <c r="A3262" s="17">
        <v>5377</v>
      </c>
      <c r="B3262" s="17"/>
      <c r="C3262" s="17"/>
      <c r="D3262" s="18" t="s">
        <v>1635</v>
      </c>
      <c r="E3262" s="18"/>
      <c r="F3262" s="18"/>
      <c r="G3262" s="18"/>
      <c r="H3262" s="18"/>
      <c r="I3262" s="18"/>
      <c r="J3262" s="18"/>
      <c r="K3262" s="18"/>
      <c r="L3262" s="18"/>
      <c r="M3262" s="18"/>
      <c r="N3262" s="18"/>
      <c r="O3262" s="18"/>
      <c r="P3262" s="20">
        <v>1900</v>
      </c>
      <c r="Q3262" s="20"/>
      <c r="R3262" s="20"/>
      <c r="S3262" s="20"/>
      <c r="T3262" s="20">
        <v>1800</v>
      </c>
      <c r="U3262" s="20"/>
      <c r="V3262" s="20"/>
      <c r="W3262" s="20"/>
      <c r="X3262" s="19">
        <v>1</v>
      </c>
      <c r="Y3262" s="19"/>
      <c r="Z3262" s="19"/>
      <c r="AA3262" s="19"/>
    </row>
    <row r="3263" spans="1:27" s="1" customFormat="1" ht="11.1" customHeight="1" outlineLevel="2" x14ac:dyDescent="0.2">
      <c r="A3263" s="17"/>
      <c r="B3263" s="17"/>
      <c r="C3263" s="17"/>
      <c r="D3263" s="18"/>
      <c r="E3263" s="18"/>
      <c r="F3263" s="18"/>
      <c r="G3263" s="18"/>
      <c r="H3263" s="18"/>
      <c r="I3263" s="18"/>
      <c r="J3263" s="18"/>
      <c r="K3263" s="18"/>
      <c r="L3263" s="18"/>
      <c r="M3263" s="18"/>
      <c r="N3263" s="18"/>
      <c r="O3263" s="18"/>
      <c r="P3263" s="20"/>
      <c r="Q3263" s="20"/>
      <c r="R3263" s="20"/>
      <c r="S3263" s="20"/>
      <c r="T3263" s="20"/>
      <c r="U3263" s="20"/>
      <c r="V3263" s="20"/>
      <c r="W3263" s="20"/>
      <c r="X3263" s="19"/>
      <c r="Y3263" s="19"/>
      <c r="Z3263" s="19"/>
      <c r="AA3263" s="19"/>
    </row>
    <row r="3264" spans="1:27" s="1" customFormat="1" ht="14.1" customHeight="1" outlineLevel="2" x14ac:dyDescent="0.2">
      <c r="A3264" s="17">
        <v>16431</v>
      </c>
      <c r="B3264" s="17"/>
      <c r="C3264" s="17"/>
      <c r="D3264" s="18" t="s">
        <v>1636</v>
      </c>
      <c r="E3264" s="18"/>
      <c r="F3264" s="18"/>
      <c r="G3264" s="18"/>
      <c r="H3264" s="18"/>
      <c r="I3264" s="18"/>
      <c r="J3264" s="18"/>
      <c r="K3264" s="18"/>
      <c r="L3264" s="18"/>
      <c r="M3264" s="18"/>
      <c r="N3264" s="18"/>
      <c r="O3264" s="18"/>
      <c r="P3264" s="20">
        <v>3200</v>
      </c>
      <c r="Q3264" s="20"/>
      <c r="R3264" s="20"/>
      <c r="S3264" s="20"/>
      <c r="T3264" s="20">
        <v>2900</v>
      </c>
      <c r="U3264" s="20"/>
      <c r="V3264" s="20"/>
      <c r="W3264" s="20"/>
      <c r="X3264" s="19">
        <v>3</v>
      </c>
      <c r="Y3264" s="19"/>
      <c r="Z3264" s="19"/>
      <c r="AA3264" s="19"/>
    </row>
    <row r="3265" spans="1:27" s="1" customFormat="1" ht="14.1" customHeight="1" outlineLevel="2" x14ac:dyDescent="0.2">
      <c r="A3265" s="17"/>
      <c r="B3265" s="17"/>
      <c r="C3265" s="17"/>
      <c r="D3265" s="18"/>
      <c r="E3265" s="18"/>
      <c r="F3265" s="18"/>
      <c r="G3265" s="18"/>
      <c r="H3265" s="18"/>
      <c r="I3265" s="18"/>
      <c r="J3265" s="18"/>
      <c r="K3265" s="18"/>
      <c r="L3265" s="18"/>
      <c r="M3265" s="18"/>
      <c r="N3265" s="18"/>
      <c r="O3265" s="18"/>
      <c r="P3265" s="20"/>
      <c r="Q3265" s="20"/>
      <c r="R3265" s="20"/>
      <c r="S3265" s="20"/>
      <c r="T3265" s="20"/>
      <c r="U3265" s="20"/>
      <c r="V3265" s="20"/>
      <c r="W3265" s="20"/>
      <c r="X3265" s="19"/>
      <c r="Y3265" s="19"/>
      <c r="Z3265" s="19"/>
      <c r="AA3265" s="19"/>
    </row>
    <row r="3266" spans="1:27" s="1" customFormat="1" ht="11.1" customHeight="1" outlineLevel="2" x14ac:dyDescent="0.2">
      <c r="A3266" s="17">
        <v>6339</v>
      </c>
      <c r="B3266" s="17"/>
      <c r="C3266" s="17"/>
      <c r="D3266" s="18" t="s">
        <v>1637</v>
      </c>
      <c r="E3266" s="18"/>
      <c r="F3266" s="18"/>
      <c r="G3266" s="18"/>
      <c r="H3266" s="18"/>
      <c r="I3266" s="18"/>
      <c r="J3266" s="18"/>
      <c r="K3266" s="18"/>
      <c r="L3266" s="18"/>
      <c r="M3266" s="18"/>
      <c r="N3266" s="18"/>
      <c r="O3266" s="18"/>
      <c r="P3266" s="20">
        <v>1233</v>
      </c>
      <c r="Q3266" s="20"/>
      <c r="R3266" s="20"/>
      <c r="S3266" s="20"/>
      <c r="T3266" s="20">
        <v>1170</v>
      </c>
      <c r="U3266" s="20"/>
      <c r="V3266" s="20"/>
      <c r="W3266" s="20"/>
      <c r="X3266" s="19">
        <v>2</v>
      </c>
      <c r="Y3266" s="19"/>
      <c r="Z3266" s="19"/>
      <c r="AA3266" s="19"/>
    </row>
    <row r="3267" spans="1:27" s="1" customFormat="1" ht="11.1" customHeight="1" outlineLevel="2" x14ac:dyDescent="0.2">
      <c r="A3267" s="17"/>
      <c r="B3267" s="17"/>
      <c r="C3267" s="17"/>
      <c r="D3267" s="18"/>
      <c r="E3267" s="18"/>
      <c r="F3267" s="18"/>
      <c r="G3267" s="18"/>
      <c r="H3267" s="18"/>
      <c r="I3267" s="18"/>
      <c r="J3267" s="18"/>
      <c r="K3267" s="18"/>
      <c r="L3267" s="18"/>
      <c r="M3267" s="18"/>
      <c r="N3267" s="18"/>
      <c r="O3267" s="18"/>
      <c r="P3267" s="20"/>
      <c r="Q3267" s="20"/>
      <c r="R3267" s="20"/>
      <c r="S3267" s="20"/>
      <c r="T3267" s="20"/>
      <c r="U3267" s="20"/>
      <c r="V3267" s="20"/>
      <c r="W3267" s="20"/>
      <c r="X3267" s="19"/>
      <c r="Y3267" s="19"/>
      <c r="Z3267" s="19"/>
      <c r="AA3267" s="19"/>
    </row>
    <row r="3268" spans="1:27" s="1" customFormat="1" ht="11.1" customHeight="1" outlineLevel="2" x14ac:dyDescent="0.2">
      <c r="A3268" s="17">
        <v>5378</v>
      </c>
      <c r="B3268" s="17"/>
      <c r="C3268" s="17"/>
      <c r="D3268" s="18" t="s">
        <v>1638</v>
      </c>
      <c r="E3268" s="18"/>
      <c r="F3268" s="18"/>
      <c r="G3268" s="18"/>
      <c r="H3268" s="18"/>
      <c r="I3268" s="18"/>
      <c r="J3268" s="18"/>
      <c r="K3268" s="18"/>
      <c r="L3268" s="18"/>
      <c r="M3268" s="18"/>
      <c r="N3268" s="18"/>
      <c r="O3268" s="18"/>
      <c r="P3268" s="19">
        <v>550</v>
      </c>
      <c r="Q3268" s="19"/>
      <c r="R3268" s="19"/>
      <c r="S3268" s="19"/>
      <c r="T3268" s="19">
        <v>490</v>
      </c>
      <c r="U3268" s="19"/>
      <c r="V3268" s="19"/>
      <c r="W3268" s="19"/>
      <c r="X3268" s="19">
        <v>1</v>
      </c>
      <c r="Y3268" s="19"/>
      <c r="Z3268" s="19"/>
      <c r="AA3268" s="19"/>
    </row>
    <row r="3269" spans="1:27" s="1" customFormat="1" ht="11.1" customHeight="1" outlineLevel="2" x14ac:dyDescent="0.2">
      <c r="A3269" s="17"/>
      <c r="B3269" s="17"/>
      <c r="C3269" s="17"/>
      <c r="D3269" s="18"/>
      <c r="E3269" s="18"/>
      <c r="F3269" s="18"/>
      <c r="G3269" s="18"/>
      <c r="H3269" s="18"/>
      <c r="I3269" s="18"/>
      <c r="J3269" s="18"/>
      <c r="K3269" s="18"/>
      <c r="L3269" s="18"/>
      <c r="M3269" s="18"/>
      <c r="N3269" s="18"/>
      <c r="O3269" s="18"/>
      <c r="P3269" s="19"/>
      <c r="Q3269" s="19"/>
      <c r="R3269" s="19"/>
      <c r="S3269" s="19"/>
      <c r="T3269" s="19"/>
      <c r="U3269" s="19"/>
      <c r="V3269" s="19"/>
      <c r="W3269" s="19"/>
      <c r="X3269" s="19"/>
      <c r="Y3269" s="19"/>
      <c r="Z3269" s="19"/>
      <c r="AA3269" s="19"/>
    </row>
    <row r="3270" spans="1:27" s="1" customFormat="1" ht="11.1" customHeight="1" outlineLevel="2" x14ac:dyDescent="0.2">
      <c r="A3270" s="17">
        <v>1289</v>
      </c>
      <c r="B3270" s="17"/>
      <c r="C3270" s="17"/>
      <c r="D3270" s="18" t="s">
        <v>1639</v>
      </c>
      <c r="E3270" s="18"/>
      <c r="F3270" s="18"/>
      <c r="G3270" s="18"/>
      <c r="H3270" s="18"/>
      <c r="I3270" s="18"/>
      <c r="J3270" s="18"/>
      <c r="K3270" s="18"/>
      <c r="L3270" s="18"/>
      <c r="M3270" s="18"/>
      <c r="N3270" s="18"/>
      <c r="O3270" s="18"/>
      <c r="P3270" s="19">
        <v>460</v>
      </c>
      <c r="Q3270" s="19"/>
      <c r="R3270" s="19"/>
      <c r="S3270" s="19"/>
      <c r="T3270" s="19">
        <v>405</v>
      </c>
      <c r="U3270" s="19"/>
      <c r="V3270" s="19"/>
      <c r="W3270" s="19"/>
      <c r="X3270" s="19">
        <v>1</v>
      </c>
      <c r="Y3270" s="19"/>
      <c r="Z3270" s="19"/>
      <c r="AA3270" s="19"/>
    </row>
    <row r="3271" spans="1:27" s="1" customFormat="1" ht="11.1" customHeight="1" outlineLevel="2" x14ac:dyDescent="0.2">
      <c r="A3271" s="17"/>
      <c r="B3271" s="17"/>
      <c r="C3271" s="17"/>
      <c r="D3271" s="18"/>
      <c r="E3271" s="18"/>
      <c r="F3271" s="18"/>
      <c r="G3271" s="18"/>
      <c r="H3271" s="18"/>
      <c r="I3271" s="18"/>
      <c r="J3271" s="18"/>
      <c r="K3271" s="18"/>
      <c r="L3271" s="18"/>
      <c r="M3271" s="18"/>
      <c r="N3271" s="18"/>
      <c r="O3271" s="18"/>
      <c r="P3271" s="19"/>
      <c r="Q3271" s="19"/>
      <c r="R3271" s="19"/>
      <c r="S3271" s="19"/>
      <c r="T3271" s="19"/>
      <c r="U3271" s="19"/>
      <c r="V3271" s="19"/>
      <c r="W3271" s="19"/>
      <c r="X3271" s="19"/>
      <c r="Y3271" s="19"/>
      <c r="Z3271" s="19"/>
      <c r="AA3271" s="19"/>
    </row>
    <row r="3272" spans="1:27" s="1" customFormat="1" ht="11.1" customHeight="1" outlineLevel="2" x14ac:dyDescent="0.2">
      <c r="A3272" s="17">
        <v>4630</v>
      </c>
      <c r="B3272" s="17"/>
      <c r="C3272" s="17"/>
      <c r="D3272" s="18" t="s">
        <v>1640</v>
      </c>
      <c r="E3272" s="18"/>
      <c r="F3272" s="18"/>
      <c r="G3272" s="18"/>
      <c r="H3272" s="18"/>
      <c r="I3272" s="18"/>
      <c r="J3272" s="18"/>
      <c r="K3272" s="18"/>
      <c r="L3272" s="18"/>
      <c r="M3272" s="18"/>
      <c r="N3272" s="18"/>
      <c r="O3272" s="18"/>
      <c r="P3272" s="19">
        <v>450</v>
      </c>
      <c r="Q3272" s="19"/>
      <c r="R3272" s="19"/>
      <c r="S3272" s="19"/>
      <c r="T3272" s="19">
        <v>410</v>
      </c>
      <c r="U3272" s="19"/>
      <c r="V3272" s="19"/>
      <c r="W3272" s="19"/>
      <c r="X3272" s="19">
        <v>2</v>
      </c>
      <c r="Y3272" s="19"/>
      <c r="Z3272" s="19"/>
      <c r="AA3272" s="19"/>
    </row>
    <row r="3273" spans="1:27" s="1" customFormat="1" ht="11.1" customHeight="1" outlineLevel="2" x14ac:dyDescent="0.2">
      <c r="A3273" s="17"/>
      <c r="B3273" s="17"/>
      <c r="C3273" s="17"/>
      <c r="D3273" s="18"/>
      <c r="E3273" s="18"/>
      <c r="F3273" s="18"/>
      <c r="G3273" s="18"/>
      <c r="H3273" s="18"/>
      <c r="I3273" s="18"/>
      <c r="J3273" s="18"/>
      <c r="K3273" s="18"/>
      <c r="L3273" s="18"/>
      <c r="M3273" s="18"/>
      <c r="N3273" s="18"/>
      <c r="O3273" s="18"/>
      <c r="P3273" s="19"/>
      <c r="Q3273" s="19"/>
      <c r="R3273" s="19"/>
      <c r="S3273" s="19"/>
      <c r="T3273" s="19"/>
      <c r="U3273" s="19"/>
      <c r="V3273" s="19"/>
      <c r="W3273" s="19"/>
      <c r="X3273" s="19"/>
      <c r="Y3273" s="19"/>
      <c r="Z3273" s="19"/>
      <c r="AA3273" s="19"/>
    </row>
    <row r="3274" spans="1:27" s="1" customFormat="1" ht="11.1" customHeight="1" outlineLevel="2" x14ac:dyDescent="0.2">
      <c r="A3274" s="17">
        <v>1291</v>
      </c>
      <c r="B3274" s="17"/>
      <c r="C3274" s="17"/>
      <c r="D3274" s="18" t="s">
        <v>1641</v>
      </c>
      <c r="E3274" s="18"/>
      <c r="F3274" s="18"/>
      <c r="G3274" s="18"/>
      <c r="H3274" s="18"/>
      <c r="I3274" s="18"/>
      <c r="J3274" s="18"/>
      <c r="K3274" s="18"/>
      <c r="L3274" s="18"/>
      <c r="M3274" s="18"/>
      <c r="N3274" s="18"/>
      <c r="O3274" s="18"/>
      <c r="P3274" s="19">
        <v>440</v>
      </c>
      <c r="Q3274" s="19"/>
      <c r="R3274" s="19"/>
      <c r="S3274" s="19"/>
      <c r="T3274" s="19">
        <v>390</v>
      </c>
      <c r="U3274" s="19"/>
      <c r="V3274" s="19"/>
      <c r="W3274" s="19"/>
      <c r="X3274" s="19">
        <v>1</v>
      </c>
      <c r="Y3274" s="19"/>
      <c r="Z3274" s="19"/>
      <c r="AA3274" s="19"/>
    </row>
    <row r="3275" spans="1:27" s="1" customFormat="1" ht="11.1" customHeight="1" outlineLevel="2" x14ac:dyDescent="0.2">
      <c r="A3275" s="17"/>
      <c r="B3275" s="17"/>
      <c r="C3275" s="17"/>
      <c r="D3275" s="18"/>
      <c r="E3275" s="18"/>
      <c r="F3275" s="18"/>
      <c r="G3275" s="18"/>
      <c r="H3275" s="18"/>
      <c r="I3275" s="18"/>
      <c r="J3275" s="18"/>
      <c r="K3275" s="18"/>
      <c r="L3275" s="18"/>
      <c r="M3275" s="18"/>
      <c r="N3275" s="18"/>
      <c r="O3275" s="18"/>
      <c r="P3275" s="19"/>
      <c r="Q3275" s="19"/>
      <c r="R3275" s="19"/>
      <c r="S3275" s="19"/>
      <c r="T3275" s="19"/>
      <c r="U3275" s="19"/>
      <c r="V3275" s="19"/>
      <c r="W3275" s="19"/>
      <c r="X3275" s="19"/>
      <c r="Y3275" s="19"/>
      <c r="Z3275" s="19"/>
      <c r="AA3275" s="19"/>
    </row>
    <row r="3276" spans="1:27" s="1" customFormat="1" ht="11.1" customHeight="1" outlineLevel="2" x14ac:dyDescent="0.2">
      <c r="A3276" s="17">
        <v>1292</v>
      </c>
      <c r="B3276" s="17"/>
      <c r="C3276" s="17"/>
      <c r="D3276" s="18" t="s">
        <v>1642</v>
      </c>
      <c r="E3276" s="18"/>
      <c r="F3276" s="18"/>
      <c r="G3276" s="18"/>
      <c r="H3276" s="18"/>
      <c r="I3276" s="18"/>
      <c r="J3276" s="18"/>
      <c r="K3276" s="18"/>
      <c r="L3276" s="18"/>
      <c r="M3276" s="18"/>
      <c r="N3276" s="18"/>
      <c r="O3276" s="18"/>
      <c r="P3276" s="19">
        <v>440</v>
      </c>
      <c r="Q3276" s="19"/>
      <c r="R3276" s="19"/>
      <c r="S3276" s="19"/>
      <c r="T3276" s="19">
        <v>385</v>
      </c>
      <c r="U3276" s="19"/>
      <c r="V3276" s="19"/>
      <c r="W3276" s="19"/>
      <c r="X3276" s="19">
        <v>2</v>
      </c>
      <c r="Y3276" s="19"/>
      <c r="Z3276" s="19"/>
      <c r="AA3276" s="19"/>
    </row>
    <row r="3277" spans="1:27" s="1" customFormat="1" ht="11.1" customHeight="1" outlineLevel="2" x14ac:dyDescent="0.2">
      <c r="A3277" s="17"/>
      <c r="B3277" s="17"/>
      <c r="C3277" s="17"/>
      <c r="D3277" s="18"/>
      <c r="E3277" s="18"/>
      <c r="F3277" s="18"/>
      <c r="G3277" s="18"/>
      <c r="H3277" s="18"/>
      <c r="I3277" s="18"/>
      <c r="J3277" s="18"/>
      <c r="K3277" s="18"/>
      <c r="L3277" s="18"/>
      <c r="M3277" s="18"/>
      <c r="N3277" s="18"/>
      <c r="O3277" s="18"/>
      <c r="P3277" s="19"/>
      <c r="Q3277" s="19"/>
      <c r="R3277" s="19"/>
      <c r="S3277" s="19"/>
      <c r="T3277" s="19"/>
      <c r="U3277" s="19"/>
      <c r="V3277" s="19"/>
      <c r="W3277" s="19"/>
      <c r="X3277" s="19"/>
      <c r="Y3277" s="19"/>
      <c r="Z3277" s="19"/>
      <c r="AA3277" s="19"/>
    </row>
    <row r="3278" spans="1:27" s="1" customFormat="1" ht="14.1" customHeight="1" outlineLevel="2" x14ac:dyDescent="0.2">
      <c r="A3278" s="17">
        <v>15328</v>
      </c>
      <c r="B3278" s="17"/>
      <c r="C3278" s="17"/>
      <c r="D3278" s="18" t="s">
        <v>1643</v>
      </c>
      <c r="E3278" s="18"/>
      <c r="F3278" s="18"/>
      <c r="G3278" s="18"/>
      <c r="H3278" s="18"/>
      <c r="I3278" s="18"/>
      <c r="J3278" s="18"/>
      <c r="K3278" s="18"/>
      <c r="L3278" s="18"/>
      <c r="M3278" s="18"/>
      <c r="N3278" s="18"/>
      <c r="O3278" s="18"/>
      <c r="P3278" s="20">
        <v>2400</v>
      </c>
      <c r="Q3278" s="20"/>
      <c r="R3278" s="20"/>
      <c r="S3278" s="20"/>
      <c r="T3278" s="20">
        <v>2200</v>
      </c>
      <c r="U3278" s="20"/>
      <c r="V3278" s="20"/>
      <c r="W3278" s="20"/>
      <c r="X3278" s="19">
        <v>1</v>
      </c>
      <c r="Y3278" s="19"/>
      <c r="Z3278" s="19"/>
      <c r="AA3278" s="19"/>
    </row>
    <row r="3279" spans="1:27" s="1" customFormat="1" ht="14.1" customHeight="1" outlineLevel="2" x14ac:dyDescent="0.2">
      <c r="A3279" s="17"/>
      <c r="B3279" s="17"/>
      <c r="C3279" s="17"/>
      <c r="D3279" s="18"/>
      <c r="E3279" s="18"/>
      <c r="F3279" s="18"/>
      <c r="G3279" s="18"/>
      <c r="H3279" s="18"/>
      <c r="I3279" s="18"/>
      <c r="J3279" s="18"/>
      <c r="K3279" s="18"/>
      <c r="L3279" s="18"/>
      <c r="M3279" s="18"/>
      <c r="N3279" s="18"/>
      <c r="O3279" s="18"/>
      <c r="P3279" s="20"/>
      <c r="Q3279" s="20"/>
      <c r="R3279" s="20"/>
      <c r="S3279" s="20"/>
      <c r="T3279" s="20"/>
      <c r="U3279" s="20"/>
      <c r="V3279" s="20"/>
      <c r="W3279" s="20"/>
      <c r="X3279" s="19"/>
      <c r="Y3279" s="19"/>
      <c r="Z3279" s="19"/>
      <c r="AA3279" s="19"/>
    </row>
    <row r="3280" spans="1:27" s="1" customFormat="1" ht="11.1" customHeight="1" outlineLevel="2" x14ac:dyDescent="0.2">
      <c r="A3280" s="17">
        <v>17709</v>
      </c>
      <c r="B3280" s="17"/>
      <c r="C3280" s="17"/>
      <c r="D3280" s="18" t="s">
        <v>1644</v>
      </c>
      <c r="E3280" s="18"/>
      <c r="F3280" s="18"/>
      <c r="G3280" s="18"/>
      <c r="H3280" s="18"/>
      <c r="I3280" s="18"/>
      <c r="J3280" s="18"/>
      <c r="K3280" s="18"/>
      <c r="L3280" s="18"/>
      <c r="M3280" s="18"/>
      <c r="N3280" s="18"/>
      <c r="O3280" s="18"/>
      <c r="P3280" s="20">
        <v>2200</v>
      </c>
      <c r="Q3280" s="20"/>
      <c r="R3280" s="20"/>
      <c r="S3280" s="20"/>
      <c r="T3280" s="20">
        <v>2000</v>
      </c>
      <c r="U3280" s="20"/>
      <c r="V3280" s="20"/>
      <c r="W3280" s="20"/>
      <c r="X3280" s="19">
        <v>10</v>
      </c>
      <c r="Y3280" s="19"/>
      <c r="Z3280" s="19"/>
      <c r="AA3280" s="19"/>
    </row>
    <row r="3281" spans="1:27" s="1" customFormat="1" ht="11.1" customHeight="1" outlineLevel="2" x14ac:dyDescent="0.2">
      <c r="A3281" s="17"/>
      <c r="B3281" s="17"/>
      <c r="C3281" s="17"/>
      <c r="D3281" s="18"/>
      <c r="E3281" s="18"/>
      <c r="F3281" s="18"/>
      <c r="G3281" s="18"/>
      <c r="H3281" s="18"/>
      <c r="I3281" s="18"/>
      <c r="J3281" s="18"/>
      <c r="K3281" s="18"/>
      <c r="L3281" s="18"/>
      <c r="M3281" s="18"/>
      <c r="N3281" s="18"/>
      <c r="O3281" s="18"/>
      <c r="P3281" s="20"/>
      <c r="Q3281" s="20"/>
      <c r="R3281" s="20"/>
      <c r="S3281" s="20"/>
      <c r="T3281" s="20"/>
      <c r="U3281" s="20"/>
      <c r="V3281" s="20"/>
      <c r="W3281" s="20"/>
      <c r="X3281" s="19"/>
      <c r="Y3281" s="19"/>
      <c r="Z3281" s="19"/>
      <c r="AA3281" s="19"/>
    </row>
    <row r="3282" spans="1:27" s="1" customFormat="1" ht="11.1" customHeight="1" outlineLevel="2" x14ac:dyDescent="0.2">
      <c r="A3282" s="17">
        <v>1302</v>
      </c>
      <c r="B3282" s="17"/>
      <c r="C3282" s="17"/>
      <c r="D3282" s="18" t="s">
        <v>1645</v>
      </c>
      <c r="E3282" s="18"/>
      <c r="F3282" s="18"/>
      <c r="G3282" s="18"/>
      <c r="H3282" s="18"/>
      <c r="I3282" s="18"/>
      <c r="J3282" s="18"/>
      <c r="K3282" s="18"/>
      <c r="L3282" s="18"/>
      <c r="M3282" s="18"/>
      <c r="N3282" s="18"/>
      <c r="O3282" s="18"/>
      <c r="P3282" s="20">
        <v>1650</v>
      </c>
      <c r="Q3282" s="20"/>
      <c r="R3282" s="20"/>
      <c r="S3282" s="20"/>
      <c r="T3282" s="20">
        <v>1530</v>
      </c>
      <c r="U3282" s="20"/>
      <c r="V3282" s="20"/>
      <c r="W3282" s="20"/>
      <c r="X3282" s="19">
        <v>3</v>
      </c>
      <c r="Y3282" s="19"/>
      <c r="Z3282" s="19"/>
      <c r="AA3282" s="19"/>
    </row>
    <row r="3283" spans="1:27" s="1" customFormat="1" ht="11.1" customHeight="1" outlineLevel="2" x14ac:dyDescent="0.2">
      <c r="A3283" s="17"/>
      <c r="B3283" s="17"/>
      <c r="C3283" s="17"/>
      <c r="D3283" s="18"/>
      <c r="E3283" s="18"/>
      <c r="F3283" s="18"/>
      <c r="G3283" s="18"/>
      <c r="H3283" s="18"/>
      <c r="I3283" s="18"/>
      <c r="J3283" s="18"/>
      <c r="K3283" s="18"/>
      <c r="L3283" s="18"/>
      <c r="M3283" s="18"/>
      <c r="N3283" s="18"/>
      <c r="O3283" s="18"/>
      <c r="P3283" s="20"/>
      <c r="Q3283" s="20"/>
      <c r="R3283" s="20"/>
      <c r="S3283" s="20"/>
      <c r="T3283" s="20"/>
      <c r="U3283" s="20"/>
      <c r="V3283" s="20"/>
      <c r="W3283" s="20"/>
      <c r="X3283" s="19"/>
      <c r="Y3283" s="19"/>
      <c r="Z3283" s="19"/>
      <c r="AA3283" s="19"/>
    </row>
    <row r="3284" spans="1:27" s="1" customFormat="1" ht="11.1" customHeight="1" outlineLevel="2" x14ac:dyDescent="0.2">
      <c r="A3284" s="17">
        <v>1300</v>
      </c>
      <c r="B3284" s="17"/>
      <c r="C3284" s="17"/>
      <c r="D3284" s="18" t="s">
        <v>1646</v>
      </c>
      <c r="E3284" s="18"/>
      <c r="F3284" s="18"/>
      <c r="G3284" s="18"/>
      <c r="H3284" s="18"/>
      <c r="I3284" s="18"/>
      <c r="J3284" s="18"/>
      <c r="K3284" s="18"/>
      <c r="L3284" s="18"/>
      <c r="M3284" s="18"/>
      <c r="N3284" s="18"/>
      <c r="O3284" s="18"/>
      <c r="P3284" s="20">
        <v>1400</v>
      </c>
      <c r="Q3284" s="20"/>
      <c r="R3284" s="20"/>
      <c r="S3284" s="20"/>
      <c r="T3284" s="20">
        <v>1300</v>
      </c>
      <c r="U3284" s="20"/>
      <c r="V3284" s="20"/>
      <c r="W3284" s="20"/>
      <c r="X3284" s="19">
        <v>1</v>
      </c>
      <c r="Y3284" s="19"/>
      <c r="Z3284" s="19"/>
      <c r="AA3284" s="19"/>
    </row>
    <row r="3285" spans="1:27" s="1" customFormat="1" ht="11.1" customHeight="1" outlineLevel="2" x14ac:dyDescent="0.2">
      <c r="A3285" s="17"/>
      <c r="B3285" s="17"/>
      <c r="C3285" s="17"/>
      <c r="D3285" s="18"/>
      <c r="E3285" s="18"/>
      <c r="F3285" s="18"/>
      <c r="G3285" s="18"/>
      <c r="H3285" s="18"/>
      <c r="I3285" s="18"/>
      <c r="J3285" s="18"/>
      <c r="K3285" s="18"/>
      <c r="L3285" s="18"/>
      <c r="M3285" s="18"/>
      <c r="N3285" s="18"/>
      <c r="O3285" s="18"/>
      <c r="P3285" s="20"/>
      <c r="Q3285" s="20"/>
      <c r="R3285" s="20"/>
      <c r="S3285" s="20"/>
      <c r="T3285" s="20"/>
      <c r="U3285" s="20"/>
      <c r="V3285" s="20"/>
      <c r="W3285" s="20"/>
      <c r="X3285" s="19"/>
      <c r="Y3285" s="19"/>
      <c r="Z3285" s="19"/>
      <c r="AA3285" s="19"/>
    </row>
    <row r="3286" spans="1:27" s="1" customFormat="1" ht="11.1" customHeight="1" outlineLevel="2" x14ac:dyDescent="0.2">
      <c r="A3286" s="17">
        <v>1301</v>
      </c>
      <c r="B3286" s="17"/>
      <c r="C3286" s="17"/>
      <c r="D3286" s="18" t="s">
        <v>1647</v>
      </c>
      <c r="E3286" s="18"/>
      <c r="F3286" s="18"/>
      <c r="G3286" s="18"/>
      <c r="H3286" s="18"/>
      <c r="I3286" s="18"/>
      <c r="J3286" s="18"/>
      <c r="K3286" s="18"/>
      <c r="L3286" s="18"/>
      <c r="M3286" s="18"/>
      <c r="N3286" s="18"/>
      <c r="O3286" s="18"/>
      <c r="P3286" s="20">
        <v>1700</v>
      </c>
      <c r="Q3286" s="20"/>
      <c r="R3286" s="20"/>
      <c r="S3286" s="20"/>
      <c r="T3286" s="20">
        <v>1580</v>
      </c>
      <c r="U3286" s="20"/>
      <c r="V3286" s="20"/>
      <c r="W3286" s="20"/>
      <c r="X3286" s="19">
        <v>1</v>
      </c>
      <c r="Y3286" s="19"/>
      <c r="Z3286" s="19"/>
      <c r="AA3286" s="19"/>
    </row>
    <row r="3287" spans="1:27" s="1" customFormat="1" ht="11.1" customHeight="1" outlineLevel="2" x14ac:dyDescent="0.2">
      <c r="A3287" s="17"/>
      <c r="B3287" s="17"/>
      <c r="C3287" s="17"/>
      <c r="D3287" s="18"/>
      <c r="E3287" s="18"/>
      <c r="F3287" s="18"/>
      <c r="G3287" s="18"/>
      <c r="H3287" s="18"/>
      <c r="I3287" s="18"/>
      <c r="J3287" s="18"/>
      <c r="K3287" s="18"/>
      <c r="L3287" s="18"/>
      <c r="M3287" s="18"/>
      <c r="N3287" s="18"/>
      <c r="O3287" s="18"/>
      <c r="P3287" s="20"/>
      <c r="Q3287" s="20"/>
      <c r="R3287" s="20"/>
      <c r="S3287" s="20"/>
      <c r="T3287" s="20"/>
      <c r="U3287" s="20"/>
      <c r="V3287" s="20"/>
      <c r="W3287" s="20"/>
      <c r="X3287" s="19"/>
      <c r="Y3287" s="19"/>
      <c r="Z3287" s="19"/>
      <c r="AA3287" s="19"/>
    </row>
    <row r="3288" spans="1:27" s="1" customFormat="1" ht="11.1" customHeight="1" outlineLevel="2" x14ac:dyDescent="0.2">
      <c r="A3288" s="17">
        <v>5379</v>
      </c>
      <c r="B3288" s="17"/>
      <c r="C3288" s="17"/>
      <c r="D3288" s="18" t="s">
        <v>1648</v>
      </c>
      <c r="E3288" s="18"/>
      <c r="F3288" s="18"/>
      <c r="G3288" s="18"/>
      <c r="H3288" s="18"/>
      <c r="I3288" s="18"/>
      <c r="J3288" s="18"/>
      <c r="K3288" s="18"/>
      <c r="L3288" s="18"/>
      <c r="M3288" s="18"/>
      <c r="N3288" s="18"/>
      <c r="O3288" s="18"/>
      <c r="P3288" s="20">
        <v>1900</v>
      </c>
      <c r="Q3288" s="20"/>
      <c r="R3288" s="20"/>
      <c r="S3288" s="20"/>
      <c r="T3288" s="20">
        <v>1800</v>
      </c>
      <c r="U3288" s="20"/>
      <c r="V3288" s="20"/>
      <c r="W3288" s="20"/>
      <c r="X3288" s="19">
        <v>1</v>
      </c>
      <c r="Y3288" s="19"/>
      <c r="Z3288" s="19"/>
      <c r="AA3288" s="19"/>
    </row>
    <row r="3289" spans="1:27" s="1" customFormat="1" ht="11.1" customHeight="1" outlineLevel="2" x14ac:dyDescent="0.2">
      <c r="A3289" s="17"/>
      <c r="B3289" s="17"/>
      <c r="C3289" s="17"/>
      <c r="D3289" s="18"/>
      <c r="E3289" s="18"/>
      <c r="F3289" s="18"/>
      <c r="G3289" s="18"/>
      <c r="H3289" s="18"/>
      <c r="I3289" s="18"/>
      <c r="J3289" s="18"/>
      <c r="K3289" s="18"/>
      <c r="L3289" s="18"/>
      <c r="M3289" s="18"/>
      <c r="N3289" s="18"/>
      <c r="O3289" s="18"/>
      <c r="P3289" s="20"/>
      <c r="Q3289" s="20"/>
      <c r="R3289" s="20"/>
      <c r="S3289" s="20"/>
      <c r="T3289" s="20"/>
      <c r="U3289" s="20"/>
      <c r="V3289" s="20"/>
      <c r="W3289" s="20"/>
      <c r="X3289" s="19"/>
      <c r="Y3289" s="19"/>
      <c r="Z3289" s="19"/>
      <c r="AA3289" s="19"/>
    </row>
    <row r="3290" spans="1:27" s="1" customFormat="1" ht="14.1" customHeight="1" outlineLevel="2" x14ac:dyDescent="0.2">
      <c r="A3290" s="17">
        <v>16443</v>
      </c>
      <c r="B3290" s="17"/>
      <c r="C3290" s="17"/>
      <c r="D3290" s="18" t="s">
        <v>1649</v>
      </c>
      <c r="E3290" s="18"/>
      <c r="F3290" s="18"/>
      <c r="G3290" s="18"/>
      <c r="H3290" s="18"/>
      <c r="I3290" s="18"/>
      <c r="J3290" s="18"/>
      <c r="K3290" s="18"/>
      <c r="L3290" s="18"/>
      <c r="M3290" s="18"/>
      <c r="N3290" s="18"/>
      <c r="O3290" s="18"/>
      <c r="P3290" s="20">
        <v>1500</v>
      </c>
      <c r="Q3290" s="20"/>
      <c r="R3290" s="20"/>
      <c r="S3290" s="20"/>
      <c r="T3290" s="19">
        <v>100</v>
      </c>
      <c r="U3290" s="19"/>
      <c r="V3290" s="19"/>
      <c r="W3290" s="19"/>
      <c r="X3290" s="19">
        <v>1</v>
      </c>
      <c r="Y3290" s="19"/>
      <c r="Z3290" s="19"/>
      <c r="AA3290" s="19"/>
    </row>
    <row r="3291" spans="1:27" s="1" customFormat="1" ht="14.1" customHeight="1" outlineLevel="2" x14ac:dyDescent="0.2">
      <c r="A3291" s="17"/>
      <c r="B3291" s="17"/>
      <c r="C3291" s="17"/>
      <c r="D3291" s="18"/>
      <c r="E3291" s="18"/>
      <c r="F3291" s="18"/>
      <c r="G3291" s="18"/>
      <c r="H3291" s="18"/>
      <c r="I3291" s="18"/>
      <c r="J3291" s="18"/>
      <c r="K3291" s="18"/>
      <c r="L3291" s="18"/>
      <c r="M3291" s="18"/>
      <c r="N3291" s="18"/>
      <c r="O3291" s="18"/>
      <c r="P3291" s="20"/>
      <c r="Q3291" s="20"/>
      <c r="R3291" s="20"/>
      <c r="S3291" s="20"/>
      <c r="T3291" s="19"/>
      <c r="U3291" s="19"/>
      <c r="V3291" s="19"/>
      <c r="W3291" s="19"/>
      <c r="X3291" s="19"/>
      <c r="Y3291" s="19"/>
      <c r="Z3291" s="19"/>
      <c r="AA3291" s="19"/>
    </row>
    <row r="3292" spans="1:27" s="1" customFormat="1" ht="14.1" customHeight="1" outlineLevel="2" x14ac:dyDescent="0.2">
      <c r="A3292" s="17">
        <v>9840</v>
      </c>
      <c r="B3292" s="17"/>
      <c r="C3292" s="17"/>
      <c r="D3292" s="18" t="s">
        <v>1650</v>
      </c>
      <c r="E3292" s="18"/>
      <c r="F3292" s="18"/>
      <c r="G3292" s="18"/>
      <c r="H3292" s="18"/>
      <c r="I3292" s="18"/>
      <c r="J3292" s="18"/>
      <c r="K3292" s="18"/>
      <c r="L3292" s="18"/>
      <c r="M3292" s="18"/>
      <c r="N3292" s="18"/>
      <c r="O3292" s="18"/>
      <c r="P3292" s="20">
        <v>1410</v>
      </c>
      <c r="Q3292" s="20"/>
      <c r="R3292" s="20"/>
      <c r="S3292" s="20"/>
      <c r="T3292" s="20">
        <v>1350</v>
      </c>
      <c r="U3292" s="20"/>
      <c r="V3292" s="20"/>
      <c r="W3292" s="20"/>
      <c r="X3292" s="19">
        <v>1</v>
      </c>
      <c r="Y3292" s="19"/>
      <c r="Z3292" s="19"/>
      <c r="AA3292" s="19"/>
    </row>
    <row r="3293" spans="1:27" s="1" customFormat="1" ht="14.1" customHeight="1" outlineLevel="2" x14ac:dyDescent="0.2">
      <c r="A3293" s="17"/>
      <c r="B3293" s="17"/>
      <c r="C3293" s="17"/>
      <c r="D3293" s="18"/>
      <c r="E3293" s="18"/>
      <c r="F3293" s="18"/>
      <c r="G3293" s="18"/>
      <c r="H3293" s="18"/>
      <c r="I3293" s="18"/>
      <c r="J3293" s="18"/>
      <c r="K3293" s="18"/>
      <c r="L3293" s="18"/>
      <c r="M3293" s="18"/>
      <c r="N3293" s="18"/>
      <c r="O3293" s="18"/>
      <c r="P3293" s="20"/>
      <c r="Q3293" s="20"/>
      <c r="R3293" s="20"/>
      <c r="S3293" s="20"/>
      <c r="T3293" s="20"/>
      <c r="U3293" s="20"/>
      <c r="V3293" s="20"/>
      <c r="W3293" s="20"/>
      <c r="X3293" s="19"/>
      <c r="Y3293" s="19"/>
      <c r="Z3293" s="19"/>
      <c r="AA3293" s="19"/>
    </row>
    <row r="3294" spans="1:27" s="1" customFormat="1" ht="11.1" customHeight="1" outlineLevel="1" x14ac:dyDescent="0.2">
      <c r="A3294" s="16" t="s">
        <v>1651</v>
      </c>
      <c r="B3294" s="16"/>
      <c r="C3294" s="16"/>
      <c r="D3294" s="16"/>
      <c r="E3294" s="16"/>
      <c r="F3294" s="16"/>
      <c r="G3294" s="16"/>
      <c r="H3294" s="16"/>
      <c r="I3294" s="16"/>
      <c r="J3294" s="16"/>
      <c r="K3294" s="16"/>
      <c r="L3294" s="16"/>
      <c r="M3294" s="16"/>
      <c r="N3294" s="16"/>
      <c r="O3294" s="16"/>
      <c r="P3294" s="16"/>
      <c r="Q3294" s="16"/>
      <c r="R3294" s="16"/>
      <c r="S3294" s="16"/>
      <c r="T3294" s="16"/>
      <c r="U3294" s="16"/>
      <c r="V3294" s="16"/>
      <c r="W3294" s="16"/>
      <c r="X3294" s="16"/>
      <c r="Y3294" s="16"/>
      <c r="Z3294" s="16"/>
      <c r="AA3294" s="16"/>
    </row>
    <row r="3295" spans="1:27" s="1" customFormat="1" ht="11.1" customHeight="1" outlineLevel="1" x14ac:dyDescent="0.2">
      <c r="A3295" s="16"/>
      <c r="B3295" s="16"/>
      <c r="C3295" s="16"/>
      <c r="D3295" s="16"/>
      <c r="E3295" s="16"/>
      <c r="F3295" s="16"/>
      <c r="G3295" s="16"/>
      <c r="H3295" s="16"/>
      <c r="I3295" s="16"/>
      <c r="J3295" s="16"/>
      <c r="K3295" s="16"/>
      <c r="L3295" s="16"/>
      <c r="M3295" s="16"/>
      <c r="N3295" s="16"/>
      <c r="O3295" s="16"/>
      <c r="P3295" s="16"/>
      <c r="Q3295" s="16"/>
      <c r="R3295" s="16"/>
      <c r="S3295" s="16"/>
      <c r="T3295" s="16"/>
      <c r="U3295" s="16"/>
      <c r="V3295" s="16"/>
      <c r="W3295" s="16"/>
      <c r="X3295" s="16"/>
      <c r="Y3295" s="16"/>
      <c r="Z3295" s="16"/>
      <c r="AA3295" s="16"/>
    </row>
    <row r="3296" spans="1:27" s="1" customFormat="1" ht="11.1" customHeight="1" outlineLevel="2" x14ac:dyDescent="0.2">
      <c r="A3296" s="17">
        <v>1369</v>
      </c>
      <c r="B3296" s="17"/>
      <c r="C3296" s="17"/>
      <c r="D3296" s="18" t="s">
        <v>1652</v>
      </c>
      <c r="E3296" s="18"/>
      <c r="F3296" s="18"/>
      <c r="G3296" s="18"/>
      <c r="H3296" s="18"/>
      <c r="I3296" s="18"/>
      <c r="J3296" s="18"/>
      <c r="K3296" s="18"/>
      <c r="L3296" s="18"/>
      <c r="M3296" s="18"/>
      <c r="N3296" s="18"/>
      <c r="O3296" s="18"/>
      <c r="P3296" s="20">
        <v>1500</v>
      </c>
      <c r="Q3296" s="20"/>
      <c r="R3296" s="20"/>
      <c r="S3296" s="20"/>
      <c r="T3296" s="20">
        <v>1410</v>
      </c>
      <c r="U3296" s="20"/>
      <c r="V3296" s="20"/>
      <c r="W3296" s="20"/>
      <c r="X3296" s="19">
        <v>1</v>
      </c>
      <c r="Y3296" s="19"/>
      <c r="Z3296" s="19"/>
      <c r="AA3296" s="19"/>
    </row>
    <row r="3297" spans="1:27" s="1" customFormat="1" ht="11.1" customHeight="1" outlineLevel="2" x14ac:dyDescent="0.2">
      <c r="A3297" s="17"/>
      <c r="B3297" s="17"/>
      <c r="C3297" s="17"/>
      <c r="D3297" s="18"/>
      <c r="E3297" s="18"/>
      <c r="F3297" s="18"/>
      <c r="G3297" s="18"/>
      <c r="H3297" s="18"/>
      <c r="I3297" s="18"/>
      <c r="J3297" s="18"/>
      <c r="K3297" s="18"/>
      <c r="L3297" s="18"/>
      <c r="M3297" s="18"/>
      <c r="N3297" s="18"/>
      <c r="O3297" s="18"/>
      <c r="P3297" s="20"/>
      <c r="Q3297" s="20"/>
      <c r="R3297" s="20"/>
      <c r="S3297" s="20"/>
      <c r="T3297" s="20"/>
      <c r="U3297" s="20"/>
      <c r="V3297" s="20"/>
      <c r="W3297" s="20"/>
      <c r="X3297" s="19"/>
      <c r="Y3297" s="19"/>
      <c r="Z3297" s="19"/>
      <c r="AA3297" s="19"/>
    </row>
    <row r="3298" spans="1:27" s="1" customFormat="1" ht="11.1" customHeight="1" outlineLevel="2" x14ac:dyDescent="0.2">
      <c r="A3298" s="17">
        <v>1389</v>
      </c>
      <c r="B3298" s="17"/>
      <c r="C3298" s="17"/>
      <c r="D3298" s="18" t="s">
        <v>1653</v>
      </c>
      <c r="E3298" s="18"/>
      <c r="F3298" s="18"/>
      <c r="G3298" s="18"/>
      <c r="H3298" s="18"/>
      <c r="I3298" s="18"/>
      <c r="J3298" s="18"/>
      <c r="K3298" s="18"/>
      <c r="L3298" s="18"/>
      <c r="M3298" s="18"/>
      <c r="N3298" s="18"/>
      <c r="O3298" s="18"/>
      <c r="P3298" s="19">
        <v>100</v>
      </c>
      <c r="Q3298" s="19"/>
      <c r="R3298" s="19"/>
      <c r="S3298" s="19"/>
      <c r="T3298" s="19">
        <v>80</v>
      </c>
      <c r="U3298" s="19"/>
      <c r="V3298" s="19"/>
      <c r="W3298" s="19"/>
      <c r="X3298" s="19">
        <v>1</v>
      </c>
      <c r="Y3298" s="19"/>
      <c r="Z3298" s="19"/>
      <c r="AA3298" s="19"/>
    </row>
    <row r="3299" spans="1:27" s="1" customFormat="1" ht="11.1" customHeight="1" outlineLevel="2" x14ac:dyDescent="0.2">
      <c r="A3299" s="17"/>
      <c r="B3299" s="17"/>
      <c r="C3299" s="17"/>
      <c r="D3299" s="18"/>
      <c r="E3299" s="18"/>
      <c r="F3299" s="18"/>
      <c r="G3299" s="18"/>
      <c r="H3299" s="18"/>
      <c r="I3299" s="18"/>
      <c r="J3299" s="18"/>
      <c r="K3299" s="18"/>
      <c r="L3299" s="18"/>
      <c r="M3299" s="18"/>
      <c r="N3299" s="18"/>
      <c r="O3299" s="18"/>
      <c r="P3299" s="19"/>
      <c r="Q3299" s="19"/>
      <c r="R3299" s="19"/>
      <c r="S3299" s="19"/>
      <c r="T3299" s="19"/>
      <c r="U3299" s="19"/>
      <c r="V3299" s="19"/>
      <c r="W3299" s="19"/>
      <c r="X3299" s="19"/>
      <c r="Y3299" s="19"/>
      <c r="Z3299" s="19"/>
      <c r="AA3299" s="19"/>
    </row>
    <row r="3300" spans="1:27" s="1" customFormat="1" ht="11.1" customHeight="1" outlineLevel="2" x14ac:dyDescent="0.2">
      <c r="A3300" s="17">
        <v>6297</v>
      </c>
      <c r="B3300" s="17"/>
      <c r="C3300" s="17"/>
      <c r="D3300" s="18" t="s">
        <v>1654</v>
      </c>
      <c r="E3300" s="18"/>
      <c r="F3300" s="18"/>
      <c r="G3300" s="18"/>
      <c r="H3300" s="18"/>
      <c r="I3300" s="18"/>
      <c r="J3300" s="18"/>
      <c r="K3300" s="18"/>
      <c r="L3300" s="18"/>
      <c r="M3300" s="18"/>
      <c r="N3300" s="18"/>
      <c r="O3300" s="18"/>
      <c r="P3300" s="20">
        <v>1000</v>
      </c>
      <c r="Q3300" s="20"/>
      <c r="R3300" s="20"/>
      <c r="S3300" s="20"/>
      <c r="T3300" s="19">
        <v>940</v>
      </c>
      <c r="U3300" s="19"/>
      <c r="V3300" s="19"/>
      <c r="W3300" s="19"/>
      <c r="X3300" s="19">
        <v>1</v>
      </c>
      <c r="Y3300" s="19"/>
      <c r="Z3300" s="19"/>
      <c r="AA3300" s="19"/>
    </row>
    <row r="3301" spans="1:27" s="1" customFormat="1" ht="11.1" customHeight="1" outlineLevel="2" x14ac:dyDescent="0.2">
      <c r="A3301" s="17"/>
      <c r="B3301" s="17"/>
      <c r="C3301" s="17"/>
      <c r="D3301" s="18"/>
      <c r="E3301" s="18"/>
      <c r="F3301" s="18"/>
      <c r="G3301" s="18"/>
      <c r="H3301" s="18"/>
      <c r="I3301" s="18"/>
      <c r="J3301" s="18"/>
      <c r="K3301" s="18"/>
      <c r="L3301" s="18"/>
      <c r="M3301" s="18"/>
      <c r="N3301" s="18"/>
      <c r="O3301" s="18"/>
      <c r="P3301" s="20"/>
      <c r="Q3301" s="20"/>
      <c r="R3301" s="20"/>
      <c r="S3301" s="20"/>
      <c r="T3301" s="19"/>
      <c r="U3301" s="19"/>
      <c r="V3301" s="19"/>
      <c r="W3301" s="19"/>
      <c r="X3301" s="19"/>
      <c r="Y3301" s="19"/>
      <c r="Z3301" s="19"/>
      <c r="AA3301" s="19"/>
    </row>
    <row r="3302" spans="1:27" s="1" customFormat="1" ht="14.1" customHeight="1" outlineLevel="2" x14ac:dyDescent="0.2">
      <c r="A3302" s="17">
        <v>14042</v>
      </c>
      <c r="B3302" s="17"/>
      <c r="C3302" s="17"/>
      <c r="D3302" s="18" t="s">
        <v>1655</v>
      </c>
      <c r="E3302" s="18"/>
      <c r="F3302" s="18"/>
      <c r="G3302" s="18"/>
      <c r="H3302" s="18"/>
      <c r="I3302" s="18"/>
      <c r="J3302" s="18"/>
      <c r="K3302" s="18"/>
      <c r="L3302" s="18"/>
      <c r="M3302" s="18"/>
      <c r="N3302" s="18"/>
      <c r="O3302" s="18"/>
      <c r="P3302" s="20">
        <v>2700</v>
      </c>
      <c r="Q3302" s="20"/>
      <c r="R3302" s="20"/>
      <c r="S3302" s="20"/>
      <c r="T3302" s="20">
        <v>2500</v>
      </c>
      <c r="U3302" s="20"/>
      <c r="V3302" s="20"/>
      <c r="W3302" s="20"/>
      <c r="X3302" s="19">
        <v>1</v>
      </c>
      <c r="Y3302" s="19"/>
      <c r="Z3302" s="19"/>
      <c r="AA3302" s="19"/>
    </row>
    <row r="3303" spans="1:27" s="1" customFormat="1" ht="14.1" customHeight="1" outlineLevel="2" x14ac:dyDescent="0.2">
      <c r="A3303" s="17"/>
      <c r="B3303" s="17"/>
      <c r="C3303" s="17"/>
      <c r="D3303" s="18"/>
      <c r="E3303" s="18"/>
      <c r="F3303" s="18"/>
      <c r="G3303" s="18"/>
      <c r="H3303" s="18"/>
      <c r="I3303" s="18"/>
      <c r="J3303" s="18"/>
      <c r="K3303" s="18"/>
      <c r="L3303" s="18"/>
      <c r="M3303" s="18"/>
      <c r="N3303" s="18"/>
      <c r="O3303" s="18"/>
      <c r="P3303" s="20"/>
      <c r="Q3303" s="20"/>
      <c r="R3303" s="20"/>
      <c r="S3303" s="20"/>
      <c r="T3303" s="20"/>
      <c r="U3303" s="20"/>
      <c r="V3303" s="20"/>
      <c r="W3303" s="20"/>
      <c r="X3303" s="19"/>
      <c r="Y3303" s="19"/>
      <c r="Z3303" s="19"/>
      <c r="AA3303" s="19"/>
    </row>
    <row r="3304" spans="1:27" s="1" customFormat="1" ht="11.1" customHeight="1" outlineLevel="2" x14ac:dyDescent="0.2">
      <c r="A3304" s="17">
        <v>4654</v>
      </c>
      <c r="B3304" s="17"/>
      <c r="C3304" s="17"/>
      <c r="D3304" s="18" t="s">
        <v>1656</v>
      </c>
      <c r="E3304" s="18"/>
      <c r="F3304" s="18"/>
      <c r="G3304" s="18"/>
      <c r="H3304" s="18"/>
      <c r="I3304" s="18"/>
      <c r="J3304" s="18"/>
      <c r="K3304" s="18"/>
      <c r="L3304" s="18"/>
      <c r="M3304" s="18"/>
      <c r="N3304" s="18"/>
      <c r="O3304" s="18"/>
      <c r="P3304" s="20">
        <v>1050</v>
      </c>
      <c r="Q3304" s="20"/>
      <c r="R3304" s="20"/>
      <c r="S3304" s="20"/>
      <c r="T3304" s="20">
        <v>1030</v>
      </c>
      <c r="U3304" s="20"/>
      <c r="V3304" s="20"/>
      <c r="W3304" s="20"/>
      <c r="X3304" s="19">
        <v>1</v>
      </c>
      <c r="Y3304" s="19"/>
      <c r="Z3304" s="19"/>
      <c r="AA3304" s="19"/>
    </row>
    <row r="3305" spans="1:27" s="1" customFormat="1" ht="11.1" customHeight="1" outlineLevel="2" x14ac:dyDescent="0.2">
      <c r="A3305" s="17"/>
      <c r="B3305" s="17"/>
      <c r="C3305" s="17"/>
      <c r="D3305" s="18"/>
      <c r="E3305" s="18"/>
      <c r="F3305" s="18"/>
      <c r="G3305" s="18"/>
      <c r="H3305" s="18"/>
      <c r="I3305" s="18"/>
      <c r="J3305" s="18"/>
      <c r="K3305" s="18"/>
      <c r="L3305" s="18"/>
      <c r="M3305" s="18"/>
      <c r="N3305" s="18"/>
      <c r="O3305" s="18"/>
      <c r="P3305" s="20"/>
      <c r="Q3305" s="20"/>
      <c r="R3305" s="20"/>
      <c r="S3305" s="20"/>
      <c r="T3305" s="20"/>
      <c r="U3305" s="20"/>
      <c r="V3305" s="20"/>
      <c r="W3305" s="20"/>
      <c r="X3305" s="19"/>
      <c r="Y3305" s="19"/>
      <c r="Z3305" s="19"/>
      <c r="AA3305" s="19"/>
    </row>
    <row r="3306" spans="1:27" s="1" customFormat="1" ht="11.1" customHeight="1" outlineLevel="2" x14ac:dyDescent="0.2">
      <c r="A3306" s="17">
        <v>6036</v>
      </c>
      <c r="B3306" s="17"/>
      <c r="C3306" s="17"/>
      <c r="D3306" s="18" t="s">
        <v>1657</v>
      </c>
      <c r="E3306" s="18"/>
      <c r="F3306" s="18"/>
      <c r="G3306" s="18"/>
      <c r="H3306" s="18"/>
      <c r="I3306" s="18"/>
      <c r="J3306" s="18"/>
      <c r="K3306" s="18"/>
      <c r="L3306" s="18"/>
      <c r="M3306" s="18"/>
      <c r="N3306" s="18"/>
      <c r="O3306" s="18"/>
      <c r="P3306" s="20">
        <v>1500</v>
      </c>
      <c r="Q3306" s="20"/>
      <c r="R3306" s="20"/>
      <c r="S3306" s="20"/>
      <c r="T3306" s="20">
        <v>1410</v>
      </c>
      <c r="U3306" s="20"/>
      <c r="V3306" s="20"/>
      <c r="W3306" s="20"/>
      <c r="X3306" s="19">
        <v>1</v>
      </c>
      <c r="Y3306" s="19"/>
      <c r="Z3306" s="19"/>
      <c r="AA3306" s="19"/>
    </row>
    <row r="3307" spans="1:27" s="1" customFormat="1" ht="11.1" customHeight="1" outlineLevel="2" x14ac:dyDescent="0.2">
      <c r="A3307" s="17"/>
      <c r="B3307" s="17"/>
      <c r="C3307" s="17"/>
      <c r="D3307" s="18"/>
      <c r="E3307" s="18"/>
      <c r="F3307" s="18"/>
      <c r="G3307" s="18"/>
      <c r="H3307" s="18"/>
      <c r="I3307" s="18"/>
      <c r="J3307" s="18"/>
      <c r="K3307" s="18"/>
      <c r="L3307" s="18"/>
      <c r="M3307" s="18"/>
      <c r="N3307" s="18"/>
      <c r="O3307" s="18"/>
      <c r="P3307" s="20"/>
      <c r="Q3307" s="20"/>
      <c r="R3307" s="20"/>
      <c r="S3307" s="20"/>
      <c r="T3307" s="20"/>
      <c r="U3307" s="20"/>
      <c r="V3307" s="20"/>
      <c r="W3307" s="20"/>
      <c r="X3307" s="19"/>
      <c r="Y3307" s="19"/>
      <c r="Z3307" s="19"/>
      <c r="AA3307" s="19"/>
    </row>
    <row r="3308" spans="1:27" s="1" customFormat="1" ht="14.1" customHeight="1" outlineLevel="2" x14ac:dyDescent="0.2">
      <c r="A3308" s="17">
        <v>1384</v>
      </c>
      <c r="B3308" s="17"/>
      <c r="C3308" s="17"/>
      <c r="D3308" s="18" t="s">
        <v>1658</v>
      </c>
      <c r="E3308" s="18"/>
      <c r="F3308" s="18"/>
      <c r="G3308" s="18"/>
      <c r="H3308" s="18"/>
      <c r="I3308" s="18"/>
      <c r="J3308" s="18"/>
      <c r="K3308" s="18"/>
      <c r="L3308" s="18"/>
      <c r="M3308" s="18"/>
      <c r="N3308" s="18"/>
      <c r="O3308" s="18"/>
      <c r="P3308" s="19">
        <v>590</v>
      </c>
      <c r="Q3308" s="19"/>
      <c r="R3308" s="19"/>
      <c r="S3308" s="19"/>
      <c r="T3308" s="19">
        <v>540</v>
      </c>
      <c r="U3308" s="19"/>
      <c r="V3308" s="19"/>
      <c r="W3308" s="19"/>
      <c r="X3308" s="19">
        <v>2</v>
      </c>
      <c r="Y3308" s="19"/>
      <c r="Z3308" s="19"/>
      <c r="AA3308" s="19"/>
    </row>
    <row r="3309" spans="1:27" s="1" customFormat="1" ht="14.1" customHeight="1" outlineLevel="2" x14ac:dyDescent="0.2">
      <c r="A3309" s="17"/>
      <c r="B3309" s="17"/>
      <c r="C3309" s="17"/>
      <c r="D3309" s="18"/>
      <c r="E3309" s="18"/>
      <c r="F3309" s="18"/>
      <c r="G3309" s="18"/>
      <c r="H3309" s="18"/>
      <c r="I3309" s="18"/>
      <c r="J3309" s="18"/>
      <c r="K3309" s="18"/>
      <c r="L3309" s="18"/>
      <c r="M3309" s="18"/>
      <c r="N3309" s="18"/>
      <c r="O3309" s="18"/>
      <c r="P3309" s="19"/>
      <c r="Q3309" s="19"/>
      <c r="R3309" s="19"/>
      <c r="S3309" s="19"/>
      <c r="T3309" s="19"/>
      <c r="U3309" s="19"/>
      <c r="V3309" s="19"/>
      <c r="W3309" s="19"/>
      <c r="X3309" s="19"/>
      <c r="Y3309" s="19"/>
      <c r="Z3309" s="19"/>
      <c r="AA3309" s="19"/>
    </row>
    <row r="3310" spans="1:27" s="1" customFormat="1" ht="11.1" customHeight="1" outlineLevel="2" x14ac:dyDescent="0.2">
      <c r="A3310" s="17">
        <v>1386</v>
      </c>
      <c r="B3310" s="17"/>
      <c r="C3310" s="17"/>
      <c r="D3310" s="18" t="s">
        <v>1659</v>
      </c>
      <c r="E3310" s="18"/>
      <c r="F3310" s="18"/>
      <c r="G3310" s="18"/>
      <c r="H3310" s="18"/>
      <c r="I3310" s="18"/>
      <c r="J3310" s="18"/>
      <c r="K3310" s="18"/>
      <c r="L3310" s="18"/>
      <c r="M3310" s="18"/>
      <c r="N3310" s="18"/>
      <c r="O3310" s="18"/>
      <c r="P3310" s="19">
        <v>750</v>
      </c>
      <c r="Q3310" s="19"/>
      <c r="R3310" s="19"/>
      <c r="S3310" s="19"/>
      <c r="T3310" s="19">
        <v>690</v>
      </c>
      <c r="U3310" s="19"/>
      <c r="V3310" s="19"/>
      <c r="W3310" s="19"/>
      <c r="X3310" s="19">
        <v>2</v>
      </c>
      <c r="Y3310" s="19"/>
      <c r="Z3310" s="19"/>
      <c r="AA3310" s="19"/>
    </row>
    <row r="3311" spans="1:27" s="1" customFormat="1" ht="11.1" customHeight="1" outlineLevel="2" x14ac:dyDescent="0.2">
      <c r="A3311" s="17"/>
      <c r="B3311" s="17"/>
      <c r="C3311" s="17"/>
      <c r="D3311" s="18"/>
      <c r="E3311" s="18"/>
      <c r="F3311" s="18"/>
      <c r="G3311" s="18"/>
      <c r="H3311" s="18"/>
      <c r="I3311" s="18"/>
      <c r="J3311" s="18"/>
      <c r="K3311" s="18"/>
      <c r="L3311" s="18"/>
      <c r="M3311" s="18"/>
      <c r="N3311" s="18"/>
      <c r="O3311" s="18"/>
      <c r="P3311" s="19"/>
      <c r="Q3311" s="19"/>
      <c r="R3311" s="19"/>
      <c r="S3311" s="19"/>
      <c r="T3311" s="19"/>
      <c r="U3311" s="19"/>
      <c r="V3311" s="19"/>
      <c r="W3311" s="19"/>
      <c r="X3311" s="19"/>
      <c r="Y3311" s="19"/>
      <c r="Z3311" s="19"/>
      <c r="AA3311" s="19"/>
    </row>
    <row r="3312" spans="1:27" s="1" customFormat="1" ht="11.1" customHeight="1" outlineLevel="2" x14ac:dyDescent="0.2">
      <c r="A3312" s="17">
        <v>1385</v>
      </c>
      <c r="B3312" s="17"/>
      <c r="C3312" s="17"/>
      <c r="D3312" s="18" t="s">
        <v>1660</v>
      </c>
      <c r="E3312" s="18"/>
      <c r="F3312" s="18"/>
      <c r="G3312" s="18"/>
      <c r="H3312" s="18"/>
      <c r="I3312" s="18"/>
      <c r="J3312" s="18"/>
      <c r="K3312" s="18"/>
      <c r="L3312" s="18"/>
      <c r="M3312" s="18"/>
      <c r="N3312" s="18"/>
      <c r="O3312" s="18"/>
      <c r="P3312" s="19">
        <v>300</v>
      </c>
      <c r="Q3312" s="19"/>
      <c r="R3312" s="19"/>
      <c r="S3312" s="19"/>
      <c r="T3312" s="19">
        <v>250</v>
      </c>
      <c r="U3312" s="19"/>
      <c r="V3312" s="19"/>
      <c r="W3312" s="19"/>
      <c r="X3312" s="19">
        <v>3</v>
      </c>
      <c r="Y3312" s="19"/>
      <c r="Z3312" s="19"/>
      <c r="AA3312" s="19"/>
    </row>
    <row r="3313" spans="1:27" s="1" customFormat="1" ht="11.1" customHeight="1" outlineLevel="2" x14ac:dyDescent="0.2">
      <c r="A3313" s="17"/>
      <c r="B3313" s="17"/>
      <c r="C3313" s="17"/>
      <c r="D3313" s="18"/>
      <c r="E3313" s="18"/>
      <c r="F3313" s="18"/>
      <c r="G3313" s="18"/>
      <c r="H3313" s="18"/>
      <c r="I3313" s="18"/>
      <c r="J3313" s="18"/>
      <c r="K3313" s="18"/>
      <c r="L3313" s="18"/>
      <c r="M3313" s="18"/>
      <c r="N3313" s="18"/>
      <c r="O3313" s="18"/>
      <c r="P3313" s="19"/>
      <c r="Q3313" s="19"/>
      <c r="R3313" s="19"/>
      <c r="S3313" s="19"/>
      <c r="T3313" s="19"/>
      <c r="U3313" s="19"/>
      <c r="V3313" s="19"/>
      <c r="W3313" s="19"/>
      <c r="X3313" s="19"/>
      <c r="Y3313" s="19"/>
      <c r="Z3313" s="19"/>
      <c r="AA3313" s="19"/>
    </row>
    <row r="3314" spans="1:27" s="1" customFormat="1" ht="11.1" customHeight="1" outlineLevel="2" x14ac:dyDescent="0.2">
      <c r="A3314" s="17">
        <v>1381</v>
      </c>
      <c r="B3314" s="17"/>
      <c r="C3314" s="17"/>
      <c r="D3314" s="18" t="s">
        <v>1661</v>
      </c>
      <c r="E3314" s="18"/>
      <c r="F3314" s="18"/>
      <c r="G3314" s="18"/>
      <c r="H3314" s="18"/>
      <c r="I3314" s="18"/>
      <c r="J3314" s="18"/>
      <c r="K3314" s="18"/>
      <c r="L3314" s="18"/>
      <c r="M3314" s="18"/>
      <c r="N3314" s="18"/>
      <c r="O3314" s="18"/>
      <c r="P3314" s="20">
        <v>1700</v>
      </c>
      <c r="Q3314" s="20"/>
      <c r="R3314" s="20"/>
      <c r="S3314" s="20"/>
      <c r="T3314" s="20">
        <v>1590</v>
      </c>
      <c r="U3314" s="20"/>
      <c r="V3314" s="20"/>
      <c r="W3314" s="20"/>
      <c r="X3314" s="19">
        <v>1</v>
      </c>
      <c r="Y3314" s="19"/>
      <c r="Z3314" s="19"/>
      <c r="AA3314" s="19"/>
    </row>
    <row r="3315" spans="1:27" s="1" customFormat="1" ht="11.1" customHeight="1" outlineLevel="2" x14ac:dyDescent="0.2">
      <c r="A3315" s="17"/>
      <c r="B3315" s="17"/>
      <c r="C3315" s="17"/>
      <c r="D3315" s="18"/>
      <c r="E3315" s="18"/>
      <c r="F3315" s="18"/>
      <c r="G3315" s="18"/>
      <c r="H3315" s="18"/>
      <c r="I3315" s="18"/>
      <c r="J3315" s="18"/>
      <c r="K3315" s="18"/>
      <c r="L3315" s="18"/>
      <c r="M3315" s="18"/>
      <c r="N3315" s="18"/>
      <c r="O3315" s="18"/>
      <c r="P3315" s="20"/>
      <c r="Q3315" s="20"/>
      <c r="R3315" s="20"/>
      <c r="S3315" s="20"/>
      <c r="T3315" s="20"/>
      <c r="U3315" s="20"/>
      <c r="V3315" s="20"/>
      <c r="W3315" s="20"/>
      <c r="X3315" s="19"/>
      <c r="Y3315" s="19"/>
      <c r="Z3315" s="19"/>
      <c r="AA3315" s="19"/>
    </row>
    <row r="3316" spans="1:27" s="1" customFormat="1" ht="11.1" customHeight="1" outlineLevel="1" x14ac:dyDescent="0.2">
      <c r="A3316" s="16" t="s">
        <v>1202</v>
      </c>
      <c r="B3316" s="16"/>
      <c r="C3316" s="16"/>
      <c r="D3316" s="16"/>
      <c r="E3316" s="16"/>
      <c r="F3316" s="16"/>
      <c r="G3316" s="16"/>
      <c r="H3316" s="16"/>
      <c r="I3316" s="16"/>
      <c r="J3316" s="16"/>
      <c r="K3316" s="16"/>
      <c r="L3316" s="16"/>
      <c r="M3316" s="16"/>
      <c r="N3316" s="16"/>
      <c r="O3316" s="16"/>
      <c r="P3316" s="16"/>
      <c r="Q3316" s="16"/>
      <c r="R3316" s="16"/>
      <c r="S3316" s="16"/>
      <c r="T3316" s="16"/>
      <c r="U3316" s="16"/>
      <c r="V3316" s="16"/>
      <c r="W3316" s="16"/>
      <c r="X3316" s="16"/>
      <c r="Y3316" s="16"/>
      <c r="Z3316" s="16"/>
      <c r="AA3316" s="16"/>
    </row>
    <row r="3317" spans="1:27" s="1" customFormat="1" ht="11.1" customHeight="1" outlineLevel="1" x14ac:dyDescent="0.2">
      <c r="A3317" s="16"/>
      <c r="B3317" s="16"/>
      <c r="C3317" s="16"/>
      <c r="D3317" s="16"/>
      <c r="E3317" s="16"/>
      <c r="F3317" s="16"/>
      <c r="G3317" s="16"/>
      <c r="H3317" s="16"/>
      <c r="I3317" s="16"/>
      <c r="J3317" s="16"/>
      <c r="K3317" s="16"/>
      <c r="L3317" s="16"/>
      <c r="M3317" s="16"/>
      <c r="N3317" s="16"/>
      <c r="O3317" s="16"/>
      <c r="P3317" s="16"/>
      <c r="Q3317" s="16"/>
      <c r="R3317" s="16"/>
      <c r="S3317" s="16"/>
      <c r="T3317" s="16"/>
      <c r="U3317" s="16"/>
      <c r="V3317" s="16"/>
      <c r="W3317" s="16"/>
      <c r="X3317" s="16"/>
      <c r="Y3317" s="16"/>
      <c r="Z3317" s="16"/>
      <c r="AA3317" s="16"/>
    </row>
    <row r="3318" spans="1:27" s="1" customFormat="1" ht="11.1" customHeight="1" outlineLevel="2" x14ac:dyDescent="0.2">
      <c r="A3318" s="17">
        <v>7614</v>
      </c>
      <c r="B3318" s="17"/>
      <c r="C3318" s="17"/>
      <c r="D3318" s="18" t="s">
        <v>1662</v>
      </c>
      <c r="E3318" s="18"/>
      <c r="F3318" s="18"/>
      <c r="G3318" s="18"/>
      <c r="H3318" s="18"/>
      <c r="I3318" s="18"/>
      <c r="J3318" s="18"/>
      <c r="K3318" s="18"/>
      <c r="L3318" s="18"/>
      <c r="M3318" s="18"/>
      <c r="N3318" s="18"/>
      <c r="O3318" s="18"/>
      <c r="P3318" s="20">
        <v>1400</v>
      </c>
      <c r="Q3318" s="20"/>
      <c r="R3318" s="20"/>
      <c r="S3318" s="20"/>
      <c r="T3318" s="20">
        <v>1330</v>
      </c>
      <c r="U3318" s="20"/>
      <c r="V3318" s="20"/>
      <c r="W3318" s="20"/>
      <c r="X3318" s="19">
        <v>1</v>
      </c>
      <c r="Y3318" s="19"/>
      <c r="Z3318" s="19"/>
      <c r="AA3318" s="19"/>
    </row>
    <row r="3319" spans="1:27" s="1" customFormat="1" ht="11.1" customHeight="1" outlineLevel="2" x14ac:dyDescent="0.2">
      <c r="A3319" s="17"/>
      <c r="B3319" s="17"/>
      <c r="C3319" s="17"/>
      <c r="D3319" s="18"/>
      <c r="E3319" s="18"/>
      <c r="F3319" s="18"/>
      <c r="G3319" s="18"/>
      <c r="H3319" s="18"/>
      <c r="I3319" s="18"/>
      <c r="J3319" s="18"/>
      <c r="K3319" s="18"/>
      <c r="L3319" s="18"/>
      <c r="M3319" s="18"/>
      <c r="N3319" s="18"/>
      <c r="O3319" s="18"/>
      <c r="P3319" s="20"/>
      <c r="Q3319" s="20"/>
      <c r="R3319" s="20"/>
      <c r="S3319" s="20"/>
      <c r="T3319" s="20"/>
      <c r="U3319" s="20"/>
      <c r="V3319" s="20"/>
      <c r="W3319" s="20"/>
      <c r="X3319" s="19"/>
      <c r="Y3319" s="19"/>
      <c r="Z3319" s="19"/>
      <c r="AA3319" s="19"/>
    </row>
    <row r="3320" spans="1:27" s="1" customFormat="1" ht="11.1" customHeight="1" outlineLevel="2" x14ac:dyDescent="0.2">
      <c r="A3320" s="17">
        <v>6494</v>
      </c>
      <c r="B3320" s="17"/>
      <c r="C3320" s="17"/>
      <c r="D3320" s="18" t="s">
        <v>1663</v>
      </c>
      <c r="E3320" s="18"/>
      <c r="F3320" s="18"/>
      <c r="G3320" s="18"/>
      <c r="H3320" s="18"/>
      <c r="I3320" s="18"/>
      <c r="J3320" s="18"/>
      <c r="K3320" s="18"/>
      <c r="L3320" s="18"/>
      <c r="M3320" s="18"/>
      <c r="N3320" s="18"/>
      <c r="O3320" s="18"/>
      <c r="P3320" s="20">
        <v>1050</v>
      </c>
      <c r="Q3320" s="20"/>
      <c r="R3320" s="20"/>
      <c r="S3320" s="20"/>
      <c r="T3320" s="19">
        <v>990</v>
      </c>
      <c r="U3320" s="19"/>
      <c r="V3320" s="19"/>
      <c r="W3320" s="19"/>
      <c r="X3320" s="19">
        <v>1</v>
      </c>
      <c r="Y3320" s="19"/>
      <c r="Z3320" s="19"/>
      <c r="AA3320" s="19"/>
    </row>
    <row r="3321" spans="1:27" s="1" customFormat="1" ht="11.1" customHeight="1" outlineLevel="2" x14ac:dyDescent="0.2">
      <c r="A3321" s="17"/>
      <c r="B3321" s="17"/>
      <c r="C3321" s="17"/>
      <c r="D3321" s="18"/>
      <c r="E3321" s="18"/>
      <c r="F3321" s="18"/>
      <c r="G3321" s="18"/>
      <c r="H3321" s="18"/>
      <c r="I3321" s="18"/>
      <c r="J3321" s="18"/>
      <c r="K3321" s="18"/>
      <c r="L3321" s="18"/>
      <c r="M3321" s="18"/>
      <c r="N3321" s="18"/>
      <c r="O3321" s="18"/>
      <c r="P3321" s="20"/>
      <c r="Q3321" s="20"/>
      <c r="R3321" s="20"/>
      <c r="S3321" s="20"/>
      <c r="T3321" s="19"/>
      <c r="U3321" s="19"/>
      <c r="V3321" s="19"/>
      <c r="W3321" s="19"/>
      <c r="X3321" s="19"/>
      <c r="Y3321" s="19"/>
      <c r="Z3321" s="19"/>
      <c r="AA3321" s="19"/>
    </row>
    <row r="3322" spans="1:27" s="1" customFormat="1" ht="11.1" customHeight="1" outlineLevel="2" x14ac:dyDescent="0.2">
      <c r="A3322" s="17">
        <v>5946</v>
      </c>
      <c r="B3322" s="17"/>
      <c r="C3322" s="17"/>
      <c r="D3322" s="18" t="s">
        <v>1664</v>
      </c>
      <c r="E3322" s="18"/>
      <c r="F3322" s="18"/>
      <c r="G3322" s="18"/>
      <c r="H3322" s="18"/>
      <c r="I3322" s="18"/>
      <c r="J3322" s="18"/>
      <c r="K3322" s="18"/>
      <c r="L3322" s="18"/>
      <c r="M3322" s="18"/>
      <c r="N3322" s="18"/>
      <c r="O3322" s="18"/>
      <c r="P3322" s="20">
        <v>1300</v>
      </c>
      <c r="Q3322" s="20"/>
      <c r="R3322" s="20"/>
      <c r="S3322" s="20"/>
      <c r="T3322" s="20">
        <v>1240</v>
      </c>
      <c r="U3322" s="20"/>
      <c r="V3322" s="20"/>
      <c r="W3322" s="20"/>
      <c r="X3322" s="19">
        <v>2</v>
      </c>
      <c r="Y3322" s="19"/>
      <c r="Z3322" s="19"/>
      <c r="AA3322" s="19"/>
    </row>
    <row r="3323" spans="1:27" s="1" customFormat="1" ht="11.1" customHeight="1" outlineLevel="2" x14ac:dyDescent="0.2">
      <c r="A3323" s="17"/>
      <c r="B3323" s="17"/>
      <c r="C3323" s="17"/>
      <c r="D3323" s="18"/>
      <c r="E3323" s="18"/>
      <c r="F3323" s="18"/>
      <c r="G3323" s="18"/>
      <c r="H3323" s="18"/>
      <c r="I3323" s="18"/>
      <c r="J3323" s="18"/>
      <c r="K3323" s="18"/>
      <c r="L3323" s="18"/>
      <c r="M3323" s="18"/>
      <c r="N3323" s="18"/>
      <c r="O3323" s="18"/>
      <c r="P3323" s="20"/>
      <c r="Q3323" s="20"/>
      <c r="R3323" s="20"/>
      <c r="S3323" s="20"/>
      <c r="T3323" s="20"/>
      <c r="U3323" s="20"/>
      <c r="V3323" s="20"/>
      <c r="W3323" s="20"/>
      <c r="X3323" s="19"/>
      <c r="Y3323" s="19"/>
      <c r="Z3323" s="19"/>
      <c r="AA3323" s="19"/>
    </row>
    <row r="3324" spans="1:27" s="1" customFormat="1" ht="14.1" customHeight="1" outlineLevel="2" x14ac:dyDescent="0.2">
      <c r="A3324" s="17">
        <v>12944</v>
      </c>
      <c r="B3324" s="17"/>
      <c r="C3324" s="17"/>
      <c r="D3324" s="18" t="s">
        <v>1665</v>
      </c>
      <c r="E3324" s="18"/>
      <c r="F3324" s="18"/>
      <c r="G3324" s="18"/>
      <c r="H3324" s="18"/>
      <c r="I3324" s="18"/>
      <c r="J3324" s="18"/>
      <c r="K3324" s="18"/>
      <c r="L3324" s="18"/>
      <c r="M3324" s="18"/>
      <c r="N3324" s="18"/>
      <c r="O3324" s="18"/>
      <c r="P3324" s="20">
        <v>1300</v>
      </c>
      <c r="Q3324" s="20"/>
      <c r="R3324" s="20"/>
      <c r="S3324" s="20"/>
      <c r="T3324" s="20">
        <v>1200</v>
      </c>
      <c r="U3324" s="20"/>
      <c r="V3324" s="20"/>
      <c r="W3324" s="20"/>
      <c r="X3324" s="19">
        <v>1</v>
      </c>
      <c r="Y3324" s="19"/>
      <c r="Z3324" s="19"/>
      <c r="AA3324" s="19"/>
    </row>
    <row r="3325" spans="1:27" s="1" customFormat="1" ht="14.1" customHeight="1" outlineLevel="2" x14ac:dyDescent="0.2">
      <c r="A3325" s="17"/>
      <c r="B3325" s="17"/>
      <c r="C3325" s="17"/>
      <c r="D3325" s="18"/>
      <c r="E3325" s="18"/>
      <c r="F3325" s="18"/>
      <c r="G3325" s="18"/>
      <c r="H3325" s="18"/>
      <c r="I3325" s="18"/>
      <c r="J3325" s="18"/>
      <c r="K3325" s="18"/>
      <c r="L3325" s="18"/>
      <c r="M3325" s="18"/>
      <c r="N3325" s="18"/>
      <c r="O3325" s="18"/>
      <c r="P3325" s="20"/>
      <c r="Q3325" s="20"/>
      <c r="R3325" s="20"/>
      <c r="S3325" s="20"/>
      <c r="T3325" s="20"/>
      <c r="U3325" s="20"/>
      <c r="V3325" s="20"/>
      <c r="W3325" s="20"/>
      <c r="X3325" s="19"/>
      <c r="Y3325" s="19"/>
      <c r="Z3325" s="19"/>
      <c r="AA3325" s="19"/>
    </row>
    <row r="3326" spans="1:27" s="1" customFormat="1" ht="11.1" customHeight="1" outlineLevel="2" x14ac:dyDescent="0.2">
      <c r="A3326" s="17">
        <v>9393</v>
      </c>
      <c r="B3326" s="17"/>
      <c r="C3326" s="17"/>
      <c r="D3326" s="18" t="s">
        <v>1666</v>
      </c>
      <c r="E3326" s="18"/>
      <c r="F3326" s="18"/>
      <c r="G3326" s="18"/>
      <c r="H3326" s="18"/>
      <c r="I3326" s="18"/>
      <c r="J3326" s="18"/>
      <c r="K3326" s="18"/>
      <c r="L3326" s="18"/>
      <c r="M3326" s="18"/>
      <c r="N3326" s="18"/>
      <c r="O3326" s="18"/>
      <c r="P3326" s="20">
        <v>1420</v>
      </c>
      <c r="Q3326" s="20"/>
      <c r="R3326" s="20"/>
      <c r="S3326" s="20"/>
      <c r="T3326" s="20">
        <v>1420</v>
      </c>
      <c r="U3326" s="20"/>
      <c r="V3326" s="20"/>
      <c r="W3326" s="20"/>
      <c r="X3326" s="19">
        <v>1</v>
      </c>
      <c r="Y3326" s="19"/>
      <c r="Z3326" s="19"/>
      <c r="AA3326" s="19"/>
    </row>
    <row r="3327" spans="1:27" s="1" customFormat="1" ht="11.1" customHeight="1" outlineLevel="2" x14ac:dyDescent="0.2">
      <c r="A3327" s="17"/>
      <c r="B3327" s="17"/>
      <c r="C3327" s="17"/>
      <c r="D3327" s="18"/>
      <c r="E3327" s="18"/>
      <c r="F3327" s="18"/>
      <c r="G3327" s="18"/>
      <c r="H3327" s="18"/>
      <c r="I3327" s="18"/>
      <c r="J3327" s="18"/>
      <c r="K3327" s="18"/>
      <c r="L3327" s="18"/>
      <c r="M3327" s="18"/>
      <c r="N3327" s="18"/>
      <c r="O3327" s="18"/>
      <c r="P3327" s="20"/>
      <c r="Q3327" s="20"/>
      <c r="R3327" s="20"/>
      <c r="S3327" s="20"/>
      <c r="T3327" s="20"/>
      <c r="U3327" s="20"/>
      <c r="V3327" s="20"/>
      <c r="W3327" s="20"/>
      <c r="X3327" s="19"/>
      <c r="Y3327" s="19"/>
      <c r="Z3327" s="19"/>
      <c r="AA3327" s="19"/>
    </row>
    <row r="3328" spans="1:27" s="1" customFormat="1" ht="11.1" customHeight="1" outlineLevel="1" x14ac:dyDescent="0.2">
      <c r="A3328" s="16" t="s">
        <v>1667</v>
      </c>
      <c r="B3328" s="16"/>
      <c r="C3328" s="16"/>
      <c r="D3328" s="16"/>
      <c r="E3328" s="16"/>
      <c r="F3328" s="16"/>
      <c r="G3328" s="16"/>
      <c r="H3328" s="16"/>
      <c r="I3328" s="16"/>
      <c r="J3328" s="16"/>
      <c r="K3328" s="16"/>
      <c r="L3328" s="16"/>
      <c r="M3328" s="16"/>
      <c r="N3328" s="16"/>
      <c r="O3328" s="16"/>
      <c r="P3328" s="16"/>
      <c r="Q3328" s="16"/>
      <c r="R3328" s="16"/>
      <c r="S3328" s="16"/>
      <c r="T3328" s="16"/>
      <c r="U3328" s="16"/>
      <c r="V3328" s="16"/>
      <c r="W3328" s="16"/>
      <c r="X3328" s="16"/>
      <c r="Y3328" s="16"/>
      <c r="Z3328" s="16"/>
      <c r="AA3328" s="16"/>
    </row>
    <row r="3329" spans="1:27" s="1" customFormat="1" ht="11.1" customHeight="1" outlineLevel="1" x14ac:dyDescent="0.2">
      <c r="A3329" s="16"/>
      <c r="B3329" s="16"/>
      <c r="C3329" s="16"/>
      <c r="D3329" s="16"/>
      <c r="E3329" s="16"/>
      <c r="F3329" s="16"/>
      <c r="G3329" s="16"/>
      <c r="H3329" s="16"/>
      <c r="I3329" s="16"/>
      <c r="J3329" s="16"/>
      <c r="K3329" s="16"/>
      <c r="L3329" s="16"/>
      <c r="M3329" s="16"/>
      <c r="N3329" s="16"/>
      <c r="O3329" s="16"/>
      <c r="P3329" s="16"/>
      <c r="Q3329" s="16"/>
      <c r="R3329" s="16"/>
      <c r="S3329" s="16"/>
      <c r="T3329" s="16"/>
      <c r="U3329" s="16"/>
      <c r="V3329" s="16"/>
      <c r="W3329" s="16"/>
      <c r="X3329" s="16"/>
      <c r="Y3329" s="16"/>
      <c r="Z3329" s="16"/>
      <c r="AA3329" s="16"/>
    </row>
    <row r="3330" spans="1:27" s="1" customFormat="1" ht="14.1" customHeight="1" outlineLevel="2" x14ac:dyDescent="0.2">
      <c r="A3330" s="17">
        <v>16029</v>
      </c>
      <c r="B3330" s="17"/>
      <c r="C3330" s="17"/>
      <c r="D3330" s="18" t="s">
        <v>1668</v>
      </c>
      <c r="E3330" s="18"/>
      <c r="F3330" s="18"/>
      <c r="G3330" s="18"/>
      <c r="H3330" s="18"/>
      <c r="I3330" s="18"/>
      <c r="J3330" s="18"/>
      <c r="K3330" s="18"/>
      <c r="L3330" s="18"/>
      <c r="M3330" s="18"/>
      <c r="N3330" s="18"/>
      <c r="O3330" s="18"/>
      <c r="P3330" s="20">
        <v>1100</v>
      </c>
      <c r="Q3330" s="20"/>
      <c r="R3330" s="20"/>
      <c r="S3330" s="20"/>
      <c r="T3330" s="19">
        <v>990</v>
      </c>
      <c r="U3330" s="19"/>
      <c r="V3330" s="19"/>
      <c r="W3330" s="19"/>
      <c r="X3330" s="19">
        <v>8</v>
      </c>
      <c r="Y3330" s="19"/>
      <c r="Z3330" s="19"/>
      <c r="AA3330" s="19"/>
    </row>
    <row r="3331" spans="1:27" s="1" customFormat="1" ht="14.1" customHeight="1" outlineLevel="2" x14ac:dyDescent="0.2">
      <c r="A3331" s="17"/>
      <c r="B3331" s="17"/>
      <c r="C3331" s="17"/>
      <c r="D3331" s="18"/>
      <c r="E3331" s="18"/>
      <c r="F3331" s="18"/>
      <c r="G3331" s="18"/>
      <c r="H3331" s="18"/>
      <c r="I3331" s="18"/>
      <c r="J3331" s="18"/>
      <c r="K3331" s="18"/>
      <c r="L3331" s="18"/>
      <c r="M3331" s="18"/>
      <c r="N3331" s="18"/>
      <c r="O3331" s="18"/>
      <c r="P3331" s="20"/>
      <c r="Q3331" s="20"/>
      <c r="R3331" s="20"/>
      <c r="S3331" s="20"/>
      <c r="T3331" s="19"/>
      <c r="U3331" s="19"/>
      <c r="V3331" s="19"/>
      <c r="W3331" s="19"/>
      <c r="X3331" s="19"/>
      <c r="Y3331" s="19"/>
      <c r="Z3331" s="19"/>
      <c r="AA3331" s="19"/>
    </row>
    <row r="3332" spans="1:27" s="1" customFormat="1" ht="14.1" customHeight="1" outlineLevel="2" x14ac:dyDescent="0.2">
      <c r="A3332" s="17">
        <v>16030</v>
      </c>
      <c r="B3332" s="17"/>
      <c r="C3332" s="17"/>
      <c r="D3332" s="18" t="s">
        <v>1669</v>
      </c>
      <c r="E3332" s="18"/>
      <c r="F3332" s="18"/>
      <c r="G3332" s="18"/>
      <c r="H3332" s="18"/>
      <c r="I3332" s="18"/>
      <c r="J3332" s="18"/>
      <c r="K3332" s="18"/>
      <c r="L3332" s="18"/>
      <c r="M3332" s="18"/>
      <c r="N3332" s="18"/>
      <c r="O3332" s="18"/>
      <c r="P3332" s="20">
        <v>1150</v>
      </c>
      <c r="Q3332" s="20"/>
      <c r="R3332" s="20"/>
      <c r="S3332" s="20"/>
      <c r="T3332" s="20">
        <v>1050</v>
      </c>
      <c r="U3332" s="20"/>
      <c r="V3332" s="20"/>
      <c r="W3332" s="20"/>
      <c r="X3332" s="19">
        <v>9</v>
      </c>
      <c r="Y3332" s="19"/>
      <c r="Z3332" s="19"/>
      <c r="AA3332" s="19"/>
    </row>
    <row r="3333" spans="1:27" s="1" customFormat="1" ht="14.1" customHeight="1" outlineLevel="2" x14ac:dyDescent="0.2">
      <c r="A3333" s="17"/>
      <c r="B3333" s="17"/>
      <c r="C3333" s="17"/>
      <c r="D3333" s="18"/>
      <c r="E3333" s="18"/>
      <c r="F3333" s="18"/>
      <c r="G3333" s="18"/>
      <c r="H3333" s="18"/>
      <c r="I3333" s="18"/>
      <c r="J3333" s="18"/>
      <c r="K3333" s="18"/>
      <c r="L3333" s="18"/>
      <c r="M3333" s="18"/>
      <c r="N3333" s="18"/>
      <c r="O3333" s="18"/>
      <c r="P3333" s="20"/>
      <c r="Q3333" s="20"/>
      <c r="R3333" s="20"/>
      <c r="S3333" s="20"/>
      <c r="T3333" s="20"/>
      <c r="U3333" s="20"/>
      <c r="V3333" s="20"/>
      <c r="W3333" s="20"/>
      <c r="X3333" s="19"/>
      <c r="Y3333" s="19"/>
      <c r="Z3333" s="19"/>
      <c r="AA3333" s="19"/>
    </row>
    <row r="3334" spans="1:27" s="1" customFormat="1" ht="14.1" customHeight="1" outlineLevel="2" x14ac:dyDescent="0.2">
      <c r="A3334" s="17">
        <v>16031</v>
      </c>
      <c r="B3334" s="17"/>
      <c r="C3334" s="17"/>
      <c r="D3334" s="18" t="s">
        <v>1670</v>
      </c>
      <c r="E3334" s="18"/>
      <c r="F3334" s="18"/>
      <c r="G3334" s="18"/>
      <c r="H3334" s="18"/>
      <c r="I3334" s="18"/>
      <c r="J3334" s="18"/>
      <c r="K3334" s="18"/>
      <c r="L3334" s="18"/>
      <c r="M3334" s="18"/>
      <c r="N3334" s="18"/>
      <c r="O3334" s="18"/>
      <c r="P3334" s="20">
        <v>2400</v>
      </c>
      <c r="Q3334" s="20"/>
      <c r="R3334" s="20"/>
      <c r="S3334" s="20"/>
      <c r="T3334" s="20">
        <v>2200</v>
      </c>
      <c r="U3334" s="20"/>
      <c r="V3334" s="20"/>
      <c r="W3334" s="20"/>
      <c r="X3334" s="19">
        <v>10</v>
      </c>
      <c r="Y3334" s="19"/>
      <c r="Z3334" s="19"/>
      <c r="AA3334" s="19"/>
    </row>
    <row r="3335" spans="1:27" s="1" customFormat="1" ht="14.1" customHeight="1" outlineLevel="2" x14ac:dyDescent="0.2">
      <c r="A3335" s="17"/>
      <c r="B3335" s="17"/>
      <c r="C3335" s="17"/>
      <c r="D3335" s="18"/>
      <c r="E3335" s="18"/>
      <c r="F3335" s="18"/>
      <c r="G3335" s="18"/>
      <c r="H3335" s="18"/>
      <c r="I3335" s="18"/>
      <c r="J3335" s="18"/>
      <c r="K3335" s="18"/>
      <c r="L3335" s="18"/>
      <c r="M3335" s="18"/>
      <c r="N3335" s="18"/>
      <c r="O3335" s="18"/>
      <c r="P3335" s="20"/>
      <c r="Q3335" s="20"/>
      <c r="R3335" s="20"/>
      <c r="S3335" s="20"/>
      <c r="T3335" s="20"/>
      <c r="U3335" s="20"/>
      <c r="V3335" s="20"/>
      <c r="W3335" s="20"/>
      <c r="X3335" s="19"/>
      <c r="Y3335" s="19"/>
      <c r="Z3335" s="19"/>
      <c r="AA3335" s="19"/>
    </row>
    <row r="3336" spans="1:27" s="1" customFormat="1" ht="14.1" customHeight="1" outlineLevel="2" x14ac:dyDescent="0.2">
      <c r="A3336" s="17">
        <v>16032</v>
      </c>
      <c r="B3336" s="17"/>
      <c r="C3336" s="17"/>
      <c r="D3336" s="18" t="s">
        <v>1671</v>
      </c>
      <c r="E3336" s="18"/>
      <c r="F3336" s="18"/>
      <c r="G3336" s="18"/>
      <c r="H3336" s="18"/>
      <c r="I3336" s="18"/>
      <c r="J3336" s="18"/>
      <c r="K3336" s="18"/>
      <c r="L3336" s="18"/>
      <c r="M3336" s="18"/>
      <c r="N3336" s="18"/>
      <c r="O3336" s="18"/>
      <c r="P3336" s="20">
        <v>2000</v>
      </c>
      <c r="Q3336" s="20"/>
      <c r="R3336" s="20"/>
      <c r="S3336" s="20"/>
      <c r="T3336" s="20">
        <v>1850</v>
      </c>
      <c r="U3336" s="20"/>
      <c r="V3336" s="20"/>
      <c r="W3336" s="20"/>
      <c r="X3336" s="19">
        <v>10</v>
      </c>
      <c r="Y3336" s="19"/>
      <c r="Z3336" s="19"/>
      <c r="AA3336" s="19"/>
    </row>
    <row r="3337" spans="1:27" s="1" customFormat="1" ht="14.1" customHeight="1" outlineLevel="2" x14ac:dyDescent="0.2">
      <c r="A3337" s="17"/>
      <c r="B3337" s="17"/>
      <c r="C3337" s="17"/>
      <c r="D3337" s="18"/>
      <c r="E3337" s="18"/>
      <c r="F3337" s="18"/>
      <c r="G3337" s="18"/>
      <c r="H3337" s="18"/>
      <c r="I3337" s="18"/>
      <c r="J3337" s="18"/>
      <c r="K3337" s="18"/>
      <c r="L3337" s="18"/>
      <c r="M3337" s="18"/>
      <c r="N3337" s="18"/>
      <c r="O3337" s="18"/>
      <c r="P3337" s="20"/>
      <c r="Q3337" s="20"/>
      <c r="R3337" s="20"/>
      <c r="S3337" s="20"/>
      <c r="T3337" s="20"/>
      <c r="U3337" s="20"/>
      <c r="V3337" s="20"/>
      <c r="W3337" s="20"/>
      <c r="X3337" s="19"/>
      <c r="Y3337" s="19"/>
      <c r="Z3337" s="19"/>
      <c r="AA3337" s="19"/>
    </row>
    <row r="3338" spans="1:27" s="1" customFormat="1" ht="14.1" customHeight="1" outlineLevel="2" x14ac:dyDescent="0.2">
      <c r="A3338" s="17">
        <v>16033</v>
      </c>
      <c r="B3338" s="17"/>
      <c r="C3338" s="17"/>
      <c r="D3338" s="18" t="s">
        <v>1672</v>
      </c>
      <c r="E3338" s="18"/>
      <c r="F3338" s="18"/>
      <c r="G3338" s="18"/>
      <c r="H3338" s="18"/>
      <c r="I3338" s="18"/>
      <c r="J3338" s="18"/>
      <c r="K3338" s="18"/>
      <c r="L3338" s="18"/>
      <c r="M3338" s="18"/>
      <c r="N3338" s="18"/>
      <c r="O3338" s="18"/>
      <c r="P3338" s="20">
        <v>1200</v>
      </c>
      <c r="Q3338" s="20"/>
      <c r="R3338" s="20"/>
      <c r="S3338" s="20"/>
      <c r="T3338" s="20">
        <v>1100</v>
      </c>
      <c r="U3338" s="20"/>
      <c r="V3338" s="20"/>
      <c r="W3338" s="20"/>
      <c r="X3338" s="19">
        <v>7</v>
      </c>
      <c r="Y3338" s="19"/>
      <c r="Z3338" s="19"/>
      <c r="AA3338" s="19"/>
    </row>
    <row r="3339" spans="1:27" s="1" customFormat="1" ht="14.1" customHeight="1" outlineLevel="2" x14ac:dyDescent="0.2">
      <c r="A3339" s="17"/>
      <c r="B3339" s="17"/>
      <c r="C3339" s="17"/>
      <c r="D3339" s="18"/>
      <c r="E3339" s="18"/>
      <c r="F3339" s="18"/>
      <c r="G3339" s="18"/>
      <c r="H3339" s="18"/>
      <c r="I3339" s="18"/>
      <c r="J3339" s="18"/>
      <c r="K3339" s="18"/>
      <c r="L3339" s="18"/>
      <c r="M3339" s="18"/>
      <c r="N3339" s="18"/>
      <c r="O3339" s="18"/>
      <c r="P3339" s="20"/>
      <c r="Q3339" s="20"/>
      <c r="R3339" s="20"/>
      <c r="S3339" s="20"/>
      <c r="T3339" s="20"/>
      <c r="U3339" s="20"/>
      <c r="V3339" s="20"/>
      <c r="W3339" s="20"/>
      <c r="X3339" s="19"/>
      <c r="Y3339" s="19"/>
      <c r="Z3339" s="19"/>
      <c r="AA3339" s="19"/>
    </row>
    <row r="3340" spans="1:27" s="1" customFormat="1" ht="11.1" customHeight="1" outlineLevel="2" x14ac:dyDescent="0.2">
      <c r="A3340" s="17">
        <v>18281</v>
      </c>
      <c r="B3340" s="17"/>
      <c r="C3340" s="17"/>
      <c r="D3340" s="18" t="s">
        <v>1673</v>
      </c>
      <c r="E3340" s="18"/>
      <c r="F3340" s="18"/>
      <c r="G3340" s="18"/>
      <c r="H3340" s="18"/>
      <c r="I3340" s="18"/>
      <c r="J3340" s="18"/>
      <c r="K3340" s="18"/>
      <c r="L3340" s="18"/>
      <c r="M3340" s="18"/>
      <c r="N3340" s="18"/>
      <c r="O3340" s="18"/>
      <c r="P3340" s="20">
        <v>2250</v>
      </c>
      <c r="Q3340" s="20"/>
      <c r="R3340" s="20"/>
      <c r="S3340" s="20"/>
      <c r="T3340" s="20">
        <v>1690</v>
      </c>
      <c r="U3340" s="20"/>
      <c r="V3340" s="20"/>
      <c r="W3340" s="20"/>
      <c r="X3340" s="19">
        <v>10</v>
      </c>
      <c r="Y3340" s="19"/>
      <c r="Z3340" s="19"/>
      <c r="AA3340" s="19"/>
    </row>
    <row r="3341" spans="1:27" s="1" customFormat="1" ht="11.1" customHeight="1" outlineLevel="2" x14ac:dyDescent="0.2">
      <c r="A3341" s="17"/>
      <c r="B3341" s="17"/>
      <c r="C3341" s="17"/>
      <c r="D3341" s="18"/>
      <c r="E3341" s="18"/>
      <c r="F3341" s="18"/>
      <c r="G3341" s="18"/>
      <c r="H3341" s="18"/>
      <c r="I3341" s="18"/>
      <c r="J3341" s="18"/>
      <c r="K3341" s="18"/>
      <c r="L3341" s="18"/>
      <c r="M3341" s="18"/>
      <c r="N3341" s="18"/>
      <c r="O3341" s="18"/>
      <c r="P3341" s="20"/>
      <c r="Q3341" s="20"/>
      <c r="R3341" s="20"/>
      <c r="S3341" s="20"/>
      <c r="T3341" s="20"/>
      <c r="U3341" s="20"/>
      <c r="V3341" s="20"/>
      <c r="W3341" s="20"/>
      <c r="X3341" s="19"/>
      <c r="Y3341" s="19"/>
      <c r="Z3341" s="19"/>
      <c r="AA3341" s="19"/>
    </row>
    <row r="3342" spans="1:27" s="1" customFormat="1" ht="14.1" customHeight="1" outlineLevel="2" x14ac:dyDescent="0.2">
      <c r="A3342" s="17">
        <v>16034</v>
      </c>
      <c r="B3342" s="17"/>
      <c r="C3342" s="17"/>
      <c r="D3342" s="18" t="s">
        <v>1674</v>
      </c>
      <c r="E3342" s="18"/>
      <c r="F3342" s="18"/>
      <c r="G3342" s="18"/>
      <c r="H3342" s="18"/>
      <c r="I3342" s="18"/>
      <c r="J3342" s="18"/>
      <c r="K3342" s="18"/>
      <c r="L3342" s="18"/>
      <c r="M3342" s="18"/>
      <c r="N3342" s="18"/>
      <c r="O3342" s="18"/>
      <c r="P3342" s="20">
        <v>1860</v>
      </c>
      <c r="Q3342" s="20"/>
      <c r="R3342" s="20"/>
      <c r="S3342" s="20"/>
      <c r="T3342" s="20">
        <v>1700</v>
      </c>
      <c r="U3342" s="20"/>
      <c r="V3342" s="20"/>
      <c r="W3342" s="20"/>
      <c r="X3342" s="19">
        <v>9</v>
      </c>
      <c r="Y3342" s="19"/>
      <c r="Z3342" s="19"/>
      <c r="AA3342" s="19"/>
    </row>
    <row r="3343" spans="1:27" s="1" customFormat="1" ht="14.1" customHeight="1" outlineLevel="2" x14ac:dyDescent="0.2">
      <c r="A3343" s="17"/>
      <c r="B3343" s="17"/>
      <c r="C3343" s="17"/>
      <c r="D3343" s="18"/>
      <c r="E3343" s="18"/>
      <c r="F3343" s="18"/>
      <c r="G3343" s="18"/>
      <c r="H3343" s="18"/>
      <c r="I3343" s="18"/>
      <c r="J3343" s="18"/>
      <c r="K3343" s="18"/>
      <c r="L3343" s="18"/>
      <c r="M3343" s="18"/>
      <c r="N3343" s="18"/>
      <c r="O3343" s="18"/>
      <c r="P3343" s="20"/>
      <c r="Q3343" s="20"/>
      <c r="R3343" s="20"/>
      <c r="S3343" s="20"/>
      <c r="T3343" s="20"/>
      <c r="U3343" s="20"/>
      <c r="V3343" s="20"/>
      <c r="W3343" s="20"/>
      <c r="X3343" s="19"/>
      <c r="Y3343" s="19"/>
      <c r="Z3343" s="19"/>
      <c r="AA3343" s="19"/>
    </row>
    <row r="3344" spans="1:27" s="1" customFormat="1" ht="14.1" customHeight="1" outlineLevel="2" x14ac:dyDescent="0.2">
      <c r="A3344" s="17">
        <v>16036</v>
      </c>
      <c r="B3344" s="17"/>
      <c r="C3344" s="17"/>
      <c r="D3344" s="18" t="s">
        <v>1675</v>
      </c>
      <c r="E3344" s="18"/>
      <c r="F3344" s="18"/>
      <c r="G3344" s="18"/>
      <c r="H3344" s="18"/>
      <c r="I3344" s="18"/>
      <c r="J3344" s="18"/>
      <c r="K3344" s="18"/>
      <c r="L3344" s="18"/>
      <c r="M3344" s="18"/>
      <c r="N3344" s="18"/>
      <c r="O3344" s="18"/>
      <c r="P3344" s="20">
        <v>1150</v>
      </c>
      <c r="Q3344" s="20"/>
      <c r="R3344" s="20"/>
      <c r="S3344" s="20"/>
      <c r="T3344" s="20">
        <v>1050</v>
      </c>
      <c r="U3344" s="20"/>
      <c r="V3344" s="20"/>
      <c r="W3344" s="20"/>
      <c r="X3344" s="19">
        <v>10</v>
      </c>
      <c r="Y3344" s="19"/>
      <c r="Z3344" s="19"/>
      <c r="AA3344" s="19"/>
    </row>
    <row r="3345" spans="1:27" s="1" customFormat="1" ht="14.1" customHeight="1" outlineLevel="2" x14ac:dyDescent="0.2">
      <c r="A3345" s="17"/>
      <c r="B3345" s="17"/>
      <c r="C3345" s="17"/>
      <c r="D3345" s="18"/>
      <c r="E3345" s="18"/>
      <c r="F3345" s="18"/>
      <c r="G3345" s="18"/>
      <c r="H3345" s="18"/>
      <c r="I3345" s="18"/>
      <c r="J3345" s="18"/>
      <c r="K3345" s="18"/>
      <c r="L3345" s="18"/>
      <c r="M3345" s="18"/>
      <c r="N3345" s="18"/>
      <c r="O3345" s="18"/>
      <c r="P3345" s="20"/>
      <c r="Q3345" s="20"/>
      <c r="R3345" s="20"/>
      <c r="S3345" s="20"/>
      <c r="T3345" s="20"/>
      <c r="U3345" s="20"/>
      <c r="V3345" s="20"/>
      <c r="W3345" s="20"/>
      <c r="X3345" s="19"/>
      <c r="Y3345" s="19"/>
      <c r="Z3345" s="19"/>
      <c r="AA3345" s="19"/>
    </row>
    <row r="3346" spans="1:27" s="1" customFormat="1" ht="14.1" customHeight="1" outlineLevel="2" x14ac:dyDescent="0.2">
      <c r="A3346" s="17">
        <v>16035</v>
      </c>
      <c r="B3346" s="17"/>
      <c r="C3346" s="17"/>
      <c r="D3346" s="18" t="s">
        <v>1676</v>
      </c>
      <c r="E3346" s="18"/>
      <c r="F3346" s="18"/>
      <c r="G3346" s="18"/>
      <c r="H3346" s="18"/>
      <c r="I3346" s="18"/>
      <c r="J3346" s="18"/>
      <c r="K3346" s="18"/>
      <c r="L3346" s="18"/>
      <c r="M3346" s="18"/>
      <c r="N3346" s="18"/>
      <c r="O3346" s="18"/>
      <c r="P3346" s="20">
        <v>2030</v>
      </c>
      <c r="Q3346" s="20"/>
      <c r="R3346" s="20"/>
      <c r="S3346" s="20"/>
      <c r="T3346" s="20">
        <v>1900</v>
      </c>
      <c r="U3346" s="20"/>
      <c r="V3346" s="20"/>
      <c r="W3346" s="20"/>
      <c r="X3346" s="19">
        <v>10</v>
      </c>
      <c r="Y3346" s="19"/>
      <c r="Z3346" s="19"/>
      <c r="AA3346" s="19"/>
    </row>
    <row r="3347" spans="1:27" s="1" customFormat="1" ht="14.1" customHeight="1" outlineLevel="2" x14ac:dyDescent="0.2">
      <c r="A3347" s="17"/>
      <c r="B3347" s="17"/>
      <c r="C3347" s="17"/>
      <c r="D3347" s="18"/>
      <c r="E3347" s="18"/>
      <c r="F3347" s="18"/>
      <c r="G3347" s="18"/>
      <c r="H3347" s="18"/>
      <c r="I3347" s="18"/>
      <c r="J3347" s="18"/>
      <c r="K3347" s="18"/>
      <c r="L3347" s="18"/>
      <c r="M3347" s="18"/>
      <c r="N3347" s="18"/>
      <c r="O3347" s="18"/>
      <c r="P3347" s="20"/>
      <c r="Q3347" s="20"/>
      <c r="R3347" s="20"/>
      <c r="S3347" s="20"/>
      <c r="T3347" s="20"/>
      <c r="U3347" s="20"/>
      <c r="V3347" s="20"/>
      <c r="W3347" s="20"/>
      <c r="X3347" s="19"/>
      <c r="Y3347" s="19"/>
      <c r="Z3347" s="19"/>
      <c r="AA3347" s="19"/>
    </row>
    <row r="3348" spans="1:27" s="1" customFormat="1" ht="14.1" customHeight="1" outlineLevel="2" x14ac:dyDescent="0.2">
      <c r="A3348" s="17">
        <v>16037</v>
      </c>
      <c r="B3348" s="17"/>
      <c r="C3348" s="17"/>
      <c r="D3348" s="18" t="s">
        <v>1677</v>
      </c>
      <c r="E3348" s="18"/>
      <c r="F3348" s="18"/>
      <c r="G3348" s="18"/>
      <c r="H3348" s="18"/>
      <c r="I3348" s="18"/>
      <c r="J3348" s="18"/>
      <c r="K3348" s="18"/>
      <c r="L3348" s="18"/>
      <c r="M3348" s="18"/>
      <c r="N3348" s="18"/>
      <c r="O3348" s="18"/>
      <c r="P3348" s="20">
        <v>2030</v>
      </c>
      <c r="Q3348" s="20"/>
      <c r="R3348" s="20"/>
      <c r="S3348" s="20"/>
      <c r="T3348" s="20">
        <v>1900</v>
      </c>
      <c r="U3348" s="20"/>
      <c r="V3348" s="20"/>
      <c r="W3348" s="20"/>
      <c r="X3348" s="19">
        <v>9</v>
      </c>
      <c r="Y3348" s="19"/>
      <c r="Z3348" s="19"/>
      <c r="AA3348" s="19"/>
    </row>
    <row r="3349" spans="1:27" s="1" customFormat="1" ht="14.1" customHeight="1" outlineLevel="2" x14ac:dyDescent="0.2">
      <c r="A3349" s="17"/>
      <c r="B3349" s="17"/>
      <c r="C3349" s="17"/>
      <c r="D3349" s="18"/>
      <c r="E3349" s="18"/>
      <c r="F3349" s="18"/>
      <c r="G3349" s="18"/>
      <c r="H3349" s="18"/>
      <c r="I3349" s="18"/>
      <c r="J3349" s="18"/>
      <c r="K3349" s="18"/>
      <c r="L3349" s="18"/>
      <c r="M3349" s="18"/>
      <c r="N3349" s="18"/>
      <c r="O3349" s="18"/>
      <c r="P3349" s="20"/>
      <c r="Q3349" s="20"/>
      <c r="R3349" s="20"/>
      <c r="S3349" s="20"/>
      <c r="T3349" s="20"/>
      <c r="U3349" s="20"/>
      <c r="V3349" s="20"/>
      <c r="W3349" s="20"/>
      <c r="X3349" s="19"/>
      <c r="Y3349" s="19"/>
      <c r="Z3349" s="19"/>
      <c r="AA3349" s="19"/>
    </row>
    <row r="3350" spans="1:27" s="1" customFormat="1" ht="11.1" customHeight="1" outlineLevel="1" x14ac:dyDescent="0.2">
      <c r="A3350" s="16" t="s">
        <v>1678</v>
      </c>
      <c r="B3350" s="16"/>
      <c r="C3350" s="16"/>
      <c r="D3350" s="16"/>
      <c r="E3350" s="16"/>
      <c r="F3350" s="16"/>
      <c r="G3350" s="16"/>
      <c r="H3350" s="16"/>
      <c r="I3350" s="16"/>
      <c r="J3350" s="16"/>
      <c r="K3350" s="16"/>
      <c r="L3350" s="16"/>
      <c r="M3350" s="16"/>
      <c r="N3350" s="16"/>
      <c r="O3350" s="16"/>
      <c r="P3350" s="16"/>
      <c r="Q3350" s="16"/>
      <c r="R3350" s="16"/>
      <c r="S3350" s="16"/>
      <c r="T3350" s="16"/>
      <c r="U3350" s="16"/>
      <c r="V3350" s="16"/>
      <c r="W3350" s="16"/>
      <c r="X3350" s="16"/>
      <c r="Y3350" s="16"/>
      <c r="Z3350" s="16"/>
      <c r="AA3350" s="16"/>
    </row>
    <row r="3351" spans="1:27" s="1" customFormat="1" ht="11.1" customHeight="1" outlineLevel="1" x14ac:dyDescent="0.2">
      <c r="A3351" s="16"/>
      <c r="B3351" s="16"/>
      <c r="C3351" s="16"/>
      <c r="D3351" s="16"/>
      <c r="E3351" s="16"/>
      <c r="F3351" s="16"/>
      <c r="G3351" s="16"/>
      <c r="H3351" s="16"/>
      <c r="I3351" s="16"/>
      <c r="J3351" s="16"/>
      <c r="K3351" s="16"/>
      <c r="L3351" s="16"/>
      <c r="M3351" s="16"/>
      <c r="N3351" s="16"/>
      <c r="O3351" s="16"/>
      <c r="P3351" s="16"/>
      <c r="Q3351" s="16"/>
      <c r="R3351" s="16"/>
      <c r="S3351" s="16"/>
      <c r="T3351" s="16"/>
      <c r="U3351" s="16"/>
      <c r="V3351" s="16"/>
      <c r="W3351" s="16"/>
      <c r="X3351" s="16"/>
      <c r="Y3351" s="16"/>
      <c r="Z3351" s="16"/>
      <c r="AA3351" s="16"/>
    </row>
    <row r="3352" spans="1:27" s="1" customFormat="1" ht="14.1" customHeight="1" outlineLevel="2" x14ac:dyDescent="0.2">
      <c r="A3352" s="17">
        <v>5365</v>
      </c>
      <c r="B3352" s="17"/>
      <c r="C3352" s="17"/>
      <c r="D3352" s="18" t="s">
        <v>1679</v>
      </c>
      <c r="E3352" s="18"/>
      <c r="F3352" s="18"/>
      <c r="G3352" s="18"/>
      <c r="H3352" s="18"/>
      <c r="I3352" s="18"/>
      <c r="J3352" s="18"/>
      <c r="K3352" s="18"/>
      <c r="L3352" s="18"/>
      <c r="M3352" s="18"/>
      <c r="N3352" s="18"/>
      <c r="O3352" s="18"/>
      <c r="P3352" s="20">
        <v>1200</v>
      </c>
      <c r="Q3352" s="20"/>
      <c r="R3352" s="20"/>
      <c r="S3352" s="20"/>
      <c r="T3352" s="20">
        <v>1140</v>
      </c>
      <c r="U3352" s="20"/>
      <c r="V3352" s="20"/>
      <c r="W3352" s="20"/>
      <c r="X3352" s="19">
        <v>1</v>
      </c>
      <c r="Y3352" s="19"/>
      <c r="Z3352" s="19"/>
      <c r="AA3352" s="19"/>
    </row>
    <row r="3353" spans="1:27" s="1" customFormat="1" ht="14.1" customHeight="1" outlineLevel="2" x14ac:dyDescent="0.2">
      <c r="A3353" s="17"/>
      <c r="B3353" s="17"/>
      <c r="C3353" s="17"/>
      <c r="D3353" s="18"/>
      <c r="E3353" s="18"/>
      <c r="F3353" s="18"/>
      <c r="G3353" s="18"/>
      <c r="H3353" s="18"/>
      <c r="I3353" s="18"/>
      <c r="J3353" s="18"/>
      <c r="K3353" s="18"/>
      <c r="L3353" s="18"/>
      <c r="M3353" s="18"/>
      <c r="N3353" s="18"/>
      <c r="O3353" s="18"/>
      <c r="P3353" s="20"/>
      <c r="Q3353" s="20"/>
      <c r="R3353" s="20"/>
      <c r="S3353" s="20"/>
      <c r="T3353" s="20"/>
      <c r="U3353" s="20"/>
      <c r="V3353" s="20"/>
      <c r="W3353" s="20"/>
      <c r="X3353" s="19"/>
      <c r="Y3353" s="19"/>
      <c r="Z3353" s="19"/>
      <c r="AA3353" s="19"/>
    </row>
    <row r="3354" spans="1:27" s="1" customFormat="1" ht="11.1" customHeight="1" outlineLevel="2" x14ac:dyDescent="0.2">
      <c r="A3354" s="17">
        <v>4563</v>
      </c>
      <c r="B3354" s="17"/>
      <c r="C3354" s="17"/>
      <c r="D3354" s="18" t="s">
        <v>1680</v>
      </c>
      <c r="E3354" s="18"/>
      <c r="F3354" s="18"/>
      <c r="G3354" s="18"/>
      <c r="H3354" s="18"/>
      <c r="I3354" s="18"/>
      <c r="J3354" s="18"/>
      <c r="K3354" s="18"/>
      <c r="L3354" s="18"/>
      <c r="M3354" s="18"/>
      <c r="N3354" s="18"/>
      <c r="O3354" s="18"/>
      <c r="P3354" s="19">
        <v>340</v>
      </c>
      <c r="Q3354" s="19"/>
      <c r="R3354" s="19"/>
      <c r="S3354" s="19"/>
      <c r="T3354" s="19">
        <v>290</v>
      </c>
      <c r="U3354" s="19"/>
      <c r="V3354" s="19"/>
      <c r="W3354" s="19"/>
      <c r="X3354" s="19">
        <v>1</v>
      </c>
      <c r="Y3354" s="19"/>
      <c r="Z3354" s="19"/>
      <c r="AA3354" s="19"/>
    </row>
    <row r="3355" spans="1:27" s="1" customFormat="1" ht="11.1" customHeight="1" outlineLevel="2" x14ac:dyDescent="0.2">
      <c r="A3355" s="17"/>
      <c r="B3355" s="17"/>
      <c r="C3355" s="17"/>
      <c r="D3355" s="18"/>
      <c r="E3355" s="18"/>
      <c r="F3355" s="18"/>
      <c r="G3355" s="18"/>
      <c r="H3355" s="18"/>
      <c r="I3355" s="18"/>
      <c r="J3355" s="18"/>
      <c r="K3355" s="18"/>
      <c r="L3355" s="18"/>
      <c r="M3355" s="18"/>
      <c r="N3355" s="18"/>
      <c r="O3355" s="18"/>
      <c r="P3355" s="19"/>
      <c r="Q3355" s="19"/>
      <c r="R3355" s="19"/>
      <c r="S3355" s="19"/>
      <c r="T3355" s="19"/>
      <c r="U3355" s="19"/>
      <c r="V3355" s="19"/>
      <c r="W3355" s="19"/>
      <c r="X3355" s="19"/>
      <c r="Y3355" s="19"/>
      <c r="Z3355" s="19"/>
      <c r="AA3355" s="19"/>
    </row>
    <row r="3356" spans="1:27" s="1" customFormat="1" ht="14.1" customHeight="1" outlineLevel="2" x14ac:dyDescent="0.2">
      <c r="A3356" s="17">
        <v>1055</v>
      </c>
      <c r="B3356" s="17"/>
      <c r="C3356" s="17"/>
      <c r="D3356" s="18" t="s">
        <v>1681</v>
      </c>
      <c r="E3356" s="18"/>
      <c r="F3356" s="18"/>
      <c r="G3356" s="18"/>
      <c r="H3356" s="18"/>
      <c r="I3356" s="18"/>
      <c r="J3356" s="18"/>
      <c r="K3356" s="18"/>
      <c r="L3356" s="18"/>
      <c r="M3356" s="18"/>
      <c r="N3356" s="18"/>
      <c r="O3356" s="18"/>
      <c r="P3356" s="20">
        <v>1000</v>
      </c>
      <c r="Q3356" s="20"/>
      <c r="R3356" s="20"/>
      <c r="S3356" s="20"/>
      <c r="T3356" s="19">
        <v>900</v>
      </c>
      <c r="U3356" s="19"/>
      <c r="V3356" s="19"/>
      <c r="W3356" s="19"/>
      <c r="X3356" s="19">
        <v>3</v>
      </c>
      <c r="Y3356" s="19"/>
      <c r="Z3356" s="19"/>
      <c r="AA3356" s="19"/>
    </row>
    <row r="3357" spans="1:27" s="1" customFormat="1" ht="14.1" customHeight="1" outlineLevel="2" x14ac:dyDescent="0.2">
      <c r="A3357" s="17"/>
      <c r="B3357" s="17"/>
      <c r="C3357" s="17"/>
      <c r="D3357" s="18"/>
      <c r="E3357" s="18"/>
      <c r="F3357" s="18"/>
      <c r="G3357" s="18"/>
      <c r="H3357" s="18"/>
      <c r="I3357" s="18"/>
      <c r="J3357" s="18"/>
      <c r="K3357" s="18"/>
      <c r="L3357" s="18"/>
      <c r="M3357" s="18"/>
      <c r="N3357" s="18"/>
      <c r="O3357" s="18"/>
      <c r="P3357" s="20"/>
      <c r="Q3357" s="20"/>
      <c r="R3357" s="20"/>
      <c r="S3357" s="20"/>
      <c r="T3357" s="19"/>
      <c r="U3357" s="19"/>
      <c r="V3357" s="19"/>
      <c r="W3357" s="19"/>
      <c r="X3357" s="19"/>
      <c r="Y3357" s="19"/>
      <c r="Z3357" s="19"/>
      <c r="AA3357" s="19"/>
    </row>
    <row r="3358" spans="1:27" s="1" customFormat="1" ht="14.1" customHeight="1" outlineLevel="2" x14ac:dyDescent="0.2">
      <c r="A3358" s="17">
        <v>4643</v>
      </c>
      <c r="B3358" s="17"/>
      <c r="C3358" s="17"/>
      <c r="D3358" s="18" t="s">
        <v>1682</v>
      </c>
      <c r="E3358" s="18"/>
      <c r="F3358" s="18"/>
      <c r="G3358" s="18"/>
      <c r="H3358" s="18"/>
      <c r="I3358" s="18"/>
      <c r="J3358" s="18"/>
      <c r="K3358" s="18"/>
      <c r="L3358" s="18"/>
      <c r="M3358" s="18"/>
      <c r="N3358" s="18"/>
      <c r="O3358" s="18"/>
      <c r="P3358" s="20">
        <v>2500</v>
      </c>
      <c r="Q3358" s="20"/>
      <c r="R3358" s="20"/>
      <c r="S3358" s="20"/>
      <c r="T3358" s="20">
        <v>2400</v>
      </c>
      <c r="U3358" s="20"/>
      <c r="V3358" s="20"/>
      <c r="W3358" s="20"/>
      <c r="X3358" s="19">
        <v>1</v>
      </c>
      <c r="Y3358" s="19"/>
      <c r="Z3358" s="19"/>
      <c r="AA3358" s="19"/>
    </row>
    <row r="3359" spans="1:27" s="1" customFormat="1" ht="14.1" customHeight="1" outlineLevel="2" x14ac:dyDescent="0.2">
      <c r="A3359" s="17"/>
      <c r="B3359" s="17"/>
      <c r="C3359" s="17"/>
      <c r="D3359" s="18"/>
      <c r="E3359" s="18"/>
      <c r="F3359" s="18"/>
      <c r="G3359" s="18"/>
      <c r="H3359" s="18"/>
      <c r="I3359" s="18"/>
      <c r="J3359" s="18"/>
      <c r="K3359" s="18"/>
      <c r="L3359" s="18"/>
      <c r="M3359" s="18"/>
      <c r="N3359" s="18"/>
      <c r="O3359" s="18"/>
      <c r="P3359" s="20"/>
      <c r="Q3359" s="20"/>
      <c r="R3359" s="20"/>
      <c r="S3359" s="20"/>
      <c r="T3359" s="20"/>
      <c r="U3359" s="20"/>
      <c r="V3359" s="20"/>
      <c r="W3359" s="20"/>
      <c r="X3359" s="19"/>
      <c r="Y3359" s="19"/>
      <c r="Z3359" s="19"/>
      <c r="AA3359" s="19"/>
    </row>
    <row r="3360" spans="1:27" s="1" customFormat="1" ht="14.1" customHeight="1" outlineLevel="2" x14ac:dyDescent="0.2">
      <c r="A3360" s="17">
        <v>14458</v>
      </c>
      <c r="B3360" s="17"/>
      <c r="C3360" s="17"/>
      <c r="D3360" s="18" t="s">
        <v>1683</v>
      </c>
      <c r="E3360" s="18"/>
      <c r="F3360" s="18"/>
      <c r="G3360" s="18"/>
      <c r="H3360" s="18"/>
      <c r="I3360" s="18"/>
      <c r="J3360" s="18"/>
      <c r="K3360" s="18"/>
      <c r="L3360" s="18"/>
      <c r="M3360" s="18"/>
      <c r="N3360" s="18"/>
      <c r="O3360" s="18"/>
      <c r="P3360" s="19">
        <v>850</v>
      </c>
      <c r="Q3360" s="19"/>
      <c r="R3360" s="19"/>
      <c r="S3360" s="19"/>
      <c r="T3360" s="19">
        <v>750</v>
      </c>
      <c r="U3360" s="19"/>
      <c r="V3360" s="19"/>
      <c r="W3360" s="19"/>
      <c r="X3360" s="19">
        <v>1</v>
      </c>
      <c r="Y3360" s="19"/>
      <c r="Z3360" s="19"/>
      <c r="AA3360" s="19"/>
    </row>
    <row r="3361" spans="1:27" s="1" customFormat="1" ht="14.1" customHeight="1" outlineLevel="2" x14ac:dyDescent="0.2">
      <c r="A3361" s="17"/>
      <c r="B3361" s="17"/>
      <c r="C3361" s="17"/>
      <c r="D3361" s="18"/>
      <c r="E3361" s="18"/>
      <c r="F3361" s="18"/>
      <c r="G3361" s="18"/>
      <c r="H3361" s="18"/>
      <c r="I3361" s="18"/>
      <c r="J3361" s="18"/>
      <c r="K3361" s="18"/>
      <c r="L3361" s="18"/>
      <c r="M3361" s="18"/>
      <c r="N3361" s="18"/>
      <c r="O3361" s="18"/>
      <c r="P3361" s="19"/>
      <c r="Q3361" s="19"/>
      <c r="R3361" s="19"/>
      <c r="S3361" s="19"/>
      <c r="T3361" s="19"/>
      <c r="U3361" s="19"/>
      <c r="V3361" s="19"/>
      <c r="W3361" s="19"/>
      <c r="X3361" s="19"/>
      <c r="Y3361" s="19"/>
      <c r="Z3361" s="19"/>
      <c r="AA3361" s="19"/>
    </row>
    <row r="3362" spans="1:27" s="1" customFormat="1" ht="11.1" customHeight="1" outlineLevel="2" x14ac:dyDescent="0.2">
      <c r="A3362" s="17">
        <v>13757</v>
      </c>
      <c r="B3362" s="17"/>
      <c r="C3362" s="17"/>
      <c r="D3362" s="18" t="s">
        <v>1684</v>
      </c>
      <c r="E3362" s="18"/>
      <c r="F3362" s="18"/>
      <c r="G3362" s="18"/>
      <c r="H3362" s="18"/>
      <c r="I3362" s="18"/>
      <c r="J3362" s="18"/>
      <c r="K3362" s="18"/>
      <c r="L3362" s="18"/>
      <c r="M3362" s="18"/>
      <c r="N3362" s="18"/>
      <c r="O3362" s="18"/>
      <c r="P3362" s="20">
        <v>2050</v>
      </c>
      <c r="Q3362" s="20"/>
      <c r="R3362" s="20"/>
      <c r="S3362" s="20"/>
      <c r="T3362" s="20">
        <v>1900</v>
      </c>
      <c r="U3362" s="20"/>
      <c r="V3362" s="20"/>
      <c r="W3362" s="20"/>
      <c r="X3362" s="19">
        <v>1</v>
      </c>
      <c r="Y3362" s="19"/>
      <c r="Z3362" s="19"/>
      <c r="AA3362" s="19"/>
    </row>
    <row r="3363" spans="1:27" s="1" customFormat="1" ht="11.1" customHeight="1" outlineLevel="2" x14ac:dyDescent="0.2">
      <c r="A3363" s="17"/>
      <c r="B3363" s="17"/>
      <c r="C3363" s="17"/>
      <c r="D3363" s="18"/>
      <c r="E3363" s="18"/>
      <c r="F3363" s="18"/>
      <c r="G3363" s="18"/>
      <c r="H3363" s="18"/>
      <c r="I3363" s="18"/>
      <c r="J3363" s="18"/>
      <c r="K3363" s="18"/>
      <c r="L3363" s="18"/>
      <c r="M3363" s="18"/>
      <c r="N3363" s="18"/>
      <c r="O3363" s="18"/>
      <c r="P3363" s="20"/>
      <c r="Q3363" s="20"/>
      <c r="R3363" s="20"/>
      <c r="S3363" s="20"/>
      <c r="T3363" s="20"/>
      <c r="U3363" s="20"/>
      <c r="V3363" s="20"/>
      <c r="W3363" s="20"/>
      <c r="X3363" s="19"/>
      <c r="Y3363" s="19"/>
      <c r="Z3363" s="19"/>
      <c r="AA3363" s="19"/>
    </row>
    <row r="3364" spans="1:27" s="1" customFormat="1" ht="14.1" customHeight="1" outlineLevel="2" x14ac:dyDescent="0.2">
      <c r="A3364" s="17">
        <v>1193</v>
      </c>
      <c r="B3364" s="17"/>
      <c r="C3364" s="17"/>
      <c r="D3364" s="18" t="s">
        <v>1685</v>
      </c>
      <c r="E3364" s="18"/>
      <c r="F3364" s="18"/>
      <c r="G3364" s="18"/>
      <c r="H3364" s="18"/>
      <c r="I3364" s="18"/>
      <c r="J3364" s="18"/>
      <c r="K3364" s="18"/>
      <c r="L3364" s="18"/>
      <c r="M3364" s="18"/>
      <c r="N3364" s="18"/>
      <c r="O3364" s="18"/>
      <c r="P3364" s="19">
        <v>120</v>
      </c>
      <c r="Q3364" s="19"/>
      <c r="R3364" s="19"/>
      <c r="S3364" s="19"/>
      <c r="T3364" s="19">
        <v>90</v>
      </c>
      <c r="U3364" s="19"/>
      <c r="V3364" s="19"/>
      <c r="W3364" s="19"/>
      <c r="X3364" s="19">
        <v>1</v>
      </c>
      <c r="Y3364" s="19"/>
      <c r="Z3364" s="19"/>
      <c r="AA3364" s="19"/>
    </row>
    <row r="3365" spans="1:27" s="1" customFormat="1" ht="14.1" customHeight="1" outlineLevel="2" x14ac:dyDescent="0.2">
      <c r="A3365" s="17"/>
      <c r="B3365" s="17"/>
      <c r="C3365" s="17"/>
      <c r="D3365" s="18"/>
      <c r="E3365" s="18"/>
      <c r="F3365" s="18"/>
      <c r="G3365" s="18"/>
      <c r="H3365" s="18"/>
      <c r="I3365" s="18"/>
      <c r="J3365" s="18"/>
      <c r="K3365" s="18"/>
      <c r="L3365" s="18"/>
      <c r="M3365" s="18"/>
      <c r="N3365" s="18"/>
      <c r="O3365" s="18"/>
      <c r="P3365" s="19"/>
      <c r="Q3365" s="19"/>
      <c r="R3365" s="19"/>
      <c r="S3365" s="19"/>
      <c r="T3365" s="19"/>
      <c r="U3365" s="19"/>
      <c r="V3365" s="19"/>
      <c r="W3365" s="19"/>
      <c r="X3365" s="19"/>
      <c r="Y3365" s="19"/>
      <c r="Z3365" s="19"/>
      <c r="AA3365" s="19"/>
    </row>
    <row r="3366" spans="1:27" s="1" customFormat="1" ht="14.1" customHeight="1" outlineLevel="2" x14ac:dyDescent="0.2">
      <c r="A3366" s="17">
        <v>6131</v>
      </c>
      <c r="B3366" s="17"/>
      <c r="C3366" s="17"/>
      <c r="D3366" s="18" t="s">
        <v>1686</v>
      </c>
      <c r="E3366" s="18"/>
      <c r="F3366" s="18"/>
      <c r="G3366" s="18"/>
      <c r="H3366" s="18"/>
      <c r="I3366" s="18"/>
      <c r="J3366" s="18"/>
      <c r="K3366" s="18"/>
      <c r="L3366" s="18"/>
      <c r="M3366" s="18"/>
      <c r="N3366" s="18"/>
      <c r="O3366" s="18"/>
      <c r="P3366" s="20">
        <v>1050</v>
      </c>
      <c r="Q3366" s="20"/>
      <c r="R3366" s="20"/>
      <c r="S3366" s="20"/>
      <c r="T3366" s="19">
        <v>950</v>
      </c>
      <c r="U3366" s="19"/>
      <c r="V3366" s="19"/>
      <c r="W3366" s="19"/>
      <c r="X3366" s="19">
        <v>4</v>
      </c>
      <c r="Y3366" s="19"/>
      <c r="Z3366" s="19"/>
      <c r="AA3366" s="19"/>
    </row>
    <row r="3367" spans="1:27" s="1" customFormat="1" ht="14.1" customHeight="1" outlineLevel="2" x14ac:dyDescent="0.2">
      <c r="A3367" s="17"/>
      <c r="B3367" s="17"/>
      <c r="C3367" s="17"/>
      <c r="D3367" s="18"/>
      <c r="E3367" s="18"/>
      <c r="F3367" s="18"/>
      <c r="G3367" s="18"/>
      <c r="H3367" s="18"/>
      <c r="I3367" s="18"/>
      <c r="J3367" s="18"/>
      <c r="K3367" s="18"/>
      <c r="L3367" s="18"/>
      <c r="M3367" s="18"/>
      <c r="N3367" s="18"/>
      <c r="O3367" s="18"/>
      <c r="P3367" s="20"/>
      <c r="Q3367" s="20"/>
      <c r="R3367" s="20"/>
      <c r="S3367" s="20"/>
      <c r="T3367" s="19"/>
      <c r="U3367" s="19"/>
      <c r="V3367" s="19"/>
      <c r="W3367" s="19"/>
      <c r="X3367" s="19"/>
      <c r="Y3367" s="19"/>
      <c r="Z3367" s="19"/>
      <c r="AA3367" s="19"/>
    </row>
    <row r="3368" spans="1:27" s="1" customFormat="1" ht="11.1" customHeight="1" outlineLevel="2" x14ac:dyDescent="0.2">
      <c r="A3368" s="17">
        <v>14732</v>
      </c>
      <c r="B3368" s="17"/>
      <c r="C3368" s="17"/>
      <c r="D3368" s="18" t="s">
        <v>1687</v>
      </c>
      <c r="E3368" s="18"/>
      <c r="F3368" s="18"/>
      <c r="G3368" s="18"/>
      <c r="H3368" s="18"/>
      <c r="I3368" s="18"/>
      <c r="J3368" s="18"/>
      <c r="K3368" s="18"/>
      <c r="L3368" s="18"/>
      <c r="M3368" s="18"/>
      <c r="N3368" s="18"/>
      <c r="O3368" s="18"/>
      <c r="P3368" s="20">
        <v>1300</v>
      </c>
      <c r="Q3368" s="20"/>
      <c r="R3368" s="20"/>
      <c r="S3368" s="20"/>
      <c r="T3368" s="20">
        <v>1200</v>
      </c>
      <c r="U3368" s="20"/>
      <c r="V3368" s="20"/>
      <c r="W3368" s="20"/>
      <c r="X3368" s="19">
        <v>10</v>
      </c>
      <c r="Y3368" s="19"/>
      <c r="Z3368" s="19"/>
      <c r="AA3368" s="19"/>
    </row>
    <row r="3369" spans="1:27" s="1" customFormat="1" ht="11.1" customHeight="1" outlineLevel="2" x14ac:dyDescent="0.2">
      <c r="A3369" s="17"/>
      <c r="B3369" s="17"/>
      <c r="C3369" s="17"/>
      <c r="D3369" s="18"/>
      <c r="E3369" s="18"/>
      <c r="F3369" s="18"/>
      <c r="G3369" s="18"/>
      <c r="H3369" s="18"/>
      <c r="I3369" s="18"/>
      <c r="J3369" s="18"/>
      <c r="K3369" s="18"/>
      <c r="L3369" s="18"/>
      <c r="M3369" s="18"/>
      <c r="N3369" s="18"/>
      <c r="O3369" s="18"/>
      <c r="P3369" s="20"/>
      <c r="Q3369" s="20"/>
      <c r="R3369" s="20"/>
      <c r="S3369" s="20"/>
      <c r="T3369" s="20"/>
      <c r="U3369" s="20"/>
      <c r="V3369" s="20"/>
      <c r="W3369" s="20"/>
      <c r="X3369" s="19"/>
      <c r="Y3369" s="19"/>
      <c r="Z3369" s="19"/>
      <c r="AA3369" s="19"/>
    </row>
    <row r="3370" spans="1:27" s="1" customFormat="1" ht="11.1" customHeight="1" outlineLevel="2" x14ac:dyDescent="0.2">
      <c r="A3370" s="17">
        <v>1202</v>
      </c>
      <c r="B3370" s="17"/>
      <c r="C3370" s="17"/>
      <c r="D3370" s="18" t="s">
        <v>1688</v>
      </c>
      <c r="E3370" s="18"/>
      <c r="F3370" s="18"/>
      <c r="G3370" s="18"/>
      <c r="H3370" s="18"/>
      <c r="I3370" s="18"/>
      <c r="J3370" s="18"/>
      <c r="K3370" s="18"/>
      <c r="L3370" s="18"/>
      <c r="M3370" s="18"/>
      <c r="N3370" s="18"/>
      <c r="O3370" s="18"/>
      <c r="P3370" s="19">
        <v>490</v>
      </c>
      <c r="Q3370" s="19"/>
      <c r="R3370" s="19"/>
      <c r="S3370" s="19"/>
      <c r="T3370" s="19">
        <v>430</v>
      </c>
      <c r="U3370" s="19"/>
      <c r="V3370" s="19"/>
      <c r="W3370" s="19"/>
      <c r="X3370" s="19">
        <v>1</v>
      </c>
      <c r="Y3370" s="19"/>
      <c r="Z3370" s="19"/>
      <c r="AA3370" s="19"/>
    </row>
    <row r="3371" spans="1:27" s="1" customFormat="1" ht="11.1" customHeight="1" outlineLevel="2" x14ac:dyDescent="0.2">
      <c r="A3371" s="17"/>
      <c r="B3371" s="17"/>
      <c r="C3371" s="17"/>
      <c r="D3371" s="18"/>
      <c r="E3371" s="18"/>
      <c r="F3371" s="18"/>
      <c r="G3371" s="18"/>
      <c r="H3371" s="18"/>
      <c r="I3371" s="18"/>
      <c r="J3371" s="18"/>
      <c r="K3371" s="18"/>
      <c r="L3371" s="18"/>
      <c r="M3371" s="18"/>
      <c r="N3371" s="18"/>
      <c r="O3371" s="18"/>
      <c r="P3371" s="19"/>
      <c r="Q3371" s="19"/>
      <c r="R3371" s="19"/>
      <c r="S3371" s="19"/>
      <c r="T3371" s="19"/>
      <c r="U3371" s="19"/>
      <c r="V3371" s="19"/>
      <c r="W3371" s="19"/>
      <c r="X3371" s="19"/>
      <c r="Y3371" s="19"/>
      <c r="Z3371" s="19"/>
      <c r="AA3371" s="19"/>
    </row>
    <row r="3372" spans="1:27" s="1" customFormat="1" ht="14.1" customHeight="1" outlineLevel="2" x14ac:dyDescent="0.2">
      <c r="A3372" s="17">
        <v>1186</v>
      </c>
      <c r="B3372" s="17"/>
      <c r="C3372" s="17"/>
      <c r="D3372" s="18" t="s">
        <v>1689</v>
      </c>
      <c r="E3372" s="18"/>
      <c r="F3372" s="18"/>
      <c r="G3372" s="18"/>
      <c r="H3372" s="18"/>
      <c r="I3372" s="18"/>
      <c r="J3372" s="18"/>
      <c r="K3372" s="18"/>
      <c r="L3372" s="18"/>
      <c r="M3372" s="18"/>
      <c r="N3372" s="18"/>
      <c r="O3372" s="18"/>
      <c r="P3372" s="19">
        <v>500</v>
      </c>
      <c r="Q3372" s="19"/>
      <c r="R3372" s="19"/>
      <c r="S3372" s="19"/>
      <c r="T3372" s="19">
        <v>450</v>
      </c>
      <c r="U3372" s="19"/>
      <c r="V3372" s="19"/>
      <c r="W3372" s="19"/>
      <c r="X3372" s="19">
        <v>1</v>
      </c>
      <c r="Y3372" s="19"/>
      <c r="Z3372" s="19"/>
      <c r="AA3372" s="19"/>
    </row>
    <row r="3373" spans="1:27" s="1" customFormat="1" ht="14.1" customHeight="1" outlineLevel="2" x14ac:dyDescent="0.2">
      <c r="A3373" s="17"/>
      <c r="B3373" s="17"/>
      <c r="C3373" s="17"/>
      <c r="D3373" s="18"/>
      <c r="E3373" s="18"/>
      <c r="F3373" s="18"/>
      <c r="G3373" s="18"/>
      <c r="H3373" s="18"/>
      <c r="I3373" s="18"/>
      <c r="J3373" s="18"/>
      <c r="K3373" s="18"/>
      <c r="L3373" s="18"/>
      <c r="M3373" s="18"/>
      <c r="N3373" s="18"/>
      <c r="O3373" s="18"/>
      <c r="P3373" s="19"/>
      <c r="Q3373" s="19"/>
      <c r="R3373" s="19"/>
      <c r="S3373" s="19"/>
      <c r="T3373" s="19"/>
      <c r="U3373" s="19"/>
      <c r="V3373" s="19"/>
      <c r="W3373" s="19"/>
      <c r="X3373" s="19"/>
      <c r="Y3373" s="19"/>
      <c r="Z3373" s="19"/>
      <c r="AA3373" s="19"/>
    </row>
    <row r="3374" spans="1:27" s="1" customFormat="1" ht="11.1" customHeight="1" outlineLevel="2" x14ac:dyDescent="0.2">
      <c r="A3374" s="17">
        <v>1206</v>
      </c>
      <c r="B3374" s="17"/>
      <c r="C3374" s="17"/>
      <c r="D3374" s="18" t="s">
        <v>1690</v>
      </c>
      <c r="E3374" s="18"/>
      <c r="F3374" s="18"/>
      <c r="G3374" s="18"/>
      <c r="H3374" s="18"/>
      <c r="I3374" s="18"/>
      <c r="J3374" s="18"/>
      <c r="K3374" s="18"/>
      <c r="L3374" s="18"/>
      <c r="M3374" s="18"/>
      <c r="N3374" s="18"/>
      <c r="O3374" s="18"/>
      <c r="P3374" s="19">
        <v>350</v>
      </c>
      <c r="Q3374" s="19"/>
      <c r="R3374" s="19"/>
      <c r="S3374" s="19"/>
      <c r="T3374" s="19">
        <v>310</v>
      </c>
      <c r="U3374" s="19"/>
      <c r="V3374" s="19"/>
      <c r="W3374" s="19"/>
      <c r="X3374" s="19">
        <v>1</v>
      </c>
      <c r="Y3374" s="19"/>
      <c r="Z3374" s="19"/>
      <c r="AA3374" s="19"/>
    </row>
    <row r="3375" spans="1:27" s="1" customFormat="1" ht="11.1" customHeight="1" outlineLevel="2" x14ac:dyDescent="0.2">
      <c r="A3375" s="17"/>
      <c r="B3375" s="17"/>
      <c r="C3375" s="17"/>
      <c r="D3375" s="18"/>
      <c r="E3375" s="18"/>
      <c r="F3375" s="18"/>
      <c r="G3375" s="18"/>
      <c r="H3375" s="18"/>
      <c r="I3375" s="18"/>
      <c r="J3375" s="18"/>
      <c r="K3375" s="18"/>
      <c r="L3375" s="18"/>
      <c r="M3375" s="18"/>
      <c r="N3375" s="18"/>
      <c r="O3375" s="18"/>
      <c r="P3375" s="19"/>
      <c r="Q3375" s="19"/>
      <c r="R3375" s="19"/>
      <c r="S3375" s="19"/>
      <c r="T3375" s="19"/>
      <c r="U3375" s="19"/>
      <c r="V3375" s="19"/>
      <c r="W3375" s="19"/>
      <c r="X3375" s="19"/>
      <c r="Y3375" s="19"/>
      <c r="Z3375" s="19"/>
      <c r="AA3375" s="19"/>
    </row>
    <row r="3376" spans="1:27" s="1" customFormat="1" ht="14.1" customHeight="1" outlineLevel="2" x14ac:dyDescent="0.2">
      <c r="A3376" s="17">
        <v>1209</v>
      </c>
      <c r="B3376" s="17"/>
      <c r="C3376" s="17"/>
      <c r="D3376" s="18" t="s">
        <v>1691</v>
      </c>
      <c r="E3376" s="18"/>
      <c r="F3376" s="18"/>
      <c r="G3376" s="18"/>
      <c r="H3376" s="18"/>
      <c r="I3376" s="18"/>
      <c r="J3376" s="18"/>
      <c r="K3376" s="18"/>
      <c r="L3376" s="18"/>
      <c r="M3376" s="18"/>
      <c r="N3376" s="18"/>
      <c r="O3376" s="18"/>
      <c r="P3376" s="19">
        <v>900</v>
      </c>
      <c r="Q3376" s="19"/>
      <c r="R3376" s="19"/>
      <c r="S3376" s="19"/>
      <c r="T3376" s="19">
        <v>800</v>
      </c>
      <c r="U3376" s="19"/>
      <c r="V3376" s="19"/>
      <c r="W3376" s="19"/>
      <c r="X3376" s="19">
        <v>1</v>
      </c>
      <c r="Y3376" s="19"/>
      <c r="Z3376" s="19"/>
      <c r="AA3376" s="19"/>
    </row>
    <row r="3377" spans="1:27" s="1" customFormat="1" ht="14.1" customHeight="1" outlineLevel="2" x14ac:dyDescent="0.2">
      <c r="A3377" s="17"/>
      <c r="B3377" s="17"/>
      <c r="C3377" s="17"/>
      <c r="D3377" s="18"/>
      <c r="E3377" s="18"/>
      <c r="F3377" s="18"/>
      <c r="G3377" s="18"/>
      <c r="H3377" s="18"/>
      <c r="I3377" s="18"/>
      <c r="J3377" s="18"/>
      <c r="K3377" s="18"/>
      <c r="L3377" s="18"/>
      <c r="M3377" s="18"/>
      <c r="N3377" s="18"/>
      <c r="O3377" s="18"/>
      <c r="P3377" s="19"/>
      <c r="Q3377" s="19"/>
      <c r="R3377" s="19"/>
      <c r="S3377" s="19"/>
      <c r="T3377" s="19"/>
      <c r="U3377" s="19"/>
      <c r="V3377" s="19"/>
      <c r="W3377" s="19"/>
      <c r="X3377" s="19"/>
      <c r="Y3377" s="19"/>
      <c r="Z3377" s="19"/>
      <c r="AA3377" s="19"/>
    </row>
    <row r="3378" spans="1:27" s="1" customFormat="1" ht="14.1" customHeight="1" outlineLevel="2" x14ac:dyDescent="0.2">
      <c r="A3378" s="17">
        <v>13807</v>
      </c>
      <c r="B3378" s="17"/>
      <c r="C3378" s="17"/>
      <c r="D3378" s="18" t="s">
        <v>1692</v>
      </c>
      <c r="E3378" s="18"/>
      <c r="F3378" s="18"/>
      <c r="G3378" s="18"/>
      <c r="H3378" s="18"/>
      <c r="I3378" s="18"/>
      <c r="J3378" s="18"/>
      <c r="K3378" s="18"/>
      <c r="L3378" s="18"/>
      <c r="M3378" s="18"/>
      <c r="N3378" s="18"/>
      <c r="O3378" s="18"/>
      <c r="P3378" s="20">
        <v>1100</v>
      </c>
      <c r="Q3378" s="20"/>
      <c r="R3378" s="20"/>
      <c r="S3378" s="20"/>
      <c r="T3378" s="19">
        <v>990</v>
      </c>
      <c r="U3378" s="19"/>
      <c r="V3378" s="19"/>
      <c r="W3378" s="19"/>
      <c r="X3378" s="19">
        <v>1</v>
      </c>
      <c r="Y3378" s="19"/>
      <c r="Z3378" s="19"/>
      <c r="AA3378" s="19"/>
    </row>
    <row r="3379" spans="1:27" s="1" customFormat="1" ht="14.1" customHeight="1" outlineLevel="2" x14ac:dyDescent="0.2">
      <c r="A3379" s="17"/>
      <c r="B3379" s="17"/>
      <c r="C3379" s="17"/>
      <c r="D3379" s="18"/>
      <c r="E3379" s="18"/>
      <c r="F3379" s="18"/>
      <c r="G3379" s="18"/>
      <c r="H3379" s="18"/>
      <c r="I3379" s="18"/>
      <c r="J3379" s="18"/>
      <c r="K3379" s="18"/>
      <c r="L3379" s="18"/>
      <c r="M3379" s="18"/>
      <c r="N3379" s="18"/>
      <c r="O3379" s="18"/>
      <c r="P3379" s="20"/>
      <c r="Q3379" s="20"/>
      <c r="R3379" s="20"/>
      <c r="S3379" s="20"/>
      <c r="T3379" s="19"/>
      <c r="U3379" s="19"/>
      <c r="V3379" s="19"/>
      <c r="W3379" s="19"/>
      <c r="X3379" s="19"/>
      <c r="Y3379" s="19"/>
      <c r="Z3379" s="19"/>
      <c r="AA3379" s="19"/>
    </row>
    <row r="3380" spans="1:27" s="1" customFormat="1" ht="11.1" customHeight="1" outlineLevel="2" x14ac:dyDescent="0.2">
      <c r="A3380" s="17">
        <v>1191</v>
      </c>
      <c r="B3380" s="17"/>
      <c r="C3380" s="17"/>
      <c r="D3380" s="18" t="s">
        <v>1693</v>
      </c>
      <c r="E3380" s="18"/>
      <c r="F3380" s="18"/>
      <c r="G3380" s="18"/>
      <c r="H3380" s="18"/>
      <c r="I3380" s="18"/>
      <c r="J3380" s="18"/>
      <c r="K3380" s="18"/>
      <c r="L3380" s="18"/>
      <c r="M3380" s="18"/>
      <c r="N3380" s="18"/>
      <c r="O3380" s="18"/>
      <c r="P3380" s="19">
        <v>300</v>
      </c>
      <c r="Q3380" s="19"/>
      <c r="R3380" s="19"/>
      <c r="S3380" s="19"/>
      <c r="T3380" s="19">
        <v>250</v>
      </c>
      <c r="U3380" s="19"/>
      <c r="V3380" s="19"/>
      <c r="W3380" s="19"/>
      <c r="X3380" s="19">
        <v>1</v>
      </c>
      <c r="Y3380" s="19"/>
      <c r="Z3380" s="19"/>
      <c r="AA3380" s="19"/>
    </row>
    <row r="3381" spans="1:27" s="1" customFormat="1" ht="11.1" customHeight="1" outlineLevel="2" x14ac:dyDescent="0.2">
      <c r="A3381" s="17"/>
      <c r="B3381" s="17"/>
      <c r="C3381" s="17"/>
      <c r="D3381" s="18"/>
      <c r="E3381" s="18"/>
      <c r="F3381" s="18"/>
      <c r="G3381" s="18"/>
      <c r="H3381" s="18"/>
      <c r="I3381" s="18"/>
      <c r="J3381" s="18"/>
      <c r="K3381" s="18"/>
      <c r="L3381" s="18"/>
      <c r="M3381" s="18"/>
      <c r="N3381" s="18"/>
      <c r="O3381" s="18"/>
      <c r="P3381" s="19"/>
      <c r="Q3381" s="19"/>
      <c r="R3381" s="19"/>
      <c r="S3381" s="19"/>
      <c r="T3381" s="19"/>
      <c r="U3381" s="19"/>
      <c r="V3381" s="19"/>
      <c r="W3381" s="19"/>
      <c r="X3381" s="19"/>
      <c r="Y3381" s="19"/>
      <c r="Z3381" s="19"/>
      <c r="AA3381" s="19"/>
    </row>
    <row r="3382" spans="1:27" s="1" customFormat="1" ht="11.1" customHeight="1" outlineLevel="2" x14ac:dyDescent="0.2">
      <c r="A3382" s="17">
        <v>1189</v>
      </c>
      <c r="B3382" s="17"/>
      <c r="C3382" s="17"/>
      <c r="D3382" s="18" t="s">
        <v>1694</v>
      </c>
      <c r="E3382" s="18"/>
      <c r="F3382" s="18"/>
      <c r="G3382" s="18"/>
      <c r="H3382" s="18"/>
      <c r="I3382" s="18"/>
      <c r="J3382" s="18"/>
      <c r="K3382" s="18"/>
      <c r="L3382" s="18"/>
      <c r="M3382" s="18"/>
      <c r="N3382" s="18"/>
      <c r="O3382" s="18"/>
      <c r="P3382" s="19">
        <v>290</v>
      </c>
      <c r="Q3382" s="19"/>
      <c r="R3382" s="19"/>
      <c r="S3382" s="19"/>
      <c r="T3382" s="19">
        <v>240</v>
      </c>
      <c r="U3382" s="19"/>
      <c r="V3382" s="19"/>
      <c r="W3382" s="19"/>
      <c r="X3382" s="19">
        <v>1</v>
      </c>
      <c r="Y3382" s="19"/>
      <c r="Z3382" s="19"/>
      <c r="AA3382" s="19"/>
    </row>
    <row r="3383" spans="1:27" s="1" customFormat="1" ht="11.1" customHeight="1" outlineLevel="2" x14ac:dyDescent="0.2">
      <c r="A3383" s="17"/>
      <c r="B3383" s="17"/>
      <c r="C3383" s="17"/>
      <c r="D3383" s="18"/>
      <c r="E3383" s="18"/>
      <c r="F3383" s="18"/>
      <c r="G3383" s="18"/>
      <c r="H3383" s="18"/>
      <c r="I3383" s="18"/>
      <c r="J3383" s="18"/>
      <c r="K3383" s="18"/>
      <c r="L3383" s="18"/>
      <c r="M3383" s="18"/>
      <c r="N3383" s="18"/>
      <c r="O3383" s="18"/>
      <c r="P3383" s="19"/>
      <c r="Q3383" s="19"/>
      <c r="R3383" s="19"/>
      <c r="S3383" s="19"/>
      <c r="T3383" s="19"/>
      <c r="U3383" s="19"/>
      <c r="V3383" s="19"/>
      <c r="W3383" s="19"/>
      <c r="X3383" s="19"/>
      <c r="Y3383" s="19"/>
      <c r="Z3383" s="19"/>
      <c r="AA3383" s="19"/>
    </row>
    <row r="3384" spans="1:27" s="1" customFormat="1" ht="11.1" customHeight="1" outlineLevel="2" x14ac:dyDescent="0.2">
      <c r="A3384" s="17">
        <v>13691</v>
      </c>
      <c r="B3384" s="17"/>
      <c r="C3384" s="17"/>
      <c r="D3384" s="18" t="s">
        <v>1695</v>
      </c>
      <c r="E3384" s="18"/>
      <c r="F3384" s="18"/>
      <c r="G3384" s="18"/>
      <c r="H3384" s="18"/>
      <c r="I3384" s="18"/>
      <c r="J3384" s="18"/>
      <c r="K3384" s="18"/>
      <c r="L3384" s="18"/>
      <c r="M3384" s="18"/>
      <c r="N3384" s="18"/>
      <c r="O3384" s="18"/>
      <c r="P3384" s="20">
        <v>1730</v>
      </c>
      <c r="Q3384" s="20"/>
      <c r="R3384" s="20"/>
      <c r="S3384" s="20"/>
      <c r="T3384" s="20">
        <v>1550</v>
      </c>
      <c r="U3384" s="20"/>
      <c r="V3384" s="20"/>
      <c r="W3384" s="20"/>
      <c r="X3384" s="19">
        <v>10</v>
      </c>
      <c r="Y3384" s="19"/>
      <c r="Z3384" s="19"/>
      <c r="AA3384" s="19"/>
    </row>
    <row r="3385" spans="1:27" s="1" customFormat="1" ht="11.1" customHeight="1" outlineLevel="2" x14ac:dyDescent="0.2">
      <c r="A3385" s="17"/>
      <c r="B3385" s="17"/>
      <c r="C3385" s="17"/>
      <c r="D3385" s="18"/>
      <c r="E3385" s="18"/>
      <c r="F3385" s="18"/>
      <c r="G3385" s="18"/>
      <c r="H3385" s="18"/>
      <c r="I3385" s="18"/>
      <c r="J3385" s="18"/>
      <c r="K3385" s="18"/>
      <c r="L3385" s="18"/>
      <c r="M3385" s="18"/>
      <c r="N3385" s="18"/>
      <c r="O3385" s="18"/>
      <c r="P3385" s="20"/>
      <c r="Q3385" s="20"/>
      <c r="R3385" s="20"/>
      <c r="S3385" s="20"/>
      <c r="T3385" s="20"/>
      <c r="U3385" s="20"/>
      <c r="V3385" s="20"/>
      <c r="W3385" s="20"/>
      <c r="X3385" s="19"/>
      <c r="Y3385" s="19"/>
      <c r="Z3385" s="19"/>
      <c r="AA3385" s="19"/>
    </row>
    <row r="3386" spans="1:27" s="1" customFormat="1" ht="11.1" customHeight="1" outlineLevel="2" x14ac:dyDescent="0.2">
      <c r="A3386" s="17">
        <v>4644</v>
      </c>
      <c r="B3386" s="17"/>
      <c r="C3386" s="17"/>
      <c r="D3386" s="18" t="s">
        <v>1696</v>
      </c>
      <c r="E3386" s="18"/>
      <c r="F3386" s="18"/>
      <c r="G3386" s="18"/>
      <c r="H3386" s="18"/>
      <c r="I3386" s="18"/>
      <c r="J3386" s="18"/>
      <c r="K3386" s="18"/>
      <c r="L3386" s="18"/>
      <c r="M3386" s="18"/>
      <c r="N3386" s="18"/>
      <c r="O3386" s="18"/>
      <c r="P3386" s="20">
        <v>1500</v>
      </c>
      <c r="Q3386" s="20"/>
      <c r="R3386" s="20"/>
      <c r="S3386" s="20"/>
      <c r="T3386" s="20">
        <v>1440</v>
      </c>
      <c r="U3386" s="20"/>
      <c r="V3386" s="20"/>
      <c r="W3386" s="20"/>
      <c r="X3386" s="19">
        <v>1</v>
      </c>
      <c r="Y3386" s="19"/>
      <c r="Z3386" s="19"/>
      <c r="AA3386" s="19"/>
    </row>
    <row r="3387" spans="1:27" s="1" customFormat="1" ht="11.1" customHeight="1" outlineLevel="2" x14ac:dyDescent="0.2">
      <c r="A3387" s="17"/>
      <c r="B3387" s="17"/>
      <c r="C3387" s="17"/>
      <c r="D3387" s="18"/>
      <c r="E3387" s="18"/>
      <c r="F3387" s="18"/>
      <c r="G3387" s="18"/>
      <c r="H3387" s="18"/>
      <c r="I3387" s="18"/>
      <c r="J3387" s="18"/>
      <c r="K3387" s="18"/>
      <c r="L3387" s="18"/>
      <c r="M3387" s="18"/>
      <c r="N3387" s="18"/>
      <c r="O3387" s="18"/>
      <c r="P3387" s="20"/>
      <c r="Q3387" s="20"/>
      <c r="R3387" s="20"/>
      <c r="S3387" s="20"/>
      <c r="T3387" s="20"/>
      <c r="U3387" s="20"/>
      <c r="V3387" s="20"/>
      <c r="W3387" s="20"/>
      <c r="X3387" s="19"/>
      <c r="Y3387" s="19"/>
      <c r="Z3387" s="19"/>
      <c r="AA3387" s="19"/>
    </row>
    <row r="3388" spans="1:27" s="1" customFormat="1" ht="11.1" customHeight="1" outlineLevel="2" x14ac:dyDescent="0.2">
      <c r="A3388" s="17">
        <v>1195</v>
      </c>
      <c r="B3388" s="17"/>
      <c r="C3388" s="17"/>
      <c r="D3388" s="18" t="s">
        <v>1697</v>
      </c>
      <c r="E3388" s="18"/>
      <c r="F3388" s="18"/>
      <c r="G3388" s="18"/>
      <c r="H3388" s="18"/>
      <c r="I3388" s="18"/>
      <c r="J3388" s="18"/>
      <c r="K3388" s="18"/>
      <c r="L3388" s="18"/>
      <c r="M3388" s="18"/>
      <c r="N3388" s="18"/>
      <c r="O3388" s="18"/>
      <c r="P3388" s="19">
        <v>300</v>
      </c>
      <c r="Q3388" s="19"/>
      <c r="R3388" s="19"/>
      <c r="S3388" s="19"/>
      <c r="T3388" s="19">
        <v>240</v>
      </c>
      <c r="U3388" s="19"/>
      <c r="V3388" s="19"/>
      <c r="W3388" s="19"/>
      <c r="X3388" s="19">
        <v>1</v>
      </c>
      <c r="Y3388" s="19"/>
      <c r="Z3388" s="19"/>
      <c r="AA3388" s="19"/>
    </row>
    <row r="3389" spans="1:27" s="1" customFormat="1" ht="11.1" customHeight="1" outlineLevel="2" x14ac:dyDescent="0.2">
      <c r="A3389" s="17"/>
      <c r="B3389" s="17"/>
      <c r="C3389" s="17"/>
      <c r="D3389" s="18"/>
      <c r="E3389" s="18"/>
      <c r="F3389" s="18"/>
      <c r="G3389" s="18"/>
      <c r="H3389" s="18"/>
      <c r="I3389" s="18"/>
      <c r="J3389" s="18"/>
      <c r="K3389" s="18"/>
      <c r="L3389" s="18"/>
      <c r="M3389" s="18"/>
      <c r="N3389" s="18"/>
      <c r="O3389" s="18"/>
      <c r="P3389" s="19"/>
      <c r="Q3389" s="19"/>
      <c r="R3389" s="19"/>
      <c r="S3389" s="19"/>
      <c r="T3389" s="19"/>
      <c r="U3389" s="19"/>
      <c r="V3389" s="19"/>
      <c r="W3389" s="19"/>
      <c r="X3389" s="19"/>
      <c r="Y3389" s="19"/>
      <c r="Z3389" s="19"/>
      <c r="AA3389" s="19"/>
    </row>
    <row r="3390" spans="1:27" s="1" customFormat="1" ht="11.1" customHeight="1" outlineLevel="2" x14ac:dyDescent="0.2">
      <c r="A3390" s="17">
        <v>1200</v>
      </c>
      <c r="B3390" s="17"/>
      <c r="C3390" s="17"/>
      <c r="D3390" s="18" t="s">
        <v>1698</v>
      </c>
      <c r="E3390" s="18"/>
      <c r="F3390" s="18"/>
      <c r="G3390" s="18"/>
      <c r="H3390" s="18"/>
      <c r="I3390" s="18"/>
      <c r="J3390" s="18"/>
      <c r="K3390" s="18"/>
      <c r="L3390" s="18"/>
      <c r="M3390" s="18"/>
      <c r="N3390" s="18"/>
      <c r="O3390" s="18"/>
      <c r="P3390" s="19">
        <v>350</v>
      </c>
      <c r="Q3390" s="19"/>
      <c r="R3390" s="19"/>
      <c r="S3390" s="19"/>
      <c r="T3390" s="19">
        <v>290</v>
      </c>
      <c r="U3390" s="19"/>
      <c r="V3390" s="19"/>
      <c r="W3390" s="19"/>
      <c r="X3390" s="19">
        <v>1</v>
      </c>
      <c r="Y3390" s="19"/>
      <c r="Z3390" s="19"/>
      <c r="AA3390" s="19"/>
    </row>
    <row r="3391" spans="1:27" s="1" customFormat="1" ht="11.1" customHeight="1" outlineLevel="2" x14ac:dyDescent="0.2">
      <c r="A3391" s="17"/>
      <c r="B3391" s="17"/>
      <c r="C3391" s="17"/>
      <c r="D3391" s="18"/>
      <c r="E3391" s="18"/>
      <c r="F3391" s="18"/>
      <c r="G3391" s="18"/>
      <c r="H3391" s="18"/>
      <c r="I3391" s="18"/>
      <c r="J3391" s="18"/>
      <c r="K3391" s="18"/>
      <c r="L3391" s="18"/>
      <c r="M3391" s="18"/>
      <c r="N3391" s="18"/>
      <c r="O3391" s="18"/>
      <c r="P3391" s="19"/>
      <c r="Q3391" s="19"/>
      <c r="R3391" s="19"/>
      <c r="S3391" s="19"/>
      <c r="T3391" s="19"/>
      <c r="U3391" s="19"/>
      <c r="V3391" s="19"/>
      <c r="W3391" s="19"/>
      <c r="X3391" s="19"/>
      <c r="Y3391" s="19"/>
      <c r="Z3391" s="19"/>
      <c r="AA3391" s="19"/>
    </row>
    <row r="3392" spans="1:27" s="1" customFormat="1" ht="14.1" customHeight="1" outlineLevel="2" x14ac:dyDescent="0.2">
      <c r="A3392" s="17">
        <v>13011</v>
      </c>
      <c r="B3392" s="17"/>
      <c r="C3392" s="17"/>
      <c r="D3392" s="18" t="s">
        <v>1699</v>
      </c>
      <c r="E3392" s="18"/>
      <c r="F3392" s="18"/>
      <c r="G3392" s="18"/>
      <c r="H3392" s="18"/>
      <c r="I3392" s="18"/>
      <c r="J3392" s="18"/>
      <c r="K3392" s="18"/>
      <c r="L3392" s="18"/>
      <c r="M3392" s="18"/>
      <c r="N3392" s="18"/>
      <c r="O3392" s="18"/>
      <c r="P3392" s="20">
        <v>1450</v>
      </c>
      <c r="Q3392" s="20"/>
      <c r="R3392" s="20"/>
      <c r="S3392" s="20"/>
      <c r="T3392" s="20">
        <v>1300</v>
      </c>
      <c r="U3392" s="20"/>
      <c r="V3392" s="20"/>
      <c r="W3392" s="20"/>
      <c r="X3392" s="19">
        <v>1</v>
      </c>
      <c r="Y3392" s="19"/>
      <c r="Z3392" s="19"/>
      <c r="AA3392" s="19"/>
    </row>
    <row r="3393" spans="1:27" s="1" customFormat="1" ht="14.1" customHeight="1" outlineLevel="2" x14ac:dyDescent="0.2">
      <c r="A3393" s="17"/>
      <c r="B3393" s="17"/>
      <c r="C3393" s="17"/>
      <c r="D3393" s="18"/>
      <c r="E3393" s="18"/>
      <c r="F3393" s="18"/>
      <c r="G3393" s="18"/>
      <c r="H3393" s="18"/>
      <c r="I3393" s="18"/>
      <c r="J3393" s="18"/>
      <c r="K3393" s="18"/>
      <c r="L3393" s="18"/>
      <c r="M3393" s="18"/>
      <c r="N3393" s="18"/>
      <c r="O3393" s="18"/>
      <c r="P3393" s="20"/>
      <c r="Q3393" s="20"/>
      <c r="R3393" s="20"/>
      <c r="S3393" s="20"/>
      <c r="T3393" s="20"/>
      <c r="U3393" s="20"/>
      <c r="V3393" s="20"/>
      <c r="W3393" s="20"/>
      <c r="X3393" s="19"/>
      <c r="Y3393" s="19"/>
      <c r="Z3393" s="19"/>
      <c r="AA3393" s="19"/>
    </row>
    <row r="3394" spans="1:27" s="1" customFormat="1" ht="11.1" customHeight="1" outlineLevel="1" x14ac:dyDescent="0.2">
      <c r="A3394" s="16" t="s">
        <v>1700</v>
      </c>
      <c r="B3394" s="16"/>
      <c r="C3394" s="16"/>
      <c r="D3394" s="16"/>
      <c r="E3394" s="16"/>
      <c r="F3394" s="16"/>
      <c r="G3394" s="16"/>
      <c r="H3394" s="16"/>
      <c r="I3394" s="16"/>
      <c r="J3394" s="16"/>
      <c r="K3394" s="16"/>
      <c r="L3394" s="16"/>
      <c r="M3394" s="16"/>
      <c r="N3394" s="16"/>
      <c r="O3394" s="16"/>
      <c r="P3394" s="16"/>
      <c r="Q3394" s="16"/>
      <c r="R3394" s="16"/>
      <c r="S3394" s="16"/>
      <c r="T3394" s="16"/>
      <c r="U3394" s="16"/>
      <c r="V3394" s="16"/>
      <c r="W3394" s="16"/>
      <c r="X3394" s="16"/>
      <c r="Y3394" s="16"/>
      <c r="Z3394" s="16"/>
      <c r="AA3394" s="16"/>
    </row>
    <row r="3395" spans="1:27" s="1" customFormat="1" ht="11.1" customHeight="1" outlineLevel="1" x14ac:dyDescent="0.2">
      <c r="A3395" s="16"/>
      <c r="B3395" s="16"/>
      <c r="C3395" s="16"/>
      <c r="D3395" s="16"/>
      <c r="E3395" s="16"/>
      <c r="F3395" s="16"/>
      <c r="G3395" s="16"/>
      <c r="H3395" s="16"/>
      <c r="I3395" s="16"/>
      <c r="J3395" s="16"/>
      <c r="K3395" s="16"/>
      <c r="L3395" s="16"/>
      <c r="M3395" s="16"/>
      <c r="N3395" s="16"/>
      <c r="O3395" s="16"/>
      <c r="P3395" s="16"/>
      <c r="Q3395" s="16"/>
      <c r="R3395" s="16"/>
      <c r="S3395" s="16"/>
      <c r="T3395" s="16"/>
      <c r="U3395" s="16"/>
      <c r="V3395" s="16"/>
      <c r="W3395" s="16"/>
      <c r="X3395" s="16"/>
      <c r="Y3395" s="16"/>
      <c r="Z3395" s="16"/>
      <c r="AA3395" s="16"/>
    </row>
    <row r="3396" spans="1:27" s="1" customFormat="1" ht="14.1" customHeight="1" outlineLevel="2" x14ac:dyDescent="0.2">
      <c r="A3396" s="17">
        <v>13415</v>
      </c>
      <c r="B3396" s="17"/>
      <c r="C3396" s="17"/>
      <c r="D3396" s="18" t="s">
        <v>1701</v>
      </c>
      <c r="E3396" s="18"/>
      <c r="F3396" s="18"/>
      <c r="G3396" s="18"/>
      <c r="H3396" s="18"/>
      <c r="I3396" s="18"/>
      <c r="J3396" s="18"/>
      <c r="K3396" s="18"/>
      <c r="L3396" s="18"/>
      <c r="M3396" s="18"/>
      <c r="N3396" s="18"/>
      <c r="O3396" s="18"/>
      <c r="P3396" s="20">
        <v>1800</v>
      </c>
      <c r="Q3396" s="20"/>
      <c r="R3396" s="20"/>
      <c r="S3396" s="20"/>
      <c r="T3396" s="20">
        <v>1650</v>
      </c>
      <c r="U3396" s="20"/>
      <c r="V3396" s="20"/>
      <c r="W3396" s="20"/>
      <c r="X3396" s="19">
        <v>3</v>
      </c>
      <c r="Y3396" s="19"/>
      <c r="Z3396" s="19"/>
      <c r="AA3396" s="19"/>
    </row>
    <row r="3397" spans="1:27" s="1" customFormat="1" ht="14.1" customHeight="1" outlineLevel="2" x14ac:dyDescent="0.2">
      <c r="A3397" s="17"/>
      <c r="B3397" s="17"/>
      <c r="C3397" s="17"/>
      <c r="D3397" s="18"/>
      <c r="E3397" s="18"/>
      <c r="F3397" s="18"/>
      <c r="G3397" s="18"/>
      <c r="H3397" s="18"/>
      <c r="I3397" s="18"/>
      <c r="J3397" s="18"/>
      <c r="K3397" s="18"/>
      <c r="L3397" s="18"/>
      <c r="M3397" s="18"/>
      <c r="N3397" s="18"/>
      <c r="O3397" s="18"/>
      <c r="P3397" s="20"/>
      <c r="Q3397" s="20"/>
      <c r="R3397" s="20"/>
      <c r="S3397" s="20"/>
      <c r="T3397" s="20"/>
      <c r="U3397" s="20"/>
      <c r="V3397" s="20"/>
      <c r="W3397" s="20"/>
      <c r="X3397" s="19"/>
      <c r="Y3397" s="19"/>
      <c r="Z3397" s="19"/>
      <c r="AA3397" s="19"/>
    </row>
    <row r="3398" spans="1:27" s="1" customFormat="1" ht="14.1" customHeight="1" outlineLevel="2" x14ac:dyDescent="0.2">
      <c r="A3398" s="17">
        <v>15031</v>
      </c>
      <c r="B3398" s="17"/>
      <c r="C3398" s="17"/>
      <c r="D3398" s="18" t="s">
        <v>1702</v>
      </c>
      <c r="E3398" s="18"/>
      <c r="F3398" s="18"/>
      <c r="G3398" s="18"/>
      <c r="H3398" s="18"/>
      <c r="I3398" s="18"/>
      <c r="J3398" s="18"/>
      <c r="K3398" s="18"/>
      <c r="L3398" s="18"/>
      <c r="M3398" s="18"/>
      <c r="N3398" s="18"/>
      <c r="O3398" s="18"/>
      <c r="P3398" s="20">
        <v>1050</v>
      </c>
      <c r="Q3398" s="20"/>
      <c r="R3398" s="20"/>
      <c r="S3398" s="20"/>
      <c r="T3398" s="19">
        <v>950</v>
      </c>
      <c r="U3398" s="19"/>
      <c r="V3398" s="19"/>
      <c r="W3398" s="19"/>
      <c r="X3398" s="19">
        <v>2</v>
      </c>
      <c r="Y3398" s="19"/>
      <c r="Z3398" s="19"/>
      <c r="AA3398" s="19"/>
    </row>
    <row r="3399" spans="1:27" s="1" customFormat="1" ht="14.1" customHeight="1" outlineLevel="2" x14ac:dyDescent="0.2">
      <c r="A3399" s="17"/>
      <c r="B3399" s="17"/>
      <c r="C3399" s="17"/>
      <c r="D3399" s="18"/>
      <c r="E3399" s="18"/>
      <c r="F3399" s="18"/>
      <c r="G3399" s="18"/>
      <c r="H3399" s="18"/>
      <c r="I3399" s="18"/>
      <c r="J3399" s="18"/>
      <c r="K3399" s="18"/>
      <c r="L3399" s="18"/>
      <c r="M3399" s="18"/>
      <c r="N3399" s="18"/>
      <c r="O3399" s="18"/>
      <c r="P3399" s="20"/>
      <c r="Q3399" s="20"/>
      <c r="R3399" s="20"/>
      <c r="S3399" s="20"/>
      <c r="T3399" s="19"/>
      <c r="U3399" s="19"/>
      <c r="V3399" s="19"/>
      <c r="W3399" s="19"/>
      <c r="X3399" s="19"/>
      <c r="Y3399" s="19"/>
      <c r="Z3399" s="19"/>
      <c r="AA3399" s="19"/>
    </row>
    <row r="3400" spans="1:27" s="1" customFormat="1" ht="14.1" customHeight="1" outlineLevel="2" x14ac:dyDescent="0.2">
      <c r="A3400" s="17">
        <v>17104</v>
      </c>
      <c r="B3400" s="17"/>
      <c r="C3400" s="17"/>
      <c r="D3400" s="18" t="s">
        <v>1703</v>
      </c>
      <c r="E3400" s="18"/>
      <c r="F3400" s="18"/>
      <c r="G3400" s="18"/>
      <c r="H3400" s="18"/>
      <c r="I3400" s="18"/>
      <c r="J3400" s="18"/>
      <c r="K3400" s="18"/>
      <c r="L3400" s="18"/>
      <c r="M3400" s="18"/>
      <c r="N3400" s="18"/>
      <c r="O3400" s="18"/>
      <c r="P3400" s="20">
        <v>1100</v>
      </c>
      <c r="Q3400" s="20"/>
      <c r="R3400" s="20"/>
      <c r="S3400" s="20"/>
      <c r="T3400" s="19">
        <v>950</v>
      </c>
      <c r="U3400" s="19"/>
      <c r="V3400" s="19"/>
      <c r="W3400" s="19"/>
      <c r="X3400" s="19">
        <v>47</v>
      </c>
      <c r="Y3400" s="19"/>
      <c r="Z3400" s="19"/>
      <c r="AA3400" s="19"/>
    </row>
    <row r="3401" spans="1:27" s="1" customFormat="1" ht="14.1" customHeight="1" outlineLevel="2" x14ac:dyDescent="0.2">
      <c r="A3401" s="17"/>
      <c r="B3401" s="17"/>
      <c r="C3401" s="17"/>
      <c r="D3401" s="18"/>
      <c r="E3401" s="18"/>
      <c r="F3401" s="18"/>
      <c r="G3401" s="18"/>
      <c r="H3401" s="18"/>
      <c r="I3401" s="18"/>
      <c r="J3401" s="18"/>
      <c r="K3401" s="18"/>
      <c r="L3401" s="18"/>
      <c r="M3401" s="18"/>
      <c r="N3401" s="18"/>
      <c r="O3401" s="18"/>
      <c r="P3401" s="20"/>
      <c r="Q3401" s="20"/>
      <c r="R3401" s="20"/>
      <c r="S3401" s="20"/>
      <c r="T3401" s="19"/>
      <c r="U3401" s="19"/>
      <c r="V3401" s="19"/>
      <c r="W3401" s="19"/>
      <c r="X3401" s="19"/>
      <c r="Y3401" s="19"/>
      <c r="Z3401" s="19"/>
      <c r="AA3401" s="19"/>
    </row>
    <row r="3402" spans="1:27" s="1" customFormat="1" ht="14.1" customHeight="1" outlineLevel="2" x14ac:dyDescent="0.2">
      <c r="A3402" s="17">
        <v>18241</v>
      </c>
      <c r="B3402" s="17"/>
      <c r="C3402" s="17"/>
      <c r="D3402" s="18" t="s">
        <v>1704</v>
      </c>
      <c r="E3402" s="18"/>
      <c r="F3402" s="18"/>
      <c r="G3402" s="18"/>
      <c r="H3402" s="18"/>
      <c r="I3402" s="18"/>
      <c r="J3402" s="18"/>
      <c r="K3402" s="18"/>
      <c r="L3402" s="18"/>
      <c r="M3402" s="18"/>
      <c r="N3402" s="18"/>
      <c r="O3402" s="18"/>
      <c r="P3402" s="20">
        <v>1200</v>
      </c>
      <c r="Q3402" s="20"/>
      <c r="R3402" s="20"/>
      <c r="S3402" s="20"/>
      <c r="T3402" s="19">
        <v>850</v>
      </c>
      <c r="U3402" s="19"/>
      <c r="V3402" s="19"/>
      <c r="W3402" s="19"/>
      <c r="X3402" s="19">
        <v>10</v>
      </c>
      <c r="Y3402" s="19"/>
      <c r="Z3402" s="19"/>
      <c r="AA3402" s="19"/>
    </row>
    <row r="3403" spans="1:27" s="1" customFormat="1" ht="14.1" customHeight="1" outlineLevel="2" x14ac:dyDescent="0.2">
      <c r="A3403" s="17"/>
      <c r="B3403" s="17"/>
      <c r="C3403" s="17"/>
      <c r="D3403" s="18"/>
      <c r="E3403" s="18"/>
      <c r="F3403" s="18"/>
      <c r="G3403" s="18"/>
      <c r="H3403" s="18"/>
      <c r="I3403" s="18"/>
      <c r="J3403" s="18"/>
      <c r="K3403" s="18"/>
      <c r="L3403" s="18"/>
      <c r="M3403" s="18"/>
      <c r="N3403" s="18"/>
      <c r="O3403" s="18"/>
      <c r="P3403" s="20"/>
      <c r="Q3403" s="20"/>
      <c r="R3403" s="20"/>
      <c r="S3403" s="20"/>
      <c r="T3403" s="19"/>
      <c r="U3403" s="19"/>
      <c r="V3403" s="19"/>
      <c r="W3403" s="19"/>
      <c r="X3403" s="19"/>
      <c r="Y3403" s="19"/>
      <c r="Z3403" s="19"/>
      <c r="AA3403" s="19"/>
    </row>
    <row r="3404" spans="1:27" s="1" customFormat="1" ht="14.1" customHeight="1" outlineLevel="2" x14ac:dyDescent="0.2">
      <c r="A3404" s="17">
        <v>11506</v>
      </c>
      <c r="B3404" s="17"/>
      <c r="C3404" s="17"/>
      <c r="D3404" s="18" t="s">
        <v>1705</v>
      </c>
      <c r="E3404" s="18"/>
      <c r="F3404" s="18"/>
      <c r="G3404" s="18"/>
      <c r="H3404" s="18"/>
      <c r="I3404" s="18"/>
      <c r="J3404" s="18"/>
      <c r="K3404" s="18"/>
      <c r="L3404" s="18"/>
      <c r="M3404" s="18"/>
      <c r="N3404" s="18"/>
      <c r="O3404" s="18"/>
      <c r="P3404" s="20">
        <v>1650</v>
      </c>
      <c r="Q3404" s="20"/>
      <c r="R3404" s="20"/>
      <c r="S3404" s="20"/>
      <c r="T3404" s="20">
        <v>1450</v>
      </c>
      <c r="U3404" s="20"/>
      <c r="V3404" s="20"/>
      <c r="W3404" s="20"/>
      <c r="X3404" s="19">
        <v>5</v>
      </c>
      <c r="Y3404" s="19"/>
      <c r="Z3404" s="19"/>
      <c r="AA3404" s="19"/>
    </row>
    <row r="3405" spans="1:27" s="1" customFormat="1" ht="14.1" customHeight="1" outlineLevel="2" x14ac:dyDescent="0.2">
      <c r="A3405" s="17"/>
      <c r="B3405" s="17"/>
      <c r="C3405" s="17"/>
      <c r="D3405" s="18"/>
      <c r="E3405" s="18"/>
      <c r="F3405" s="18"/>
      <c r="G3405" s="18"/>
      <c r="H3405" s="18"/>
      <c r="I3405" s="18"/>
      <c r="J3405" s="18"/>
      <c r="K3405" s="18"/>
      <c r="L3405" s="18"/>
      <c r="M3405" s="18"/>
      <c r="N3405" s="18"/>
      <c r="O3405" s="18"/>
      <c r="P3405" s="20"/>
      <c r="Q3405" s="20"/>
      <c r="R3405" s="20"/>
      <c r="S3405" s="20"/>
      <c r="T3405" s="20"/>
      <c r="U3405" s="20"/>
      <c r="V3405" s="20"/>
      <c r="W3405" s="20"/>
      <c r="X3405" s="19"/>
      <c r="Y3405" s="19"/>
      <c r="Z3405" s="19"/>
      <c r="AA3405" s="19"/>
    </row>
    <row r="3406" spans="1:27" s="1" customFormat="1" ht="14.1" customHeight="1" outlineLevel="2" x14ac:dyDescent="0.2">
      <c r="A3406" s="17">
        <v>13416</v>
      </c>
      <c r="B3406" s="17"/>
      <c r="C3406" s="17"/>
      <c r="D3406" s="18" t="s">
        <v>1706</v>
      </c>
      <c r="E3406" s="18"/>
      <c r="F3406" s="18"/>
      <c r="G3406" s="18"/>
      <c r="H3406" s="18"/>
      <c r="I3406" s="18"/>
      <c r="J3406" s="18"/>
      <c r="K3406" s="18"/>
      <c r="L3406" s="18"/>
      <c r="M3406" s="18"/>
      <c r="N3406" s="18"/>
      <c r="O3406" s="18"/>
      <c r="P3406" s="20">
        <v>2300</v>
      </c>
      <c r="Q3406" s="20"/>
      <c r="R3406" s="20"/>
      <c r="S3406" s="20"/>
      <c r="T3406" s="20">
        <v>2100</v>
      </c>
      <c r="U3406" s="20"/>
      <c r="V3406" s="20"/>
      <c r="W3406" s="20"/>
      <c r="X3406" s="19">
        <v>3</v>
      </c>
      <c r="Y3406" s="19"/>
      <c r="Z3406" s="19"/>
      <c r="AA3406" s="19"/>
    </row>
    <row r="3407" spans="1:27" s="1" customFormat="1" ht="14.1" customHeight="1" outlineLevel="2" x14ac:dyDescent="0.2">
      <c r="A3407" s="17"/>
      <c r="B3407" s="17"/>
      <c r="C3407" s="17"/>
      <c r="D3407" s="18"/>
      <c r="E3407" s="18"/>
      <c r="F3407" s="18"/>
      <c r="G3407" s="18"/>
      <c r="H3407" s="18"/>
      <c r="I3407" s="18"/>
      <c r="J3407" s="18"/>
      <c r="K3407" s="18"/>
      <c r="L3407" s="18"/>
      <c r="M3407" s="18"/>
      <c r="N3407" s="18"/>
      <c r="O3407" s="18"/>
      <c r="P3407" s="20"/>
      <c r="Q3407" s="20"/>
      <c r="R3407" s="20"/>
      <c r="S3407" s="20"/>
      <c r="T3407" s="20"/>
      <c r="U3407" s="20"/>
      <c r="V3407" s="20"/>
      <c r="W3407" s="20"/>
      <c r="X3407" s="19"/>
      <c r="Y3407" s="19"/>
      <c r="Z3407" s="19"/>
      <c r="AA3407" s="19"/>
    </row>
    <row r="3408" spans="1:27" s="1" customFormat="1" ht="14.1" customHeight="1" outlineLevel="2" x14ac:dyDescent="0.2">
      <c r="A3408" s="17">
        <v>17109</v>
      </c>
      <c r="B3408" s="17"/>
      <c r="C3408" s="17"/>
      <c r="D3408" s="18" t="s">
        <v>1707</v>
      </c>
      <c r="E3408" s="18"/>
      <c r="F3408" s="18"/>
      <c r="G3408" s="18"/>
      <c r="H3408" s="18"/>
      <c r="I3408" s="18"/>
      <c r="J3408" s="18"/>
      <c r="K3408" s="18"/>
      <c r="L3408" s="18"/>
      <c r="M3408" s="18"/>
      <c r="N3408" s="18"/>
      <c r="O3408" s="18"/>
      <c r="P3408" s="20">
        <v>1500</v>
      </c>
      <c r="Q3408" s="20"/>
      <c r="R3408" s="20"/>
      <c r="S3408" s="20"/>
      <c r="T3408" s="20">
        <v>1300</v>
      </c>
      <c r="U3408" s="20"/>
      <c r="V3408" s="20"/>
      <c r="W3408" s="20"/>
      <c r="X3408" s="19">
        <v>19</v>
      </c>
      <c r="Y3408" s="19"/>
      <c r="Z3408" s="19"/>
      <c r="AA3408" s="19"/>
    </row>
    <row r="3409" spans="1:27" s="1" customFormat="1" ht="14.1" customHeight="1" outlineLevel="2" x14ac:dyDescent="0.2">
      <c r="A3409" s="17"/>
      <c r="B3409" s="17"/>
      <c r="C3409" s="17"/>
      <c r="D3409" s="18"/>
      <c r="E3409" s="18"/>
      <c r="F3409" s="18"/>
      <c r="G3409" s="18"/>
      <c r="H3409" s="18"/>
      <c r="I3409" s="18"/>
      <c r="J3409" s="18"/>
      <c r="K3409" s="18"/>
      <c r="L3409" s="18"/>
      <c r="M3409" s="18"/>
      <c r="N3409" s="18"/>
      <c r="O3409" s="18"/>
      <c r="P3409" s="20"/>
      <c r="Q3409" s="20"/>
      <c r="R3409" s="20"/>
      <c r="S3409" s="20"/>
      <c r="T3409" s="20"/>
      <c r="U3409" s="20"/>
      <c r="V3409" s="20"/>
      <c r="W3409" s="20"/>
      <c r="X3409" s="19"/>
      <c r="Y3409" s="19"/>
      <c r="Z3409" s="19"/>
      <c r="AA3409" s="19"/>
    </row>
    <row r="3410" spans="1:27" s="1" customFormat="1" ht="14.1" customHeight="1" outlineLevel="2" x14ac:dyDescent="0.2">
      <c r="A3410" s="17">
        <v>17108</v>
      </c>
      <c r="B3410" s="17"/>
      <c r="C3410" s="17"/>
      <c r="D3410" s="18" t="s">
        <v>1708</v>
      </c>
      <c r="E3410" s="18"/>
      <c r="F3410" s="18"/>
      <c r="G3410" s="18"/>
      <c r="H3410" s="18"/>
      <c r="I3410" s="18"/>
      <c r="J3410" s="18"/>
      <c r="K3410" s="18"/>
      <c r="L3410" s="18"/>
      <c r="M3410" s="18"/>
      <c r="N3410" s="18"/>
      <c r="O3410" s="18"/>
      <c r="P3410" s="20">
        <v>1150</v>
      </c>
      <c r="Q3410" s="20"/>
      <c r="R3410" s="20"/>
      <c r="S3410" s="20"/>
      <c r="T3410" s="20">
        <v>1050</v>
      </c>
      <c r="U3410" s="20"/>
      <c r="V3410" s="20"/>
      <c r="W3410" s="20"/>
      <c r="X3410" s="19">
        <v>18</v>
      </c>
      <c r="Y3410" s="19"/>
      <c r="Z3410" s="19"/>
      <c r="AA3410" s="19"/>
    </row>
    <row r="3411" spans="1:27" s="1" customFormat="1" ht="14.1" customHeight="1" outlineLevel="2" x14ac:dyDescent="0.2">
      <c r="A3411" s="17"/>
      <c r="B3411" s="17"/>
      <c r="C3411" s="17"/>
      <c r="D3411" s="18"/>
      <c r="E3411" s="18"/>
      <c r="F3411" s="18"/>
      <c r="G3411" s="18"/>
      <c r="H3411" s="18"/>
      <c r="I3411" s="18"/>
      <c r="J3411" s="18"/>
      <c r="K3411" s="18"/>
      <c r="L3411" s="18"/>
      <c r="M3411" s="18"/>
      <c r="N3411" s="18"/>
      <c r="O3411" s="18"/>
      <c r="P3411" s="20"/>
      <c r="Q3411" s="20"/>
      <c r="R3411" s="20"/>
      <c r="S3411" s="20"/>
      <c r="T3411" s="20"/>
      <c r="U3411" s="20"/>
      <c r="V3411" s="20"/>
      <c r="W3411" s="20"/>
      <c r="X3411" s="19"/>
      <c r="Y3411" s="19"/>
      <c r="Z3411" s="19"/>
      <c r="AA3411" s="19"/>
    </row>
    <row r="3412" spans="1:27" s="1" customFormat="1" ht="14.1" customHeight="1" outlineLevel="2" x14ac:dyDescent="0.2">
      <c r="A3412" s="17">
        <v>18266</v>
      </c>
      <c r="B3412" s="17"/>
      <c r="C3412" s="17"/>
      <c r="D3412" s="18" t="s">
        <v>1709</v>
      </c>
      <c r="E3412" s="18"/>
      <c r="F3412" s="18"/>
      <c r="G3412" s="18"/>
      <c r="H3412" s="18"/>
      <c r="I3412" s="18"/>
      <c r="J3412" s="18"/>
      <c r="K3412" s="18"/>
      <c r="L3412" s="18"/>
      <c r="M3412" s="18"/>
      <c r="N3412" s="18"/>
      <c r="O3412" s="18"/>
      <c r="P3412" s="20">
        <v>1150</v>
      </c>
      <c r="Q3412" s="20"/>
      <c r="R3412" s="20"/>
      <c r="S3412" s="20"/>
      <c r="T3412" s="19">
        <v>800</v>
      </c>
      <c r="U3412" s="19"/>
      <c r="V3412" s="19"/>
      <c r="W3412" s="19"/>
      <c r="X3412" s="19">
        <v>10</v>
      </c>
      <c r="Y3412" s="19"/>
      <c r="Z3412" s="19"/>
      <c r="AA3412" s="19"/>
    </row>
    <row r="3413" spans="1:27" s="1" customFormat="1" ht="14.1" customHeight="1" outlineLevel="2" x14ac:dyDescent="0.2">
      <c r="A3413" s="17"/>
      <c r="B3413" s="17"/>
      <c r="C3413" s="17"/>
      <c r="D3413" s="18"/>
      <c r="E3413" s="18"/>
      <c r="F3413" s="18"/>
      <c r="G3413" s="18"/>
      <c r="H3413" s="18"/>
      <c r="I3413" s="18"/>
      <c r="J3413" s="18"/>
      <c r="K3413" s="18"/>
      <c r="L3413" s="18"/>
      <c r="M3413" s="18"/>
      <c r="N3413" s="18"/>
      <c r="O3413" s="18"/>
      <c r="P3413" s="20"/>
      <c r="Q3413" s="20"/>
      <c r="R3413" s="20"/>
      <c r="S3413" s="20"/>
      <c r="T3413" s="19"/>
      <c r="U3413" s="19"/>
      <c r="V3413" s="19"/>
      <c r="W3413" s="19"/>
      <c r="X3413" s="19"/>
      <c r="Y3413" s="19"/>
      <c r="Z3413" s="19"/>
      <c r="AA3413" s="19"/>
    </row>
    <row r="3414" spans="1:27" s="1" customFormat="1" ht="14.1" customHeight="1" outlineLevel="2" x14ac:dyDescent="0.2">
      <c r="A3414" s="17">
        <v>14733</v>
      </c>
      <c r="B3414" s="17"/>
      <c r="C3414" s="17"/>
      <c r="D3414" s="18" t="s">
        <v>1710</v>
      </c>
      <c r="E3414" s="18"/>
      <c r="F3414" s="18"/>
      <c r="G3414" s="18"/>
      <c r="H3414" s="18"/>
      <c r="I3414" s="18"/>
      <c r="J3414" s="18"/>
      <c r="K3414" s="18"/>
      <c r="L3414" s="18"/>
      <c r="M3414" s="18"/>
      <c r="N3414" s="18"/>
      <c r="O3414" s="18"/>
      <c r="P3414" s="20">
        <v>1300</v>
      </c>
      <c r="Q3414" s="20"/>
      <c r="R3414" s="20"/>
      <c r="S3414" s="20"/>
      <c r="T3414" s="20">
        <v>1200</v>
      </c>
      <c r="U3414" s="20"/>
      <c r="V3414" s="20"/>
      <c r="W3414" s="20"/>
      <c r="X3414" s="19">
        <v>10</v>
      </c>
      <c r="Y3414" s="19"/>
      <c r="Z3414" s="19"/>
      <c r="AA3414" s="19"/>
    </row>
    <row r="3415" spans="1:27" s="1" customFormat="1" ht="14.1" customHeight="1" outlineLevel="2" x14ac:dyDescent="0.2">
      <c r="A3415" s="17"/>
      <c r="B3415" s="17"/>
      <c r="C3415" s="17"/>
      <c r="D3415" s="18"/>
      <c r="E3415" s="18"/>
      <c r="F3415" s="18"/>
      <c r="G3415" s="18"/>
      <c r="H3415" s="18"/>
      <c r="I3415" s="18"/>
      <c r="J3415" s="18"/>
      <c r="K3415" s="18"/>
      <c r="L3415" s="18"/>
      <c r="M3415" s="18"/>
      <c r="N3415" s="18"/>
      <c r="O3415" s="18"/>
      <c r="P3415" s="20"/>
      <c r="Q3415" s="20"/>
      <c r="R3415" s="20"/>
      <c r="S3415" s="20"/>
      <c r="T3415" s="20"/>
      <c r="U3415" s="20"/>
      <c r="V3415" s="20"/>
      <c r="W3415" s="20"/>
      <c r="X3415" s="19"/>
      <c r="Y3415" s="19"/>
      <c r="Z3415" s="19"/>
      <c r="AA3415" s="19"/>
    </row>
    <row r="3416" spans="1:27" s="1" customFormat="1" ht="14.1" customHeight="1" outlineLevel="2" x14ac:dyDescent="0.2">
      <c r="A3416" s="17">
        <v>17688</v>
      </c>
      <c r="B3416" s="17"/>
      <c r="C3416" s="17"/>
      <c r="D3416" s="18" t="s">
        <v>1711</v>
      </c>
      <c r="E3416" s="18"/>
      <c r="F3416" s="18"/>
      <c r="G3416" s="18"/>
      <c r="H3416" s="18"/>
      <c r="I3416" s="18"/>
      <c r="J3416" s="18"/>
      <c r="K3416" s="18"/>
      <c r="L3416" s="18"/>
      <c r="M3416" s="18"/>
      <c r="N3416" s="18"/>
      <c r="O3416" s="18"/>
      <c r="P3416" s="20">
        <v>1150</v>
      </c>
      <c r="Q3416" s="20"/>
      <c r="R3416" s="20"/>
      <c r="S3416" s="20"/>
      <c r="T3416" s="20">
        <v>1050</v>
      </c>
      <c r="U3416" s="20"/>
      <c r="V3416" s="20"/>
      <c r="W3416" s="20"/>
      <c r="X3416" s="19">
        <v>1</v>
      </c>
      <c r="Y3416" s="19"/>
      <c r="Z3416" s="19"/>
      <c r="AA3416" s="19"/>
    </row>
    <row r="3417" spans="1:27" s="1" customFormat="1" ht="14.1" customHeight="1" outlineLevel="2" x14ac:dyDescent="0.2">
      <c r="A3417" s="17"/>
      <c r="B3417" s="17"/>
      <c r="C3417" s="17"/>
      <c r="D3417" s="18"/>
      <c r="E3417" s="18"/>
      <c r="F3417" s="18"/>
      <c r="G3417" s="18"/>
      <c r="H3417" s="18"/>
      <c r="I3417" s="18"/>
      <c r="J3417" s="18"/>
      <c r="K3417" s="18"/>
      <c r="L3417" s="18"/>
      <c r="M3417" s="18"/>
      <c r="N3417" s="18"/>
      <c r="O3417" s="18"/>
      <c r="P3417" s="20"/>
      <c r="Q3417" s="20"/>
      <c r="R3417" s="20"/>
      <c r="S3417" s="20"/>
      <c r="T3417" s="20"/>
      <c r="U3417" s="20"/>
      <c r="V3417" s="20"/>
      <c r="W3417" s="20"/>
      <c r="X3417" s="19"/>
      <c r="Y3417" s="19"/>
      <c r="Z3417" s="19"/>
      <c r="AA3417" s="19"/>
    </row>
    <row r="3418" spans="1:27" s="1" customFormat="1" ht="14.1" customHeight="1" outlineLevel="2" x14ac:dyDescent="0.2">
      <c r="A3418" s="17">
        <v>11505</v>
      </c>
      <c r="B3418" s="17"/>
      <c r="C3418" s="17"/>
      <c r="D3418" s="18" t="s">
        <v>1712</v>
      </c>
      <c r="E3418" s="18"/>
      <c r="F3418" s="18"/>
      <c r="G3418" s="18"/>
      <c r="H3418" s="18"/>
      <c r="I3418" s="18"/>
      <c r="J3418" s="18"/>
      <c r="K3418" s="18"/>
      <c r="L3418" s="18"/>
      <c r="M3418" s="18"/>
      <c r="N3418" s="18"/>
      <c r="O3418" s="18"/>
      <c r="P3418" s="20">
        <v>1100</v>
      </c>
      <c r="Q3418" s="20"/>
      <c r="R3418" s="20"/>
      <c r="S3418" s="20"/>
      <c r="T3418" s="19">
        <v>790</v>
      </c>
      <c r="U3418" s="19"/>
      <c r="V3418" s="19"/>
      <c r="W3418" s="19"/>
      <c r="X3418" s="19">
        <v>15</v>
      </c>
      <c r="Y3418" s="19"/>
      <c r="Z3418" s="19"/>
      <c r="AA3418" s="19"/>
    </row>
    <row r="3419" spans="1:27" s="1" customFormat="1" ht="14.1" customHeight="1" outlineLevel="2" x14ac:dyDescent="0.2">
      <c r="A3419" s="17"/>
      <c r="B3419" s="17"/>
      <c r="C3419" s="17"/>
      <c r="D3419" s="18"/>
      <c r="E3419" s="18"/>
      <c r="F3419" s="18"/>
      <c r="G3419" s="18"/>
      <c r="H3419" s="18"/>
      <c r="I3419" s="18"/>
      <c r="J3419" s="18"/>
      <c r="K3419" s="18"/>
      <c r="L3419" s="18"/>
      <c r="M3419" s="18"/>
      <c r="N3419" s="18"/>
      <c r="O3419" s="18"/>
      <c r="P3419" s="20"/>
      <c r="Q3419" s="20"/>
      <c r="R3419" s="20"/>
      <c r="S3419" s="20"/>
      <c r="T3419" s="19"/>
      <c r="U3419" s="19"/>
      <c r="V3419" s="19"/>
      <c r="W3419" s="19"/>
      <c r="X3419" s="19"/>
      <c r="Y3419" s="19"/>
      <c r="Z3419" s="19"/>
      <c r="AA3419" s="19"/>
    </row>
    <row r="3420" spans="1:27" s="1" customFormat="1" ht="14.1" customHeight="1" outlineLevel="2" x14ac:dyDescent="0.2">
      <c r="A3420" s="17">
        <v>18274</v>
      </c>
      <c r="B3420" s="17"/>
      <c r="C3420" s="17"/>
      <c r="D3420" s="18" t="s">
        <v>1713</v>
      </c>
      <c r="E3420" s="18"/>
      <c r="F3420" s="18"/>
      <c r="G3420" s="18"/>
      <c r="H3420" s="18"/>
      <c r="I3420" s="18"/>
      <c r="J3420" s="18"/>
      <c r="K3420" s="18"/>
      <c r="L3420" s="18"/>
      <c r="M3420" s="18"/>
      <c r="N3420" s="18"/>
      <c r="O3420" s="18"/>
      <c r="P3420" s="20">
        <v>1250</v>
      </c>
      <c r="Q3420" s="20"/>
      <c r="R3420" s="20"/>
      <c r="S3420" s="20"/>
      <c r="T3420" s="19">
        <v>890</v>
      </c>
      <c r="U3420" s="19"/>
      <c r="V3420" s="19"/>
      <c r="W3420" s="19"/>
      <c r="X3420" s="19">
        <v>10</v>
      </c>
      <c r="Y3420" s="19"/>
      <c r="Z3420" s="19"/>
      <c r="AA3420" s="19"/>
    </row>
    <row r="3421" spans="1:27" s="1" customFormat="1" ht="14.1" customHeight="1" outlineLevel="2" x14ac:dyDescent="0.2">
      <c r="A3421" s="17"/>
      <c r="B3421" s="17"/>
      <c r="C3421" s="17"/>
      <c r="D3421" s="18"/>
      <c r="E3421" s="18"/>
      <c r="F3421" s="18"/>
      <c r="G3421" s="18"/>
      <c r="H3421" s="18"/>
      <c r="I3421" s="18"/>
      <c r="J3421" s="18"/>
      <c r="K3421" s="18"/>
      <c r="L3421" s="18"/>
      <c r="M3421" s="18"/>
      <c r="N3421" s="18"/>
      <c r="O3421" s="18"/>
      <c r="P3421" s="20"/>
      <c r="Q3421" s="20"/>
      <c r="R3421" s="20"/>
      <c r="S3421" s="20"/>
      <c r="T3421" s="19"/>
      <c r="U3421" s="19"/>
      <c r="V3421" s="19"/>
      <c r="W3421" s="19"/>
      <c r="X3421" s="19"/>
      <c r="Y3421" s="19"/>
      <c r="Z3421" s="19"/>
      <c r="AA3421" s="19"/>
    </row>
    <row r="3422" spans="1:27" s="1" customFormat="1" ht="11.1" customHeight="1" outlineLevel="2" x14ac:dyDescent="0.2">
      <c r="A3422" s="17">
        <v>17687</v>
      </c>
      <c r="B3422" s="17"/>
      <c r="C3422" s="17"/>
      <c r="D3422" s="18" t="s">
        <v>1714</v>
      </c>
      <c r="E3422" s="18"/>
      <c r="F3422" s="18"/>
      <c r="G3422" s="18"/>
      <c r="H3422" s="18"/>
      <c r="I3422" s="18"/>
      <c r="J3422" s="18"/>
      <c r="K3422" s="18"/>
      <c r="L3422" s="18"/>
      <c r="M3422" s="18"/>
      <c r="N3422" s="18"/>
      <c r="O3422" s="18"/>
      <c r="P3422" s="20">
        <v>3800</v>
      </c>
      <c r="Q3422" s="20"/>
      <c r="R3422" s="20"/>
      <c r="S3422" s="20"/>
      <c r="T3422" s="20">
        <v>3400</v>
      </c>
      <c r="U3422" s="20"/>
      <c r="V3422" s="20"/>
      <c r="W3422" s="20"/>
      <c r="X3422" s="19">
        <v>1</v>
      </c>
      <c r="Y3422" s="19"/>
      <c r="Z3422" s="19"/>
      <c r="AA3422" s="19"/>
    </row>
    <row r="3423" spans="1:27" s="1" customFormat="1" ht="11.1" customHeight="1" outlineLevel="2" x14ac:dyDescent="0.2">
      <c r="A3423" s="17"/>
      <c r="B3423" s="17"/>
      <c r="C3423" s="17"/>
      <c r="D3423" s="18"/>
      <c r="E3423" s="18"/>
      <c r="F3423" s="18"/>
      <c r="G3423" s="18"/>
      <c r="H3423" s="18"/>
      <c r="I3423" s="18"/>
      <c r="J3423" s="18"/>
      <c r="K3423" s="18"/>
      <c r="L3423" s="18"/>
      <c r="M3423" s="18"/>
      <c r="N3423" s="18"/>
      <c r="O3423" s="18"/>
      <c r="P3423" s="20"/>
      <c r="Q3423" s="20"/>
      <c r="R3423" s="20"/>
      <c r="S3423" s="20"/>
      <c r="T3423" s="20"/>
      <c r="U3423" s="20"/>
      <c r="V3423" s="20"/>
      <c r="W3423" s="20"/>
      <c r="X3423" s="19"/>
      <c r="Y3423" s="19"/>
      <c r="Z3423" s="19"/>
      <c r="AA3423" s="19"/>
    </row>
    <row r="3424" spans="1:27" s="1" customFormat="1" ht="14.1" customHeight="1" outlineLevel="2" x14ac:dyDescent="0.2">
      <c r="A3424" s="17">
        <v>16355</v>
      </c>
      <c r="B3424" s="17"/>
      <c r="C3424" s="17"/>
      <c r="D3424" s="18" t="s">
        <v>1715</v>
      </c>
      <c r="E3424" s="18"/>
      <c r="F3424" s="18"/>
      <c r="G3424" s="18"/>
      <c r="H3424" s="18"/>
      <c r="I3424" s="18"/>
      <c r="J3424" s="18"/>
      <c r="K3424" s="18"/>
      <c r="L3424" s="18"/>
      <c r="M3424" s="18"/>
      <c r="N3424" s="18"/>
      <c r="O3424" s="18"/>
      <c r="P3424" s="20">
        <v>1250</v>
      </c>
      <c r="Q3424" s="20"/>
      <c r="R3424" s="20"/>
      <c r="S3424" s="20"/>
      <c r="T3424" s="20">
        <v>1100</v>
      </c>
      <c r="U3424" s="20"/>
      <c r="V3424" s="20"/>
      <c r="W3424" s="20"/>
      <c r="X3424" s="19">
        <v>5</v>
      </c>
      <c r="Y3424" s="19"/>
      <c r="Z3424" s="19"/>
      <c r="AA3424" s="19"/>
    </row>
    <row r="3425" spans="1:27" s="1" customFormat="1" ht="14.1" customHeight="1" outlineLevel="2" x14ac:dyDescent="0.2">
      <c r="A3425" s="17"/>
      <c r="B3425" s="17"/>
      <c r="C3425" s="17"/>
      <c r="D3425" s="18"/>
      <c r="E3425" s="18"/>
      <c r="F3425" s="18"/>
      <c r="G3425" s="18"/>
      <c r="H3425" s="18"/>
      <c r="I3425" s="18"/>
      <c r="J3425" s="18"/>
      <c r="K3425" s="18"/>
      <c r="L3425" s="18"/>
      <c r="M3425" s="18"/>
      <c r="N3425" s="18"/>
      <c r="O3425" s="18"/>
      <c r="P3425" s="20"/>
      <c r="Q3425" s="20"/>
      <c r="R3425" s="20"/>
      <c r="S3425" s="20"/>
      <c r="T3425" s="20"/>
      <c r="U3425" s="20"/>
      <c r="V3425" s="20"/>
      <c r="W3425" s="20"/>
      <c r="X3425" s="19"/>
      <c r="Y3425" s="19"/>
      <c r="Z3425" s="19"/>
      <c r="AA3425" s="19"/>
    </row>
    <row r="3426" spans="1:27" s="1" customFormat="1" ht="14.1" customHeight="1" outlineLevel="2" x14ac:dyDescent="0.2">
      <c r="A3426" s="17">
        <v>17895</v>
      </c>
      <c r="B3426" s="17"/>
      <c r="C3426" s="17"/>
      <c r="D3426" s="18" t="s">
        <v>1716</v>
      </c>
      <c r="E3426" s="18"/>
      <c r="F3426" s="18"/>
      <c r="G3426" s="18"/>
      <c r="H3426" s="18"/>
      <c r="I3426" s="18"/>
      <c r="J3426" s="18"/>
      <c r="K3426" s="18"/>
      <c r="L3426" s="18"/>
      <c r="M3426" s="18"/>
      <c r="N3426" s="18"/>
      <c r="O3426" s="18"/>
      <c r="P3426" s="20">
        <v>2500</v>
      </c>
      <c r="Q3426" s="20"/>
      <c r="R3426" s="20"/>
      <c r="S3426" s="20"/>
      <c r="T3426" s="20">
        <v>2200</v>
      </c>
      <c r="U3426" s="20"/>
      <c r="V3426" s="20"/>
      <c r="W3426" s="20"/>
      <c r="X3426" s="19">
        <v>1</v>
      </c>
      <c r="Y3426" s="19"/>
      <c r="Z3426" s="19"/>
      <c r="AA3426" s="19"/>
    </row>
    <row r="3427" spans="1:27" s="1" customFormat="1" ht="14.1" customHeight="1" outlineLevel="2" x14ac:dyDescent="0.2">
      <c r="A3427" s="17"/>
      <c r="B3427" s="17"/>
      <c r="C3427" s="17"/>
      <c r="D3427" s="18"/>
      <c r="E3427" s="18"/>
      <c r="F3427" s="18"/>
      <c r="G3427" s="18"/>
      <c r="H3427" s="18"/>
      <c r="I3427" s="18"/>
      <c r="J3427" s="18"/>
      <c r="K3427" s="18"/>
      <c r="L3427" s="18"/>
      <c r="M3427" s="18"/>
      <c r="N3427" s="18"/>
      <c r="O3427" s="18"/>
      <c r="P3427" s="20"/>
      <c r="Q3427" s="20"/>
      <c r="R3427" s="20"/>
      <c r="S3427" s="20"/>
      <c r="T3427" s="20"/>
      <c r="U3427" s="20"/>
      <c r="V3427" s="20"/>
      <c r="W3427" s="20"/>
      <c r="X3427" s="19"/>
      <c r="Y3427" s="19"/>
      <c r="Z3427" s="19"/>
      <c r="AA3427" s="19"/>
    </row>
    <row r="3428" spans="1:27" s="1" customFormat="1" ht="14.1" customHeight="1" outlineLevel="2" x14ac:dyDescent="0.2">
      <c r="A3428" s="17">
        <v>16038</v>
      </c>
      <c r="B3428" s="17"/>
      <c r="C3428" s="17"/>
      <c r="D3428" s="18" t="s">
        <v>1717</v>
      </c>
      <c r="E3428" s="18"/>
      <c r="F3428" s="18"/>
      <c r="G3428" s="18"/>
      <c r="H3428" s="18"/>
      <c r="I3428" s="18"/>
      <c r="J3428" s="18"/>
      <c r="K3428" s="18"/>
      <c r="L3428" s="18"/>
      <c r="M3428" s="18"/>
      <c r="N3428" s="18"/>
      <c r="O3428" s="18"/>
      <c r="P3428" s="20">
        <v>1400</v>
      </c>
      <c r="Q3428" s="20"/>
      <c r="R3428" s="20"/>
      <c r="S3428" s="20"/>
      <c r="T3428" s="20">
        <v>1300</v>
      </c>
      <c r="U3428" s="20"/>
      <c r="V3428" s="20"/>
      <c r="W3428" s="20"/>
      <c r="X3428" s="19">
        <v>4</v>
      </c>
      <c r="Y3428" s="19"/>
      <c r="Z3428" s="19"/>
      <c r="AA3428" s="19"/>
    </row>
    <row r="3429" spans="1:27" s="1" customFormat="1" ht="14.1" customHeight="1" outlineLevel="2" x14ac:dyDescent="0.2">
      <c r="A3429" s="17"/>
      <c r="B3429" s="17"/>
      <c r="C3429" s="17"/>
      <c r="D3429" s="18"/>
      <c r="E3429" s="18"/>
      <c r="F3429" s="18"/>
      <c r="G3429" s="18"/>
      <c r="H3429" s="18"/>
      <c r="I3429" s="18"/>
      <c r="J3429" s="18"/>
      <c r="K3429" s="18"/>
      <c r="L3429" s="18"/>
      <c r="M3429" s="18"/>
      <c r="N3429" s="18"/>
      <c r="O3429" s="18"/>
      <c r="P3429" s="20"/>
      <c r="Q3429" s="20"/>
      <c r="R3429" s="20"/>
      <c r="S3429" s="20"/>
      <c r="T3429" s="20"/>
      <c r="U3429" s="20"/>
      <c r="V3429" s="20"/>
      <c r="W3429" s="20"/>
      <c r="X3429" s="19"/>
      <c r="Y3429" s="19"/>
      <c r="Z3429" s="19"/>
      <c r="AA3429" s="19"/>
    </row>
    <row r="3430" spans="1:27" s="1" customFormat="1" ht="14.1" customHeight="1" outlineLevel="2" x14ac:dyDescent="0.2">
      <c r="A3430" s="17">
        <v>15135</v>
      </c>
      <c r="B3430" s="17"/>
      <c r="C3430" s="17"/>
      <c r="D3430" s="18" t="s">
        <v>1718</v>
      </c>
      <c r="E3430" s="18"/>
      <c r="F3430" s="18"/>
      <c r="G3430" s="18"/>
      <c r="H3430" s="18"/>
      <c r="I3430" s="18"/>
      <c r="J3430" s="18"/>
      <c r="K3430" s="18"/>
      <c r="L3430" s="18"/>
      <c r="M3430" s="18"/>
      <c r="N3430" s="18"/>
      <c r="O3430" s="18"/>
      <c r="P3430" s="20">
        <v>1520</v>
      </c>
      <c r="Q3430" s="20"/>
      <c r="R3430" s="20"/>
      <c r="S3430" s="20"/>
      <c r="T3430" s="20">
        <v>1400</v>
      </c>
      <c r="U3430" s="20"/>
      <c r="V3430" s="20"/>
      <c r="W3430" s="20"/>
      <c r="X3430" s="19">
        <v>12</v>
      </c>
      <c r="Y3430" s="19"/>
      <c r="Z3430" s="19"/>
      <c r="AA3430" s="19"/>
    </row>
    <row r="3431" spans="1:27" s="1" customFormat="1" ht="14.1" customHeight="1" outlineLevel="2" x14ac:dyDescent="0.2">
      <c r="A3431" s="17"/>
      <c r="B3431" s="17"/>
      <c r="C3431" s="17"/>
      <c r="D3431" s="18"/>
      <c r="E3431" s="18"/>
      <c r="F3431" s="18"/>
      <c r="G3431" s="18"/>
      <c r="H3431" s="18"/>
      <c r="I3431" s="18"/>
      <c r="J3431" s="18"/>
      <c r="K3431" s="18"/>
      <c r="L3431" s="18"/>
      <c r="M3431" s="18"/>
      <c r="N3431" s="18"/>
      <c r="O3431" s="18"/>
      <c r="P3431" s="20"/>
      <c r="Q3431" s="20"/>
      <c r="R3431" s="20"/>
      <c r="S3431" s="20"/>
      <c r="T3431" s="20"/>
      <c r="U3431" s="20"/>
      <c r="V3431" s="20"/>
      <c r="W3431" s="20"/>
      <c r="X3431" s="19"/>
      <c r="Y3431" s="19"/>
      <c r="Z3431" s="19"/>
      <c r="AA3431" s="19"/>
    </row>
    <row r="3432" spans="1:27" s="1" customFormat="1" ht="14.1" customHeight="1" outlineLevel="2" x14ac:dyDescent="0.2">
      <c r="A3432" s="17">
        <v>16356</v>
      </c>
      <c r="B3432" s="17"/>
      <c r="C3432" s="17"/>
      <c r="D3432" s="18" t="s">
        <v>1719</v>
      </c>
      <c r="E3432" s="18"/>
      <c r="F3432" s="18"/>
      <c r="G3432" s="18"/>
      <c r="H3432" s="18"/>
      <c r="I3432" s="18"/>
      <c r="J3432" s="18"/>
      <c r="K3432" s="18"/>
      <c r="L3432" s="18"/>
      <c r="M3432" s="18"/>
      <c r="N3432" s="18"/>
      <c r="O3432" s="18"/>
      <c r="P3432" s="20">
        <v>1920</v>
      </c>
      <c r="Q3432" s="20"/>
      <c r="R3432" s="20"/>
      <c r="S3432" s="20"/>
      <c r="T3432" s="20">
        <v>1750</v>
      </c>
      <c r="U3432" s="20"/>
      <c r="V3432" s="20"/>
      <c r="W3432" s="20"/>
      <c r="X3432" s="19">
        <v>5</v>
      </c>
      <c r="Y3432" s="19"/>
      <c r="Z3432" s="19"/>
      <c r="AA3432" s="19"/>
    </row>
    <row r="3433" spans="1:27" s="1" customFormat="1" ht="14.1" customHeight="1" outlineLevel="2" x14ac:dyDescent="0.2">
      <c r="A3433" s="17"/>
      <c r="B3433" s="17"/>
      <c r="C3433" s="17"/>
      <c r="D3433" s="18"/>
      <c r="E3433" s="18"/>
      <c r="F3433" s="18"/>
      <c r="G3433" s="18"/>
      <c r="H3433" s="18"/>
      <c r="I3433" s="18"/>
      <c r="J3433" s="18"/>
      <c r="K3433" s="18"/>
      <c r="L3433" s="18"/>
      <c r="M3433" s="18"/>
      <c r="N3433" s="18"/>
      <c r="O3433" s="18"/>
      <c r="P3433" s="20"/>
      <c r="Q3433" s="20"/>
      <c r="R3433" s="20"/>
      <c r="S3433" s="20"/>
      <c r="T3433" s="20"/>
      <c r="U3433" s="20"/>
      <c r="V3433" s="20"/>
      <c r="W3433" s="20"/>
      <c r="X3433" s="19"/>
      <c r="Y3433" s="19"/>
      <c r="Z3433" s="19"/>
      <c r="AA3433" s="19"/>
    </row>
    <row r="3434" spans="1:27" s="1" customFormat="1" ht="14.1" customHeight="1" outlineLevel="2" x14ac:dyDescent="0.2">
      <c r="A3434" s="17">
        <v>16368</v>
      </c>
      <c r="B3434" s="17"/>
      <c r="C3434" s="17"/>
      <c r="D3434" s="18" t="s">
        <v>1720</v>
      </c>
      <c r="E3434" s="18"/>
      <c r="F3434" s="18"/>
      <c r="G3434" s="18"/>
      <c r="H3434" s="18"/>
      <c r="I3434" s="18"/>
      <c r="J3434" s="18"/>
      <c r="K3434" s="18"/>
      <c r="L3434" s="18"/>
      <c r="M3434" s="18"/>
      <c r="N3434" s="18"/>
      <c r="O3434" s="18"/>
      <c r="P3434" s="20">
        <v>8500</v>
      </c>
      <c r="Q3434" s="20"/>
      <c r="R3434" s="20"/>
      <c r="S3434" s="20"/>
      <c r="T3434" s="20">
        <v>8000</v>
      </c>
      <c r="U3434" s="20"/>
      <c r="V3434" s="20"/>
      <c r="W3434" s="20"/>
      <c r="X3434" s="19">
        <v>2</v>
      </c>
      <c r="Y3434" s="19"/>
      <c r="Z3434" s="19"/>
      <c r="AA3434" s="19"/>
    </row>
    <row r="3435" spans="1:27" s="1" customFormat="1" ht="14.1" customHeight="1" outlineLevel="2" x14ac:dyDescent="0.2">
      <c r="A3435" s="17"/>
      <c r="B3435" s="17"/>
      <c r="C3435" s="17"/>
      <c r="D3435" s="18"/>
      <c r="E3435" s="18"/>
      <c r="F3435" s="18"/>
      <c r="G3435" s="18"/>
      <c r="H3435" s="18"/>
      <c r="I3435" s="18"/>
      <c r="J3435" s="18"/>
      <c r="K3435" s="18"/>
      <c r="L3435" s="18"/>
      <c r="M3435" s="18"/>
      <c r="N3435" s="18"/>
      <c r="O3435" s="18"/>
      <c r="P3435" s="20"/>
      <c r="Q3435" s="20"/>
      <c r="R3435" s="20"/>
      <c r="S3435" s="20"/>
      <c r="T3435" s="20"/>
      <c r="U3435" s="20"/>
      <c r="V3435" s="20"/>
      <c r="W3435" s="20"/>
      <c r="X3435" s="19"/>
      <c r="Y3435" s="19"/>
      <c r="Z3435" s="19"/>
      <c r="AA3435" s="19"/>
    </row>
    <row r="3436" spans="1:27" s="1" customFormat="1" ht="14.1" customHeight="1" outlineLevel="2" x14ac:dyDescent="0.2">
      <c r="A3436" s="17">
        <v>16116</v>
      </c>
      <c r="B3436" s="17"/>
      <c r="C3436" s="17"/>
      <c r="D3436" s="18" t="s">
        <v>1721</v>
      </c>
      <c r="E3436" s="18"/>
      <c r="F3436" s="18"/>
      <c r="G3436" s="18"/>
      <c r="H3436" s="18"/>
      <c r="I3436" s="18"/>
      <c r="J3436" s="18"/>
      <c r="K3436" s="18"/>
      <c r="L3436" s="18"/>
      <c r="M3436" s="18"/>
      <c r="N3436" s="18"/>
      <c r="O3436" s="18"/>
      <c r="P3436" s="20">
        <v>1320</v>
      </c>
      <c r="Q3436" s="20"/>
      <c r="R3436" s="20"/>
      <c r="S3436" s="20"/>
      <c r="T3436" s="20">
        <v>1200</v>
      </c>
      <c r="U3436" s="20"/>
      <c r="V3436" s="20"/>
      <c r="W3436" s="20"/>
      <c r="X3436" s="19">
        <v>10</v>
      </c>
      <c r="Y3436" s="19"/>
      <c r="Z3436" s="19"/>
      <c r="AA3436" s="19"/>
    </row>
    <row r="3437" spans="1:27" s="1" customFormat="1" ht="14.1" customHeight="1" outlineLevel="2" x14ac:dyDescent="0.2">
      <c r="A3437" s="17"/>
      <c r="B3437" s="17"/>
      <c r="C3437" s="17"/>
      <c r="D3437" s="18"/>
      <c r="E3437" s="18"/>
      <c r="F3437" s="18"/>
      <c r="G3437" s="18"/>
      <c r="H3437" s="18"/>
      <c r="I3437" s="18"/>
      <c r="J3437" s="18"/>
      <c r="K3437" s="18"/>
      <c r="L3437" s="18"/>
      <c r="M3437" s="18"/>
      <c r="N3437" s="18"/>
      <c r="O3437" s="18"/>
      <c r="P3437" s="20"/>
      <c r="Q3437" s="20"/>
      <c r="R3437" s="20"/>
      <c r="S3437" s="20"/>
      <c r="T3437" s="20"/>
      <c r="U3437" s="20"/>
      <c r="V3437" s="20"/>
      <c r="W3437" s="20"/>
      <c r="X3437" s="19"/>
      <c r="Y3437" s="19"/>
      <c r="Z3437" s="19"/>
      <c r="AA3437" s="19"/>
    </row>
    <row r="3438" spans="1:27" s="1" customFormat="1" ht="14.1" customHeight="1" outlineLevel="2" x14ac:dyDescent="0.2">
      <c r="A3438" s="17">
        <v>15136</v>
      </c>
      <c r="B3438" s="17"/>
      <c r="C3438" s="17"/>
      <c r="D3438" s="18" t="s">
        <v>1722</v>
      </c>
      <c r="E3438" s="18"/>
      <c r="F3438" s="18"/>
      <c r="G3438" s="18"/>
      <c r="H3438" s="18"/>
      <c r="I3438" s="18"/>
      <c r="J3438" s="18"/>
      <c r="K3438" s="18"/>
      <c r="L3438" s="18"/>
      <c r="M3438" s="18"/>
      <c r="N3438" s="18"/>
      <c r="O3438" s="18"/>
      <c r="P3438" s="20">
        <v>1040</v>
      </c>
      <c r="Q3438" s="20"/>
      <c r="R3438" s="20"/>
      <c r="S3438" s="20"/>
      <c r="T3438" s="19">
        <v>940</v>
      </c>
      <c r="U3438" s="19"/>
      <c r="V3438" s="19"/>
      <c r="W3438" s="19"/>
      <c r="X3438" s="19">
        <v>5</v>
      </c>
      <c r="Y3438" s="19"/>
      <c r="Z3438" s="19"/>
      <c r="AA3438" s="19"/>
    </row>
    <row r="3439" spans="1:27" s="1" customFormat="1" ht="14.1" customHeight="1" outlineLevel="2" x14ac:dyDescent="0.2">
      <c r="A3439" s="17"/>
      <c r="B3439" s="17"/>
      <c r="C3439" s="17"/>
      <c r="D3439" s="18"/>
      <c r="E3439" s="18"/>
      <c r="F3439" s="18"/>
      <c r="G3439" s="18"/>
      <c r="H3439" s="18"/>
      <c r="I3439" s="18"/>
      <c r="J3439" s="18"/>
      <c r="K3439" s="18"/>
      <c r="L3439" s="18"/>
      <c r="M3439" s="18"/>
      <c r="N3439" s="18"/>
      <c r="O3439" s="18"/>
      <c r="P3439" s="20"/>
      <c r="Q3439" s="20"/>
      <c r="R3439" s="20"/>
      <c r="S3439" s="20"/>
      <c r="T3439" s="19"/>
      <c r="U3439" s="19"/>
      <c r="V3439" s="19"/>
      <c r="W3439" s="19"/>
      <c r="X3439" s="19"/>
      <c r="Y3439" s="19"/>
      <c r="Z3439" s="19"/>
      <c r="AA3439" s="19"/>
    </row>
    <row r="3440" spans="1:27" s="1" customFormat="1" ht="14.1" customHeight="1" outlineLevel="2" x14ac:dyDescent="0.2">
      <c r="A3440" s="17">
        <v>10393</v>
      </c>
      <c r="B3440" s="17"/>
      <c r="C3440" s="17"/>
      <c r="D3440" s="18" t="s">
        <v>1723</v>
      </c>
      <c r="E3440" s="18"/>
      <c r="F3440" s="18"/>
      <c r="G3440" s="18"/>
      <c r="H3440" s="18"/>
      <c r="I3440" s="18"/>
      <c r="J3440" s="18"/>
      <c r="K3440" s="18"/>
      <c r="L3440" s="18"/>
      <c r="M3440" s="18"/>
      <c r="N3440" s="18"/>
      <c r="O3440" s="18"/>
      <c r="P3440" s="20">
        <v>1050</v>
      </c>
      <c r="Q3440" s="20"/>
      <c r="R3440" s="20"/>
      <c r="S3440" s="20"/>
      <c r="T3440" s="19">
        <v>790</v>
      </c>
      <c r="U3440" s="19"/>
      <c r="V3440" s="19"/>
      <c r="W3440" s="19"/>
      <c r="X3440" s="19">
        <v>30</v>
      </c>
      <c r="Y3440" s="19"/>
      <c r="Z3440" s="19"/>
      <c r="AA3440" s="19"/>
    </row>
    <row r="3441" spans="1:27" s="1" customFormat="1" ht="14.1" customHeight="1" outlineLevel="2" x14ac:dyDescent="0.2">
      <c r="A3441" s="17"/>
      <c r="B3441" s="17"/>
      <c r="C3441" s="17"/>
      <c r="D3441" s="18"/>
      <c r="E3441" s="18"/>
      <c r="F3441" s="18"/>
      <c r="G3441" s="18"/>
      <c r="H3441" s="18"/>
      <c r="I3441" s="18"/>
      <c r="J3441" s="18"/>
      <c r="K3441" s="18"/>
      <c r="L3441" s="18"/>
      <c r="M3441" s="18"/>
      <c r="N3441" s="18"/>
      <c r="O3441" s="18"/>
      <c r="P3441" s="20"/>
      <c r="Q3441" s="20"/>
      <c r="R3441" s="20"/>
      <c r="S3441" s="20"/>
      <c r="T3441" s="19"/>
      <c r="U3441" s="19"/>
      <c r="V3441" s="19"/>
      <c r="W3441" s="19"/>
      <c r="X3441" s="19"/>
      <c r="Y3441" s="19"/>
      <c r="Z3441" s="19"/>
      <c r="AA3441" s="19"/>
    </row>
    <row r="3442" spans="1:27" s="1" customFormat="1" ht="14.1" customHeight="1" outlineLevel="2" x14ac:dyDescent="0.2">
      <c r="A3442" s="17">
        <v>13642</v>
      </c>
      <c r="B3442" s="17"/>
      <c r="C3442" s="17"/>
      <c r="D3442" s="18" t="s">
        <v>1724</v>
      </c>
      <c r="E3442" s="18"/>
      <c r="F3442" s="18"/>
      <c r="G3442" s="18"/>
      <c r="H3442" s="18"/>
      <c r="I3442" s="18"/>
      <c r="J3442" s="18"/>
      <c r="K3442" s="18"/>
      <c r="L3442" s="18"/>
      <c r="M3442" s="18"/>
      <c r="N3442" s="18"/>
      <c r="O3442" s="18"/>
      <c r="P3442" s="20">
        <v>1750</v>
      </c>
      <c r="Q3442" s="20"/>
      <c r="R3442" s="20"/>
      <c r="S3442" s="20"/>
      <c r="T3442" s="20">
        <v>1550</v>
      </c>
      <c r="U3442" s="20"/>
      <c r="V3442" s="20"/>
      <c r="W3442" s="20"/>
      <c r="X3442" s="19">
        <v>10</v>
      </c>
      <c r="Y3442" s="19"/>
      <c r="Z3442" s="19"/>
      <c r="AA3442" s="19"/>
    </row>
    <row r="3443" spans="1:27" s="1" customFormat="1" ht="14.1" customHeight="1" outlineLevel="2" x14ac:dyDescent="0.2">
      <c r="A3443" s="17"/>
      <c r="B3443" s="17"/>
      <c r="C3443" s="17"/>
      <c r="D3443" s="18"/>
      <c r="E3443" s="18"/>
      <c r="F3443" s="18"/>
      <c r="G3443" s="18"/>
      <c r="H3443" s="18"/>
      <c r="I3443" s="18"/>
      <c r="J3443" s="18"/>
      <c r="K3443" s="18"/>
      <c r="L3443" s="18"/>
      <c r="M3443" s="18"/>
      <c r="N3443" s="18"/>
      <c r="O3443" s="18"/>
      <c r="P3443" s="20"/>
      <c r="Q3443" s="20"/>
      <c r="R3443" s="20"/>
      <c r="S3443" s="20"/>
      <c r="T3443" s="20"/>
      <c r="U3443" s="20"/>
      <c r="V3443" s="20"/>
      <c r="W3443" s="20"/>
      <c r="X3443" s="19"/>
      <c r="Y3443" s="19"/>
      <c r="Z3443" s="19"/>
      <c r="AA3443" s="19"/>
    </row>
    <row r="3444" spans="1:27" s="1" customFormat="1" ht="14.1" customHeight="1" outlineLevel="2" x14ac:dyDescent="0.2">
      <c r="A3444" s="17">
        <v>17717</v>
      </c>
      <c r="B3444" s="17"/>
      <c r="C3444" s="17"/>
      <c r="D3444" s="18" t="s">
        <v>1725</v>
      </c>
      <c r="E3444" s="18"/>
      <c r="F3444" s="18"/>
      <c r="G3444" s="18"/>
      <c r="H3444" s="18"/>
      <c r="I3444" s="18"/>
      <c r="J3444" s="18"/>
      <c r="K3444" s="18"/>
      <c r="L3444" s="18"/>
      <c r="M3444" s="18"/>
      <c r="N3444" s="18"/>
      <c r="O3444" s="18"/>
      <c r="P3444" s="20">
        <v>3800</v>
      </c>
      <c r="Q3444" s="20"/>
      <c r="R3444" s="20"/>
      <c r="S3444" s="20"/>
      <c r="T3444" s="20">
        <v>3300</v>
      </c>
      <c r="U3444" s="20"/>
      <c r="V3444" s="20"/>
      <c r="W3444" s="20"/>
      <c r="X3444" s="19">
        <v>10</v>
      </c>
      <c r="Y3444" s="19"/>
      <c r="Z3444" s="19"/>
      <c r="AA3444" s="19"/>
    </row>
    <row r="3445" spans="1:27" s="1" customFormat="1" ht="14.1" customHeight="1" outlineLevel="2" x14ac:dyDescent="0.2">
      <c r="A3445" s="17"/>
      <c r="B3445" s="17"/>
      <c r="C3445" s="17"/>
      <c r="D3445" s="18"/>
      <c r="E3445" s="18"/>
      <c r="F3445" s="18"/>
      <c r="G3445" s="18"/>
      <c r="H3445" s="18"/>
      <c r="I3445" s="18"/>
      <c r="J3445" s="18"/>
      <c r="K3445" s="18"/>
      <c r="L3445" s="18"/>
      <c r="M3445" s="18"/>
      <c r="N3445" s="18"/>
      <c r="O3445" s="18"/>
      <c r="P3445" s="20"/>
      <c r="Q3445" s="20"/>
      <c r="R3445" s="20"/>
      <c r="S3445" s="20"/>
      <c r="T3445" s="20"/>
      <c r="U3445" s="20"/>
      <c r="V3445" s="20"/>
      <c r="W3445" s="20"/>
      <c r="X3445" s="19"/>
      <c r="Y3445" s="19"/>
      <c r="Z3445" s="19"/>
      <c r="AA3445" s="19"/>
    </row>
    <row r="3446" spans="1:27" s="1" customFormat="1" ht="14.1" customHeight="1" outlineLevel="2" x14ac:dyDescent="0.2">
      <c r="A3446" s="17">
        <v>14482</v>
      </c>
      <c r="B3446" s="17"/>
      <c r="C3446" s="17"/>
      <c r="D3446" s="18" t="s">
        <v>1726</v>
      </c>
      <c r="E3446" s="18"/>
      <c r="F3446" s="18"/>
      <c r="G3446" s="18"/>
      <c r="H3446" s="18"/>
      <c r="I3446" s="18"/>
      <c r="J3446" s="18"/>
      <c r="K3446" s="18"/>
      <c r="L3446" s="18"/>
      <c r="M3446" s="18"/>
      <c r="N3446" s="18"/>
      <c r="O3446" s="18"/>
      <c r="P3446" s="20">
        <v>1300</v>
      </c>
      <c r="Q3446" s="20"/>
      <c r="R3446" s="20"/>
      <c r="S3446" s="20"/>
      <c r="T3446" s="19">
        <v>910</v>
      </c>
      <c r="U3446" s="19"/>
      <c r="V3446" s="19"/>
      <c r="W3446" s="19"/>
      <c r="X3446" s="19">
        <v>5</v>
      </c>
      <c r="Y3446" s="19"/>
      <c r="Z3446" s="19"/>
      <c r="AA3446" s="19"/>
    </row>
    <row r="3447" spans="1:27" s="1" customFormat="1" ht="14.1" customHeight="1" outlineLevel="2" x14ac:dyDescent="0.2">
      <c r="A3447" s="17"/>
      <c r="B3447" s="17"/>
      <c r="C3447" s="17"/>
      <c r="D3447" s="18"/>
      <c r="E3447" s="18"/>
      <c r="F3447" s="18"/>
      <c r="G3447" s="18"/>
      <c r="H3447" s="18"/>
      <c r="I3447" s="18"/>
      <c r="J3447" s="18"/>
      <c r="K3447" s="18"/>
      <c r="L3447" s="18"/>
      <c r="M3447" s="18"/>
      <c r="N3447" s="18"/>
      <c r="O3447" s="18"/>
      <c r="P3447" s="20"/>
      <c r="Q3447" s="20"/>
      <c r="R3447" s="20"/>
      <c r="S3447" s="20"/>
      <c r="T3447" s="19"/>
      <c r="U3447" s="19"/>
      <c r="V3447" s="19"/>
      <c r="W3447" s="19"/>
      <c r="X3447" s="19"/>
      <c r="Y3447" s="19"/>
      <c r="Z3447" s="19"/>
      <c r="AA3447" s="19"/>
    </row>
    <row r="3448" spans="1:27" s="1" customFormat="1" ht="14.1" customHeight="1" outlineLevel="2" x14ac:dyDescent="0.2">
      <c r="A3448" s="17">
        <v>15846</v>
      </c>
      <c r="B3448" s="17"/>
      <c r="C3448" s="17"/>
      <c r="D3448" s="18" t="s">
        <v>1727</v>
      </c>
      <c r="E3448" s="18"/>
      <c r="F3448" s="18"/>
      <c r="G3448" s="18"/>
      <c r="H3448" s="18"/>
      <c r="I3448" s="18"/>
      <c r="J3448" s="18"/>
      <c r="K3448" s="18"/>
      <c r="L3448" s="18"/>
      <c r="M3448" s="18"/>
      <c r="N3448" s="18"/>
      <c r="O3448" s="18"/>
      <c r="P3448" s="20">
        <v>4300</v>
      </c>
      <c r="Q3448" s="20"/>
      <c r="R3448" s="20"/>
      <c r="S3448" s="20"/>
      <c r="T3448" s="20">
        <v>4000</v>
      </c>
      <c r="U3448" s="20"/>
      <c r="V3448" s="20"/>
      <c r="W3448" s="20"/>
      <c r="X3448" s="19">
        <v>1</v>
      </c>
      <c r="Y3448" s="19"/>
      <c r="Z3448" s="19"/>
      <c r="AA3448" s="19"/>
    </row>
    <row r="3449" spans="1:27" s="1" customFormat="1" ht="14.1" customHeight="1" outlineLevel="2" x14ac:dyDescent="0.2">
      <c r="A3449" s="17"/>
      <c r="B3449" s="17"/>
      <c r="C3449" s="17"/>
      <c r="D3449" s="18"/>
      <c r="E3449" s="18"/>
      <c r="F3449" s="18"/>
      <c r="G3449" s="18"/>
      <c r="H3449" s="18"/>
      <c r="I3449" s="18"/>
      <c r="J3449" s="18"/>
      <c r="K3449" s="18"/>
      <c r="L3449" s="18"/>
      <c r="M3449" s="18"/>
      <c r="N3449" s="18"/>
      <c r="O3449" s="18"/>
      <c r="P3449" s="20"/>
      <c r="Q3449" s="20"/>
      <c r="R3449" s="20"/>
      <c r="S3449" s="20"/>
      <c r="T3449" s="20"/>
      <c r="U3449" s="20"/>
      <c r="V3449" s="20"/>
      <c r="W3449" s="20"/>
      <c r="X3449" s="19"/>
      <c r="Y3449" s="19"/>
      <c r="Z3449" s="19"/>
      <c r="AA3449" s="19"/>
    </row>
    <row r="3450" spans="1:27" s="1" customFormat="1" ht="14.1" customHeight="1" outlineLevel="2" x14ac:dyDescent="0.2">
      <c r="A3450" s="17">
        <v>18263</v>
      </c>
      <c r="B3450" s="17"/>
      <c r="C3450" s="17"/>
      <c r="D3450" s="18" t="s">
        <v>1728</v>
      </c>
      <c r="E3450" s="18"/>
      <c r="F3450" s="18"/>
      <c r="G3450" s="18"/>
      <c r="H3450" s="18"/>
      <c r="I3450" s="18"/>
      <c r="J3450" s="18"/>
      <c r="K3450" s="18"/>
      <c r="L3450" s="18"/>
      <c r="M3450" s="18"/>
      <c r="N3450" s="18"/>
      <c r="O3450" s="18"/>
      <c r="P3450" s="20">
        <v>1550</v>
      </c>
      <c r="Q3450" s="20"/>
      <c r="R3450" s="20"/>
      <c r="S3450" s="20"/>
      <c r="T3450" s="20">
        <v>1250</v>
      </c>
      <c r="U3450" s="20"/>
      <c r="V3450" s="20"/>
      <c r="W3450" s="20"/>
      <c r="X3450" s="19">
        <v>5</v>
      </c>
      <c r="Y3450" s="19"/>
      <c r="Z3450" s="19"/>
      <c r="AA3450" s="19"/>
    </row>
    <row r="3451" spans="1:27" s="1" customFormat="1" ht="14.1" customHeight="1" outlineLevel="2" x14ac:dyDescent="0.2">
      <c r="A3451" s="17"/>
      <c r="B3451" s="17"/>
      <c r="C3451" s="17"/>
      <c r="D3451" s="18"/>
      <c r="E3451" s="18"/>
      <c r="F3451" s="18"/>
      <c r="G3451" s="18"/>
      <c r="H3451" s="18"/>
      <c r="I3451" s="18"/>
      <c r="J3451" s="18"/>
      <c r="K3451" s="18"/>
      <c r="L3451" s="18"/>
      <c r="M3451" s="18"/>
      <c r="N3451" s="18"/>
      <c r="O3451" s="18"/>
      <c r="P3451" s="20"/>
      <c r="Q3451" s="20"/>
      <c r="R3451" s="20"/>
      <c r="S3451" s="20"/>
      <c r="T3451" s="20"/>
      <c r="U3451" s="20"/>
      <c r="V3451" s="20"/>
      <c r="W3451" s="20"/>
      <c r="X3451" s="19"/>
      <c r="Y3451" s="19"/>
      <c r="Z3451" s="19"/>
      <c r="AA3451" s="19"/>
    </row>
    <row r="3452" spans="1:27" s="1" customFormat="1" ht="14.1" customHeight="1" outlineLevel="2" x14ac:dyDescent="0.2">
      <c r="A3452" s="17">
        <v>15030</v>
      </c>
      <c r="B3452" s="17"/>
      <c r="C3452" s="17"/>
      <c r="D3452" s="18" t="s">
        <v>1729</v>
      </c>
      <c r="E3452" s="18"/>
      <c r="F3452" s="18"/>
      <c r="G3452" s="18"/>
      <c r="H3452" s="18"/>
      <c r="I3452" s="18"/>
      <c r="J3452" s="18"/>
      <c r="K3452" s="18"/>
      <c r="L3452" s="18"/>
      <c r="M3452" s="18"/>
      <c r="N3452" s="18"/>
      <c r="O3452" s="18"/>
      <c r="P3452" s="20">
        <v>1400</v>
      </c>
      <c r="Q3452" s="20"/>
      <c r="R3452" s="20"/>
      <c r="S3452" s="20"/>
      <c r="T3452" s="20">
        <v>1250</v>
      </c>
      <c r="U3452" s="20"/>
      <c r="V3452" s="20"/>
      <c r="W3452" s="20"/>
      <c r="X3452" s="19">
        <v>21</v>
      </c>
      <c r="Y3452" s="19"/>
      <c r="Z3452" s="19"/>
      <c r="AA3452" s="19"/>
    </row>
    <row r="3453" spans="1:27" s="1" customFormat="1" ht="14.1" customHeight="1" outlineLevel="2" x14ac:dyDescent="0.2">
      <c r="A3453" s="17"/>
      <c r="B3453" s="17"/>
      <c r="C3453" s="17"/>
      <c r="D3453" s="18"/>
      <c r="E3453" s="18"/>
      <c r="F3453" s="18"/>
      <c r="G3453" s="18"/>
      <c r="H3453" s="18"/>
      <c r="I3453" s="18"/>
      <c r="J3453" s="18"/>
      <c r="K3453" s="18"/>
      <c r="L3453" s="18"/>
      <c r="M3453" s="18"/>
      <c r="N3453" s="18"/>
      <c r="O3453" s="18"/>
      <c r="P3453" s="20"/>
      <c r="Q3453" s="20"/>
      <c r="R3453" s="20"/>
      <c r="S3453" s="20"/>
      <c r="T3453" s="20"/>
      <c r="U3453" s="20"/>
      <c r="V3453" s="20"/>
      <c r="W3453" s="20"/>
      <c r="X3453" s="19"/>
      <c r="Y3453" s="19"/>
      <c r="Z3453" s="19"/>
      <c r="AA3453" s="19"/>
    </row>
    <row r="3454" spans="1:27" s="1" customFormat="1" ht="14.1" customHeight="1" outlineLevel="2" x14ac:dyDescent="0.2">
      <c r="A3454" s="17">
        <v>18147</v>
      </c>
      <c r="B3454" s="17"/>
      <c r="C3454" s="17"/>
      <c r="D3454" s="18" t="s">
        <v>1730</v>
      </c>
      <c r="E3454" s="18"/>
      <c r="F3454" s="18"/>
      <c r="G3454" s="18"/>
      <c r="H3454" s="18"/>
      <c r="I3454" s="18"/>
      <c r="J3454" s="18"/>
      <c r="K3454" s="18"/>
      <c r="L3454" s="18"/>
      <c r="M3454" s="18"/>
      <c r="N3454" s="18"/>
      <c r="O3454" s="18"/>
      <c r="P3454" s="20">
        <v>4500</v>
      </c>
      <c r="Q3454" s="20"/>
      <c r="R3454" s="20"/>
      <c r="S3454" s="20"/>
      <c r="T3454" s="20">
        <v>3600</v>
      </c>
      <c r="U3454" s="20"/>
      <c r="V3454" s="20"/>
      <c r="W3454" s="20"/>
      <c r="X3454" s="19">
        <v>1</v>
      </c>
      <c r="Y3454" s="19"/>
      <c r="Z3454" s="19"/>
      <c r="AA3454" s="19"/>
    </row>
    <row r="3455" spans="1:27" s="1" customFormat="1" ht="14.1" customHeight="1" outlineLevel="2" x14ac:dyDescent="0.2">
      <c r="A3455" s="17"/>
      <c r="B3455" s="17"/>
      <c r="C3455" s="17"/>
      <c r="D3455" s="18"/>
      <c r="E3455" s="18"/>
      <c r="F3455" s="18"/>
      <c r="G3455" s="18"/>
      <c r="H3455" s="18"/>
      <c r="I3455" s="18"/>
      <c r="J3455" s="18"/>
      <c r="K3455" s="18"/>
      <c r="L3455" s="18"/>
      <c r="M3455" s="18"/>
      <c r="N3455" s="18"/>
      <c r="O3455" s="18"/>
      <c r="P3455" s="20"/>
      <c r="Q3455" s="20"/>
      <c r="R3455" s="20"/>
      <c r="S3455" s="20"/>
      <c r="T3455" s="20"/>
      <c r="U3455" s="20"/>
      <c r="V3455" s="20"/>
      <c r="W3455" s="20"/>
      <c r="X3455" s="19"/>
      <c r="Y3455" s="19"/>
      <c r="Z3455" s="19"/>
      <c r="AA3455" s="19"/>
    </row>
    <row r="3456" spans="1:27" s="1" customFormat="1" ht="14.1" customHeight="1" outlineLevel="2" x14ac:dyDescent="0.2">
      <c r="A3456" s="17">
        <v>16039</v>
      </c>
      <c r="B3456" s="17"/>
      <c r="C3456" s="17"/>
      <c r="D3456" s="18" t="s">
        <v>1731</v>
      </c>
      <c r="E3456" s="18"/>
      <c r="F3456" s="18"/>
      <c r="G3456" s="18"/>
      <c r="H3456" s="18"/>
      <c r="I3456" s="18"/>
      <c r="J3456" s="18"/>
      <c r="K3456" s="18"/>
      <c r="L3456" s="18"/>
      <c r="M3456" s="18"/>
      <c r="N3456" s="18"/>
      <c r="O3456" s="18"/>
      <c r="P3456" s="20">
        <v>1640</v>
      </c>
      <c r="Q3456" s="20"/>
      <c r="R3456" s="20"/>
      <c r="S3456" s="20"/>
      <c r="T3456" s="20">
        <v>1500</v>
      </c>
      <c r="U3456" s="20"/>
      <c r="V3456" s="20"/>
      <c r="W3456" s="20"/>
      <c r="X3456" s="19">
        <v>3</v>
      </c>
      <c r="Y3456" s="19"/>
      <c r="Z3456" s="19"/>
      <c r="AA3456" s="19"/>
    </row>
    <row r="3457" spans="1:27" s="1" customFormat="1" ht="14.1" customHeight="1" outlineLevel="2" x14ac:dyDescent="0.2">
      <c r="A3457" s="17"/>
      <c r="B3457" s="17"/>
      <c r="C3457" s="17"/>
      <c r="D3457" s="18"/>
      <c r="E3457" s="18"/>
      <c r="F3457" s="18"/>
      <c r="G3457" s="18"/>
      <c r="H3457" s="18"/>
      <c r="I3457" s="18"/>
      <c r="J3457" s="18"/>
      <c r="K3457" s="18"/>
      <c r="L3457" s="18"/>
      <c r="M3457" s="18"/>
      <c r="N3457" s="18"/>
      <c r="O3457" s="18"/>
      <c r="P3457" s="20"/>
      <c r="Q3457" s="20"/>
      <c r="R3457" s="20"/>
      <c r="S3457" s="20"/>
      <c r="T3457" s="20"/>
      <c r="U3457" s="20"/>
      <c r="V3457" s="20"/>
      <c r="W3457" s="20"/>
      <c r="X3457" s="19"/>
      <c r="Y3457" s="19"/>
      <c r="Z3457" s="19"/>
      <c r="AA3457" s="19"/>
    </row>
    <row r="3458" spans="1:27" s="1" customFormat="1" ht="14.1" customHeight="1" outlineLevel="2" x14ac:dyDescent="0.2">
      <c r="A3458" s="17">
        <v>16040</v>
      </c>
      <c r="B3458" s="17"/>
      <c r="C3458" s="17"/>
      <c r="D3458" s="18" t="s">
        <v>1732</v>
      </c>
      <c r="E3458" s="18"/>
      <c r="F3458" s="18"/>
      <c r="G3458" s="18"/>
      <c r="H3458" s="18"/>
      <c r="I3458" s="18"/>
      <c r="J3458" s="18"/>
      <c r="K3458" s="18"/>
      <c r="L3458" s="18"/>
      <c r="M3458" s="18"/>
      <c r="N3458" s="18"/>
      <c r="O3458" s="18"/>
      <c r="P3458" s="20">
        <v>4900</v>
      </c>
      <c r="Q3458" s="20"/>
      <c r="R3458" s="20"/>
      <c r="S3458" s="20"/>
      <c r="T3458" s="20">
        <v>3800</v>
      </c>
      <c r="U3458" s="20"/>
      <c r="V3458" s="20"/>
      <c r="W3458" s="20"/>
      <c r="X3458" s="19">
        <v>3</v>
      </c>
      <c r="Y3458" s="19"/>
      <c r="Z3458" s="19"/>
      <c r="AA3458" s="19"/>
    </row>
    <row r="3459" spans="1:27" s="1" customFormat="1" ht="14.1" customHeight="1" outlineLevel="2" x14ac:dyDescent="0.2">
      <c r="A3459" s="17"/>
      <c r="B3459" s="17"/>
      <c r="C3459" s="17"/>
      <c r="D3459" s="18"/>
      <c r="E3459" s="18"/>
      <c r="F3459" s="18"/>
      <c r="G3459" s="18"/>
      <c r="H3459" s="18"/>
      <c r="I3459" s="18"/>
      <c r="J3459" s="18"/>
      <c r="K3459" s="18"/>
      <c r="L3459" s="18"/>
      <c r="M3459" s="18"/>
      <c r="N3459" s="18"/>
      <c r="O3459" s="18"/>
      <c r="P3459" s="20"/>
      <c r="Q3459" s="20"/>
      <c r="R3459" s="20"/>
      <c r="S3459" s="20"/>
      <c r="T3459" s="20"/>
      <c r="U3459" s="20"/>
      <c r="V3459" s="20"/>
      <c r="W3459" s="20"/>
      <c r="X3459" s="19"/>
      <c r="Y3459" s="19"/>
      <c r="Z3459" s="19"/>
      <c r="AA3459" s="19"/>
    </row>
    <row r="3460" spans="1:27" s="1" customFormat="1" ht="14.1" customHeight="1" outlineLevel="2" x14ac:dyDescent="0.2">
      <c r="A3460" s="17">
        <v>16041</v>
      </c>
      <c r="B3460" s="17"/>
      <c r="C3460" s="17"/>
      <c r="D3460" s="18" t="s">
        <v>1733</v>
      </c>
      <c r="E3460" s="18"/>
      <c r="F3460" s="18"/>
      <c r="G3460" s="18"/>
      <c r="H3460" s="18"/>
      <c r="I3460" s="18"/>
      <c r="J3460" s="18"/>
      <c r="K3460" s="18"/>
      <c r="L3460" s="18"/>
      <c r="M3460" s="18"/>
      <c r="N3460" s="18"/>
      <c r="O3460" s="18"/>
      <c r="P3460" s="20">
        <v>1640</v>
      </c>
      <c r="Q3460" s="20"/>
      <c r="R3460" s="20"/>
      <c r="S3460" s="20"/>
      <c r="T3460" s="20">
        <v>1500</v>
      </c>
      <c r="U3460" s="20"/>
      <c r="V3460" s="20"/>
      <c r="W3460" s="20"/>
      <c r="X3460" s="19">
        <v>4</v>
      </c>
      <c r="Y3460" s="19"/>
      <c r="Z3460" s="19"/>
      <c r="AA3460" s="19"/>
    </row>
    <row r="3461" spans="1:27" s="1" customFormat="1" ht="14.1" customHeight="1" outlineLevel="2" x14ac:dyDescent="0.2">
      <c r="A3461" s="17"/>
      <c r="B3461" s="17"/>
      <c r="C3461" s="17"/>
      <c r="D3461" s="18"/>
      <c r="E3461" s="18"/>
      <c r="F3461" s="18"/>
      <c r="G3461" s="18"/>
      <c r="H3461" s="18"/>
      <c r="I3461" s="18"/>
      <c r="J3461" s="18"/>
      <c r="K3461" s="18"/>
      <c r="L3461" s="18"/>
      <c r="M3461" s="18"/>
      <c r="N3461" s="18"/>
      <c r="O3461" s="18"/>
      <c r="P3461" s="20"/>
      <c r="Q3461" s="20"/>
      <c r="R3461" s="20"/>
      <c r="S3461" s="20"/>
      <c r="T3461" s="20"/>
      <c r="U3461" s="20"/>
      <c r="V3461" s="20"/>
      <c r="W3461" s="20"/>
      <c r="X3461" s="19"/>
      <c r="Y3461" s="19"/>
      <c r="Z3461" s="19"/>
      <c r="AA3461" s="19"/>
    </row>
    <row r="3462" spans="1:27" s="1" customFormat="1" ht="11.1" customHeight="1" outlineLevel="2" x14ac:dyDescent="0.2">
      <c r="A3462" s="17">
        <v>15936</v>
      </c>
      <c r="B3462" s="17"/>
      <c r="C3462" s="17"/>
      <c r="D3462" s="18" t="s">
        <v>1734</v>
      </c>
      <c r="E3462" s="18"/>
      <c r="F3462" s="18"/>
      <c r="G3462" s="18"/>
      <c r="H3462" s="18"/>
      <c r="I3462" s="18"/>
      <c r="J3462" s="18"/>
      <c r="K3462" s="18"/>
      <c r="L3462" s="18"/>
      <c r="M3462" s="18"/>
      <c r="N3462" s="18"/>
      <c r="O3462" s="18"/>
      <c r="P3462" s="20">
        <v>2500</v>
      </c>
      <c r="Q3462" s="20"/>
      <c r="R3462" s="20"/>
      <c r="S3462" s="20"/>
      <c r="T3462" s="20">
        <v>2300</v>
      </c>
      <c r="U3462" s="20"/>
      <c r="V3462" s="20"/>
      <c r="W3462" s="20"/>
      <c r="X3462" s="19">
        <v>3</v>
      </c>
      <c r="Y3462" s="19"/>
      <c r="Z3462" s="19"/>
      <c r="AA3462" s="19"/>
    </row>
    <row r="3463" spans="1:27" s="1" customFormat="1" ht="11.1" customHeight="1" outlineLevel="2" x14ac:dyDescent="0.2">
      <c r="A3463" s="17"/>
      <c r="B3463" s="17"/>
      <c r="C3463" s="17"/>
      <c r="D3463" s="18"/>
      <c r="E3463" s="18"/>
      <c r="F3463" s="18"/>
      <c r="G3463" s="18"/>
      <c r="H3463" s="18"/>
      <c r="I3463" s="18"/>
      <c r="J3463" s="18"/>
      <c r="K3463" s="18"/>
      <c r="L3463" s="18"/>
      <c r="M3463" s="18"/>
      <c r="N3463" s="18"/>
      <c r="O3463" s="18"/>
      <c r="P3463" s="20"/>
      <c r="Q3463" s="20"/>
      <c r="R3463" s="20"/>
      <c r="S3463" s="20"/>
      <c r="T3463" s="20"/>
      <c r="U3463" s="20"/>
      <c r="V3463" s="20"/>
      <c r="W3463" s="20"/>
      <c r="X3463" s="19"/>
      <c r="Y3463" s="19"/>
      <c r="Z3463" s="19"/>
      <c r="AA3463" s="19"/>
    </row>
    <row r="3464" spans="1:27" s="1" customFormat="1" ht="14.1" customHeight="1" outlineLevel="2" x14ac:dyDescent="0.2">
      <c r="A3464" s="17">
        <v>16042</v>
      </c>
      <c r="B3464" s="17"/>
      <c r="C3464" s="17"/>
      <c r="D3464" s="18" t="s">
        <v>1735</v>
      </c>
      <c r="E3464" s="18"/>
      <c r="F3464" s="18"/>
      <c r="G3464" s="18"/>
      <c r="H3464" s="18"/>
      <c r="I3464" s="18"/>
      <c r="J3464" s="18"/>
      <c r="K3464" s="18"/>
      <c r="L3464" s="18"/>
      <c r="M3464" s="18"/>
      <c r="N3464" s="18"/>
      <c r="O3464" s="18"/>
      <c r="P3464" s="20">
        <v>1950</v>
      </c>
      <c r="Q3464" s="20"/>
      <c r="R3464" s="20"/>
      <c r="S3464" s="20"/>
      <c r="T3464" s="20">
        <v>1800</v>
      </c>
      <c r="U3464" s="20"/>
      <c r="V3464" s="20"/>
      <c r="W3464" s="20"/>
      <c r="X3464" s="19">
        <v>10</v>
      </c>
      <c r="Y3464" s="19"/>
      <c r="Z3464" s="19"/>
      <c r="AA3464" s="19"/>
    </row>
    <row r="3465" spans="1:27" s="1" customFormat="1" ht="14.1" customHeight="1" outlineLevel="2" x14ac:dyDescent="0.2">
      <c r="A3465" s="17"/>
      <c r="B3465" s="17"/>
      <c r="C3465" s="17"/>
      <c r="D3465" s="18"/>
      <c r="E3465" s="18"/>
      <c r="F3465" s="18"/>
      <c r="G3465" s="18"/>
      <c r="H3465" s="18"/>
      <c r="I3465" s="18"/>
      <c r="J3465" s="18"/>
      <c r="K3465" s="18"/>
      <c r="L3465" s="18"/>
      <c r="M3465" s="18"/>
      <c r="N3465" s="18"/>
      <c r="O3465" s="18"/>
      <c r="P3465" s="20"/>
      <c r="Q3465" s="20"/>
      <c r="R3465" s="20"/>
      <c r="S3465" s="20"/>
      <c r="T3465" s="20"/>
      <c r="U3465" s="20"/>
      <c r="V3465" s="20"/>
      <c r="W3465" s="20"/>
      <c r="X3465" s="19"/>
      <c r="Y3465" s="19"/>
      <c r="Z3465" s="19"/>
      <c r="AA3465" s="19"/>
    </row>
    <row r="3466" spans="1:27" s="1" customFormat="1" ht="14.1" customHeight="1" outlineLevel="2" x14ac:dyDescent="0.2">
      <c r="A3466" s="17">
        <v>15937</v>
      </c>
      <c r="B3466" s="17"/>
      <c r="C3466" s="17"/>
      <c r="D3466" s="18" t="s">
        <v>1736</v>
      </c>
      <c r="E3466" s="18"/>
      <c r="F3466" s="18"/>
      <c r="G3466" s="18"/>
      <c r="H3466" s="18"/>
      <c r="I3466" s="18"/>
      <c r="J3466" s="18"/>
      <c r="K3466" s="18"/>
      <c r="L3466" s="18"/>
      <c r="M3466" s="18"/>
      <c r="N3466" s="18"/>
      <c r="O3466" s="18"/>
      <c r="P3466" s="20">
        <v>1550</v>
      </c>
      <c r="Q3466" s="20"/>
      <c r="R3466" s="20"/>
      <c r="S3466" s="20"/>
      <c r="T3466" s="20">
        <v>1400</v>
      </c>
      <c r="U3466" s="20"/>
      <c r="V3466" s="20"/>
      <c r="W3466" s="20"/>
      <c r="X3466" s="19">
        <v>2</v>
      </c>
      <c r="Y3466" s="19"/>
      <c r="Z3466" s="19"/>
      <c r="AA3466" s="19"/>
    </row>
    <row r="3467" spans="1:27" s="1" customFormat="1" ht="14.1" customHeight="1" outlineLevel="2" x14ac:dyDescent="0.2">
      <c r="A3467" s="17"/>
      <c r="B3467" s="17"/>
      <c r="C3467" s="17"/>
      <c r="D3467" s="18"/>
      <c r="E3467" s="18"/>
      <c r="F3467" s="18"/>
      <c r="G3467" s="18"/>
      <c r="H3467" s="18"/>
      <c r="I3467" s="18"/>
      <c r="J3467" s="18"/>
      <c r="K3467" s="18"/>
      <c r="L3467" s="18"/>
      <c r="M3467" s="18"/>
      <c r="N3467" s="18"/>
      <c r="O3467" s="18"/>
      <c r="P3467" s="20"/>
      <c r="Q3467" s="20"/>
      <c r="R3467" s="20"/>
      <c r="S3467" s="20"/>
      <c r="T3467" s="20"/>
      <c r="U3467" s="20"/>
      <c r="V3467" s="20"/>
      <c r="W3467" s="20"/>
      <c r="X3467" s="19"/>
      <c r="Y3467" s="19"/>
      <c r="Z3467" s="19"/>
      <c r="AA3467" s="19"/>
    </row>
    <row r="3468" spans="1:27" s="1" customFormat="1" ht="14.1" customHeight="1" outlineLevel="2" x14ac:dyDescent="0.2">
      <c r="A3468" s="17">
        <v>13510</v>
      </c>
      <c r="B3468" s="17"/>
      <c r="C3468" s="17"/>
      <c r="D3468" s="18" t="s">
        <v>1737</v>
      </c>
      <c r="E3468" s="18"/>
      <c r="F3468" s="18"/>
      <c r="G3468" s="18"/>
      <c r="H3468" s="18"/>
      <c r="I3468" s="18"/>
      <c r="J3468" s="18"/>
      <c r="K3468" s="18"/>
      <c r="L3468" s="18"/>
      <c r="M3468" s="18"/>
      <c r="N3468" s="18"/>
      <c r="O3468" s="18"/>
      <c r="P3468" s="20">
        <v>1200</v>
      </c>
      <c r="Q3468" s="20"/>
      <c r="R3468" s="20"/>
      <c r="S3468" s="20"/>
      <c r="T3468" s="19">
        <v>890</v>
      </c>
      <c r="U3468" s="19"/>
      <c r="V3468" s="19"/>
      <c r="W3468" s="19"/>
      <c r="X3468" s="19">
        <v>15</v>
      </c>
      <c r="Y3468" s="19"/>
      <c r="Z3468" s="19"/>
      <c r="AA3468" s="19"/>
    </row>
    <row r="3469" spans="1:27" s="1" customFormat="1" ht="14.1" customHeight="1" outlineLevel="2" x14ac:dyDescent="0.2">
      <c r="A3469" s="17"/>
      <c r="B3469" s="17"/>
      <c r="C3469" s="17"/>
      <c r="D3469" s="18"/>
      <c r="E3469" s="18"/>
      <c r="F3469" s="18"/>
      <c r="G3469" s="18"/>
      <c r="H3469" s="18"/>
      <c r="I3469" s="18"/>
      <c r="J3469" s="18"/>
      <c r="K3469" s="18"/>
      <c r="L3469" s="18"/>
      <c r="M3469" s="18"/>
      <c r="N3469" s="18"/>
      <c r="O3469" s="18"/>
      <c r="P3469" s="20"/>
      <c r="Q3469" s="20"/>
      <c r="R3469" s="20"/>
      <c r="S3469" s="20"/>
      <c r="T3469" s="19"/>
      <c r="U3469" s="19"/>
      <c r="V3469" s="19"/>
      <c r="W3469" s="19"/>
      <c r="X3469" s="19"/>
      <c r="Y3469" s="19"/>
      <c r="Z3469" s="19"/>
      <c r="AA3469" s="19"/>
    </row>
    <row r="3470" spans="1:27" s="1" customFormat="1" ht="14.1" customHeight="1" outlineLevel="2" x14ac:dyDescent="0.2">
      <c r="A3470" s="17">
        <v>13418</v>
      </c>
      <c r="B3470" s="17"/>
      <c r="C3470" s="17"/>
      <c r="D3470" s="18" t="s">
        <v>1738</v>
      </c>
      <c r="E3470" s="18"/>
      <c r="F3470" s="18"/>
      <c r="G3470" s="18"/>
      <c r="H3470" s="18"/>
      <c r="I3470" s="18"/>
      <c r="J3470" s="18"/>
      <c r="K3470" s="18"/>
      <c r="L3470" s="18"/>
      <c r="M3470" s="18"/>
      <c r="N3470" s="18"/>
      <c r="O3470" s="18"/>
      <c r="P3470" s="20">
        <v>1100</v>
      </c>
      <c r="Q3470" s="20"/>
      <c r="R3470" s="20"/>
      <c r="S3470" s="20"/>
      <c r="T3470" s="19">
        <v>850</v>
      </c>
      <c r="U3470" s="19"/>
      <c r="V3470" s="19"/>
      <c r="W3470" s="19"/>
      <c r="X3470" s="19">
        <v>37</v>
      </c>
      <c r="Y3470" s="19"/>
      <c r="Z3470" s="19"/>
      <c r="AA3470" s="19"/>
    </row>
    <row r="3471" spans="1:27" s="1" customFormat="1" ht="14.1" customHeight="1" outlineLevel="2" x14ac:dyDescent="0.2">
      <c r="A3471" s="17"/>
      <c r="B3471" s="17"/>
      <c r="C3471" s="17"/>
      <c r="D3471" s="18"/>
      <c r="E3471" s="18"/>
      <c r="F3471" s="18"/>
      <c r="G3471" s="18"/>
      <c r="H3471" s="18"/>
      <c r="I3471" s="18"/>
      <c r="J3471" s="18"/>
      <c r="K3471" s="18"/>
      <c r="L3471" s="18"/>
      <c r="M3471" s="18"/>
      <c r="N3471" s="18"/>
      <c r="O3471" s="18"/>
      <c r="P3471" s="20"/>
      <c r="Q3471" s="20"/>
      <c r="R3471" s="20"/>
      <c r="S3471" s="20"/>
      <c r="T3471" s="19"/>
      <c r="U3471" s="19"/>
      <c r="V3471" s="19"/>
      <c r="W3471" s="19"/>
      <c r="X3471" s="19"/>
      <c r="Y3471" s="19"/>
      <c r="Z3471" s="19"/>
      <c r="AA3471" s="19"/>
    </row>
    <row r="3472" spans="1:27" s="1" customFormat="1" ht="14.1" customHeight="1" outlineLevel="2" x14ac:dyDescent="0.2">
      <c r="A3472" s="17">
        <v>16285</v>
      </c>
      <c r="B3472" s="17"/>
      <c r="C3472" s="17"/>
      <c r="D3472" s="18" t="s">
        <v>1739</v>
      </c>
      <c r="E3472" s="18"/>
      <c r="F3472" s="18"/>
      <c r="G3472" s="18"/>
      <c r="H3472" s="18"/>
      <c r="I3472" s="18"/>
      <c r="J3472" s="18"/>
      <c r="K3472" s="18"/>
      <c r="L3472" s="18"/>
      <c r="M3472" s="18"/>
      <c r="N3472" s="18"/>
      <c r="O3472" s="18"/>
      <c r="P3472" s="20">
        <v>1450</v>
      </c>
      <c r="Q3472" s="20"/>
      <c r="R3472" s="20"/>
      <c r="S3472" s="20"/>
      <c r="T3472" s="20">
        <v>1250</v>
      </c>
      <c r="U3472" s="20"/>
      <c r="V3472" s="20"/>
      <c r="W3472" s="20"/>
      <c r="X3472" s="19">
        <v>3</v>
      </c>
      <c r="Y3472" s="19"/>
      <c r="Z3472" s="19"/>
      <c r="AA3472" s="19"/>
    </row>
    <row r="3473" spans="1:27" s="1" customFormat="1" ht="14.1" customHeight="1" outlineLevel="2" x14ac:dyDescent="0.2">
      <c r="A3473" s="17"/>
      <c r="B3473" s="17"/>
      <c r="C3473" s="17"/>
      <c r="D3473" s="18"/>
      <c r="E3473" s="18"/>
      <c r="F3473" s="18"/>
      <c r="G3473" s="18"/>
      <c r="H3473" s="18"/>
      <c r="I3473" s="18"/>
      <c r="J3473" s="18"/>
      <c r="K3473" s="18"/>
      <c r="L3473" s="18"/>
      <c r="M3473" s="18"/>
      <c r="N3473" s="18"/>
      <c r="O3473" s="18"/>
      <c r="P3473" s="20"/>
      <c r="Q3473" s="20"/>
      <c r="R3473" s="20"/>
      <c r="S3473" s="20"/>
      <c r="T3473" s="20"/>
      <c r="U3473" s="20"/>
      <c r="V3473" s="20"/>
      <c r="W3473" s="20"/>
      <c r="X3473" s="19"/>
      <c r="Y3473" s="19"/>
      <c r="Z3473" s="19"/>
      <c r="AA3473" s="19"/>
    </row>
    <row r="3474" spans="1:27" s="1" customFormat="1" ht="14.1" customHeight="1" outlineLevel="2" x14ac:dyDescent="0.2">
      <c r="A3474" s="17">
        <v>14734</v>
      </c>
      <c r="B3474" s="17"/>
      <c r="C3474" s="17"/>
      <c r="D3474" s="18" t="s">
        <v>1740</v>
      </c>
      <c r="E3474" s="18"/>
      <c r="F3474" s="18"/>
      <c r="G3474" s="18"/>
      <c r="H3474" s="18"/>
      <c r="I3474" s="18"/>
      <c r="J3474" s="18"/>
      <c r="K3474" s="18"/>
      <c r="L3474" s="18"/>
      <c r="M3474" s="18"/>
      <c r="N3474" s="18"/>
      <c r="O3474" s="18"/>
      <c r="P3474" s="19">
        <v>790</v>
      </c>
      <c r="Q3474" s="19"/>
      <c r="R3474" s="19"/>
      <c r="S3474" s="19"/>
      <c r="T3474" s="19">
        <v>700</v>
      </c>
      <c r="U3474" s="19"/>
      <c r="V3474" s="19"/>
      <c r="W3474" s="19"/>
      <c r="X3474" s="19">
        <v>2</v>
      </c>
      <c r="Y3474" s="19"/>
      <c r="Z3474" s="19"/>
      <c r="AA3474" s="19"/>
    </row>
    <row r="3475" spans="1:27" s="1" customFormat="1" ht="14.1" customHeight="1" outlineLevel="2" x14ac:dyDescent="0.2">
      <c r="A3475" s="17"/>
      <c r="B3475" s="17"/>
      <c r="C3475" s="17"/>
      <c r="D3475" s="18"/>
      <c r="E3475" s="18"/>
      <c r="F3475" s="18"/>
      <c r="G3475" s="18"/>
      <c r="H3475" s="18"/>
      <c r="I3475" s="18"/>
      <c r="J3475" s="18"/>
      <c r="K3475" s="18"/>
      <c r="L3475" s="18"/>
      <c r="M3475" s="18"/>
      <c r="N3475" s="18"/>
      <c r="O3475" s="18"/>
      <c r="P3475" s="19"/>
      <c r="Q3475" s="19"/>
      <c r="R3475" s="19"/>
      <c r="S3475" s="19"/>
      <c r="T3475" s="19"/>
      <c r="U3475" s="19"/>
      <c r="V3475" s="19"/>
      <c r="W3475" s="19"/>
      <c r="X3475" s="19"/>
      <c r="Y3475" s="19"/>
      <c r="Z3475" s="19"/>
      <c r="AA3475" s="19"/>
    </row>
    <row r="3476" spans="1:27" s="1" customFormat="1" ht="14.1" customHeight="1" outlineLevel="2" x14ac:dyDescent="0.2">
      <c r="A3476" s="17">
        <v>16286</v>
      </c>
      <c r="B3476" s="17"/>
      <c r="C3476" s="17"/>
      <c r="D3476" s="18" t="s">
        <v>1741</v>
      </c>
      <c r="E3476" s="18"/>
      <c r="F3476" s="18"/>
      <c r="G3476" s="18"/>
      <c r="H3476" s="18"/>
      <c r="I3476" s="18"/>
      <c r="J3476" s="18"/>
      <c r="K3476" s="18"/>
      <c r="L3476" s="18"/>
      <c r="M3476" s="18"/>
      <c r="N3476" s="18"/>
      <c r="O3476" s="18"/>
      <c r="P3476" s="20">
        <v>1350</v>
      </c>
      <c r="Q3476" s="20"/>
      <c r="R3476" s="20"/>
      <c r="S3476" s="20"/>
      <c r="T3476" s="20">
        <v>1190</v>
      </c>
      <c r="U3476" s="20"/>
      <c r="V3476" s="20"/>
      <c r="W3476" s="20"/>
      <c r="X3476" s="19">
        <v>6</v>
      </c>
      <c r="Y3476" s="19"/>
      <c r="Z3476" s="19"/>
      <c r="AA3476" s="19"/>
    </row>
    <row r="3477" spans="1:27" s="1" customFormat="1" ht="14.1" customHeight="1" outlineLevel="2" x14ac:dyDescent="0.2">
      <c r="A3477" s="17"/>
      <c r="B3477" s="17"/>
      <c r="C3477" s="17"/>
      <c r="D3477" s="18"/>
      <c r="E3477" s="18"/>
      <c r="F3477" s="18"/>
      <c r="G3477" s="18"/>
      <c r="H3477" s="18"/>
      <c r="I3477" s="18"/>
      <c r="J3477" s="18"/>
      <c r="K3477" s="18"/>
      <c r="L3477" s="18"/>
      <c r="M3477" s="18"/>
      <c r="N3477" s="18"/>
      <c r="O3477" s="18"/>
      <c r="P3477" s="20"/>
      <c r="Q3477" s="20"/>
      <c r="R3477" s="20"/>
      <c r="S3477" s="20"/>
      <c r="T3477" s="20"/>
      <c r="U3477" s="20"/>
      <c r="V3477" s="20"/>
      <c r="W3477" s="20"/>
      <c r="X3477" s="19"/>
      <c r="Y3477" s="19"/>
      <c r="Z3477" s="19"/>
      <c r="AA3477" s="19"/>
    </row>
    <row r="3478" spans="1:27" s="1" customFormat="1" ht="14.1" customHeight="1" outlineLevel="2" x14ac:dyDescent="0.2">
      <c r="A3478" s="17">
        <v>16287</v>
      </c>
      <c r="B3478" s="17"/>
      <c r="C3478" s="17"/>
      <c r="D3478" s="18" t="s">
        <v>1742</v>
      </c>
      <c r="E3478" s="18"/>
      <c r="F3478" s="18"/>
      <c r="G3478" s="18"/>
      <c r="H3478" s="18"/>
      <c r="I3478" s="18"/>
      <c r="J3478" s="18"/>
      <c r="K3478" s="18"/>
      <c r="L3478" s="18"/>
      <c r="M3478" s="18"/>
      <c r="N3478" s="18"/>
      <c r="O3478" s="18"/>
      <c r="P3478" s="20">
        <v>1300</v>
      </c>
      <c r="Q3478" s="20"/>
      <c r="R3478" s="20"/>
      <c r="S3478" s="20"/>
      <c r="T3478" s="20">
        <v>1150</v>
      </c>
      <c r="U3478" s="20"/>
      <c r="V3478" s="20"/>
      <c r="W3478" s="20"/>
      <c r="X3478" s="19">
        <v>6</v>
      </c>
      <c r="Y3478" s="19"/>
      <c r="Z3478" s="19"/>
      <c r="AA3478" s="19"/>
    </row>
    <row r="3479" spans="1:27" s="1" customFormat="1" ht="14.1" customHeight="1" outlineLevel="2" x14ac:dyDescent="0.2">
      <c r="A3479" s="17"/>
      <c r="B3479" s="17"/>
      <c r="C3479" s="17"/>
      <c r="D3479" s="18"/>
      <c r="E3479" s="18"/>
      <c r="F3479" s="18"/>
      <c r="G3479" s="18"/>
      <c r="H3479" s="18"/>
      <c r="I3479" s="18"/>
      <c r="J3479" s="18"/>
      <c r="K3479" s="18"/>
      <c r="L3479" s="18"/>
      <c r="M3479" s="18"/>
      <c r="N3479" s="18"/>
      <c r="O3479" s="18"/>
      <c r="P3479" s="20"/>
      <c r="Q3479" s="20"/>
      <c r="R3479" s="20"/>
      <c r="S3479" s="20"/>
      <c r="T3479" s="20"/>
      <c r="U3479" s="20"/>
      <c r="V3479" s="20"/>
      <c r="W3479" s="20"/>
      <c r="X3479" s="19"/>
      <c r="Y3479" s="19"/>
      <c r="Z3479" s="19"/>
      <c r="AA3479" s="19"/>
    </row>
    <row r="3480" spans="1:27" s="1" customFormat="1" ht="14.1" customHeight="1" outlineLevel="2" x14ac:dyDescent="0.2">
      <c r="A3480" s="17">
        <v>18010</v>
      </c>
      <c r="B3480" s="17"/>
      <c r="C3480" s="17"/>
      <c r="D3480" s="18" t="s">
        <v>1743</v>
      </c>
      <c r="E3480" s="18"/>
      <c r="F3480" s="18"/>
      <c r="G3480" s="18"/>
      <c r="H3480" s="18"/>
      <c r="I3480" s="18"/>
      <c r="J3480" s="18"/>
      <c r="K3480" s="18"/>
      <c r="L3480" s="18"/>
      <c r="M3480" s="18"/>
      <c r="N3480" s="18"/>
      <c r="O3480" s="18"/>
      <c r="P3480" s="20">
        <v>1680</v>
      </c>
      <c r="Q3480" s="20"/>
      <c r="R3480" s="20"/>
      <c r="S3480" s="20"/>
      <c r="T3480" s="20">
        <v>1350</v>
      </c>
      <c r="U3480" s="20"/>
      <c r="V3480" s="20"/>
      <c r="W3480" s="20"/>
      <c r="X3480" s="19">
        <v>6</v>
      </c>
      <c r="Y3480" s="19"/>
      <c r="Z3480" s="19"/>
      <c r="AA3480" s="19"/>
    </row>
    <row r="3481" spans="1:27" s="1" customFormat="1" ht="14.1" customHeight="1" outlineLevel="2" x14ac:dyDescent="0.2">
      <c r="A3481" s="17"/>
      <c r="B3481" s="17"/>
      <c r="C3481" s="17"/>
      <c r="D3481" s="18"/>
      <c r="E3481" s="18"/>
      <c r="F3481" s="18"/>
      <c r="G3481" s="18"/>
      <c r="H3481" s="18"/>
      <c r="I3481" s="18"/>
      <c r="J3481" s="18"/>
      <c r="K3481" s="18"/>
      <c r="L3481" s="18"/>
      <c r="M3481" s="18"/>
      <c r="N3481" s="18"/>
      <c r="O3481" s="18"/>
      <c r="P3481" s="20"/>
      <c r="Q3481" s="20"/>
      <c r="R3481" s="20"/>
      <c r="S3481" s="20"/>
      <c r="T3481" s="20"/>
      <c r="U3481" s="20"/>
      <c r="V3481" s="20"/>
      <c r="W3481" s="20"/>
      <c r="X3481" s="19"/>
      <c r="Y3481" s="19"/>
      <c r="Z3481" s="19"/>
      <c r="AA3481" s="19"/>
    </row>
    <row r="3482" spans="1:27" s="1" customFormat="1" ht="14.1" customHeight="1" outlineLevel="2" x14ac:dyDescent="0.2">
      <c r="A3482" s="17">
        <v>16329</v>
      </c>
      <c r="B3482" s="17"/>
      <c r="C3482" s="17"/>
      <c r="D3482" s="18" t="s">
        <v>1744</v>
      </c>
      <c r="E3482" s="18"/>
      <c r="F3482" s="18"/>
      <c r="G3482" s="18"/>
      <c r="H3482" s="18"/>
      <c r="I3482" s="18"/>
      <c r="J3482" s="18"/>
      <c r="K3482" s="18"/>
      <c r="L3482" s="18"/>
      <c r="M3482" s="18"/>
      <c r="N3482" s="18"/>
      <c r="O3482" s="18"/>
      <c r="P3482" s="20">
        <v>1200</v>
      </c>
      <c r="Q3482" s="20"/>
      <c r="R3482" s="20"/>
      <c r="S3482" s="20"/>
      <c r="T3482" s="19">
        <v>790</v>
      </c>
      <c r="U3482" s="19"/>
      <c r="V3482" s="19"/>
      <c r="W3482" s="19"/>
      <c r="X3482" s="19">
        <v>26</v>
      </c>
      <c r="Y3482" s="19"/>
      <c r="Z3482" s="19"/>
      <c r="AA3482" s="19"/>
    </row>
    <row r="3483" spans="1:27" s="1" customFormat="1" ht="14.1" customHeight="1" outlineLevel="2" x14ac:dyDescent="0.2">
      <c r="A3483" s="17"/>
      <c r="B3483" s="17"/>
      <c r="C3483" s="17"/>
      <c r="D3483" s="18"/>
      <c r="E3483" s="18"/>
      <c r="F3483" s="18"/>
      <c r="G3483" s="18"/>
      <c r="H3483" s="18"/>
      <c r="I3483" s="18"/>
      <c r="J3483" s="18"/>
      <c r="K3483" s="18"/>
      <c r="L3483" s="18"/>
      <c r="M3483" s="18"/>
      <c r="N3483" s="18"/>
      <c r="O3483" s="18"/>
      <c r="P3483" s="20"/>
      <c r="Q3483" s="20"/>
      <c r="R3483" s="20"/>
      <c r="S3483" s="20"/>
      <c r="T3483" s="19"/>
      <c r="U3483" s="19"/>
      <c r="V3483" s="19"/>
      <c r="W3483" s="19"/>
      <c r="X3483" s="19"/>
      <c r="Y3483" s="19"/>
      <c r="Z3483" s="19"/>
      <c r="AA3483" s="19"/>
    </row>
    <row r="3484" spans="1:27" s="1" customFormat="1" ht="11.1" customHeight="1" outlineLevel="2" x14ac:dyDescent="0.2">
      <c r="A3484" s="17">
        <v>15595</v>
      </c>
      <c r="B3484" s="17"/>
      <c r="C3484" s="17"/>
      <c r="D3484" s="18" t="s">
        <v>1745</v>
      </c>
      <c r="E3484" s="18"/>
      <c r="F3484" s="18"/>
      <c r="G3484" s="18"/>
      <c r="H3484" s="18"/>
      <c r="I3484" s="18"/>
      <c r="J3484" s="18"/>
      <c r="K3484" s="18"/>
      <c r="L3484" s="18"/>
      <c r="M3484" s="18"/>
      <c r="N3484" s="18"/>
      <c r="O3484" s="18"/>
      <c r="P3484" s="20">
        <v>1400</v>
      </c>
      <c r="Q3484" s="20"/>
      <c r="R3484" s="20"/>
      <c r="S3484" s="20"/>
      <c r="T3484" s="20">
        <v>1300</v>
      </c>
      <c r="U3484" s="20"/>
      <c r="V3484" s="20"/>
      <c r="W3484" s="20"/>
      <c r="X3484" s="19">
        <v>1</v>
      </c>
      <c r="Y3484" s="19"/>
      <c r="Z3484" s="19"/>
      <c r="AA3484" s="19"/>
    </row>
    <row r="3485" spans="1:27" s="1" customFormat="1" ht="11.1" customHeight="1" outlineLevel="2" x14ac:dyDescent="0.2">
      <c r="A3485" s="17"/>
      <c r="B3485" s="17"/>
      <c r="C3485" s="17"/>
      <c r="D3485" s="18"/>
      <c r="E3485" s="18"/>
      <c r="F3485" s="18"/>
      <c r="G3485" s="18"/>
      <c r="H3485" s="18"/>
      <c r="I3485" s="18"/>
      <c r="J3485" s="18"/>
      <c r="K3485" s="18"/>
      <c r="L3485" s="18"/>
      <c r="M3485" s="18"/>
      <c r="N3485" s="18"/>
      <c r="O3485" s="18"/>
      <c r="P3485" s="20"/>
      <c r="Q3485" s="20"/>
      <c r="R3485" s="20"/>
      <c r="S3485" s="20"/>
      <c r="T3485" s="20"/>
      <c r="U3485" s="20"/>
      <c r="V3485" s="20"/>
      <c r="W3485" s="20"/>
      <c r="X3485" s="19"/>
      <c r="Y3485" s="19"/>
      <c r="Z3485" s="19"/>
      <c r="AA3485" s="19"/>
    </row>
    <row r="3486" spans="1:27" s="1" customFormat="1" ht="14.1" customHeight="1" outlineLevel="2" x14ac:dyDescent="0.2">
      <c r="A3486" s="17">
        <v>16394</v>
      </c>
      <c r="B3486" s="17"/>
      <c r="C3486" s="17"/>
      <c r="D3486" s="18" t="s">
        <v>1746</v>
      </c>
      <c r="E3486" s="18"/>
      <c r="F3486" s="18"/>
      <c r="G3486" s="18"/>
      <c r="H3486" s="18"/>
      <c r="I3486" s="18"/>
      <c r="J3486" s="18"/>
      <c r="K3486" s="18"/>
      <c r="L3486" s="18"/>
      <c r="M3486" s="18"/>
      <c r="N3486" s="18"/>
      <c r="O3486" s="18"/>
      <c r="P3486" s="20">
        <v>1450</v>
      </c>
      <c r="Q3486" s="20"/>
      <c r="R3486" s="20"/>
      <c r="S3486" s="20"/>
      <c r="T3486" s="20">
        <v>1300</v>
      </c>
      <c r="U3486" s="20"/>
      <c r="V3486" s="20"/>
      <c r="W3486" s="20"/>
      <c r="X3486" s="19">
        <v>12</v>
      </c>
      <c r="Y3486" s="19"/>
      <c r="Z3486" s="19"/>
      <c r="AA3486" s="19"/>
    </row>
    <row r="3487" spans="1:27" s="1" customFormat="1" ht="14.1" customHeight="1" outlineLevel="2" x14ac:dyDescent="0.2">
      <c r="A3487" s="17"/>
      <c r="B3487" s="17"/>
      <c r="C3487" s="17"/>
      <c r="D3487" s="18"/>
      <c r="E3487" s="18"/>
      <c r="F3487" s="18"/>
      <c r="G3487" s="18"/>
      <c r="H3487" s="18"/>
      <c r="I3487" s="18"/>
      <c r="J3487" s="18"/>
      <c r="K3487" s="18"/>
      <c r="L3487" s="18"/>
      <c r="M3487" s="18"/>
      <c r="N3487" s="18"/>
      <c r="O3487" s="18"/>
      <c r="P3487" s="20"/>
      <c r="Q3487" s="20"/>
      <c r="R3487" s="20"/>
      <c r="S3487" s="20"/>
      <c r="T3487" s="20"/>
      <c r="U3487" s="20"/>
      <c r="V3487" s="20"/>
      <c r="W3487" s="20"/>
      <c r="X3487" s="19"/>
      <c r="Y3487" s="19"/>
      <c r="Z3487" s="19"/>
      <c r="AA3487" s="19"/>
    </row>
    <row r="3488" spans="1:27" s="1" customFormat="1" ht="11.1" customHeight="1" outlineLevel="2" x14ac:dyDescent="0.2">
      <c r="A3488" s="17">
        <v>15032</v>
      </c>
      <c r="B3488" s="17"/>
      <c r="C3488" s="17"/>
      <c r="D3488" s="18" t="s">
        <v>1747</v>
      </c>
      <c r="E3488" s="18"/>
      <c r="F3488" s="18"/>
      <c r="G3488" s="18"/>
      <c r="H3488" s="18"/>
      <c r="I3488" s="18"/>
      <c r="J3488" s="18"/>
      <c r="K3488" s="18"/>
      <c r="L3488" s="18"/>
      <c r="M3488" s="18"/>
      <c r="N3488" s="18"/>
      <c r="O3488" s="18"/>
      <c r="P3488" s="20">
        <v>1150</v>
      </c>
      <c r="Q3488" s="20"/>
      <c r="R3488" s="20"/>
      <c r="S3488" s="20"/>
      <c r="T3488" s="20">
        <v>1050</v>
      </c>
      <c r="U3488" s="20"/>
      <c r="V3488" s="20"/>
      <c r="W3488" s="20"/>
      <c r="X3488" s="19">
        <v>8</v>
      </c>
      <c r="Y3488" s="19"/>
      <c r="Z3488" s="19"/>
      <c r="AA3488" s="19"/>
    </row>
    <row r="3489" spans="1:27" s="1" customFormat="1" ht="11.1" customHeight="1" outlineLevel="2" x14ac:dyDescent="0.2">
      <c r="A3489" s="17"/>
      <c r="B3489" s="17"/>
      <c r="C3489" s="17"/>
      <c r="D3489" s="18"/>
      <c r="E3489" s="18"/>
      <c r="F3489" s="18"/>
      <c r="G3489" s="18"/>
      <c r="H3489" s="18"/>
      <c r="I3489" s="18"/>
      <c r="J3489" s="18"/>
      <c r="K3489" s="18"/>
      <c r="L3489" s="18"/>
      <c r="M3489" s="18"/>
      <c r="N3489" s="18"/>
      <c r="O3489" s="18"/>
      <c r="P3489" s="20"/>
      <c r="Q3489" s="20"/>
      <c r="R3489" s="20"/>
      <c r="S3489" s="20"/>
      <c r="T3489" s="20"/>
      <c r="U3489" s="20"/>
      <c r="V3489" s="20"/>
      <c r="W3489" s="20"/>
      <c r="X3489" s="19"/>
      <c r="Y3489" s="19"/>
      <c r="Z3489" s="19"/>
      <c r="AA3489" s="19"/>
    </row>
    <row r="3490" spans="1:27" s="1" customFormat="1" ht="11.1" customHeight="1" outlineLevel="2" x14ac:dyDescent="0.2">
      <c r="A3490" s="17">
        <v>15033</v>
      </c>
      <c r="B3490" s="17"/>
      <c r="C3490" s="17"/>
      <c r="D3490" s="18" t="s">
        <v>1748</v>
      </c>
      <c r="E3490" s="18"/>
      <c r="F3490" s="18"/>
      <c r="G3490" s="18"/>
      <c r="H3490" s="18"/>
      <c r="I3490" s="18"/>
      <c r="J3490" s="18"/>
      <c r="K3490" s="18"/>
      <c r="L3490" s="18"/>
      <c r="M3490" s="18"/>
      <c r="N3490" s="18"/>
      <c r="O3490" s="18"/>
      <c r="P3490" s="20">
        <v>1450</v>
      </c>
      <c r="Q3490" s="20"/>
      <c r="R3490" s="20"/>
      <c r="S3490" s="20"/>
      <c r="T3490" s="20">
        <v>1350</v>
      </c>
      <c r="U3490" s="20"/>
      <c r="V3490" s="20"/>
      <c r="W3490" s="20"/>
      <c r="X3490" s="19">
        <v>5</v>
      </c>
      <c r="Y3490" s="19"/>
      <c r="Z3490" s="19"/>
      <c r="AA3490" s="19"/>
    </row>
    <row r="3491" spans="1:27" s="1" customFormat="1" ht="11.1" customHeight="1" outlineLevel="2" x14ac:dyDescent="0.2">
      <c r="A3491" s="17"/>
      <c r="B3491" s="17"/>
      <c r="C3491" s="17"/>
      <c r="D3491" s="18"/>
      <c r="E3491" s="18"/>
      <c r="F3491" s="18"/>
      <c r="G3491" s="18"/>
      <c r="H3491" s="18"/>
      <c r="I3491" s="18"/>
      <c r="J3491" s="18"/>
      <c r="K3491" s="18"/>
      <c r="L3491" s="18"/>
      <c r="M3491" s="18"/>
      <c r="N3491" s="18"/>
      <c r="O3491" s="18"/>
      <c r="P3491" s="20"/>
      <c r="Q3491" s="20"/>
      <c r="R3491" s="20"/>
      <c r="S3491" s="20"/>
      <c r="T3491" s="20"/>
      <c r="U3491" s="20"/>
      <c r="V3491" s="20"/>
      <c r="W3491" s="20"/>
      <c r="X3491" s="19"/>
      <c r="Y3491" s="19"/>
      <c r="Z3491" s="19"/>
      <c r="AA3491" s="19"/>
    </row>
    <row r="3492" spans="1:27" s="1" customFormat="1" ht="14.1" customHeight="1" outlineLevel="2" x14ac:dyDescent="0.2">
      <c r="A3492" s="17">
        <v>17708</v>
      </c>
      <c r="B3492" s="17"/>
      <c r="C3492" s="17"/>
      <c r="D3492" s="18" t="s">
        <v>1749</v>
      </c>
      <c r="E3492" s="18"/>
      <c r="F3492" s="18"/>
      <c r="G3492" s="18"/>
      <c r="H3492" s="18"/>
      <c r="I3492" s="18"/>
      <c r="J3492" s="18"/>
      <c r="K3492" s="18"/>
      <c r="L3492" s="18"/>
      <c r="M3492" s="18"/>
      <c r="N3492" s="18"/>
      <c r="O3492" s="18"/>
      <c r="P3492" s="20">
        <v>1300</v>
      </c>
      <c r="Q3492" s="20"/>
      <c r="R3492" s="20"/>
      <c r="S3492" s="20"/>
      <c r="T3492" s="20">
        <v>1100</v>
      </c>
      <c r="U3492" s="20"/>
      <c r="V3492" s="20"/>
      <c r="W3492" s="20"/>
      <c r="X3492" s="19">
        <v>18</v>
      </c>
      <c r="Y3492" s="19"/>
      <c r="Z3492" s="19"/>
      <c r="AA3492" s="19"/>
    </row>
    <row r="3493" spans="1:27" s="1" customFormat="1" ht="14.1" customHeight="1" outlineLevel="2" x14ac:dyDescent="0.2">
      <c r="A3493" s="17"/>
      <c r="B3493" s="17"/>
      <c r="C3493" s="17"/>
      <c r="D3493" s="18"/>
      <c r="E3493" s="18"/>
      <c r="F3493" s="18"/>
      <c r="G3493" s="18"/>
      <c r="H3493" s="18"/>
      <c r="I3493" s="18"/>
      <c r="J3493" s="18"/>
      <c r="K3493" s="18"/>
      <c r="L3493" s="18"/>
      <c r="M3493" s="18"/>
      <c r="N3493" s="18"/>
      <c r="O3493" s="18"/>
      <c r="P3493" s="20"/>
      <c r="Q3493" s="20"/>
      <c r="R3493" s="20"/>
      <c r="S3493" s="20"/>
      <c r="T3493" s="20"/>
      <c r="U3493" s="20"/>
      <c r="V3493" s="20"/>
      <c r="W3493" s="20"/>
      <c r="X3493" s="19"/>
      <c r="Y3493" s="19"/>
      <c r="Z3493" s="19"/>
      <c r="AA3493" s="19"/>
    </row>
    <row r="3494" spans="1:27" s="1" customFormat="1" ht="11.1" customHeight="1" outlineLevel="2" x14ac:dyDescent="0.2">
      <c r="A3494" s="17">
        <v>15934</v>
      </c>
      <c r="B3494" s="17"/>
      <c r="C3494" s="17"/>
      <c r="D3494" s="18" t="s">
        <v>1750</v>
      </c>
      <c r="E3494" s="18"/>
      <c r="F3494" s="18"/>
      <c r="G3494" s="18"/>
      <c r="H3494" s="18"/>
      <c r="I3494" s="18"/>
      <c r="J3494" s="18"/>
      <c r="K3494" s="18"/>
      <c r="L3494" s="18"/>
      <c r="M3494" s="18"/>
      <c r="N3494" s="18"/>
      <c r="O3494" s="18"/>
      <c r="P3494" s="20">
        <v>2300</v>
      </c>
      <c r="Q3494" s="20"/>
      <c r="R3494" s="20"/>
      <c r="S3494" s="20"/>
      <c r="T3494" s="20">
        <v>2100</v>
      </c>
      <c r="U3494" s="20"/>
      <c r="V3494" s="20"/>
      <c r="W3494" s="20"/>
      <c r="X3494" s="19">
        <v>4</v>
      </c>
      <c r="Y3494" s="19"/>
      <c r="Z3494" s="19"/>
      <c r="AA3494" s="19"/>
    </row>
    <row r="3495" spans="1:27" s="1" customFormat="1" ht="11.1" customHeight="1" outlineLevel="2" x14ac:dyDescent="0.2">
      <c r="A3495" s="17"/>
      <c r="B3495" s="17"/>
      <c r="C3495" s="17"/>
      <c r="D3495" s="18"/>
      <c r="E3495" s="18"/>
      <c r="F3495" s="18"/>
      <c r="G3495" s="18"/>
      <c r="H3495" s="18"/>
      <c r="I3495" s="18"/>
      <c r="J3495" s="18"/>
      <c r="K3495" s="18"/>
      <c r="L3495" s="18"/>
      <c r="M3495" s="18"/>
      <c r="N3495" s="18"/>
      <c r="O3495" s="18"/>
      <c r="P3495" s="20"/>
      <c r="Q3495" s="20"/>
      <c r="R3495" s="20"/>
      <c r="S3495" s="20"/>
      <c r="T3495" s="20"/>
      <c r="U3495" s="20"/>
      <c r="V3495" s="20"/>
      <c r="W3495" s="20"/>
      <c r="X3495" s="19"/>
      <c r="Y3495" s="19"/>
      <c r="Z3495" s="19"/>
      <c r="AA3495" s="19"/>
    </row>
    <row r="3496" spans="1:27" s="1" customFormat="1" ht="14.1" customHeight="1" outlineLevel="2" x14ac:dyDescent="0.2">
      <c r="A3496" s="17">
        <v>17116</v>
      </c>
      <c r="B3496" s="17"/>
      <c r="C3496" s="17"/>
      <c r="D3496" s="18" t="s">
        <v>1751</v>
      </c>
      <c r="E3496" s="18"/>
      <c r="F3496" s="18"/>
      <c r="G3496" s="18"/>
      <c r="H3496" s="18"/>
      <c r="I3496" s="18"/>
      <c r="J3496" s="18"/>
      <c r="K3496" s="18"/>
      <c r="L3496" s="18"/>
      <c r="M3496" s="18"/>
      <c r="N3496" s="18"/>
      <c r="O3496" s="18"/>
      <c r="P3496" s="20">
        <v>3800</v>
      </c>
      <c r="Q3496" s="20"/>
      <c r="R3496" s="20"/>
      <c r="S3496" s="20"/>
      <c r="T3496" s="20">
        <v>3250</v>
      </c>
      <c r="U3496" s="20"/>
      <c r="V3496" s="20"/>
      <c r="W3496" s="20"/>
      <c r="X3496" s="19">
        <v>13</v>
      </c>
      <c r="Y3496" s="19"/>
      <c r="Z3496" s="19"/>
      <c r="AA3496" s="19"/>
    </row>
    <row r="3497" spans="1:27" s="1" customFormat="1" ht="14.1" customHeight="1" outlineLevel="2" x14ac:dyDescent="0.2">
      <c r="A3497" s="17"/>
      <c r="B3497" s="17"/>
      <c r="C3497" s="17"/>
      <c r="D3497" s="18"/>
      <c r="E3497" s="18"/>
      <c r="F3497" s="18"/>
      <c r="G3497" s="18"/>
      <c r="H3497" s="18"/>
      <c r="I3497" s="18"/>
      <c r="J3497" s="18"/>
      <c r="K3497" s="18"/>
      <c r="L3497" s="18"/>
      <c r="M3497" s="18"/>
      <c r="N3497" s="18"/>
      <c r="O3497" s="18"/>
      <c r="P3497" s="20"/>
      <c r="Q3497" s="20"/>
      <c r="R3497" s="20"/>
      <c r="S3497" s="20"/>
      <c r="T3497" s="20"/>
      <c r="U3497" s="20"/>
      <c r="V3497" s="20"/>
      <c r="W3497" s="20"/>
      <c r="X3497" s="19"/>
      <c r="Y3497" s="19"/>
      <c r="Z3497" s="19"/>
      <c r="AA3497" s="19"/>
    </row>
    <row r="3498" spans="1:27" s="1" customFormat="1" ht="14.1" customHeight="1" outlineLevel="2" x14ac:dyDescent="0.2">
      <c r="A3498" s="17">
        <v>17518</v>
      </c>
      <c r="B3498" s="17"/>
      <c r="C3498" s="17"/>
      <c r="D3498" s="18" t="s">
        <v>1752</v>
      </c>
      <c r="E3498" s="18"/>
      <c r="F3498" s="18"/>
      <c r="G3498" s="18"/>
      <c r="H3498" s="18"/>
      <c r="I3498" s="18"/>
      <c r="J3498" s="18"/>
      <c r="K3498" s="18"/>
      <c r="L3498" s="18"/>
      <c r="M3498" s="18"/>
      <c r="N3498" s="18"/>
      <c r="O3498" s="18"/>
      <c r="P3498" s="20">
        <v>9000</v>
      </c>
      <c r="Q3498" s="20"/>
      <c r="R3498" s="20"/>
      <c r="S3498" s="20"/>
      <c r="T3498" s="20">
        <v>8500</v>
      </c>
      <c r="U3498" s="20"/>
      <c r="V3498" s="20"/>
      <c r="W3498" s="20"/>
      <c r="X3498" s="19">
        <v>1</v>
      </c>
      <c r="Y3498" s="19"/>
      <c r="Z3498" s="19"/>
      <c r="AA3498" s="19"/>
    </row>
    <row r="3499" spans="1:27" s="1" customFormat="1" ht="14.1" customHeight="1" outlineLevel="2" x14ac:dyDescent="0.2">
      <c r="A3499" s="17"/>
      <c r="B3499" s="17"/>
      <c r="C3499" s="17"/>
      <c r="D3499" s="18"/>
      <c r="E3499" s="18"/>
      <c r="F3499" s="18"/>
      <c r="G3499" s="18"/>
      <c r="H3499" s="18"/>
      <c r="I3499" s="18"/>
      <c r="J3499" s="18"/>
      <c r="K3499" s="18"/>
      <c r="L3499" s="18"/>
      <c r="M3499" s="18"/>
      <c r="N3499" s="18"/>
      <c r="O3499" s="18"/>
      <c r="P3499" s="20"/>
      <c r="Q3499" s="20"/>
      <c r="R3499" s="20"/>
      <c r="S3499" s="20"/>
      <c r="T3499" s="20"/>
      <c r="U3499" s="20"/>
      <c r="V3499" s="20"/>
      <c r="W3499" s="20"/>
      <c r="X3499" s="19"/>
      <c r="Y3499" s="19"/>
      <c r="Z3499" s="19"/>
      <c r="AA3499" s="19"/>
    </row>
    <row r="3500" spans="1:27" s="1" customFormat="1" ht="14.1" customHeight="1" outlineLevel="2" x14ac:dyDescent="0.2">
      <c r="A3500" s="17">
        <v>16043</v>
      </c>
      <c r="B3500" s="17"/>
      <c r="C3500" s="17"/>
      <c r="D3500" s="18" t="s">
        <v>1753</v>
      </c>
      <c r="E3500" s="18"/>
      <c r="F3500" s="18"/>
      <c r="G3500" s="18"/>
      <c r="H3500" s="18"/>
      <c r="I3500" s="18"/>
      <c r="J3500" s="18"/>
      <c r="K3500" s="18"/>
      <c r="L3500" s="18"/>
      <c r="M3500" s="18"/>
      <c r="N3500" s="18"/>
      <c r="O3500" s="18"/>
      <c r="P3500" s="20">
        <v>1650</v>
      </c>
      <c r="Q3500" s="20"/>
      <c r="R3500" s="20"/>
      <c r="S3500" s="20"/>
      <c r="T3500" s="20">
        <v>1500</v>
      </c>
      <c r="U3500" s="20"/>
      <c r="V3500" s="20"/>
      <c r="W3500" s="20"/>
      <c r="X3500" s="19">
        <v>10</v>
      </c>
      <c r="Y3500" s="19"/>
      <c r="Z3500" s="19"/>
      <c r="AA3500" s="19"/>
    </row>
    <row r="3501" spans="1:27" s="1" customFormat="1" ht="14.1" customHeight="1" outlineLevel="2" x14ac:dyDescent="0.2">
      <c r="A3501" s="17"/>
      <c r="B3501" s="17"/>
      <c r="C3501" s="17"/>
      <c r="D3501" s="18"/>
      <c r="E3501" s="18"/>
      <c r="F3501" s="18"/>
      <c r="G3501" s="18"/>
      <c r="H3501" s="18"/>
      <c r="I3501" s="18"/>
      <c r="J3501" s="18"/>
      <c r="K3501" s="18"/>
      <c r="L3501" s="18"/>
      <c r="M3501" s="18"/>
      <c r="N3501" s="18"/>
      <c r="O3501" s="18"/>
      <c r="P3501" s="20"/>
      <c r="Q3501" s="20"/>
      <c r="R3501" s="20"/>
      <c r="S3501" s="20"/>
      <c r="T3501" s="20"/>
      <c r="U3501" s="20"/>
      <c r="V3501" s="20"/>
      <c r="W3501" s="20"/>
      <c r="X3501" s="19"/>
      <c r="Y3501" s="19"/>
      <c r="Z3501" s="19"/>
      <c r="AA3501" s="19"/>
    </row>
    <row r="3502" spans="1:27" s="1" customFormat="1" ht="14.1" customHeight="1" outlineLevel="2" x14ac:dyDescent="0.2">
      <c r="A3502" s="17">
        <v>16044</v>
      </c>
      <c r="B3502" s="17"/>
      <c r="C3502" s="17"/>
      <c r="D3502" s="18" t="s">
        <v>1754</v>
      </c>
      <c r="E3502" s="18"/>
      <c r="F3502" s="18"/>
      <c r="G3502" s="18"/>
      <c r="H3502" s="18"/>
      <c r="I3502" s="18"/>
      <c r="J3502" s="18"/>
      <c r="K3502" s="18"/>
      <c r="L3502" s="18"/>
      <c r="M3502" s="18"/>
      <c r="N3502" s="18"/>
      <c r="O3502" s="18"/>
      <c r="P3502" s="20">
        <v>2000</v>
      </c>
      <c r="Q3502" s="20"/>
      <c r="R3502" s="20"/>
      <c r="S3502" s="20"/>
      <c r="T3502" s="20">
        <v>1800</v>
      </c>
      <c r="U3502" s="20"/>
      <c r="V3502" s="20"/>
      <c r="W3502" s="20"/>
      <c r="X3502" s="19">
        <v>8</v>
      </c>
      <c r="Y3502" s="19"/>
      <c r="Z3502" s="19"/>
      <c r="AA3502" s="19"/>
    </row>
    <row r="3503" spans="1:27" s="1" customFormat="1" ht="14.1" customHeight="1" outlineLevel="2" x14ac:dyDescent="0.2">
      <c r="A3503" s="17"/>
      <c r="B3503" s="17"/>
      <c r="C3503" s="17"/>
      <c r="D3503" s="18"/>
      <c r="E3503" s="18"/>
      <c r="F3503" s="18"/>
      <c r="G3503" s="18"/>
      <c r="H3503" s="18"/>
      <c r="I3503" s="18"/>
      <c r="J3503" s="18"/>
      <c r="K3503" s="18"/>
      <c r="L3503" s="18"/>
      <c r="M3503" s="18"/>
      <c r="N3503" s="18"/>
      <c r="O3503" s="18"/>
      <c r="P3503" s="20"/>
      <c r="Q3503" s="20"/>
      <c r="R3503" s="20"/>
      <c r="S3503" s="20"/>
      <c r="T3503" s="20"/>
      <c r="U3503" s="20"/>
      <c r="V3503" s="20"/>
      <c r="W3503" s="20"/>
      <c r="X3503" s="19"/>
      <c r="Y3503" s="19"/>
      <c r="Z3503" s="19"/>
      <c r="AA3503" s="19"/>
    </row>
    <row r="3504" spans="1:27" s="1" customFormat="1" ht="14.1" customHeight="1" outlineLevel="2" x14ac:dyDescent="0.2">
      <c r="A3504" s="17">
        <v>14352</v>
      </c>
      <c r="B3504" s="17"/>
      <c r="C3504" s="17"/>
      <c r="D3504" s="18" t="s">
        <v>1755</v>
      </c>
      <c r="E3504" s="18"/>
      <c r="F3504" s="18"/>
      <c r="G3504" s="18"/>
      <c r="H3504" s="18"/>
      <c r="I3504" s="18"/>
      <c r="J3504" s="18"/>
      <c r="K3504" s="18"/>
      <c r="L3504" s="18"/>
      <c r="M3504" s="18"/>
      <c r="N3504" s="18"/>
      <c r="O3504" s="18"/>
      <c r="P3504" s="19">
        <v>210</v>
      </c>
      <c r="Q3504" s="19"/>
      <c r="R3504" s="19"/>
      <c r="S3504" s="19"/>
      <c r="T3504" s="19">
        <v>150</v>
      </c>
      <c r="U3504" s="19"/>
      <c r="V3504" s="19"/>
      <c r="W3504" s="19"/>
      <c r="X3504" s="19">
        <v>60</v>
      </c>
      <c r="Y3504" s="19"/>
      <c r="Z3504" s="19"/>
      <c r="AA3504" s="19"/>
    </row>
    <row r="3505" spans="1:27" s="1" customFormat="1" ht="14.1" customHeight="1" outlineLevel="2" x14ac:dyDescent="0.2">
      <c r="A3505" s="17"/>
      <c r="B3505" s="17"/>
      <c r="C3505" s="17"/>
      <c r="D3505" s="18"/>
      <c r="E3505" s="18"/>
      <c r="F3505" s="18"/>
      <c r="G3505" s="18"/>
      <c r="H3505" s="18"/>
      <c r="I3505" s="18"/>
      <c r="J3505" s="18"/>
      <c r="K3505" s="18"/>
      <c r="L3505" s="18"/>
      <c r="M3505" s="18"/>
      <c r="N3505" s="18"/>
      <c r="O3505" s="18"/>
      <c r="P3505" s="19"/>
      <c r="Q3505" s="19"/>
      <c r="R3505" s="19"/>
      <c r="S3505" s="19"/>
      <c r="T3505" s="19"/>
      <c r="U3505" s="19"/>
      <c r="V3505" s="19"/>
      <c r="W3505" s="19"/>
      <c r="X3505" s="19"/>
      <c r="Y3505" s="19"/>
      <c r="Z3505" s="19"/>
      <c r="AA3505" s="19"/>
    </row>
    <row r="3506" spans="1:27" s="1" customFormat="1" ht="11.1" customHeight="1" outlineLevel="2" x14ac:dyDescent="0.2">
      <c r="A3506" s="17">
        <v>14351</v>
      </c>
      <c r="B3506" s="17"/>
      <c r="C3506" s="17"/>
      <c r="D3506" s="18" t="s">
        <v>1756</v>
      </c>
      <c r="E3506" s="18"/>
      <c r="F3506" s="18"/>
      <c r="G3506" s="18"/>
      <c r="H3506" s="18"/>
      <c r="I3506" s="18"/>
      <c r="J3506" s="18"/>
      <c r="K3506" s="18"/>
      <c r="L3506" s="18"/>
      <c r="M3506" s="18"/>
      <c r="N3506" s="18"/>
      <c r="O3506" s="18"/>
      <c r="P3506" s="19">
        <v>210</v>
      </c>
      <c r="Q3506" s="19"/>
      <c r="R3506" s="19"/>
      <c r="S3506" s="19"/>
      <c r="T3506" s="19">
        <v>150</v>
      </c>
      <c r="U3506" s="19"/>
      <c r="V3506" s="19"/>
      <c r="W3506" s="19"/>
      <c r="X3506" s="19">
        <v>29</v>
      </c>
      <c r="Y3506" s="19"/>
      <c r="Z3506" s="19"/>
      <c r="AA3506" s="19"/>
    </row>
    <row r="3507" spans="1:27" s="1" customFormat="1" ht="11.1" customHeight="1" outlineLevel="2" x14ac:dyDescent="0.2">
      <c r="A3507" s="17"/>
      <c r="B3507" s="17"/>
      <c r="C3507" s="17"/>
      <c r="D3507" s="18"/>
      <c r="E3507" s="18"/>
      <c r="F3507" s="18"/>
      <c r="G3507" s="18"/>
      <c r="H3507" s="18"/>
      <c r="I3507" s="18"/>
      <c r="J3507" s="18"/>
      <c r="K3507" s="18"/>
      <c r="L3507" s="18"/>
      <c r="M3507" s="18"/>
      <c r="N3507" s="18"/>
      <c r="O3507" s="18"/>
      <c r="P3507" s="19"/>
      <c r="Q3507" s="19"/>
      <c r="R3507" s="19"/>
      <c r="S3507" s="19"/>
      <c r="T3507" s="19"/>
      <c r="U3507" s="19"/>
      <c r="V3507" s="19"/>
      <c r="W3507" s="19"/>
      <c r="X3507" s="19"/>
      <c r="Y3507" s="19"/>
      <c r="Z3507" s="19"/>
      <c r="AA3507" s="19"/>
    </row>
    <row r="3508" spans="1:27" s="1" customFormat="1" ht="11.1" customHeight="1" outlineLevel="2" x14ac:dyDescent="0.2">
      <c r="A3508" s="17">
        <v>16075</v>
      </c>
      <c r="B3508" s="17"/>
      <c r="C3508" s="17"/>
      <c r="D3508" s="18" t="s">
        <v>1757</v>
      </c>
      <c r="E3508" s="18"/>
      <c r="F3508" s="18"/>
      <c r="G3508" s="18"/>
      <c r="H3508" s="18"/>
      <c r="I3508" s="18"/>
      <c r="J3508" s="18"/>
      <c r="K3508" s="18"/>
      <c r="L3508" s="18"/>
      <c r="M3508" s="18"/>
      <c r="N3508" s="18"/>
      <c r="O3508" s="18"/>
      <c r="P3508" s="19">
        <v>60</v>
      </c>
      <c r="Q3508" s="19"/>
      <c r="R3508" s="19"/>
      <c r="S3508" s="19"/>
      <c r="T3508" s="19">
        <v>40</v>
      </c>
      <c r="U3508" s="19"/>
      <c r="V3508" s="19"/>
      <c r="W3508" s="19"/>
      <c r="X3508" s="19">
        <v>96</v>
      </c>
      <c r="Y3508" s="19"/>
      <c r="Z3508" s="19"/>
      <c r="AA3508" s="19"/>
    </row>
    <row r="3509" spans="1:27" s="1" customFormat="1" ht="11.1" customHeight="1" outlineLevel="2" x14ac:dyDescent="0.2">
      <c r="A3509" s="17"/>
      <c r="B3509" s="17"/>
      <c r="C3509" s="17"/>
      <c r="D3509" s="18"/>
      <c r="E3509" s="18"/>
      <c r="F3509" s="18"/>
      <c r="G3509" s="18"/>
      <c r="H3509" s="18"/>
      <c r="I3509" s="18"/>
      <c r="J3509" s="18"/>
      <c r="K3509" s="18"/>
      <c r="L3509" s="18"/>
      <c r="M3509" s="18"/>
      <c r="N3509" s="18"/>
      <c r="O3509" s="18"/>
      <c r="P3509" s="19"/>
      <c r="Q3509" s="19"/>
      <c r="R3509" s="19"/>
      <c r="S3509" s="19"/>
      <c r="T3509" s="19"/>
      <c r="U3509" s="19"/>
      <c r="V3509" s="19"/>
      <c r="W3509" s="19"/>
      <c r="X3509" s="19"/>
      <c r="Y3509" s="19"/>
      <c r="Z3509" s="19"/>
      <c r="AA3509" s="19"/>
    </row>
    <row r="3510" spans="1:27" s="1" customFormat="1" ht="11.1" customHeight="1" outlineLevel="1" x14ac:dyDescent="0.2">
      <c r="A3510" s="16" t="s">
        <v>1212</v>
      </c>
      <c r="B3510" s="16"/>
      <c r="C3510" s="16"/>
      <c r="D3510" s="16"/>
      <c r="E3510" s="16"/>
      <c r="F3510" s="16"/>
      <c r="G3510" s="16"/>
      <c r="H3510" s="16"/>
      <c r="I3510" s="16"/>
      <c r="J3510" s="16"/>
      <c r="K3510" s="16"/>
      <c r="L3510" s="16"/>
      <c r="M3510" s="16"/>
      <c r="N3510" s="16"/>
      <c r="O3510" s="16"/>
      <c r="P3510" s="16"/>
      <c r="Q3510" s="16"/>
      <c r="R3510" s="16"/>
      <c r="S3510" s="16"/>
      <c r="T3510" s="16"/>
      <c r="U3510" s="16"/>
      <c r="V3510" s="16"/>
      <c r="W3510" s="16"/>
      <c r="X3510" s="16"/>
      <c r="Y3510" s="16"/>
      <c r="Z3510" s="16"/>
      <c r="AA3510" s="16"/>
    </row>
    <row r="3511" spans="1:27" s="1" customFormat="1" ht="11.1" customHeight="1" outlineLevel="1" x14ac:dyDescent="0.2">
      <c r="A3511" s="16"/>
      <c r="B3511" s="16"/>
      <c r="C3511" s="16"/>
      <c r="D3511" s="16"/>
      <c r="E3511" s="16"/>
      <c r="F3511" s="16"/>
      <c r="G3511" s="16"/>
      <c r="H3511" s="16"/>
      <c r="I3511" s="16"/>
      <c r="J3511" s="16"/>
      <c r="K3511" s="16"/>
      <c r="L3511" s="16"/>
      <c r="M3511" s="16"/>
      <c r="N3511" s="16"/>
      <c r="O3511" s="16"/>
      <c r="P3511" s="16"/>
      <c r="Q3511" s="16"/>
      <c r="R3511" s="16"/>
      <c r="S3511" s="16"/>
      <c r="T3511" s="16"/>
      <c r="U3511" s="16"/>
      <c r="V3511" s="16"/>
      <c r="W3511" s="16"/>
      <c r="X3511" s="16"/>
      <c r="Y3511" s="16"/>
      <c r="Z3511" s="16"/>
      <c r="AA3511" s="16"/>
    </row>
    <row r="3512" spans="1:27" s="1" customFormat="1" ht="11.1" customHeight="1" outlineLevel="2" x14ac:dyDescent="0.2">
      <c r="A3512" s="17">
        <v>1618</v>
      </c>
      <c r="B3512" s="17"/>
      <c r="C3512" s="17"/>
      <c r="D3512" s="18" t="s">
        <v>1758</v>
      </c>
      <c r="E3512" s="18"/>
      <c r="F3512" s="18"/>
      <c r="G3512" s="18"/>
      <c r="H3512" s="18"/>
      <c r="I3512" s="18"/>
      <c r="J3512" s="18"/>
      <c r="K3512" s="18"/>
      <c r="L3512" s="18"/>
      <c r="M3512" s="18"/>
      <c r="N3512" s="18"/>
      <c r="O3512" s="18"/>
      <c r="P3512" s="19">
        <v>50</v>
      </c>
      <c r="Q3512" s="19"/>
      <c r="R3512" s="19"/>
      <c r="S3512" s="19"/>
      <c r="T3512" s="19">
        <v>30</v>
      </c>
      <c r="U3512" s="19"/>
      <c r="V3512" s="19"/>
      <c r="W3512" s="19"/>
      <c r="X3512" s="19">
        <v>1</v>
      </c>
      <c r="Y3512" s="19"/>
      <c r="Z3512" s="19"/>
      <c r="AA3512" s="19"/>
    </row>
    <row r="3513" spans="1:27" s="1" customFormat="1" ht="11.1" customHeight="1" outlineLevel="2" x14ac:dyDescent="0.2">
      <c r="A3513" s="17"/>
      <c r="B3513" s="17"/>
      <c r="C3513" s="17"/>
      <c r="D3513" s="18"/>
      <c r="E3513" s="18"/>
      <c r="F3513" s="18"/>
      <c r="G3513" s="18"/>
      <c r="H3513" s="18"/>
      <c r="I3513" s="18"/>
      <c r="J3513" s="18"/>
      <c r="K3513" s="18"/>
      <c r="L3513" s="18"/>
      <c r="M3513" s="18"/>
      <c r="N3513" s="18"/>
      <c r="O3513" s="18"/>
      <c r="P3513" s="19"/>
      <c r="Q3513" s="19"/>
      <c r="R3513" s="19"/>
      <c r="S3513" s="19"/>
      <c r="T3513" s="19"/>
      <c r="U3513" s="19"/>
      <c r="V3513" s="19"/>
      <c r="W3513" s="19"/>
      <c r="X3513" s="19"/>
      <c r="Y3513" s="19"/>
      <c r="Z3513" s="19"/>
      <c r="AA3513" s="19"/>
    </row>
    <row r="3514" spans="1:27" s="1" customFormat="1" ht="11.1" customHeight="1" outlineLevel="2" x14ac:dyDescent="0.2">
      <c r="A3514" s="17">
        <v>1619</v>
      </c>
      <c r="B3514" s="17"/>
      <c r="C3514" s="17"/>
      <c r="D3514" s="18" t="s">
        <v>1759</v>
      </c>
      <c r="E3514" s="18"/>
      <c r="F3514" s="18"/>
      <c r="G3514" s="18"/>
      <c r="H3514" s="18"/>
      <c r="I3514" s="18"/>
      <c r="J3514" s="18"/>
      <c r="K3514" s="18"/>
      <c r="L3514" s="18"/>
      <c r="M3514" s="18"/>
      <c r="N3514" s="18"/>
      <c r="O3514" s="18"/>
      <c r="P3514" s="19">
        <v>50</v>
      </c>
      <c r="Q3514" s="19"/>
      <c r="R3514" s="19"/>
      <c r="S3514" s="19"/>
      <c r="T3514" s="19">
        <v>30</v>
      </c>
      <c r="U3514" s="19"/>
      <c r="V3514" s="19"/>
      <c r="W3514" s="19"/>
      <c r="X3514" s="19">
        <v>1</v>
      </c>
      <c r="Y3514" s="19"/>
      <c r="Z3514" s="19"/>
      <c r="AA3514" s="19"/>
    </row>
    <row r="3515" spans="1:27" s="1" customFormat="1" ht="11.1" customHeight="1" outlineLevel="2" x14ac:dyDescent="0.2">
      <c r="A3515" s="17"/>
      <c r="B3515" s="17"/>
      <c r="C3515" s="17"/>
      <c r="D3515" s="18"/>
      <c r="E3515" s="18"/>
      <c r="F3515" s="18"/>
      <c r="G3515" s="18"/>
      <c r="H3515" s="18"/>
      <c r="I3515" s="18"/>
      <c r="J3515" s="18"/>
      <c r="K3515" s="18"/>
      <c r="L3515" s="18"/>
      <c r="M3515" s="18"/>
      <c r="N3515" s="18"/>
      <c r="O3515" s="18"/>
      <c r="P3515" s="19"/>
      <c r="Q3515" s="19"/>
      <c r="R3515" s="19"/>
      <c r="S3515" s="19"/>
      <c r="T3515" s="19"/>
      <c r="U3515" s="19"/>
      <c r="V3515" s="19"/>
      <c r="W3515" s="19"/>
      <c r="X3515" s="19"/>
      <c r="Y3515" s="19"/>
      <c r="Z3515" s="19"/>
      <c r="AA3515" s="19"/>
    </row>
    <row r="3516" spans="1:27" s="1" customFormat="1" ht="14.1" customHeight="1" outlineLevel="2" x14ac:dyDescent="0.2">
      <c r="A3516" s="17">
        <v>1260</v>
      </c>
      <c r="B3516" s="17"/>
      <c r="C3516" s="17"/>
      <c r="D3516" s="18" t="s">
        <v>1760</v>
      </c>
      <c r="E3516" s="18"/>
      <c r="F3516" s="18"/>
      <c r="G3516" s="18"/>
      <c r="H3516" s="18"/>
      <c r="I3516" s="18"/>
      <c r="J3516" s="18"/>
      <c r="K3516" s="18"/>
      <c r="L3516" s="18"/>
      <c r="M3516" s="18"/>
      <c r="N3516" s="18"/>
      <c r="O3516" s="18"/>
      <c r="P3516" s="20">
        <v>1940</v>
      </c>
      <c r="Q3516" s="20"/>
      <c r="R3516" s="20"/>
      <c r="S3516" s="20"/>
      <c r="T3516" s="20">
        <v>1850</v>
      </c>
      <c r="U3516" s="20"/>
      <c r="V3516" s="20"/>
      <c r="W3516" s="20"/>
      <c r="X3516" s="19">
        <v>1</v>
      </c>
      <c r="Y3516" s="19"/>
      <c r="Z3516" s="19"/>
      <c r="AA3516" s="19"/>
    </row>
    <row r="3517" spans="1:27" s="1" customFormat="1" ht="14.1" customHeight="1" outlineLevel="2" x14ac:dyDescent="0.2">
      <c r="A3517" s="17"/>
      <c r="B3517" s="17"/>
      <c r="C3517" s="17"/>
      <c r="D3517" s="18"/>
      <c r="E3517" s="18"/>
      <c r="F3517" s="18"/>
      <c r="G3517" s="18"/>
      <c r="H3517" s="18"/>
      <c r="I3517" s="18"/>
      <c r="J3517" s="18"/>
      <c r="K3517" s="18"/>
      <c r="L3517" s="18"/>
      <c r="M3517" s="18"/>
      <c r="N3517" s="18"/>
      <c r="O3517" s="18"/>
      <c r="P3517" s="20"/>
      <c r="Q3517" s="20"/>
      <c r="R3517" s="20"/>
      <c r="S3517" s="20"/>
      <c r="T3517" s="20"/>
      <c r="U3517" s="20"/>
      <c r="V3517" s="20"/>
      <c r="W3517" s="20"/>
      <c r="X3517" s="19"/>
      <c r="Y3517" s="19"/>
      <c r="Z3517" s="19"/>
      <c r="AA3517" s="19"/>
    </row>
    <row r="3518" spans="1:27" s="1" customFormat="1" ht="14.1" customHeight="1" outlineLevel="2" x14ac:dyDescent="0.2">
      <c r="A3518" s="17">
        <v>1013</v>
      </c>
      <c r="B3518" s="17"/>
      <c r="C3518" s="17"/>
      <c r="D3518" s="18" t="s">
        <v>1761</v>
      </c>
      <c r="E3518" s="18"/>
      <c r="F3518" s="18"/>
      <c r="G3518" s="18"/>
      <c r="H3518" s="18"/>
      <c r="I3518" s="18"/>
      <c r="J3518" s="18"/>
      <c r="K3518" s="18"/>
      <c r="L3518" s="18"/>
      <c r="M3518" s="18"/>
      <c r="N3518" s="18"/>
      <c r="O3518" s="18"/>
      <c r="P3518" s="19">
        <v>300</v>
      </c>
      <c r="Q3518" s="19"/>
      <c r="R3518" s="19"/>
      <c r="S3518" s="19"/>
      <c r="T3518" s="19">
        <v>250</v>
      </c>
      <c r="U3518" s="19"/>
      <c r="V3518" s="19"/>
      <c r="W3518" s="19"/>
      <c r="X3518" s="19">
        <v>1</v>
      </c>
      <c r="Y3518" s="19"/>
      <c r="Z3518" s="19"/>
      <c r="AA3518" s="19"/>
    </row>
    <row r="3519" spans="1:27" s="1" customFormat="1" ht="14.1" customHeight="1" outlineLevel="2" x14ac:dyDescent="0.2">
      <c r="A3519" s="17"/>
      <c r="B3519" s="17"/>
      <c r="C3519" s="17"/>
      <c r="D3519" s="18"/>
      <c r="E3519" s="18"/>
      <c r="F3519" s="18"/>
      <c r="G3519" s="18"/>
      <c r="H3519" s="18"/>
      <c r="I3519" s="18"/>
      <c r="J3519" s="18"/>
      <c r="K3519" s="18"/>
      <c r="L3519" s="18"/>
      <c r="M3519" s="18"/>
      <c r="N3519" s="18"/>
      <c r="O3519" s="18"/>
      <c r="P3519" s="19"/>
      <c r="Q3519" s="19"/>
      <c r="R3519" s="19"/>
      <c r="S3519" s="19"/>
      <c r="T3519" s="19"/>
      <c r="U3519" s="19"/>
      <c r="V3519" s="19"/>
      <c r="W3519" s="19"/>
      <c r="X3519" s="19"/>
      <c r="Y3519" s="19"/>
      <c r="Z3519" s="19"/>
      <c r="AA3519" s="19"/>
    </row>
    <row r="3520" spans="1:27" s="1" customFormat="1" ht="11.1" customHeight="1" outlineLevel="2" x14ac:dyDescent="0.2">
      <c r="A3520" s="17">
        <v>1265</v>
      </c>
      <c r="B3520" s="17"/>
      <c r="C3520" s="17"/>
      <c r="D3520" s="18" t="s">
        <v>1762</v>
      </c>
      <c r="E3520" s="18"/>
      <c r="F3520" s="18"/>
      <c r="G3520" s="18"/>
      <c r="H3520" s="18"/>
      <c r="I3520" s="18"/>
      <c r="J3520" s="18"/>
      <c r="K3520" s="18"/>
      <c r="L3520" s="18"/>
      <c r="M3520" s="18"/>
      <c r="N3520" s="18"/>
      <c r="O3520" s="18"/>
      <c r="P3520" s="19">
        <v>200</v>
      </c>
      <c r="Q3520" s="19"/>
      <c r="R3520" s="19"/>
      <c r="S3520" s="19"/>
      <c r="T3520" s="19">
        <v>170</v>
      </c>
      <c r="U3520" s="19"/>
      <c r="V3520" s="19"/>
      <c r="W3520" s="19"/>
      <c r="X3520" s="19">
        <v>1</v>
      </c>
      <c r="Y3520" s="19"/>
      <c r="Z3520" s="19"/>
      <c r="AA3520" s="19"/>
    </row>
    <row r="3521" spans="1:27" s="1" customFormat="1" ht="11.1" customHeight="1" outlineLevel="2" x14ac:dyDescent="0.2">
      <c r="A3521" s="17"/>
      <c r="B3521" s="17"/>
      <c r="C3521" s="17"/>
      <c r="D3521" s="18"/>
      <c r="E3521" s="18"/>
      <c r="F3521" s="18"/>
      <c r="G3521" s="18"/>
      <c r="H3521" s="18"/>
      <c r="I3521" s="18"/>
      <c r="J3521" s="18"/>
      <c r="K3521" s="18"/>
      <c r="L3521" s="18"/>
      <c r="M3521" s="18"/>
      <c r="N3521" s="18"/>
      <c r="O3521" s="18"/>
      <c r="P3521" s="19"/>
      <c r="Q3521" s="19"/>
      <c r="R3521" s="19"/>
      <c r="S3521" s="19"/>
      <c r="T3521" s="19"/>
      <c r="U3521" s="19"/>
      <c r="V3521" s="19"/>
      <c r="W3521" s="19"/>
      <c r="X3521" s="19"/>
      <c r="Y3521" s="19"/>
      <c r="Z3521" s="19"/>
      <c r="AA3521" s="19"/>
    </row>
    <row r="3522" spans="1:27" s="1" customFormat="1" ht="14.1" customHeight="1" outlineLevel="2" x14ac:dyDescent="0.2">
      <c r="A3522" s="17">
        <v>17723</v>
      </c>
      <c r="B3522" s="17"/>
      <c r="C3522" s="17"/>
      <c r="D3522" s="18" t="s">
        <v>1763</v>
      </c>
      <c r="E3522" s="18"/>
      <c r="F3522" s="18"/>
      <c r="G3522" s="18"/>
      <c r="H3522" s="18"/>
      <c r="I3522" s="18"/>
      <c r="J3522" s="18"/>
      <c r="K3522" s="18"/>
      <c r="L3522" s="18"/>
      <c r="M3522" s="18"/>
      <c r="N3522" s="18"/>
      <c r="O3522" s="18"/>
      <c r="P3522" s="20">
        <v>1050</v>
      </c>
      <c r="Q3522" s="20"/>
      <c r="R3522" s="20"/>
      <c r="S3522" s="20"/>
      <c r="T3522" s="19">
        <v>900</v>
      </c>
      <c r="U3522" s="19"/>
      <c r="V3522" s="19"/>
      <c r="W3522" s="19"/>
      <c r="X3522" s="19">
        <v>10</v>
      </c>
      <c r="Y3522" s="19"/>
      <c r="Z3522" s="19"/>
      <c r="AA3522" s="19"/>
    </row>
    <row r="3523" spans="1:27" s="1" customFormat="1" ht="14.1" customHeight="1" outlineLevel="2" x14ac:dyDescent="0.2">
      <c r="A3523" s="17"/>
      <c r="B3523" s="17"/>
      <c r="C3523" s="17"/>
      <c r="D3523" s="18"/>
      <c r="E3523" s="18"/>
      <c r="F3523" s="18"/>
      <c r="G3523" s="18"/>
      <c r="H3523" s="18"/>
      <c r="I3523" s="18"/>
      <c r="J3523" s="18"/>
      <c r="K3523" s="18"/>
      <c r="L3523" s="18"/>
      <c r="M3523" s="18"/>
      <c r="N3523" s="18"/>
      <c r="O3523" s="18"/>
      <c r="P3523" s="20"/>
      <c r="Q3523" s="20"/>
      <c r="R3523" s="20"/>
      <c r="S3523" s="20"/>
      <c r="T3523" s="19"/>
      <c r="U3523" s="19"/>
      <c r="V3523" s="19"/>
      <c r="W3523" s="19"/>
      <c r="X3523" s="19"/>
      <c r="Y3523" s="19"/>
      <c r="Z3523" s="19"/>
      <c r="AA3523" s="19"/>
    </row>
    <row r="3524" spans="1:27" s="1" customFormat="1" ht="14.1" customHeight="1" outlineLevel="2" x14ac:dyDescent="0.2">
      <c r="A3524" s="17">
        <v>9396</v>
      </c>
      <c r="B3524" s="17"/>
      <c r="C3524" s="17"/>
      <c r="D3524" s="18" t="s">
        <v>1764</v>
      </c>
      <c r="E3524" s="18"/>
      <c r="F3524" s="18"/>
      <c r="G3524" s="18"/>
      <c r="H3524" s="18"/>
      <c r="I3524" s="18"/>
      <c r="J3524" s="18"/>
      <c r="K3524" s="18"/>
      <c r="L3524" s="18"/>
      <c r="M3524" s="18"/>
      <c r="N3524" s="18"/>
      <c r="O3524" s="18"/>
      <c r="P3524" s="20">
        <v>4200</v>
      </c>
      <c r="Q3524" s="20"/>
      <c r="R3524" s="20"/>
      <c r="S3524" s="20"/>
      <c r="T3524" s="20">
        <v>3800</v>
      </c>
      <c r="U3524" s="20"/>
      <c r="V3524" s="20"/>
      <c r="W3524" s="20"/>
      <c r="X3524" s="19">
        <v>1</v>
      </c>
      <c r="Y3524" s="19"/>
      <c r="Z3524" s="19"/>
      <c r="AA3524" s="19"/>
    </row>
    <row r="3525" spans="1:27" s="1" customFormat="1" ht="14.1" customHeight="1" outlineLevel="2" x14ac:dyDescent="0.2">
      <c r="A3525" s="17"/>
      <c r="B3525" s="17"/>
      <c r="C3525" s="17"/>
      <c r="D3525" s="18"/>
      <c r="E3525" s="18"/>
      <c r="F3525" s="18"/>
      <c r="G3525" s="18"/>
      <c r="H3525" s="18"/>
      <c r="I3525" s="18"/>
      <c r="J3525" s="18"/>
      <c r="K3525" s="18"/>
      <c r="L3525" s="18"/>
      <c r="M3525" s="18"/>
      <c r="N3525" s="18"/>
      <c r="O3525" s="18"/>
      <c r="P3525" s="20"/>
      <c r="Q3525" s="20"/>
      <c r="R3525" s="20"/>
      <c r="S3525" s="20"/>
      <c r="T3525" s="20"/>
      <c r="U3525" s="20"/>
      <c r="V3525" s="20"/>
      <c r="W3525" s="20"/>
      <c r="X3525" s="19"/>
      <c r="Y3525" s="19"/>
      <c r="Z3525" s="19"/>
      <c r="AA3525" s="19"/>
    </row>
    <row r="3526" spans="1:27" s="1" customFormat="1" ht="14.1" customHeight="1" outlineLevel="2" x14ac:dyDescent="0.2">
      <c r="A3526" s="17">
        <v>6762</v>
      </c>
      <c r="B3526" s="17"/>
      <c r="C3526" s="17"/>
      <c r="D3526" s="18" t="s">
        <v>1765</v>
      </c>
      <c r="E3526" s="18"/>
      <c r="F3526" s="18"/>
      <c r="G3526" s="18"/>
      <c r="H3526" s="18"/>
      <c r="I3526" s="18"/>
      <c r="J3526" s="18"/>
      <c r="K3526" s="18"/>
      <c r="L3526" s="18"/>
      <c r="M3526" s="18"/>
      <c r="N3526" s="18"/>
      <c r="O3526" s="18"/>
      <c r="P3526" s="20">
        <v>2000</v>
      </c>
      <c r="Q3526" s="20"/>
      <c r="R3526" s="20"/>
      <c r="S3526" s="20"/>
      <c r="T3526" s="20">
        <v>1800</v>
      </c>
      <c r="U3526" s="20"/>
      <c r="V3526" s="20"/>
      <c r="W3526" s="20"/>
      <c r="X3526" s="19">
        <v>4</v>
      </c>
      <c r="Y3526" s="19"/>
      <c r="Z3526" s="19"/>
      <c r="AA3526" s="19"/>
    </row>
    <row r="3527" spans="1:27" s="1" customFormat="1" ht="14.1" customHeight="1" outlineLevel="2" x14ac:dyDescent="0.2">
      <c r="A3527" s="17"/>
      <c r="B3527" s="17"/>
      <c r="C3527" s="17"/>
      <c r="D3527" s="18"/>
      <c r="E3527" s="18"/>
      <c r="F3527" s="18"/>
      <c r="G3527" s="18"/>
      <c r="H3527" s="18"/>
      <c r="I3527" s="18"/>
      <c r="J3527" s="18"/>
      <c r="K3527" s="18"/>
      <c r="L3527" s="18"/>
      <c r="M3527" s="18"/>
      <c r="N3527" s="18"/>
      <c r="O3527" s="18"/>
      <c r="P3527" s="20"/>
      <c r="Q3527" s="20"/>
      <c r="R3527" s="20"/>
      <c r="S3527" s="20"/>
      <c r="T3527" s="20"/>
      <c r="U3527" s="20"/>
      <c r="V3527" s="20"/>
      <c r="W3527" s="20"/>
      <c r="X3527" s="19"/>
      <c r="Y3527" s="19"/>
      <c r="Z3527" s="19"/>
      <c r="AA3527" s="19"/>
    </row>
    <row r="3528" spans="1:27" s="1" customFormat="1" ht="14.1" customHeight="1" outlineLevel="2" x14ac:dyDescent="0.2">
      <c r="A3528" s="17">
        <v>6117</v>
      </c>
      <c r="B3528" s="17"/>
      <c r="C3528" s="17"/>
      <c r="D3528" s="18" t="s">
        <v>1766</v>
      </c>
      <c r="E3528" s="18"/>
      <c r="F3528" s="18"/>
      <c r="G3528" s="18"/>
      <c r="H3528" s="18"/>
      <c r="I3528" s="18"/>
      <c r="J3528" s="18"/>
      <c r="K3528" s="18"/>
      <c r="L3528" s="18"/>
      <c r="M3528" s="18"/>
      <c r="N3528" s="18"/>
      <c r="O3528" s="18"/>
      <c r="P3528" s="20">
        <v>2400</v>
      </c>
      <c r="Q3528" s="20"/>
      <c r="R3528" s="20"/>
      <c r="S3528" s="20"/>
      <c r="T3528" s="20">
        <v>2200</v>
      </c>
      <c r="U3528" s="20"/>
      <c r="V3528" s="20"/>
      <c r="W3528" s="20"/>
      <c r="X3528" s="19">
        <v>5</v>
      </c>
      <c r="Y3528" s="19"/>
      <c r="Z3528" s="19"/>
      <c r="AA3528" s="19"/>
    </row>
    <row r="3529" spans="1:27" s="1" customFormat="1" ht="14.1" customHeight="1" outlineLevel="2" x14ac:dyDescent="0.2">
      <c r="A3529" s="17"/>
      <c r="B3529" s="17"/>
      <c r="C3529" s="17"/>
      <c r="D3529" s="18"/>
      <c r="E3529" s="18"/>
      <c r="F3529" s="18"/>
      <c r="G3529" s="18"/>
      <c r="H3529" s="18"/>
      <c r="I3529" s="18"/>
      <c r="J3529" s="18"/>
      <c r="K3529" s="18"/>
      <c r="L3529" s="18"/>
      <c r="M3529" s="18"/>
      <c r="N3529" s="18"/>
      <c r="O3529" s="18"/>
      <c r="P3529" s="20"/>
      <c r="Q3529" s="20"/>
      <c r="R3529" s="20"/>
      <c r="S3529" s="20"/>
      <c r="T3529" s="20"/>
      <c r="U3529" s="20"/>
      <c r="V3529" s="20"/>
      <c r="W3529" s="20"/>
      <c r="X3529" s="19"/>
      <c r="Y3529" s="19"/>
      <c r="Z3529" s="19"/>
      <c r="AA3529" s="19"/>
    </row>
    <row r="3530" spans="1:27" s="1" customFormat="1" ht="14.1" customHeight="1" outlineLevel="2" x14ac:dyDescent="0.2">
      <c r="A3530" s="17">
        <v>6693</v>
      </c>
      <c r="B3530" s="17"/>
      <c r="C3530" s="17"/>
      <c r="D3530" s="18" t="s">
        <v>1767</v>
      </c>
      <c r="E3530" s="18"/>
      <c r="F3530" s="18"/>
      <c r="G3530" s="18"/>
      <c r="H3530" s="18"/>
      <c r="I3530" s="18"/>
      <c r="J3530" s="18"/>
      <c r="K3530" s="18"/>
      <c r="L3530" s="18"/>
      <c r="M3530" s="18"/>
      <c r="N3530" s="18"/>
      <c r="O3530" s="18"/>
      <c r="P3530" s="19">
        <v>800</v>
      </c>
      <c r="Q3530" s="19"/>
      <c r="R3530" s="19"/>
      <c r="S3530" s="19"/>
      <c r="T3530" s="19">
        <v>720</v>
      </c>
      <c r="U3530" s="19"/>
      <c r="V3530" s="19"/>
      <c r="W3530" s="19"/>
      <c r="X3530" s="19">
        <v>8</v>
      </c>
      <c r="Y3530" s="19"/>
      <c r="Z3530" s="19"/>
      <c r="AA3530" s="19"/>
    </row>
    <row r="3531" spans="1:27" s="1" customFormat="1" ht="14.1" customHeight="1" outlineLevel="2" x14ac:dyDescent="0.2">
      <c r="A3531" s="17"/>
      <c r="B3531" s="17"/>
      <c r="C3531" s="17"/>
      <c r="D3531" s="18"/>
      <c r="E3531" s="18"/>
      <c r="F3531" s="18"/>
      <c r="G3531" s="18"/>
      <c r="H3531" s="18"/>
      <c r="I3531" s="18"/>
      <c r="J3531" s="18"/>
      <c r="K3531" s="18"/>
      <c r="L3531" s="18"/>
      <c r="M3531" s="18"/>
      <c r="N3531" s="18"/>
      <c r="O3531" s="18"/>
      <c r="P3531" s="19"/>
      <c r="Q3531" s="19"/>
      <c r="R3531" s="19"/>
      <c r="S3531" s="19"/>
      <c r="T3531" s="19"/>
      <c r="U3531" s="19"/>
      <c r="V3531" s="19"/>
      <c r="W3531" s="19"/>
      <c r="X3531" s="19"/>
      <c r="Y3531" s="19"/>
      <c r="Z3531" s="19"/>
      <c r="AA3531" s="19"/>
    </row>
    <row r="3532" spans="1:27" s="1" customFormat="1" ht="14.1" customHeight="1" outlineLevel="2" x14ac:dyDescent="0.2">
      <c r="A3532" s="17">
        <v>5888</v>
      </c>
      <c r="B3532" s="17"/>
      <c r="C3532" s="17"/>
      <c r="D3532" s="18" t="s">
        <v>1768</v>
      </c>
      <c r="E3532" s="18"/>
      <c r="F3532" s="18"/>
      <c r="G3532" s="18"/>
      <c r="H3532" s="18"/>
      <c r="I3532" s="18"/>
      <c r="J3532" s="18"/>
      <c r="K3532" s="18"/>
      <c r="L3532" s="18"/>
      <c r="M3532" s="18"/>
      <c r="N3532" s="18"/>
      <c r="O3532" s="18"/>
      <c r="P3532" s="20">
        <v>2400</v>
      </c>
      <c r="Q3532" s="20"/>
      <c r="R3532" s="20"/>
      <c r="S3532" s="20"/>
      <c r="T3532" s="20">
        <v>2200</v>
      </c>
      <c r="U3532" s="20"/>
      <c r="V3532" s="20"/>
      <c r="W3532" s="20"/>
      <c r="X3532" s="19">
        <v>4</v>
      </c>
      <c r="Y3532" s="19"/>
      <c r="Z3532" s="19"/>
      <c r="AA3532" s="19"/>
    </row>
    <row r="3533" spans="1:27" s="1" customFormat="1" ht="14.1" customHeight="1" outlineLevel="2" x14ac:dyDescent="0.2">
      <c r="A3533" s="17"/>
      <c r="B3533" s="17"/>
      <c r="C3533" s="17"/>
      <c r="D3533" s="18"/>
      <c r="E3533" s="18"/>
      <c r="F3533" s="18"/>
      <c r="G3533" s="18"/>
      <c r="H3533" s="18"/>
      <c r="I3533" s="18"/>
      <c r="J3533" s="18"/>
      <c r="K3533" s="18"/>
      <c r="L3533" s="18"/>
      <c r="M3533" s="18"/>
      <c r="N3533" s="18"/>
      <c r="O3533" s="18"/>
      <c r="P3533" s="20"/>
      <c r="Q3533" s="20"/>
      <c r="R3533" s="20"/>
      <c r="S3533" s="20"/>
      <c r="T3533" s="20"/>
      <c r="U3533" s="20"/>
      <c r="V3533" s="20"/>
      <c r="W3533" s="20"/>
      <c r="X3533" s="19"/>
      <c r="Y3533" s="19"/>
      <c r="Z3533" s="19"/>
      <c r="AA3533" s="19"/>
    </row>
    <row r="3534" spans="1:27" s="1" customFormat="1" ht="14.1" customHeight="1" outlineLevel="2" x14ac:dyDescent="0.2">
      <c r="A3534" s="17">
        <v>6694</v>
      </c>
      <c r="B3534" s="17"/>
      <c r="C3534" s="17"/>
      <c r="D3534" s="18" t="s">
        <v>1769</v>
      </c>
      <c r="E3534" s="18"/>
      <c r="F3534" s="18"/>
      <c r="G3534" s="18"/>
      <c r="H3534" s="18"/>
      <c r="I3534" s="18"/>
      <c r="J3534" s="18"/>
      <c r="K3534" s="18"/>
      <c r="L3534" s="18"/>
      <c r="M3534" s="18"/>
      <c r="N3534" s="18"/>
      <c r="O3534" s="18"/>
      <c r="P3534" s="19">
        <v>800</v>
      </c>
      <c r="Q3534" s="19"/>
      <c r="R3534" s="19"/>
      <c r="S3534" s="19"/>
      <c r="T3534" s="19">
        <v>720</v>
      </c>
      <c r="U3534" s="19"/>
      <c r="V3534" s="19"/>
      <c r="W3534" s="19"/>
      <c r="X3534" s="19">
        <v>9</v>
      </c>
      <c r="Y3534" s="19"/>
      <c r="Z3534" s="19"/>
      <c r="AA3534" s="19"/>
    </row>
    <row r="3535" spans="1:27" s="1" customFormat="1" ht="14.1" customHeight="1" outlineLevel="2" x14ac:dyDescent="0.2">
      <c r="A3535" s="17"/>
      <c r="B3535" s="17"/>
      <c r="C3535" s="17"/>
      <c r="D3535" s="18"/>
      <c r="E3535" s="18"/>
      <c r="F3535" s="18"/>
      <c r="G3535" s="18"/>
      <c r="H3535" s="18"/>
      <c r="I3535" s="18"/>
      <c r="J3535" s="18"/>
      <c r="K3535" s="18"/>
      <c r="L3535" s="18"/>
      <c r="M3535" s="18"/>
      <c r="N3535" s="18"/>
      <c r="O3535" s="18"/>
      <c r="P3535" s="19"/>
      <c r="Q3535" s="19"/>
      <c r="R3535" s="19"/>
      <c r="S3535" s="19"/>
      <c r="T3535" s="19"/>
      <c r="U3535" s="19"/>
      <c r="V3535" s="19"/>
      <c r="W3535" s="19"/>
      <c r="X3535" s="19"/>
      <c r="Y3535" s="19"/>
      <c r="Z3535" s="19"/>
      <c r="AA3535" s="19"/>
    </row>
    <row r="3536" spans="1:27" s="1" customFormat="1" ht="14.1" customHeight="1" outlineLevel="2" x14ac:dyDescent="0.2">
      <c r="A3536" s="17">
        <v>5889</v>
      </c>
      <c r="B3536" s="17"/>
      <c r="C3536" s="17"/>
      <c r="D3536" s="18" t="s">
        <v>1770</v>
      </c>
      <c r="E3536" s="18"/>
      <c r="F3536" s="18"/>
      <c r="G3536" s="18"/>
      <c r="H3536" s="18"/>
      <c r="I3536" s="18"/>
      <c r="J3536" s="18"/>
      <c r="K3536" s="18"/>
      <c r="L3536" s="18"/>
      <c r="M3536" s="18"/>
      <c r="N3536" s="18"/>
      <c r="O3536" s="18"/>
      <c r="P3536" s="20">
        <v>2800</v>
      </c>
      <c r="Q3536" s="20"/>
      <c r="R3536" s="20"/>
      <c r="S3536" s="20"/>
      <c r="T3536" s="20">
        <v>2600</v>
      </c>
      <c r="U3536" s="20"/>
      <c r="V3536" s="20"/>
      <c r="W3536" s="20"/>
      <c r="X3536" s="19">
        <v>1</v>
      </c>
      <c r="Y3536" s="19"/>
      <c r="Z3536" s="19"/>
      <c r="AA3536" s="19"/>
    </row>
    <row r="3537" spans="1:27" s="1" customFormat="1" ht="14.1" customHeight="1" outlineLevel="2" x14ac:dyDescent="0.2">
      <c r="A3537" s="17"/>
      <c r="B3537" s="17"/>
      <c r="C3537" s="17"/>
      <c r="D3537" s="18"/>
      <c r="E3537" s="18"/>
      <c r="F3537" s="18"/>
      <c r="G3537" s="18"/>
      <c r="H3537" s="18"/>
      <c r="I3537" s="18"/>
      <c r="J3537" s="18"/>
      <c r="K3537" s="18"/>
      <c r="L3537" s="18"/>
      <c r="M3537" s="18"/>
      <c r="N3537" s="18"/>
      <c r="O3537" s="18"/>
      <c r="P3537" s="20"/>
      <c r="Q3537" s="20"/>
      <c r="R3537" s="20"/>
      <c r="S3537" s="20"/>
      <c r="T3537" s="20"/>
      <c r="U3537" s="20"/>
      <c r="V3537" s="20"/>
      <c r="W3537" s="20"/>
      <c r="X3537" s="19"/>
      <c r="Y3537" s="19"/>
      <c r="Z3537" s="19"/>
      <c r="AA3537" s="19"/>
    </row>
    <row r="3538" spans="1:27" s="1" customFormat="1" ht="14.1" customHeight="1" outlineLevel="2" x14ac:dyDescent="0.2">
      <c r="A3538" s="17">
        <v>7168</v>
      </c>
      <c r="B3538" s="17"/>
      <c r="C3538" s="17"/>
      <c r="D3538" s="18" t="s">
        <v>1771</v>
      </c>
      <c r="E3538" s="18"/>
      <c r="F3538" s="18"/>
      <c r="G3538" s="18"/>
      <c r="H3538" s="18"/>
      <c r="I3538" s="18"/>
      <c r="J3538" s="18"/>
      <c r="K3538" s="18"/>
      <c r="L3538" s="18"/>
      <c r="M3538" s="18"/>
      <c r="N3538" s="18"/>
      <c r="O3538" s="18"/>
      <c r="P3538" s="20">
        <v>2200</v>
      </c>
      <c r="Q3538" s="20"/>
      <c r="R3538" s="20"/>
      <c r="S3538" s="20"/>
      <c r="T3538" s="20">
        <v>2000</v>
      </c>
      <c r="U3538" s="20"/>
      <c r="V3538" s="20"/>
      <c r="W3538" s="20"/>
      <c r="X3538" s="19">
        <v>2</v>
      </c>
      <c r="Y3538" s="19"/>
      <c r="Z3538" s="19"/>
      <c r="AA3538" s="19"/>
    </row>
    <row r="3539" spans="1:27" s="1" customFormat="1" ht="14.1" customHeight="1" outlineLevel="2" x14ac:dyDescent="0.2">
      <c r="A3539" s="17"/>
      <c r="B3539" s="17"/>
      <c r="C3539" s="17"/>
      <c r="D3539" s="18"/>
      <c r="E3539" s="18"/>
      <c r="F3539" s="18"/>
      <c r="G3539" s="18"/>
      <c r="H3539" s="18"/>
      <c r="I3539" s="18"/>
      <c r="J3539" s="18"/>
      <c r="K3539" s="18"/>
      <c r="L3539" s="18"/>
      <c r="M3539" s="18"/>
      <c r="N3539" s="18"/>
      <c r="O3539" s="18"/>
      <c r="P3539" s="20"/>
      <c r="Q3539" s="20"/>
      <c r="R3539" s="20"/>
      <c r="S3539" s="20"/>
      <c r="T3539" s="20"/>
      <c r="U3539" s="20"/>
      <c r="V3539" s="20"/>
      <c r="W3539" s="20"/>
      <c r="X3539" s="19"/>
      <c r="Y3539" s="19"/>
      <c r="Z3539" s="19"/>
      <c r="AA3539" s="19"/>
    </row>
    <row r="3540" spans="1:27" s="1" customFormat="1" ht="14.1" customHeight="1" outlineLevel="2" x14ac:dyDescent="0.2">
      <c r="A3540" s="17">
        <v>11005</v>
      </c>
      <c r="B3540" s="17"/>
      <c r="C3540" s="17"/>
      <c r="D3540" s="18" t="s">
        <v>1772</v>
      </c>
      <c r="E3540" s="18"/>
      <c r="F3540" s="18"/>
      <c r="G3540" s="18"/>
      <c r="H3540" s="18"/>
      <c r="I3540" s="18"/>
      <c r="J3540" s="18"/>
      <c r="K3540" s="18"/>
      <c r="L3540" s="18"/>
      <c r="M3540" s="18"/>
      <c r="N3540" s="18"/>
      <c r="O3540" s="18"/>
      <c r="P3540" s="20">
        <v>3500</v>
      </c>
      <c r="Q3540" s="20"/>
      <c r="R3540" s="20"/>
      <c r="S3540" s="20"/>
      <c r="T3540" s="20">
        <v>2990</v>
      </c>
      <c r="U3540" s="20"/>
      <c r="V3540" s="20"/>
      <c r="W3540" s="20"/>
      <c r="X3540" s="19">
        <v>10</v>
      </c>
      <c r="Y3540" s="19"/>
      <c r="Z3540" s="19"/>
      <c r="AA3540" s="19"/>
    </row>
    <row r="3541" spans="1:27" s="1" customFormat="1" ht="14.1" customHeight="1" outlineLevel="2" x14ac:dyDescent="0.2">
      <c r="A3541" s="17"/>
      <c r="B3541" s="17"/>
      <c r="C3541" s="17"/>
      <c r="D3541" s="18"/>
      <c r="E3541" s="18"/>
      <c r="F3541" s="18"/>
      <c r="G3541" s="18"/>
      <c r="H3541" s="18"/>
      <c r="I3541" s="18"/>
      <c r="J3541" s="18"/>
      <c r="K3541" s="18"/>
      <c r="L3541" s="18"/>
      <c r="M3541" s="18"/>
      <c r="N3541" s="18"/>
      <c r="O3541" s="18"/>
      <c r="P3541" s="20"/>
      <c r="Q3541" s="20"/>
      <c r="R3541" s="20"/>
      <c r="S3541" s="20"/>
      <c r="T3541" s="20"/>
      <c r="U3541" s="20"/>
      <c r="V3541" s="20"/>
      <c r="W3541" s="20"/>
      <c r="X3541" s="19"/>
      <c r="Y3541" s="19"/>
      <c r="Z3541" s="19"/>
      <c r="AA3541" s="19"/>
    </row>
    <row r="3542" spans="1:27" s="1" customFormat="1" ht="14.1" customHeight="1" outlineLevel="2" x14ac:dyDescent="0.2">
      <c r="A3542" s="17">
        <v>10384</v>
      </c>
      <c r="B3542" s="17"/>
      <c r="C3542" s="17"/>
      <c r="D3542" s="18" t="s">
        <v>1773</v>
      </c>
      <c r="E3542" s="18"/>
      <c r="F3542" s="18"/>
      <c r="G3542" s="18"/>
      <c r="H3542" s="18"/>
      <c r="I3542" s="18"/>
      <c r="J3542" s="18"/>
      <c r="K3542" s="18"/>
      <c r="L3542" s="18"/>
      <c r="M3542" s="18"/>
      <c r="N3542" s="18"/>
      <c r="O3542" s="18"/>
      <c r="P3542" s="20">
        <v>3100</v>
      </c>
      <c r="Q3542" s="20"/>
      <c r="R3542" s="20"/>
      <c r="S3542" s="20"/>
      <c r="T3542" s="20">
        <v>2900</v>
      </c>
      <c r="U3542" s="20"/>
      <c r="V3542" s="20"/>
      <c r="W3542" s="20"/>
      <c r="X3542" s="19">
        <v>2</v>
      </c>
      <c r="Y3542" s="19"/>
      <c r="Z3542" s="19"/>
      <c r="AA3542" s="19"/>
    </row>
    <row r="3543" spans="1:27" s="1" customFormat="1" ht="14.1" customHeight="1" outlineLevel="2" x14ac:dyDescent="0.2">
      <c r="A3543" s="17"/>
      <c r="B3543" s="17"/>
      <c r="C3543" s="17"/>
      <c r="D3543" s="18"/>
      <c r="E3543" s="18"/>
      <c r="F3543" s="18"/>
      <c r="G3543" s="18"/>
      <c r="H3543" s="18"/>
      <c r="I3543" s="18"/>
      <c r="J3543" s="18"/>
      <c r="K3543" s="18"/>
      <c r="L3543" s="18"/>
      <c r="M3543" s="18"/>
      <c r="N3543" s="18"/>
      <c r="O3543" s="18"/>
      <c r="P3543" s="20"/>
      <c r="Q3543" s="20"/>
      <c r="R3543" s="20"/>
      <c r="S3543" s="20"/>
      <c r="T3543" s="20"/>
      <c r="U3543" s="20"/>
      <c r="V3543" s="20"/>
      <c r="W3543" s="20"/>
      <c r="X3543" s="19"/>
      <c r="Y3543" s="19"/>
      <c r="Z3543" s="19"/>
      <c r="AA3543" s="19"/>
    </row>
    <row r="3544" spans="1:27" s="1" customFormat="1" ht="14.1" customHeight="1" outlineLevel="2" x14ac:dyDescent="0.2">
      <c r="A3544" s="17">
        <v>13522</v>
      </c>
      <c r="B3544" s="17"/>
      <c r="C3544" s="17"/>
      <c r="D3544" s="18" t="s">
        <v>1774</v>
      </c>
      <c r="E3544" s="18"/>
      <c r="F3544" s="18"/>
      <c r="G3544" s="18"/>
      <c r="H3544" s="18"/>
      <c r="I3544" s="18"/>
      <c r="J3544" s="18"/>
      <c r="K3544" s="18"/>
      <c r="L3544" s="18"/>
      <c r="M3544" s="18"/>
      <c r="N3544" s="18"/>
      <c r="O3544" s="18"/>
      <c r="P3544" s="20">
        <v>3900</v>
      </c>
      <c r="Q3544" s="20"/>
      <c r="R3544" s="20"/>
      <c r="S3544" s="20"/>
      <c r="T3544" s="20">
        <v>3600</v>
      </c>
      <c r="U3544" s="20"/>
      <c r="V3544" s="20"/>
      <c r="W3544" s="20"/>
      <c r="X3544" s="19">
        <v>5</v>
      </c>
      <c r="Y3544" s="19"/>
      <c r="Z3544" s="19"/>
      <c r="AA3544" s="19"/>
    </row>
    <row r="3545" spans="1:27" s="1" customFormat="1" ht="14.1" customHeight="1" outlineLevel="2" x14ac:dyDescent="0.2">
      <c r="A3545" s="17"/>
      <c r="B3545" s="17"/>
      <c r="C3545" s="17"/>
      <c r="D3545" s="18"/>
      <c r="E3545" s="18"/>
      <c r="F3545" s="18"/>
      <c r="G3545" s="18"/>
      <c r="H3545" s="18"/>
      <c r="I3545" s="18"/>
      <c r="J3545" s="18"/>
      <c r="K3545" s="18"/>
      <c r="L3545" s="18"/>
      <c r="M3545" s="18"/>
      <c r="N3545" s="18"/>
      <c r="O3545" s="18"/>
      <c r="P3545" s="20"/>
      <c r="Q3545" s="20"/>
      <c r="R3545" s="20"/>
      <c r="S3545" s="20"/>
      <c r="T3545" s="20"/>
      <c r="U3545" s="20"/>
      <c r="V3545" s="20"/>
      <c r="W3545" s="20"/>
      <c r="X3545" s="19"/>
      <c r="Y3545" s="19"/>
      <c r="Z3545" s="19"/>
      <c r="AA3545" s="19"/>
    </row>
    <row r="3546" spans="1:27" s="1" customFormat="1" ht="14.1" customHeight="1" outlineLevel="2" x14ac:dyDescent="0.2">
      <c r="A3546" s="17">
        <v>1277</v>
      </c>
      <c r="B3546" s="17"/>
      <c r="C3546" s="17"/>
      <c r="D3546" s="18" t="s">
        <v>1775</v>
      </c>
      <c r="E3546" s="18"/>
      <c r="F3546" s="18"/>
      <c r="G3546" s="18"/>
      <c r="H3546" s="18"/>
      <c r="I3546" s="18"/>
      <c r="J3546" s="18"/>
      <c r="K3546" s="18"/>
      <c r="L3546" s="18"/>
      <c r="M3546" s="18"/>
      <c r="N3546" s="18"/>
      <c r="O3546" s="18"/>
      <c r="P3546" s="19">
        <v>800</v>
      </c>
      <c r="Q3546" s="19"/>
      <c r="R3546" s="19"/>
      <c r="S3546" s="19"/>
      <c r="T3546" s="19">
        <v>750</v>
      </c>
      <c r="U3546" s="19"/>
      <c r="V3546" s="19"/>
      <c r="W3546" s="19"/>
      <c r="X3546" s="19">
        <v>2</v>
      </c>
      <c r="Y3546" s="19"/>
      <c r="Z3546" s="19"/>
      <c r="AA3546" s="19"/>
    </row>
    <row r="3547" spans="1:27" s="1" customFormat="1" ht="14.1" customHeight="1" outlineLevel="2" x14ac:dyDescent="0.2">
      <c r="A3547" s="17"/>
      <c r="B3547" s="17"/>
      <c r="C3547" s="17"/>
      <c r="D3547" s="18"/>
      <c r="E3547" s="18"/>
      <c r="F3547" s="18"/>
      <c r="G3547" s="18"/>
      <c r="H3547" s="18"/>
      <c r="I3547" s="18"/>
      <c r="J3547" s="18"/>
      <c r="K3547" s="18"/>
      <c r="L3547" s="18"/>
      <c r="M3547" s="18"/>
      <c r="N3547" s="18"/>
      <c r="O3547" s="18"/>
      <c r="P3547" s="19"/>
      <c r="Q3547" s="19"/>
      <c r="R3547" s="19"/>
      <c r="S3547" s="19"/>
      <c r="T3547" s="19"/>
      <c r="U3547" s="19"/>
      <c r="V3547" s="19"/>
      <c r="W3547" s="19"/>
      <c r="X3547" s="19"/>
      <c r="Y3547" s="19"/>
      <c r="Z3547" s="19"/>
      <c r="AA3547" s="19"/>
    </row>
    <row r="3548" spans="1:27" s="1" customFormat="1" ht="14.1" customHeight="1" outlineLevel="2" x14ac:dyDescent="0.2">
      <c r="A3548" s="17">
        <v>6133</v>
      </c>
      <c r="B3548" s="17"/>
      <c r="C3548" s="17"/>
      <c r="D3548" s="18" t="s">
        <v>1776</v>
      </c>
      <c r="E3548" s="18"/>
      <c r="F3548" s="18"/>
      <c r="G3548" s="18"/>
      <c r="H3548" s="18"/>
      <c r="I3548" s="18"/>
      <c r="J3548" s="18"/>
      <c r="K3548" s="18"/>
      <c r="L3548" s="18"/>
      <c r="M3548" s="18"/>
      <c r="N3548" s="18"/>
      <c r="O3548" s="18"/>
      <c r="P3548" s="19">
        <v>900</v>
      </c>
      <c r="Q3548" s="19"/>
      <c r="R3548" s="19"/>
      <c r="S3548" s="19"/>
      <c r="T3548" s="19">
        <v>800</v>
      </c>
      <c r="U3548" s="19"/>
      <c r="V3548" s="19"/>
      <c r="W3548" s="19"/>
      <c r="X3548" s="19">
        <v>3</v>
      </c>
      <c r="Y3548" s="19"/>
      <c r="Z3548" s="19"/>
      <c r="AA3548" s="19"/>
    </row>
    <row r="3549" spans="1:27" s="1" customFormat="1" ht="14.1" customHeight="1" outlineLevel="2" x14ac:dyDescent="0.2">
      <c r="A3549" s="17"/>
      <c r="B3549" s="17"/>
      <c r="C3549" s="17"/>
      <c r="D3549" s="18"/>
      <c r="E3549" s="18"/>
      <c r="F3549" s="18"/>
      <c r="G3549" s="18"/>
      <c r="H3549" s="18"/>
      <c r="I3549" s="18"/>
      <c r="J3549" s="18"/>
      <c r="K3549" s="18"/>
      <c r="L3549" s="18"/>
      <c r="M3549" s="18"/>
      <c r="N3549" s="18"/>
      <c r="O3549" s="18"/>
      <c r="P3549" s="19"/>
      <c r="Q3549" s="19"/>
      <c r="R3549" s="19"/>
      <c r="S3549" s="19"/>
      <c r="T3549" s="19"/>
      <c r="U3549" s="19"/>
      <c r="V3549" s="19"/>
      <c r="W3549" s="19"/>
      <c r="X3549" s="19"/>
      <c r="Y3549" s="19"/>
      <c r="Z3549" s="19"/>
      <c r="AA3549" s="19"/>
    </row>
    <row r="3550" spans="1:27" s="1" customFormat="1" ht="14.1" customHeight="1" outlineLevel="2" x14ac:dyDescent="0.2">
      <c r="A3550" s="17">
        <v>9220</v>
      </c>
      <c r="B3550" s="17"/>
      <c r="C3550" s="17"/>
      <c r="D3550" s="18" t="s">
        <v>1777</v>
      </c>
      <c r="E3550" s="18"/>
      <c r="F3550" s="18"/>
      <c r="G3550" s="18"/>
      <c r="H3550" s="18"/>
      <c r="I3550" s="18"/>
      <c r="J3550" s="18"/>
      <c r="K3550" s="18"/>
      <c r="L3550" s="18"/>
      <c r="M3550" s="18"/>
      <c r="N3550" s="18"/>
      <c r="O3550" s="18"/>
      <c r="P3550" s="20">
        <v>1600</v>
      </c>
      <c r="Q3550" s="20"/>
      <c r="R3550" s="20"/>
      <c r="S3550" s="20"/>
      <c r="T3550" s="20">
        <v>1500</v>
      </c>
      <c r="U3550" s="20"/>
      <c r="V3550" s="20"/>
      <c r="W3550" s="20"/>
      <c r="X3550" s="19">
        <v>2</v>
      </c>
      <c r="Y3550" s="19"/>
      <c r="Z3550" s="19"/>
      <c r="AA3550" s="19"/>
    </row>
    <row r="3551" spans="1:27" s="1" customFormat="1" ht="14.1" customHeight="1" outlineLevel="2" x14ac:dyDescent="0.2">
      <c r="A3551" s="17"/>
      <c r="B3551" s="17"/>
      <c r="C3551" s="17"/>
      <c r="D3551" s="18"/>
      <c r="E3551" s="18"/>
      <c r="F3551" s="18"/>
      <c r="G3551" s="18"/>
      <c r="H3551" s="18"/>
      <c r="I3551" s="18"/>
      <c r="J3551" s="18"/>
      <c r="K3551" s="18"/>
      <c r="L3551" s="18"/>
      <c r="M3551" s="18"/>
      <c r="N3551" s="18"/>
      <c r="O3551" s="18"/>
      <c r="P3551" s="20"/>
      <c r="Q3551" s="20"/>
      <c r="R3551" s="20"/>
      <c r="S3551" s="20"/>
      <c r="T3551" s="20"/>
      <c r="U3551" s="20"/>
      <c r="V3551" s="20"/>
      <c r="W3551" s="20"/>
      <c r="X3551" s="19"/>
      <c r="Y3551" s="19"/>
      <c r="Z3551" s="19"/>
      <c r="AA3551" s="19"/>
    </row>
    <row r="3552" spans="1:27" s="1" customFormat="1" ht="14.1" customHeight="1" outlineLevel="2" x14ac:dyDescent="0.2">
      <c r="A3552" s="17">
        <v>11393</v>
      </c>
      <c r="B3552" s="17"/>
      <c r="C3552" s="17"/>
      <c r="D3552" s="18" t="s">
        <v>1778</v>
      </c>
      <c r="E3552" s="18"/>
      <c r="F3552" s="18"/>
      <c r="G3552" s="18"/>
      <c r="H3552" s="18"/>
      <c r="I3552" s="18"/>
      <c r="J3552" s="18"/>
      <c r="K3552" s="18"/>
      <c r="L3552" s="18"/>
      <c r="M3552" s="18"/>
      <c r="N3552" s="18"/>
      <c r="O3552" s="18"/>
      <c r="P3552" s="20">
        <v>2300</v>
      </c>
      <c r="Q3552" s="20"/>
      <c r="R3552" s="20"/>
      <c r="S3552" s="20"/>
      <c r="T3552" s="20">
        <v>2100</v>
      </c>
      <c r="U3552" s="20"/>
      <c r="V3552" s="20"/>
      <c r="W3552" s="20"/>
      <c r="X3552" s="19">
        <v>1</v>
      </c>
      <c r="Y3552" s="19"/>
      <c r="Z3552" s="19"/>
      <c r="AA3552" s="19"/>
    </row>
    <row r="3553" spans="1:27" s="1" customFormat="1" ht="14.1" customHeight="1" outlineLevel="2" x14ac:dyDescent="0.2">
      <c r="A3553" s="17"/>
      <c r="B3553" s="17"/>
      <c r="C3553" s="17"/>
      <c r="D3553" s="18"/>
      <c r="E3553" s="18"/>
      <c r="F3553" s="18"/>
      <c r="G3553" s="18"/>
      <c r="H3553" s="18"/>
      <c r="I3553" s="18"/>
      <c r="J3553" s="18"/>
      <c r="K3553" s="18"/>
      <c r="L3553" s="18"/>
      <c r="M3553" s="18"/>
      <c r="N3553" s="18"/>
      <c r="O3553" s="18"/>
      <c r="P3553" s="20"/>
      <c r="Q3553" s="20"/>
      <c r="R3553" s="20"/>
      <c r="S3553" s="20"/>
      <c r="T3553" s="20"/>
      <c r="U3553" s="20"/>
      <c r="V3553" s="20"/>
      <c r="W3553" s="20"/>
      <c r="X3553" s="19"/>
      <c r="Y3553" s="19"/>
      <c r="Z3553" s="19"/>
      <c r="AA3553" s="19"/>
    </row>
    <row r="3554" spans="1:27" s="1" customFormat="1" ht="21" customHeight="1" outlineLevel="2" x14ac:dyDescent="0.2">
      <c r="A3554" s="17">
        <v>10187</v>
      </c>
      <c r="B3554" s="17"/>
      <c r="C3554" s="17"/>
      <c r="D3554" s="18" t="s">
        <v>1779</v>
      </c>
      <c r="E3554" s="18"/>
      <c r="F3554" s="18"/>
      <c r="G3554" s="18"/>
      <c r="H3554" s="18"/>
      <c r="I3554" s="18"/>
      <c r="J3554" s="18"/>
      <c r="K3554" s="18"/>
      <c r="L3554" s="18"/>
      <c r="M3554" s="18"/>
      <c r="N3554" s="18"/>
      <c r="O3554" s="18"/>
      <c r="P3554" s="20">
        <v>1950</v>
      </c>
      <c r="Q3554" s="20"/>
      <c r="R3554" s="20"/>
      <c r="S3554" s="20"/>
      <c r="T3554" s="20">
        <v>1800</v>
      </c>
      <c r="U3554" s="20"/>
      <c r="V3554" s="20"/>
      <c r="W3554" s="20"/>
      <c r="X3554" s="19">
        <v>1</v>
      </c>
      <c r="Y3554" s="19"/>
      <c r="Z3554" s="19"/>
      <c r="AA3554" s="19"/>
    </row>
    <row r="3555" spans="1:27" s="1" customFormat="1" ht="21" customHeight="1" outlineLevel="2" x14ac:dyDescent="0.2">
      <c r="A3555" s="17"/>
      <c r="B3555" s="17"/>
      <c r="C3555" s="17"/>
      <c r="D3555" s="18"/>
      <c r="E3555" s="18"/>
      <c r="F3555" s="18"/>
      <c r="G3555" s="18"/>
      <c r="H3555" s="18"/>
      <c r="I3555" s="18"/>
      <c r="J3555" s="18"/>
      <c r="K3555" s="18"/>
      <c r="L3555" s="18"/>
      <c r="M3555" s="18"/>
      <c r="N3555" s="18"/>
      <c r="O3555" s="18"/>
      <c r="P3555" s="20"/>
      <c r="Q3555" s="20"/>
      <c r="R3555" s="20"/>
      <c r="S3555" s="20"/>
      <c r="T3555" s="20"/>
      <c r="U3555" s="20"/>
      <c r="V3555" s="20"/>
      <c r="W3555" s="20"/>
      <c r="X3555" s="19"/>
      <c r="Y3555" s="19"/>
      <c r="Z3555" s="19"/>
      <c r="AA3555" s="19"/>
    </row>
    <row r="3556" spans="1:27" s="1" customFormat="1" ht="14.1" customHeight="1" outlineLevel="2" x14ac:dyDescent="0.2">
      <c r="A3556" s="17">
        <v>14335</v>
      </c>
      <c r="B3556" s="17"/>
      <c r="C3556" s="17"/>
      <c r="D3556" s="18" t="s">
        <v>1780</v>
      </c>
      <c r="E3556" s="18"/>
      <c r="F3556" s="18"/>
      <c r="G3556" s="18"/>
      <c r="H3556" s="18"/>
      <c r="I3556" s="18"/>
      <c r="J3556" s="18"/>
      <c r="K3556" s="18"/>
      <c r="L3556" s="18"/>
      <c r="M3556" s="18"/>
      <c r="N3556" s="18"/>
      <c r="O3556" s="18"/>
      <c r="P3556" s="20">
        <v>1190</v>
      </c>
      <c r="Q3556" s="20"/>
      <c r="R3556" s="20"/>
      <c r="S3556" s="20"/>
      <c r="T3556" s="20">
        <v>1100</v>
      </c>
      <c r="U3556" s="20"/>
      <c r="V3556" s="20"/>
      <c r="W3556" s="20"/>
      <c r="X3556" s="19">
        <v>3</v>
      </c>
      <c r="Y3556" s="19"/>
      <c r="Z3556" s="19"/>
      <c r="AA3556" s="19"/>
    </row>
    <row r="3557" spans="1:27" s="1" customFormat="1" ht="14.1" customHeight="1" outlineLevel="2" x14ac:dyDescent="0.2">
      <c r="A3557" s="17"/>
      <c r="B3557" s="17"/>
      <c r="C3557" s="17"/>
      <c r="D3557" s="18"/>
      <c r="E3557" s="18"/>
      <c r="F3557" s="18"/>
      <c r="G3557" s="18"/>
      <c r="H3557" s="18"/>
      <c r="I3557" s="18"/>
      <c r="J3557" s="18"/>
      <c r="K3557" s="18"/>
      <c r="L3557" s="18"/>
      <c r="M3557" s="18"/>
      <c r="N3557" s="18"/>
      <c r="O3557" s="18"/>
      <c r="P3557" s="20"/>
      <c r="Q3557" s="20"/>
      <c r="R3557" s="20"/>
      <c r="S3557" s="20"/>
      <c r="T3557" s="20"/>
      <c r="U3557" s="20"/>
      <c r="V3557" s="20"/>
      <c r="W3557" s="20"/>
      <c r="X3557" s="19"/>
      <c r="Y3557" s="19"/>
      <c r="Z3557" s="19"/>
      <c r="AA3557" s="19"/>
    </row>
    <row r="3558" spans="1:27" s="1" customFormat="1" ht="14.1" customHeight="1" outlineLevel="2" x14ac:dyDescent="0.2">
      <c r="A3558" s="17">
        <v>13421</v>
      </c>
      <c r="B3558" s="17"/>
      <c r="C3558" s="17"/>
      <c r="D3558" s="18" t="s">
        <v>1781</v>
      </c>
      <c r="E3558" s="18"/>
      <c r="F3558" s="18"/>
      <c r="G3558" s="18"/>
      <c r="H3558" s="18"/>
      <c r="I3558" s="18"/>
      <c r="J3558" s="18"/>
      <c r="K3558" s="18"/>
      <c r="L3558" s="18"/>
      <c r="M3558" s="18"/>
      <c r="N3558" s="18"/>
      <c r="O3558" s="18"/>
      <c r="P3558" s="20">
        <v>2650</v>
      </c>
      <c r="Q3558" s="20"/>
      <c r="R3558" s="20"/>
      <c r="S3558" s="20"/>
      <c r="T3558" s="20">
        <v>2450</v>
      </c>
      <c r="U3558" s="20"/>
      <c r="V3558" s="20"/>
      <c r="W3558" s="20"/>
      <c r="X3558" s="19">
        <v>3</v>
      </c>
      <c r="Y3558" s="19"/>
      <c r="Z3558" s="19"/>
      <c r="AA3558" s="19"/>
    </row>
    <row r="3559" spans="1:27" s="1" customFormat="1" ht="14.1" customHeight="1" outlineLevel="2" x14ac:dyDescent="0.2">
      <c r="A3559" s="17"/>
      <c r="B3559" s="17"/>
      <c r="C3559" s="17"/>
      <c r="D3559" s="18"/>
      <c r="E3559" s="18"/>
      <c r="F3559" s="18"/>
      <c r="G3559" s="18"/>
      <c r="H3559" s="18"/>
      <c r="I3559" s="18"/>
      <c r="J3559" s="18"/>
      <c r="K3559" s="18"/>
      <c r="L3559" s="18"/>
      <c r="M3559" s="18"/>
      <c r="N3559" s="18"/>
      <c r="O3559" s="18"/>
      <c r="P3559" s="20"/>
      <c r="Q3559" s="20"/>
      <c r="R3559" s="20"/>
      <c r="S3559" s="20"/>
      <c r="T3559" s="20"/>
      <c r="U3559" s="20"/>
      <c r="V3559" s="20"/>
      <c r="W3559" s="20"/>
      <c r="X3559" s="19"/>
      <c r="Y3559" s="19"/>
      <c r="Z3559" s="19"/>
      <c r="AA3559" s="19"/>
    </row>
    <row r="3560" spans="1:27" s="1" customFormat="1" ht="14.1" customHeight="1" outlineLevel="2" x14ac:dyDescent="0.2">
      <c r="A3560" s="17">
        <v>16358</v>
      </c>
      <c r="B3560" s="17"/>
      <c r="C3560" s="17"/>
      <c r="D3560" s="18" t="s">
        <v>1782</v>
      </c>
      <c r="E3560" s="18"/>
      <c r="F3560" s="18"/>
      <c r="G3560" s="18"/>
      <c r="H3560" s="18"/>
      <c r="I3560" s="18"/>
      <c r="J3560" s="18"/>
      <c r="K3560" s="18"/>
      <c r="L3560" s="18"/>
      <c r="M3560" s="18"/>
      <c r="N3560" s="18"/>
      <c r="O3560" s="18"/>
      <c r="P3560" s="20">
        <v>1800</v>
      </c>
      <c r="Q3560" s="20"/>
      <c r="R3560" s="20"/>
      <c r="S3560" s="20"/>
      <c r="T3560" s="20">
        <v>1600</v>
      </c>
      <c r="U3560" s="20"/>
      <c r="V3560" s="20"/>
      <c r="W3560" s="20"/>
      <c r="X3560" s="19">
        <v>8</v>
      </c>
      <c r="Y3560" s="19"/>
      <c r="Z3560" s="19"/>
      <c r="AA3560" s="19"/>
    </row>
    <row r="3561" spans="1:27" s="1" customFormat="1" ht="14.1" customHeight="1" outlineLevel="2" x14ac:dyDescent="0.2">
      <c r="A3561" s="17"/>
      <c r="B3561" s="17"/>
      <c r="C3561" s="17"/>
      <c r="D3561" s="18"/>
      <c r="E3561" s="18"/>
      <c r="F3561" s="18"/>
      <c r="G3561" s="18"/>
      <c r="H3561" s="18"/>
      <c r="I3561" s="18"/>
      <c r="J3561" s="18"/>
      <c r="K3561" s="18"/>
      <c r="L3561" s="18"/>
      <c r="M3561" s="18"/>
      <c r="N3561" s="18"/>
      <c r="O3561" s="18"/>
      <c r="P3561" s="20"/>
      <c r="Q3561" s="20"/>
      <c r="R3561" s="20"/>
      <c r="S3561" s="20"/>
      <c r="T3561" s="20"/>
      <c r="U3561" s="20"/>
      <c r="V3561" s="20"/>
      <c r="W3561" s="20"/>
      <c r="X3561" s="19"/>
      <c r="Y3561" s="19"/>
      <c r="Z3561" s="19"/>
      <c r="AA3561" s="19"/>
    </row>
    <row r="3562" spans="1:27" s="1" customFormat="1" ht="14.1" customHeight="1" outlineLevel="2" x14ac:dyDescent="0.2">
      <c r="A3562" s="17">
        <v>15757</v>
      </c>
      <c r="B3562" s="17"/>
      <c r="C3562" s="17"/>
      <c r="D3562" s="18" t="s">
        <v>1783</v>
      </c>
      <c r="E3562" s="18"/>
      <c r="F3562" s="18"/>
      <c r="G3562" s="18"/>
      <c r="H3562" s="18"/>
      <c r="I3562" s="18"/>
      <c r="J3562" s="18"/>
      <c r="K3562" s="18"/>
      <c r="L3562" s="18"/>
      <c r="M3562" s="18"/>
      <c r="N3562" s="18"/>
      <c r="O3562" s="18"/>
      <c r="P3562" s="20">
        <v>2200</v>
      </c>
      <c r="Q3562" s="20"/>
      <c r="R3562" s="20"/>
      <c r="S3562" s="20"/>
      <c r="T3562" s="20">
        <v>2000</v>
      </c>
      <c r="U3562" s="20"/>
      <c r="V3562" s="20"/>
      <c r="W3562" s="20"/>
      <c r="X3562" s="19">
        <v>4</v>
      </c>
      <c r="Y3562" s="19"/>
      <c r="Z3562" s="19"/>
      <c r="AA3562" s="19"/>
    </row>
    <row r="3563" spans="1:27" s="1" customFormat="1" ht="14.1" customHeight="1" outlineLevel="2" x14ac:dyDescent="0.2">
      <c r="A3563" s="17"/>
      <c r="B3563" s="17"/>
      <c r="C3563" s="17"/>
      <c r="D3563" s="18"/>
      <c r="E3563" s="18"/>
      <c r="F3563" s="18"/>
      <c r="G3563" s="18"/>
      <c r="H3563" s="18"/>
      <c r="I3563" s="18"/>
      <c r="J3563" s="18"/>
      <c r="K3563" s="18"/>
      <c r="L3563" s="18"/>
      <c r="M3563" s="18"/>
      <c r="N3563" s="18"/>
      <c r="O3563" s="18"/>
      <c r="P3563" s="20"/>
      <c r="Q3563" s="20"/>
      <c r="R3563" s="20"/>
      <c r="S3563" s="20"/>
      <c r="T3563" s="20"/>
      <c r="U3563" s="20"/>
      <c r="V3563" s="20"/>
      <c r="W3563" s="20"/>
      <c r="X3563" s="19"/>
      <c r="Y3563" s="19"/>
      <c r="Z3563" s="19"/>
      <c r="AA3563" s="19"/>
    </row>
    <row r="3564" spans="1:27" s="1" customFormat="1" ht="14.1" customHeight="1" outlineLevel="2" x14ac:dyDescent="0.2">
      <c r="A3564" s="17">
        <v>13422</v>
      </c>
      <c r="B3564" s="17"/>
      <c r="C3564" s="17"/>
      <c r="D3564" s="18" t="s">
        <v>1784</v>
      </c>
      <c r="E3564" s="18"/>
      <c r="F3564" s="18"/>
      <c r="G3564" s="18"/>
      <c r="H3564" s="18"/>
      <c r="I3564" s="18"/>
      <c r="J3564" s="18"/>
      <c r="K3564" s="18"/>
      <c r="L3564" s="18"/>
      <c r="M3564" s="18"/>
      <c r="N3564" s="18"/>
      <c r="O3564" s="18"/>
      <c r="P3564" s="20">
        <v>1500</v>
      </c>
      <c r="Q3564" s="20"/>
      <c r="R3564" s="20"/>
      <c r="S3564" s="20"/>
      <c r="T3564" s="20">
        <v>1350</v>
      </c>
      <c r="U3564" s="20"/>
      <c r="V3564" s="20"/>
      <c r="W3564" s="20"/>
      <c r="X3564" s="19">
        <v>1</v>
      </c>
      <c r="Y3564" s="19"/>
      <c r="Z3564" s="19"/>
      <c r="AA3564" s="19"/>
    </row>
    <row r="3565" spans="1:27" s="1" customFormat="1" ht="14.1" customHeight="1" outlineLevel="2" x14ac:dyDescent="0.2">
      <c r="A3565" s="17"/>
      <c r="B3565" s="17"/>
      <c r="C3565" s="17"/>
      <c r="D3565" s="18"/>
      <c r="E3565" s="18"/>
      <c r="F3565" s="18"/>
      <c r="G3565" s="18"/>
      <c r="H3565" s="18"/>
      <c r="I3565" s="18"/>
      <c r="J3565" s="18"/>
      <c r="K3565" s="18"/>
      <c r="L3565" s="18"/>
      <c r="M3565" s="18"/>
      <c r="N3565" s="18"/>
      <c r="O3565" s="18"/>
      <c r="P3565" s="20"/>
      <c r="Q3565" s="20"/>
      <c r="R3565" s="20"/>
      <c r="S3565" s="20"/>
      <c r="T3565" s="20"/>
      <c r="U3565" s="20"/>
      <c r="V3565" s="20"/>
      <c r="W3565" s="20"/>
      <c r="X3565" s="19"/>
      <c r="Y3565" s="19"/>
      <c r="Z3565" s="19"/>
      <c r="AA3565" s="19"/>
    </row>
    <row r="3566" spans="1:27" s="1" customFormat="1" ht="14.1" customHeight="1" outlineLevel="2" x14ac:dyDescent="0.2">
      <c r="A3566" s="17">
        <v>15529</v>
      </c>
      <c r="B3566" s="17"/>
      <c r="C3566" s="17"/>
      <c r="D3566" s="18" t="s">
        <v>1785</v>
      </c>
      <c r="E3566" s="18"/>
      <c r="F3566" s="18"/>
      <c r="G3566" s="18"/>
      <c r="H3566" s="18"/>
      <c r="I3566" s="18"/>
      <c r="J3566" s="18"/>
      <c r="K3566" s="18"/>
      <c r="L3566" s="18"/>
      <c r="M3566" s="18"/>
      <c r="N3566" s="18"/>
      <c r="O3566" s="18"/>
      <c r="P3566" s="20">
        <v>1600</v>
      </c>
      <c r="Q3566" s="20"/>
      <c r="R3566" s="20"/>
      <c r="S3566" s="20"/>
      <c r="T3566" s="20">
        <v>1450</v>
      </c>
      <c r="U3566" s="20"/>
      <c r="V3566" s="20"/>
      <c r="W3566" s="20"/>
      <c r="X3566" s="19">
        <v>10</v>
      </c>
      <c r="Y3566" s="19"/>
      <c r="Z3566" s="19"/>
      <c r="AA3566" s="19"/>
    </row>
    <row r="3567" spans="1:27" s="1" customFormat="1" ht="14.1" customHeight="1" outlineLevel="2" x14ac:dyDescent="0.2">
      <c r="A3567" s="17"/>
      <c r="B3567" s="17"/>
      <c r="C3567" s="17"/>
      <c r="D3567" s="18"/>
      <c r="E3567" s="18"/>
      <c r="F3567" s="18"/>
      <c r="G3567" s="18"/>
      <c r="H3567" s="18"/>
      <c r="I3567" s="18"/>
      <c r="J3567" s="18"/>
      <c r="K3567" s="18"/>
      <c r="L3567" s="18"/>
      <c r="M3567" s="18"/>
      <c r="N3567" s="18"/>
      <c r="O3567" s="18"/>
      <c r="P3567" s="20"/>
      <c r="Q3567" s="20"/>
      <c r="R3567" s="20"/>
      <c r="S3567" s="20"/>
      <c r="T3567" s="20"/>
      <c r="U3567" s="20"/>
      <c r="V3567" s="20"/>
      <c r="W3567" s="20"/>
      <c r="X3567" s="19"/>
      <c r="Y3567" s="19"/>
      <c r="Z3567" s="19"/>
      <c r="AA3567" s="19"/>
    </row>
    <row r="3568" spans="1:27" s="1" customFormat="1" ht="14.1" customHeight="1" outlineLevel="2" x14ac:dyDescent="0.2">
      <c r="A3568" s="17">
        <v>11189</v>
      </c>
      <c r="B3568" s="17"/>
      <c r="C3568" s="17"/>
      <c r="D3568" s="18" t="s">
        <v>1786</v>
      </c>
      <c r="E3568" s="18"/>
      <c r="F3568" s="18"/>
      <c r="G3568" s="18"/>
      <c r="H3568" s="18"/>
      <c r="I3568" s="18"/>
      <c r="J3568" s="18"/>
      <c r="K3568" s="18"/>
      <c r="L3568" s="18"/>
      <c r="M3568" s="18"/>
      <c r="N3568" s="18"/>
      <c r="O3568" s="18"/>
      <c r="P3568" s="20">
        <v>1200</v>
      </c>
      <c r="Q3568" s="20"/>
      <c r="R3568" s="20"/>
      <c r="S3568" s="20"/>
      <c r="T3568" s="20">
        <v>1100</v>
      </c>
      <c r="U3568" s="20"/>
      <c r="V3568" s="20"/>
      <c r="W3568" s="20"/>
      <c r="X3568" s="19">
        <v>5</v>
      </c>
      <c r="Y3568" s="19"/>
      <c r="Z3568" s="19"/>
      <c r="AA3568" s="19"/>
    </row>
    <row r="3569" spans="1:27" s="1" customFormat="1" ht="14.1" customHeight="1" outlineLevel="2" x14ac:dyDescent="0.2">
      <c r="A3569" s="17"/>
      <c r="B3569" s="17"/>
      <c r="C3569" s="17"/>
      <c r="D3569" s="18"/>
      <c r="E3569" s="18"/>
      <c r="F3569" s="18"/>
      <c r="G3569" s="18"/>
      <c r="H3569" s="18"/>
      <c r="I3569" s="18"/>
      <c r="J3569" s="18"/>
      <c r="K3569" s="18"/>
      <c r="L3569" s="18"/>
      <c r="M3569" s="18"/>
      <c r="N3569" s="18"/>
      <c r="O3569" s="18"/>
      <c r="P3569" s="20"/>
      <c r="Q3569" s="20"/>
      <c r="R3569" s="20"/>
      <c r="S3569" s="20"/>
      <c r="T3569" s="20"/>
      <c r="U3569" s="20"/>
      <c r="V3569" s="20"/>
      <c r="W3569" s="20"/>
      <c r="X3569" s="19"/>
      <c r="Y3569" s="19"/>
      <c r="Z3569" s="19"/>
      <c r="AA3569" s="19"/>
    </row>
    <row r="3570" spans="1:27" s="1" customFormat="1" ht="14.1" customHeight="1" outlineLevel="2" x14ac:dyDescent="0.2">
      <c r="A3570" s="17">
        <v>13955</v>
      </c>
      <c r="B3570" s="17"/>
      <c r="C3570" s="17"/>
      <c r="D3570" s="18" t="s">
        <v>1787</v>
      </c>
      <c r="E3570" s="18"/>
      <c r="F3570" s="18"/>
      <c r="G3570" s="18"/>
      <c r="H3570" s="18"/>
      <c r="I3570" s="18"/>
      <c r="J3570" s="18"/>
      <c r="K3570" s="18"/>
      <c r="L3570" s="18"/>
      <c r="M3570" s="18"/>
      <c r="N3570" s="18"/>
      <c r="O3570" s="18"/>
      <c r="P3570" s="20">
        <v>1430</v>
      </c>
      <c r="Q3570" s="20"/>
      <c r="R3570" s="20"/>
      <c r="S3570" s="20"/>
      <c r="T3570" s="20">
        <v>1300</v>
      </c>
      <c r="U3570" s="20"/>
      <c r="V3570" s="20"/>
      <c r="W3570" s="20"/>
      <c r="X3570" s="19">
        <v>1</v>
      </c>
      <c r="Y3570" s="19"/>
      <c r="Z3570" s="19"/>
      <c r="AA3570" s="19"/>
    </row>
    <row r="3571" spans="1:27" s="1" customFormat="1" ht="14.1" customHeight="1" outlineLevel="2" x14ac:dyDescent="0.2">
      <c r="A3571" s="17"/>
      <c r="B3571" s="17"/>
      <c r="C3571" s="17"/>
      <c r="D3571" s="18"/>
      <c r="E3571" s="18"/>
      <c r="F3571" s="18"/>
      <c r="G3571" s="18"/>
      <c r="H3571" s="18"/>
      <c r="I3571" s="18"/>
      <c r="J3571" s="18"/>
      <c r="K3571" s="18"/>
      <c r="L3571" s="18"/>
      <c r="M3571" s="18"/>
      <c r="N3571" s="18"/>
      <c r="O3571" s="18"/>
      <c r="P3571" s="20"/>
      <c r="Q3571" s="20"/>
      <c r="R3571" s="20"/>
      <c r="S3571" s="20"/>
      <c r="T3571" s="20"/>
      <c r="U3571" s="20"/>
      <c r="V3571" s="20"/>
      <c r="W3571" s="20"/>
      <c r="X3571" s="19"/>
      <c r="Y3571" s="19"/>
      <c r="Z3571" s="19"/>
      <c r="AA3571" s="19"/>
    </row>
    <row r="3572" spans="1:27" s="1" customFormat="1" ht="14.1" customHeight="1" outlineLevel="2" x14ac:dyDescent="0.2">
      <c r="A3572" s="17">
        <v>14028</v>
      </c>
      <c r="B3572" s="17"/>
      <c r="C3572" s="17"/>
      <c r="D3572" s="18" t="s">
        <v>1788</v>
      </c>
      <c r="E3572" s="18"/>
      <c r="F3572" s="18"/>
      <c r="G3572" s="18"/>
      <c r="H3572" s="18"/>
      <c r="I3572" s="18"/>
      <c r="J3572" s="18"/>
      <c r="K3572" s="18"/>
      <c r="L3572" s="18"/>
      <c r="M3572" s="18"/>
      <c r="N3572" s="18"/>
      <c r="O3572" s="18"/>
      <c r="P3572" s="20">
        <v>1300</v>
      </c>
      <c r="Q3572" s="20"/>
      <c r="R3572" s="20"/>
      <c r="S3572" s="20"/>
      <c r="T3572" s="19">
        <v>790</v>
      </c>
      <c r="U3572" s="19"/>
      <c r="V3572" s="19"/>
      <c r="W3572" s="19"/>
      <c r="X3572" s="19">
        <v>25</v>
      </c>
      <c r="Y3572" s="19"/>
      <c r="Z3572" s="19"/>
      <c r="AA3572" s="19"/>
    </row>
    <row r="3573" spans="1:27" s="1" customFormat="1" ht="14.1" customHeight="1" outlineLevel="2" x14ac:dyDescent="0.2">
      <c r="A3573" s="17"/>
      <c r="B3573" s="17"/>
      <c r="C3573" s="17"/>
      <c r="D3573" s="18"/>
      <c r="E3573" s="18"/>
      <c r="F3573" s="18"/>
      <c r="G3573" s="18"/>
      <c r="H3573" s="18"/>
      <c r="I3573" s="18"/>
      <c r="J3573" s="18"/>
      <c r="K3573" s="18"/>
      <c r="L3573" s="18"/>
      <c r="M3573" s="18"/>
      <c r="N3573" s="18"/>
      <c r="O3573" s="18"/>
      <c r="P3573" s="20"/>
      <c r="Q3573" s="20"/>
      <c r="R3573" s="20"/>
      <c r="S3573" s="20"/>
      <c r="T3573" s="19"/>
      <c r="U3573" s="19"/>
      <c r="V3573" s="19"/>
      <c r="W3573" s="19"/>
      <c r="X3573" s="19"/>
      <c r="Y3573" s="19"/>
      <c r="Z3573" s="19"/>
      <c r="AA3573" s="19"/>
    </row>
    <row r="3574" spans="1:27" s="1" customFormat="1" ht="14.1" customHeight="1" outlineLevel="2" x14ac:dyDescent="0.2">
      <c r="A3574" s="17">
        <v>13424</v>
      </c>
      <c r="B3574" s="17"/>
      <c r="C3574" s="17"/>
      <c r="D3574" s="18" t="s">
        <v>1789</v>
      </c>
      <c r="E3574" s="18"/>
      <c r="F3574" s="18"/>
      <c r="G3574" s="18"/>
      <c r="H3574" s="18"/>
      <c r="I3574" s="18"/>
      <c r="J3574" s="18"/>
      <c r="K3574" s="18"/>
      <c r="L3574" s="18"/>
      <c r="M3574" s="18"/>
      <c r="N3574" s="18"/>
      <c r="O3574" s="18"/>
      <c r="P3574" s="20">
        <v>1450</v>
      </c>
      <c r="Q3574" s="20"/>
      <c r="R3574" s="20"/>
      <c r="S3574" s="20"/>
      <c r="T3574" s="20">
        <v>1300</v>
      </c>
      <c r="U3574" s="20"/>
      <c r="V3574" s="20"/>
      <c r="W3574" s="20"/>
      <c r="X3574" s="19">
        <v>7</v>
      </c>
      <c r="Y3574" s="19"/>
      <c r="Z3574" s="19"/>
      <c r="AA3574" s="19"/>
    </row>
    <row r="3575" spans="1:27" s="1" customFormat="1" ht="14.1" customHeight="1" outlineLevel="2" x14ac:dyDescent="0.2">
      <c r="A3575" s="17"/>
      <c r="B3575" s="17"/>
      <c r="C3575" s="17"/>
      <c r="D3575" s="18"/>
      <c r="E3575" s="18"/>
      <c r="F3575" s="18"/>
      <c r="G3575" s="18"/>
      <c r="H3575" s="18"/>
      <c r="I3575" s="18"/>
      <c r="J3575" s="18"/>
      <c r="K3575" s="18"/>
      <c r="L3575" s="18"/>
      <c r="M3575" s="18"/>
      <c r="N3575" s="18"/>
      <c r="O3575" s="18"/>
      <c r="P3575" s="20"/>
      <c r="Q3575" s="20"/>
      <c r="R3575" s="20"/>
      <c r="S3575" s="20"/>
      <c r="T3575" s="20"/>
      <c r="U3575" s="20"/>
      <c r="V3575" s="20"/>
      <c r="W3575" s="20"/>
      <c r="X3575" s="19"/>
      <c r="Y3575" s="19"/>
      <c r="Z3575" s="19"/>
      <c r="AA3575" s="19"/>
    </row>
    <row r="3576" spans="1:27" s="1" customFormat="1" ht="14.1" customHeight="1" outlineLevel="2" x14ac:dyDescent="0.2">
      <c r="A3576" s="17">
        <v>13428</v>
      </c>
      <c r="B3576" s="17"/>
      <c r="C3576" s="17"/>
      <c r="D3576" s="18" t="s">
        <v>1790</v>
      </c>
      <c r="E3576" s="18"/>
      <c r="F3576" s="18"/>
      <c r="G3576" s="18"/>
      <c r="H3576" s="18"/>
      <c r="I3576" s="18"/>
      <c r="J3576" s="18"/>
      <c r="K3576" s="18"/>
      <c r="L3576" s="18"/>
      <c r="M3576" s="18"/>
      <c r="N3576" s="18"/>
      <c r="O3576" s="18"/>
      <c r="P3576" s="20">
        <v>1450</v>
      </c>
      <c r="Q3576" s="20"/>
      <c r="R3576" s="20"/>
      <c r="S3576" s="20"/>
      <c r="T3576" s="20">
        <v>1150</v>
      </c>
      <c r="U3576" s="20"/>
      <c r="V3576" s="20"/>
      <c r="W3576" s="20"/>
      <c r="X3576" s="19">
        <v>1</v>
      </c>
      <c r="Y3576" s="19"/>
      <c r="Z3576" s="19"/>
      <c r="AA3576" s="19"/>
    </row>
    <row r="3577" spans="1:27" s="1" customFormat="1" ht="14.1" customHeight="1" outlineLevel="2" x14ac:dyDescent="0.2">
      <c r="A3577" s="17"/>
      <c r="B3577" s="17"/>
      <c r="C3577" s="17"/>
      <c r="D3577" s="18"/>
      <c r="E3577" s="18"/>
      <c r="F3577" s="18"/>
      <c r="G3577" s="18"/>
      <c r="H3577" s="18"/>
      <c r="I3577" s="18"/>
      <c r="J3577" s="18"/>
      <c r="K3577" s="18"/>
      <c r="L3577" s="18"/>
      <c r="M3577" s="18"/>
      <c r="N3577" s="18"/>
      <c r="O3577" s="18"/>
      <c r="P3577" s="20"/>
      <c r="Q3577" s="20"/>
      <c r="R3577" s="20"/>
      <c r="S3577" s="20"/>
      <c r="T3577" s="20"/>
      <c r="U3577" s="20"/>
      <c r="V3577" s="20"/>
      <c r="W3577" s="20"/>
      <c r="X3577" s="19"/>
      <c r="Y3577" s="19"/>
      <c r="Z3577" s="19"/>
      <c r="AA3577" s="19"/>
    </row>
    <row r="3578" spans="1:27" s="1" customFormat="1" ht="14.1" customHeight="1" outlineLevel="2" x14ac:dyDescent="0.2">
      <c r="A3578" s="17">
        <v>15526</v>
      </c>
      <c r="B3578" s="17"/>
      <c r="C3578" s="17"/>
      <c r="D3578" s="18" t="s">
        <v>1791</v>
      </c>
      <c r="E3578" s="18"/>
      <c r="F3578" s="18"/>
      <c r="G3578" s="18"/>
      <c r="H3578" s="18"/>
      <c r="I3578" s="18"/>
      <c r="J3578" s="18"/>
      <c r="K3578" s="18"/>
      <c r="L3578" s="18"/>
      <c r="M3578" s="18"/>
      <c r="N3578" s="18"/>
      <c r="O3578" s="18"/>
      <c r="P3578" s="20">
        <v>1550</v>
      </c>
      <c r="Q3578" s="20"/>
      <c r="R3578" s="20"/>
      <c r="S3578" s="20"/>
      <c r="T3578" s="20">
        <v>1400</v>
      </c>
      <c r="U3578" s="20"/>
      <c r="V3578" s="20"/>
      <c r="W3578" s="20"/>
      <c r="X3578" s="19">
        <v>5</v>
      </c>
      <c r="Y3578" s="19"/>
      <c r="Z3578" s="19"/>
      <c r="AA3578" s="19"/>
    </row>
    <row r="3579" spans="1:27" s="1" customFormat="1" ht="14.1" customHeight="1" outlineLevel="2" x14ac:dyDescent="0.2">
      <c r="A3579" s="17"/>
      <c r="B3579" s="17"/>
      <c r="C3579" s="17"/>
      <c r="D3579" s="18"/>
      <c r="E3579" s="18"/>
      <c r="F3579" s="18"/>
      <c r="G3579" s="18"/>
      <c r="H3579" s="18"/>
      <c r="I3579" s="18"/>
      <c r="J3579" s="18"/>
      <c r="K3579" s="18"/>
      <c r="L3579" s="18"/>
      <c r="M3579" s="18"/>
      <c r="N3579" s="18"/>
      <c r="O3579" s="18"/>
      <c r="P3579" s="20"/>
      <c r="Q3579" s="20"/>
      <c r="R3579" s="20"/>
      <c r="S3579" s="20"/>
      <c r="T3579" s="20"/>
      <c r="U3579" s="20"/>
      <c r="V3579" s="20"/>
      <c r="W3579" s="20"/>
      <c r="X3579" s="19"/>
      <c r="Y3579" s="19"/>
      <c r="Z3579" s="19"/>
      <c r="AA3579" s="19"/>
    </row>
    <row r="3580" spans="1:27" s="1" customFormat="1" ht="14.1" customHeight="1" outlineLevel="2" x14ac:dyDescent="0.2">
      <c r="A3580" s="17">
        <v>13429</v>
      </c>
      <c r="B3580" s="17"/>
      <c r="C3580" s="17"/>
      <c r="D3580" s="18" t="s">
        <v>1792</v>
      </c>
      <c r="E3580" s="18"/>
      <c r="F3580" s="18"/>
      <c r="G3580" s="18"/>
      <c r="H3580" s="18"/>
      <c r="I3580" s="18"/>
      <c r="J3580" s="18"/>
      <c r="K3580" s="18"/>
      <c r="L3580" s="18"/>
      <c r="M3580" s="18"/>
      <c r="N3580" s="18"/>
      <c r="O3580" s="18"/>
      <c r="P3580" s="20">
        <v>3450</v>
      </c>
      <c r="Q3580" s="20"/>
      <c r="R3580" s="20"/>
      <c r="S3580" s="20"/>
      <c r="T3580" s="20">
        <v>3200</v>
      </c>
      <c r="U3580" s="20"/>
      <c r="V3580" s="20"/>
      <c r="W3580" s="20"/>
      <c r="X3580" s="19">
        <v>1</v>
      </c>
      <c r="Y3580" s="19"/>
      <c r="Z3580" s="19"/>
      <c r="AA3580" s="19"/>
    </row>
    <row r="3581" spans="1:27" s="1" customFormat="1" ht="14.1" customHeight="1" outlineLevel="2" x14ac:dyDescent="0.2">
      <c r="A3581" s="17"/>
      <c r="B3581" s="17"/>
      <c r="C3581" s="17"/>
      <c r="D3581" s="18"/>
      <c r="E3581" s="18"/>
      <c r="F3581" s="18"/>
      <c r="G3581" s="18"/>
      <c r="H3581" s="18"/>
      <c r="I3581" s="18"/>
      <c r="J3581" s="18"/>
      <c r="K3581" s="18"/>
      <c r="L3581" s="18"/>
      <c r="M3581" s="18"/>
      <c r="N3581" s="18"/>
      <c r="O3581" s="18"/>
      <c r="P3581" s="20"/>
      <c r="Q3581" s="20"/>
      <c r="R3581" s="20"/>
      <c r="S3581" s="20"/>
      <c r="T3581" s="20"/>
      <c r="U3581" s="20"/>
      <c r="V3581" s="20"/>
      <c r="W3581" s="20"/>
      <c r="X3581" s="19"/>
      <c r="Y3581" s="19"/>
      <c r="Z3581" s="19"/>
      <c r="AA3581" s="19"/>
    </row>
    <row r="3582" spans="1:27" s="1" customFormat="1" ht="14.1" customHeight="1" outlineLevel="2" x14ac:dyDescent="0.2">
      <c r="A3582" s="17">
        <v>15759</v>
      </c>
      <c r="B3582" s="17"/>
      <c r="C3582" s="17"/>
      <c r="D3582" s="18" t="s">
        <v>1793</v>
      </c>
      <c r="E3582" s="18"/>
      <c r="F3582" s="18"/>
      <c r="G3582" s="18"/>
      <c r="H3582" s="18"/>
      <c r="I3582" s="18"/>
      <c r="J3582" s="18"/>
      <c r="K3582" s="18"/>
      <c r="L3582" s="18"/>
      <c r="M3582" s="18"/>
      <c r="N3582" s="18"/>
      <c r="O3582" s="18"/>
      <c r="P3582" s="20">
        <v>1500</v>
      </c>
      <c r="Q3582" s="20"/>
      <c r="R3582" s="20"/>
      <c r="S3582" s="20"/>
      <c r="T3582" s="20">
        <v>1350</v>
      </c>
      <c r="U3582" s="20"/>
      <c r="V3582" s="20"/>
      <c r="W3582" s="20"/>
      <c r="X3582" s="19">
        <v>1</v>
      </c>
      <c r="Y3582" s="19"/>
      <c r="Z3582" s="19"/>
      <c r="AA3582" s="19"/>
    </row>
    <row r="3583" spans="1:27" s="1" customFormat="1" ht="14.1" customHeight="1" outlineLevel="2" x14ac:dyDescent="0.2">
      <c r="A3583" s="17"/>
      <c r="B3583" s="17"/>
      <c r="C3583" s="17"/>
      <c r="D3583" s="18"/>
      <c r="E3583" s="18"/>
      <c r="F3583" s="18"/>
      <c r="G3583" s="18"/>
      <c r="H3583" s="18"/>
      <c r="I3583" s="18"/>
      <c r="J3583" s="18"/>
      <c r="K3583" s="18"/>
      <c r="L3583" s="18"/>
      <c r="M3583" s="18"/>
      <c r="N3583" s="18"/>
      <c r="O3583" s="18"/>
      <c r="P3583" s="20"/>
      <c r="Q3583" s="20"/>
      <c r="R3583" s="20"/>
      <c r="S3583" s="20"/>
      <c r="T3583" s="20"/>
      <c r="U3583" s="20"/>
      <c r="V3583" s="20"/>
      <c r="W3583" s="20"/>
      <c r="X3583" s="19"/>
      <c r="Y3583" s="19"/>
      <c r="Z3583" s="19"/>
      <c r="AA3583" s="19"/>
    </row>
    <row r="3584" spans="1:27" s="1" customFormat="1" ht="14.1" customHeight="1" outlineLevel="2" x14ac:dyDescent="0.2">
      <c r="A3584" s="17">
        <v>15758</v>
      </c>
      <c r="B3584" s="17"/>
      <c r="C3584" s="17"/>
      <c r="D3584" s="18" t="s">
        <v>1794</v>
      </c>
      <c r="E3584" s="18"/>
      <c r="F3584" s="18"/>
      <c r="G3584" s="18"/>
      <c r="H3584" s="18"/>
      <c r="I3584" s="18"/>
      <c r="J3584" s="18"/>
      <c r="K3584" s="18"/>
      <c r="L3584" s="18"/>
      <c r="M3584" s="18"/>
      <c r="N3584" s="18"/>
      <c r="O3584" s="18"/>
      <c r="P3584" s="20">
        <v>1490</v>
      </c>
      <c r="Q3584" s="20"/>
      <c r="R3584" s="20"/>
      <c r="S3584" s="20"/>
      <c r="T3584" s="20">
        <v>1350</v>
      </c>
      <c r="U3584" s="20"/>
      <c r="V3584" s="20"/>
      <c r="W3584" s="20"/>
      <c r="X3584" s="19">
        <v>8</v>
      </c>
      <c r="Y3584" s="19"/>
      <c r="Z3584" s="19"/>
      <c r="AA3584" s="19"/>
    </row>
    <row r="3585" spans="1:27" s="1" customFormat="1" ht="14.1" customHeight="1" outlineLevel="2" x14ac:dyDescent="0.2">
      <c r="A3585" s="17"/>
      <c r="B3585" s="17"/>
      <c r="C3585" s="17"/>
      <c r="D3585" s="18"/>
      <c r="E3585" s="18"/>
      <c r="F3585" s="18"/>
      <c r="G3585" s="18"/>
      <c r="H3585" s="18"/>
      <c r="I3585" s="18"/>
      <c r="J3585" s="18"/>
      <c r="K3585" s="18"/>
      <c r="L3585" s="18"/>
      <c r="M3585" s="18"/>
      <c r="N3585" s="18"/>
      <c r="O3585" s="18"/>
      <c r="P3585" s="20"/>
      <c r="Q3585" s="20"/>
      <c r="R3585" s="20"/>
      <c r="S3585" s="20"/>
      <c r="T3585" s="20"/>
      <c r="U3585" s="20"/>
      <c r="V3585" s="20"/>
      <c r="W3585" s="20"/>
      <c r="X3585" s="19"/>
      <c r="Y3585" s="19"/>
      <c r="Z3585" s="19"/>
      <c r="AA3585" s="19"/>
    </row>
    <row r="3586" spans="1:27" s="1" customFormat="1" ht="14.1" customHeight="1" outlineLevel="2" x14ac:dyDescent="0.2">
      <c r="A3586" s="17">
        <v>15528</v>
      </c>
      <c r="B3586" s="17"/>
      <c r="C3586" s="17"/>
      <c r="D3586" s="18" t="s">
        <v>1795</v>
      </c>
      <c r="E3586" s="18"/>
      <c r="F3586" s="18"/>
      <c r="G3586" s="18"/>
      <c r="H3586" s="18"/>
      <c r="I3586" s="18"/>
      <c r="J3586" s="18"/>
      <c r="K3586" s="18"/>
      <c r="L3586" s="18"/>
      <c r="M3586" s="18"/>
      <c r="N3586" s="18"/>
      <c r="O3586" s="18"/>
      <c r="P3586" s="20">
        <v>1350</v>
      </c>
      <c r="Q3586" s="20"/>
      <c r="R3586" s="20"/>
      <c r="S3586" s="20"/>
      <c r="T3586" s="20">
        <v>1050</v>
      </c>
      <c r="U3586" s="20"/>
      <c r="V3586" s="20"/>
      <c r="W3586" s="20"/>
      <c r="X3586" s="19">
        <v>20</v>
      </c>
      <c r="Y3586" s="19"/>
      <c r="Z3586" s="19"/>
      <c r="AA3586" s="19"/>
    </row>
    <row r="3587" spans="1:27" s="1" customFormat="1" ht="14.1" customHeight="1" outlineLevel="2" x14ac:dyDescent="0.2">
      <c r="A3587" s="17"/>
      <c r="B3587" s="17"/>
      <c r="C3587" s="17"/>
      <c r="D3587" s="18"/>
      <c r="E3587" s="18"/>
      <c r="F3587" s="18"/>
      <c r="G3587" s="18"/>
      <c r="H3587" s="18"/>
      <c r="I3587" s="18"/>
      <c r="J3587" s="18"/>
      <c r="K3587" s="18"/>
      <c r="L3587" s="18"/>
      <c r="M3587" s="18"/>
      <c r="N3587" s="18"/>
      <c r="O3587" s="18"/>
      <c r="P3587" s="20"/>
      <c r="Q3587" s="20"/>
      <c r="R3587" s="20"/>
      <c r="S3587" s="20"/>
      <c r="T3587" s="20"/>
      <c r="U3587" s="20"/>
      <c r="V3587" s="20"/>
      <c r="W3587" s="20"/>
      <c r="X3587" s="19"/>
      <c r="Y3587" s="19"/>
      <c r="Z3587" s="19"/>
      <c r="AA3587" s="19"/>
    </row>
    <row r="3588" spans="1:27" s="1" customFormat="1" ht="14.1" customHeight="1" outlineLevel="2" x14ac:dyDescent="0.2">
      <c r="A3588" s="17">
        <v>7956</v>
      </c>
      <c r="B3588" s="17"/>
      <c r="C3588" s="17"/>
      <c r="D3588" s="18" t="s">
        <v>1796</v>
      </c>
      <c r="E3588" s="18"/>
      <c r="F3588" s="18"/>
      <c r="G3588" s="18"/>
      <c r="H3588" s="18"/>
      <c r="I3588" s="18"/>
      <c r="J3588" s="18"/>
      <c r="K3588" s="18"/>
      <c r="L3588" s="18"/>
      <c r="M3588" s="18"/>
      <c r="N3588" s="18"/>
      <c r="O3588" s="18"/>
      <c r="P3588" s="20">
        <v>1000</v>
      </c>
      <c r="Q3588" s="20"/>
      <c r="R3588" s="20"/>
      <c r="S3588" s="20"/>
      <c r="T3588" s="19">
        <v>850</v>
      </c>
      <c r="U3588" s="19"/>
      <c r="V3588" s="19"/>
      <c r="W3588" s="19"/>
      <c r="X3588" s="19">
        <v>19</v>
      </c>
      <c r="Y3588" s="19"/>
      <c r="Z3588" s="19"/>
      <c r="AA3588" s="19"/>
    </row>
    <row r="3589" spans="1:27" s="1" customFormat="1" ht="14.1" customHeight="1" outlineLevel="2" x14ac:dyDescent="0.2">
      <c r="A3589" s="17"/>
      <c r="B3589" s="17"/>
      <c r="C3589" s="17"/>
      <c r="D3589" s="18"/>
      <c r="E3589" s="18"/>
      <c r="F3589" s="18"/>
      <c r="G3589" s="18"/>
      <c r="H3589" s="18"/>
      <c r="I3589" s="18"/>
      <c r="J3589" s="18"/>
      <c r="K3589" s="18"/>
      <c r="L3589" s="18"/>
      <c r="M3589" s="18"/>
      <c r="N3589" s="18"/>
      <c r="O3589" s="18"/>
      <c r="P3589" s="20"/>
      <c r="Q3589" s="20"/>
      <c r="R3589" s="20"/>
      <c r="S3589" s="20"/>
      <c r="T3589" s="19"/>
      <c r="U3589" s="19"/>
      <c r="V3589" s="19"/>
      <c r="W3589" s="19"/>
      <c r="X3589" s="19"/>
      <c r="Y3589" s="19"/>
      <c r="Z3589" s="19"/>
      <c r="AA3589" s="19"/>
    </row>
    <row r="3590" spans="1:27" s="1" customFormat="1" ht="14.1" customHeight="1" outlineLevel="2" x14ac:dyDescent="0.2">
      <c r="A3590" s="17">
        <v>13521</v>
      </c>
      <c r="B3590" s="17"/>
      <c r="C3590" s="17"/>
      <c r="D3590" s="18" t="s">
        <v>1797</v>
      </c>
      <c r="E3590" s="18"/>
      <c r="F3590" s="18"/>
      <c r="G3590" s="18"/>
      <c r="H3590" s="18"/>
      <c r="I3590" s="18"/>
      <c r="J3590" s="18"/>
      <c r="K3590" s="18"/>
      <c r="L3590" s="18"/>
      <c r="M3590" s="18"/>
      <c r="N3590" s="18"/>
      <c r="O3590" s="18"/>
      <c r="P3590" s="20">
        <v>1250</v>
      </c>
      <c r="Q3590" s="20"/>
      <c r="R3590" s="20"/>
      <c r="S3590" s="20"/>
      <c r="T3590" s="20">
        <v>1100</v>
      </c>
      <c r="U3590" s="20"/>
      <c r="V3590" s="20"/>
      <c r="W3590" s="20"/>
      <c r="X3590" s="19">
        <v>1</v>
      </c>
      <c r="Y3590" s="19"/>
      <c r="Z3590" s="19"/>
      <c r="AA3590" s="19"/>
    </row>
    <row r="3591" spans="1:27" s="1" customFormat="1" ht="14.1" customHeight="1" outlineLevel="2" x14ac:dyDescent="0.2">
      <c r="A3591" s="17"/>
      <c r="B3591" s="17"/>
      <c r="C3591" s="17"/>
      <c r="D3591" s="18"/>
      <c r="E3591" s="18"/>
      <c r="F3591" s="18"/>
      <c r="G3591" s="18"/>
      <c r="H3591" s="18"/>
      <c r="I3591" s="18"/>
      <c r="J3591" s="18"/>
      <c r="K3591" s="18"/>
      <c r="L3591" s="18"/>
      <c r="M3591" s="18"/>
      <c r="N3591" s="18"/>
      <c r="O3591" s="18"/>
      <c r="P3591" s="20"/>
      <c r="Q3591" s="20"/>
      <c r="R3591" s="20"/>
      <c r="S3591" s="20"/>
      <c r="T3591" s="20"/>
      <c r="U3591" s="20"/>
      <c r="V3591" s="20"/>
      <c r="W3591" s="20"/>
      <c r="X3591" s="19"/>
      <c r="Y3591" s="19"/>
      <c r="Z3591" s="19"/>
      <c r="AA3591" s="19"/>
    </row>
    <row r="3592" spans="1:27" s="1" customFormat="1" ht="14.1" customHeight="1" outlineLevel="2" x14ac:dyDescent="0.2">
      <c r="A3592" s="17">
        <v>12528</v>
      </c>
      <c r="B3592" s="17"/>
      <c r="C3592" s="17"/>
      <c r="D3592" s="18" t="s">
        <v>1798</v>
      </c>
      <c r="E3592" s="18"/>
      <c r="F3592" s="18"/>
      <c r="G3592" s="18"/>
      <c r="H3592" s="18"/>
      <c r="I3592" s="18"/>
      <c r="J3592" s="18"/>
      <c r="K3592" s="18"/>
      <c r="L3592" s="18"/>
      <c r="M3592" s="18"/>
      <c r="N3592" s="18"/>
      <c r="O3592" s="18"/>
      <c r="P3592" s="20">
        <v>1450</v>
      </c>
      <c r="Q3592" s="20"/>
      <c r="R3592" s="20"/>
      <c r="S3592" s="20"/>
      <c r="T3592" s="20">
        <v>1350</v>
      </c>
      <c r="U3592" s="20"/>
      <c r="V3592" s="20"/>
      <c r="W3592" s="20"/>
      <c r="X3592" s="19">
        <v>8</v>
      </c>
      <c r="Y3592" s="19"/>
      <c r="Z3592" s="19"/>
      <c r="AA3592" s="19"/>
    </row>
    <row r="3593" spans="1:27" s="1" customFormat="1" ht="14.1" customHeight="1" outlineLevel="2" x14ac:dyDescent="0.2">
      <c r="A3593" s="17"/>
      <c r="B3593" s="17"/>
      <c r="C3593" s="17"/>
      <c r="D3593" s="18"/>
      <c r="E3593" s="18"/>
      <c r="F3593" s="18"/>
      <c r="G3593" s="18"/>
      <c r="H3593" s="18"/>
      <c r="I3593" s="18"/>
      <c r="J3593" s="18"/>
      <c r="K3593" s="18"/>
      <c r="L3593" s="18"/>
      <c r="M3593" s="18"/>
      <c r="N3593" s="18"/>
      <c r="O3593" s="18"/>
      <c r="P3593" s="20"/>
      <c r="Q3593" s="20"/>
      <c r="R3593" s="20"/>
      <c r="S3593" s="20"/>
      <c r="T3593" s="20"/>
      <c r="U3593" s="20"/>
      <c r="V3593" s="20"/>
      <c r="W3593" s="20"/>
      <c r="X3593" s="19"/>
      <c r="Y3593" s="19"/>
      <c r="Z3593" s="19"/>
      <c r="AA3593" s="19"/>
    </row>
    <row r="3594" spans="1:27" s="1" customFormat="1" ht="14.1" customHeight="1" outlineLevel="2" x14ac:dyDescent="0.2">
      <c r="A3594" s="17">
        <v>9213</v>
      </c>
      <c r="B3594" s="17"/>
      <c r="C3594" s="17"/>
      <c r="D3594" s="18" t="s">
        <v>1799</v>
      </c>
      <c r="E3594" s="18"/>
      <c r="F3594" s="18"/>
      <c r="G3594" s="18"/>
      <c r="H3594" s="18"/>
      <c r="I3594" s="18"/>
      <c r="J3594" s="18"/>
      <c r="K3594" s="18"/>
      <c r="L3594" s="18"/>
      <c r="M3594" s="18"/>
      <c r="N3594" s="18"/>
      <c r="O3594" s="18"/>
      <c r="P3594" s="20">
        <v>3280</v>
      </c>
      <c r="Q3594" s="20"/>
      <c r="R3594" s="20"/>
      <c r="S3594" s="20"/>
      <c r="T3594" s="20">
        <v>3005</v>
      </c>
      <c r="U3594" s="20"/>
      <c r="V3594" s="20"/>
      <c r="W3594" s="20"/>
      <c r="X3594" s="19">
        <v>2</v>
      </c>
      <c r="Y3594" s="19"/>
      <c r="Z3594" s="19"/>
      <c r="AA3594" s="19"/>
    </row>
    <row r="3595" spans="1:27" s="1" customFormat="1" ht="14.1" customHeight="1" outlineLevel="2" x14ac:dyDescent="0.2">
      <c r="A3595" s="17"/>
      <c r="B3595" s="17"/>
      <c r="C3595" s="17"/>
      <c r="D3595" s="18"/>
      <c r="E3595" s="18"/>
      <c r="F3595" s="18"/>
      <c r="G3595" s="18"/>
      <c r="H3595" s="18"/>
      <c r="I3595" s="18"/>
      <c r="J3595" s="18"/>
      <c r="K3595" s="18"/>
      <c r="L3595" s="18"/>
      <c r="M3595" s="18"/>
      <c r="N3595" s="18"/>
      <c r="O3595" s="18"/>
      <c r="P3595" s="20"/>
      <c r="Q3595" s="20"/>
      <c r="R3595" s="20"/>
      <c r="S3595" s="20"/>
      <c r="T3595" s="20"/>
      <c r="U3595" s="20"/>
      <c r="V3595" s="20"/>
      <c r="W3595" s="20"/>
      <c r="X3595" s="19"/>
      <c r="Y3595" s="19"/>
      <c r="Z3595" s="19"/>
      <c r="AA3595" s="19"/>
    </row>
    <row r="3596" spans="1:27" s="1" customFormat="1" ht="14.1" customHeight="1" outlineLevel="2" x14ac:dyDescent="0.2">
      <c r="A3596" s="17">
        <v>13954</v>
      </c>
      <c r="B3596" s="17"/>
      <c r="C3596" s="17"/>
      <c r="D3596" s="18" t="s">
        <v>1800</v>
      </c>
      <c r="E3596" s="18"/>
      <c r="F3596" s="18"/>
      <c r="G3596" s="18"/>
      <c r="H3596" s="18"/>
      <c r="I3596" s="18"/>
      <c r="J3596" s="18"/>
      <c r="K3596" s="18"/>
      <c r="L3596" s="18"/>
      <c r="M3596" s="18"/>
      <c r="N3596" s="18"/>
      <c r="O3596" s="18"/>
      <c r="P3596" s="20">
        <v>1650</v>
      </c>
      <c r="Q3596" s="20"/>
      <c r="R3596" s="20"/>
      <c r="S3596" s="20"/>
      <c r="T3596" s="20">
        <v>1500</v>
      </c>
      <c r="U3596" s="20"/>
      <c r="V3596" s="20"/>
      <c r="W3596" s="20"/>
      <c r="X3596" s="19">
        <v>2</v>
      </c>
      <c r="Y3596" s="19"/>
      <c r="Z3596" s="19"/>
      <c r="AA3596" s="19"/>
    </row>
    <row r="3597" spans="1:27" s="1" customFormat="1" ht="14.1" customHeight="1" outlineLevel="2" x14ac:dyDescent="0.2">
      <c r="A3597" s="17"/>
      <c r="B3597" s="17"/>
      <c r="C3597" s="17"/>
      <c r="D3597" s="18"/>
      <c r="E3597" s="18"/>
      <c r="F3597" s="18"/>
      <c r="G3597" s="18"/>
      <c r="H3597" s="18"/>
      <c r="I3597" s="18"/>
      <c r="J3597" s="18"/>
      <c r="K3597" s="18"/>
      <c r="L3597" s="18"/>
      <c r="M3597" s="18"/>
      <c r="N3597" s="18"/>
      <c r="O3597" s="18"/>
      <c r="P3597" s="20"/>
      <c r="Q3597" s="20"/>
      <c r="R3597" s="20"/>
      <c r="S3597" s="20"/>
      <c r="T3597" s="20"/>
      <c r="U3597" s="20"/>
      <c r="V3597" s="20"/>
      <c r="W3597" s="20"/>
      <c r="X3597" s="19"/>
      <c r="Y3597" s="19"/>
      <c r="Z3597" s="19"/>
      <c r="AA3597" s="19"/>
    </row>
    <row r="3598" spans="1:27" s="1" customFormat="1" ht="14.1" customHeight="1" outlineLevel="2" x14ac:dyDescent="0.2">
      <c r="A3598" s="17">
        <v>10443</v>
      </c>
      <c r="B3598" s="17"/>
      <c r="C3598" s="17"/>
      <c r="D3598" s="18" t="s">
        <v>1801</v>
      </c>
      <c r="E3598" s="18"/>
      <c r="F3598" s="18"/>
      <c r="G3598" s="18"/>
      <c r="H3598" s="18"/>
      <c r="I3598" s="18"/>
      <c r="J3598" s="18"/>
      <c r="K3598" s="18"/>
      <c r="L3598" s="18"/>
      <c r="M3598" s="18"/>
      <c r="N3598" s="18"/>
      <c r="O3598" s="18"/>
      <c r="P3598" s="20">
        <v>1050</v>
      </c>
      <c r="Q3598" s="20"/>
      <c r="R3598" s="20"/>
      <c r="S3598" s="20"/>
      <c r="T3598" s="19">
        <v>940</v>
      </c>
      <c r="U3598" s="19"/>
      <c r="V3598" s="19"/>
      <c r="W3598" s="19"/>
      <c r="X3598" s="19">
        <v>9</v>
      </c>
      <c r="Y3598" s="19"/>
      <c r="Z3598" s="19"/>
      <c r="AA3598" s="19"/>
    </row>
    <row r="3599" spans="1:27" s="1" customFormat="1" ht="14.1" customHeight="1" outlineLevel="2" x14ac:dyDescent="0.2">
      <c r="A3599" s="17"/>
      <c r="B3599" s="17"/>
      <c r="C3599" s="17"/>
      <c r="D3599" s="18"/>
      <c r="E3599" s="18"/>
      <c r="F3599" s="18"/>
      <c r="G3599" s="18"/>
      <c r="H3599" s="18"/>
      <c r="I3599" s="18"/>
      <c r="J3599" s="18"/>
      <c r="K3599" s="18"/>
      <c r="L3599" s="18"/>
      <c r="M3599" s="18"/>
      <c r="N3599" s="18"/>
      <c r="O3599" s="18"/>
      <c r="P3599" s="20"/>
      <c r="Q3599" s="20"/>
      <c r="R3599" s="20"/>
      <c r="S3599" s="20"/>
      <c r="T3599" s="19"/>
      <c r="U3599" s="19"/>
      <c r="V3599" s="19"/>
      <c r="W3599" s="19"/>
      <c r="X3599" s="19"/>
      <c r="Y3599" s="19"/>
      <c r="Z3599" s="19"/>
      <c r="AA3599" s="19"/>
    </row>
    <row r="3600" spans="1:27" s="1" customFormat="1" ht="14.1" customHeight="1" outlineLevel="2" x14ac:dyDescent="0.2">
      <c r="A3600" s="17">
        <v>16359</v>
      </c>
      <c r="B3600" s="17"/>
      <c r="C3600" s="17"/>
      <c r="D3600" s="18" t="s">
        <v>1802</v>
      </c>
      <c r="E3600" s="18"/>
      <c r="F3600" s="18"/>
      <c r="G3600" s="18"/>
      <c r="H3600" s="18"/>
      <c r="I3600" s="18"/>
      <c r="J3600" s="18"/>
      <c r="K3600" s="18"/>
      <c r="L3600" s="18"/>
      <c r="M3600" s="18"/>
      <c r="N3600" s="18"/>
      <c r="O3600" s="18"/>
      <c r="P3600" s="20">
        <v>1150</v>
      </c>
      <c r="Q3600" s="20"/>
      <c r="R3600" s="20"/>
      <c r="S3600" s="20"/>
      <c r="T3600" s="19">
        <v>950</v>
      </c>
      <c r="U3600" s="19"/>
      <c r="V3600" s="19"/>
      <c r="W3600" s="19"/>
      <c r="X3600" s="19">
        <v>19</v>
      </c>
      <c r="Y3600" s="19"/>
      <c r="Z3600" s="19"/>
      <c r="AA3600" s="19"/>
    </row>
    <row r="3601" spans="1:27" s="1" customFormat="1" ht="14.1" customHeight="1" outlineLevel="2" x14ac:dyDescent="0.2">
      <c r="A3601" s="17"/>
      <c r="B3601" s="17"/>
      <c r="C3601" s="17"/>
      <c r="D3601" s="18"/>
      <c r="E3601" s="18"/>
      <c r="F3601" s="18"/>
      <c r="G3601" s="18"/>
      <c r="H3601" s="18"/>
      <c r="I3601" s="18"/>
      <c r="J3601" s="18"/>
      <c r="K3601" s="18"/>
      <c r="L3601" s="18"/>
      <c r="M3601" s="18"/>
      <c r="N3601" s="18"/>
      <c r="O3601" s="18"/>
      <c r="P3601" s="20"/>
      <c r="Q3601" s="20"/>
      <c r="R3601" s="20"/>
      <c r="S3601" s="20"/>
      <c r="T3601" s="19"/>
      <c r="U3601" s="19"/>
      <c r="V3601" s="19"/>
      <c r="W3601" s="19"/>
      <c r="X3601" s="19"/>
      <c r="Y3601" s="19"/>
      <c r="Z3601" s="19"/>
      <c r="AA3601" s="19"/>
    </row>
    <row r="3602" spans="1:27" s="1" customFormat="1" ht="14.1" customHeight="1" outlineLevel="2" x14ac:dyDescent="0.2">
      <c r="A3602" s="17">
        <v>16360</v>
      </c>
      <c r="B3602" s="17"/>
      <c r="C3602" s="17"/>
      <c r="D3602" s="18" t="s">
        <v>1803</v>
      </c>
      <c r="E3602" s="18"/>
      <c r="F3602" s="18"/>
      <c r="G3602" s="18"/>
      <c r="H3602" s="18"/>
      <c r="I3602" s="18"/>
      <c r="J3602" s="18"/>
      <c r="K3602" s="18"/>
      <c r="L3602" s="18"/>
      <c r="M3602" s="18"/>
      <c r="N3602" s="18"/>
      <c r="O3602" s="18"/>
      <c r="P3602" s="19">
        <v>940</v>
      </c>
      <c r="Q3602" s="19"/>
      <c r="R3602" s="19"/>
      <c r="S3602" s="19"/>
      <c r="T3602" s="19">
        <v>840</v>
      </c>
      <c r="U3602" s="19"/>
      <c r="V3602" s="19"/>
      <c r="W3602" s="19"/>
      <c r="X3602" s="19">
        <v>27</v>
      </c>
      <c r="Y3602" s="19"/>
      <c r="Z3602" s="19"/>
      <c r="AA3602" s="19"/>
    </row>
    <row r="3603" spans="1:27" s="1" customFormat="1" ht="14.1" customHeight="1" outlineLevel="2" x14ac:dyDescent="0.2">
      <c r="A3603" s="17"/>
      <c r="B3603" s="17"/>
      <c r="C3603" s="17"/>
      <c r="D3603" s="18"/>
      <c r="E3603" s="18"/>
      <c r="F3603" s="18"/>
      <c r="G3603" s="18"/>
      <c r="H3603" s="18"/>
      <c r="I3603" s="18"/>
      <c r="J3603" s="18"/>
      <c r="K3603" s="18"/>
      <c r="L3603" s="18"/>
      <c r="M3603" s="18"/>
      <c r="N3603" s="18"/>
      <c r="O3603" s="18"/>
      <c r="P3603" s="19"/>
      <c r="Q3603" s="19"/>
      <c r="R3603" s="19"/>
      <c r="S3603" s="19"/>
      <c r="T3603" s="19"/>
      <c r="U3603" s="19"/>
      <c r="V3603" s="19"/>
      <c r="W3603" s="19"/>
      <c r="X3603" s="19"/>
      <c r="Y3603" s="19"/>
      <c r="Z3603" s="19"/>
      <c r="AA3603" s="19"/>
    </row>
    <row r="3604" spans="1:27" s="1" customFormat="1" ht="14.1" customHeight="1" outlineLevel="2" x14ac:dyDescent="0.2">
      <c r="A3604" s="17">
        <v>16357</v>
      </c>
      <c r="B3604" s="17"/>
      <c r="C3604" s="17"/>
      <c r="D3604" s="18" t="s">
        <v>1804</v>
      </c>
      <c r="E3604" s="18"/>
      <c r="F3604" s="18"/>
      <c r="G3604" s="18"/>
      <c r="H3604" s="18"/>
      <c r="I3604" s="18"/>
      <c r="J3604" s="18"/>
      <c r="K3604" s="18"/>
      <c r="L3604" s="18"/>
      <c r="M3604" s="18"/>
      <c r="N3604" s="18"/>
      <c r="O3604" s="18"/>
      <c r="P3604" s="20">
        <v>1350</v>
      </c>
      <c r="Q3604" s="20"/>
      <c r="R3604" s="20"/>
      <c r="S3604" s="20"/>
      <c r="T3604" s="20">
        <v>1150</v>
      </c>
      <c r="U3604" s="20"/>
      <c r="V3604" s="20"/>
      <c r="W3604" s="20"/>
      <c r="X3604" s="19">
        <v>13</v>
      </c>
      <c r="Y3604" s="19"/>
      <c r="Z3604" s="19"/>
      <c r="AA3604" s="19"/>
    </row>
    <row r="3605" spans="1:27" s="1" customFormat="1" ht="14.1" customHeight="1" outlineLevel="2" x14ac:dyDescent="0.2">
      <c r="A3605" s="17"/>
      <c r="B3605" s="17"/>
      <c r="C3605" s="17"/>
      <c r="D3605" s="18"/>
      <c r="E3605" s="18"/>
      <c r="F3605" s="18"/>
      <c r="G3605" s="18"/>
      <c r="H3605" s="18"/>
      <c r="I3605" s="18"/>
      <c r="J3605" s="18"/>
      <c r="K3605" s="18"/>
      <c r="L3605" s="18"/>
      <c r="M3605" s="18"/>
      <c r="N3605" s="18"/>
      <c r="O3605" s="18"/>
      <c r="P3605" s="20"/>
      <c r="Q3605" s="20"/>
      <c r="R3605" s="20"/>
      <c r="S3605" s="20"/>
      <c r="T3605" s="20"/>
      <c r="U3605" s="20"/>
      <c r="V3605" s="20"/>
      <c r="W3605" s="20"/>
      <c r="X3605" s="19"/>
      <c r="Y3605" s="19"/>
      <c r="Z3605" s="19"/>
      <c r="AA3605" s="19"/>
    </row>
    <row r="3606" spans="1:27" s="1" customFormat="1" ht="14.1" customHeight="1" outlineLevel="2" x14ac:dyDescent="0.2">
      <c r="A3606" s="17">
        <v>11190</v>
      </c>
      <c r="B3606" s="17"/>
      <c r="C3606" s="17"/>
      <c r="D3606" s="18" t="s">
        <v>1805</v>
      </c>
      <c r="E3606" s="18"/>
      <c r="F3606" s="18"/>
      <c r="G3606" s="18"/>
      <c r="H3606" s="18"/>
      <c r="I3606" s="18"/>
      <c r="J3606" s="18"/>
      <c r="K3606" s="18"/>
      <c r="L3606" s="18"/>
      <c r="M3606" s="18"/>
      <c r="N3606" s="18"/>
      <c r="O3606" s="18"/>
      <c r="P3606" s="20">
        <v>1200</v>
      </c>
      <c r="Q3606" s="20"/>
      <c r="R3606" s="20"/>
      <c r="S3606" s="20"/>
      <c r="T3606" s="20">
        <v>1000</v>
      </c>
      <c r="U3606" s="20"/>
      <c r="V3606" s="20"/>
      <c r="W3606" s="20"/>
      <c r="X3606" s="19">
        <v>3</v>
      </c>
      <c r="Y3606" s="19"/>
      <c r="Z3606" s="19"/>
      <c r="AA3606" s="19"/>
    </row>
    <row r="3607" spans="1:27" s="1" customFormat="1" ht="14.1" customHeight="1" outlineLevel="2" x14ac:dyDescent="0.2">
      <c r="A3607" s="17"/>
      <c r="B3607" s="17"/>
      <c r="C3607" s="17"/>
      <c r="D3607" s="18"/>
      <c r="E3607" s="18"/>
      <c r="F3607" s="18"/>
      <c r="G3607" s="18"/>
      <c r="H3607" s="18"/>
      <c r="I3607" s="18"/>
      <c r="J3607" s="18"/>
      <c r="K3607" s="18"/>
      <c r="L3607" s="18"/>
      <c r="M3607" s="18"/>
      <c r="N3607" s="18"/>
      <c r="O3607" s="18"/>
      <c r="P3607" s="20"/>
      <c r="Q3607" s="20"/>
      <c r="R3607" s="20"/>
      <c r="S3607" s="20"/>
      <c r="T3607" s="20"/>
      <c r="U3607" s="20"/>
      <c r="V3607" s="20"/>
      <c r="W3607" s="20"/>
      <c r="X3607" s="19"/>
      <c r="Y3607" s="19"/>
      <c r="Z3607" s="19"/>
      <c r="AA3607" s="19"/>
    </row>
    <row r="3608" spans="1:27" s="1" customFormat="1" ht="14.1" customHeight="1" outlineLevel="2" x14ac:dyDescent="0.2">
      <c r="A3608" s="17">
        <v>16361</v>
      </c>
      <c r="B3608" s="17"/>
      <c r="C3608" s="17"/>
      <c r="D3608" s="18" t="s">
        <v>1806</v>
      </c>
      <c r="E3608" s="18"/>
      <c r="F3608" s="18"/>
      <c r="G3608" s="18"/>
      <c r="H3608" s="18"/>
      <c r="I3608" s="18"/>
      <c r="J3608" s="18"/>
      <c r="K3608" s="18"/>
      <c r="L3608" s="18"/>
      <c r="M3608" s="18"/>
      <c r="N3608" s="18"/>
      <c r="O3608" s="18"/>
      <c r="P3608" s="20">
        <v>1300</v>
      </c>
      <c r="Q3608" s="20"/>
      <c r="R3608" s="20"/>
      <c r="S3608" s="20"/>
      <c r="T3608" s="19">
        <v>950</v>
      </c>
      <c r="U3608" s="19"/>
      <c r="V3608" s="19"/>
      <c r="W3608" s="19"/>
      <c r="X3608" s="19">
        <v>36</v>
      </c>
      <c r="Y3608" s="19"/>
      <c r="Z3608" s="19"/>
      <c r="AA3608" s="19"/>
    </row>
    <row r="3609" spans="1:27" s="1" customFormat="1" ht="14.1" customHeight="1" outlineLevel="2" x14ac:dyDescent="0.2">
      <c r="A3609" s="17"/>
      <c r="B3609" s="17"/>
      <c r="C3609" s="17"/>
      <c r="D3609" s="18"/>
      <c r="E3609" s="18"/>
      <c r="F3609" s="18"/>
      <c r="G3609" s="18"/>
      <c r="H3609" s="18"/>
      <c r="I3609" s="18"/>
      <c r="J3609" s="18"/>
      <c r="K3609" s="18"/>
      <c r="L3609" s="18"/>
      <c r="M3609" s="18"/>
      <c r="N3609" s="18"/>
      <c r="O3609" s="18"/>
      <c r="P3609" s="20"/>
      <c r="Q3609" s="20"/>
      <c r="R3609" s="20"/>
      <c r="S3609" s="20"/>
      <c r="T3609" s="19"/>
      <c r="U3609" s="19"/>
      <c r="V3609" s="19"/>
      <c r="W3609" s="19"/>
      <c r="X3609" s="19"/>
      <c r="Y3609" s="19"/>
      <c r="Z3609" s="19"/>
      <c r="AA3609" s="19"/>
    </row>
    <row r="3610" spans="1:27" s="1" customFormat="1" ht="14.1" customHeight="1" outlineLevel="2" x14ac:dyDescent="0.2">
      <c r="A3610" s="17">
        <v>15124</v>
      </c>
      <c r="B3610" s="17"/>
      <c r="C3610" s="17"/>
      <c r="D3610" s="18" t="s">
        <v>1807</v>
      </c>
      <c r="E3610" s="18"/>
      <c r="F3610" s="18"/>
      <c r="G3610" s="18"/>
      <c r="H3610" s="18"/>
      <c r="I3610" s="18"/>
      <c r="J3610" s="18"/>
      <c r="K3610" s="18"/>
      <c r="L3610" s="18"/>
      <c r="M3610" s="18"/>
      <c r="N3610" s="18"/>
      <c r="O3610" s="18"/>
      <c r="P3610" s="20">
        <v>1200</v>
      </c>
      <c r="Q3610" s="20"/>
      <c r="R3610" s="20"/>
      <c r="S3610" s="20"/>
      <c r="T3610" s="20">
        <v>1100</v>
      </c>
      <c r="U3610" s="20"/>
      <c r="V3610" s="20"/>
      <c r="W3610" s="20"/>
      <c r="X3610" s="19">
        <v>6</v>
      </c>
      <c r="Y3610" s="19"/>
      <c r="Z3610" s="19"/>
      <c r="AA3610" s="19"/>
    </row>
    <row r="3611" spans="1:27" s="1" customFormat="1" ht="14.1" customHeight="1" outlineLevel="2" x14ac:dyDescent="0.2">
      <c r="A3611" s="17"/>
      <c r="B3611" s="17"/>
      <c r="C3611" s="17"/>
      <c r="D3611" s="18"/>
      <c r="E3611" s="18"/>
      <c r="F3611" s="18"/>
      <c r="G3611" s="18"/>
      <c r="H3611" s="18"/>
      <c r="I3611" s="18"/>
      <c r="J3611" s="18"/>
      <c r="K3611" s="18"/>
      <c r="L3611" s="18"/>
      <c r="M3611" s="18"/>
      <c r="N3611" s="18"/>
      <c r="O3611" s="18"/>
      <c r="P3611" s="20"/>
      <c r="Q3611" s="20"/>
      <c r="R3611" s="20"/>
      <c r="S3611" s="20"/>
      <c r="T3611" s="20"/>
      <c r="U3611" s="20"/>
      <c r="V3611" s="20"/>
      <c r="W3611" s="20"/>
      <c r="X3611" s="19"/>
      <c r="Y3611" s="19"/>
      <c r="Z3611" s="19"/>
      <c r="AA3611" s="19"/>
    </row>
    <row r="3612" spans="1:27" s="1" customFormat="1" ht="14.1" customHeight="1" outlineLevel="2" x14ac:dyDescent="0.2">
      <c r="A3612" s="17">
        <v>15527</v>
      </c>
      <c r="B3612" s="17"/>
      <c r="C3612" s="17"/>
      <c r="D3612" s="18" t="s">
        <v>1808</v>
      </c>
      <c r="E3612" s="18"/>
      <c r="F3612" s="18"/>
      <c r="G3612" s="18"/>
      <c r="H3612" s="18"/>
      <c r="I3612" s="18"/>
      <c r="J3612" s="18"/>
      <c r="K3612" s="18"/>
      <c r="L3612" s="18"/>
      <c r="M3612" s="18"/>
      <c r="N3612" s="18"/>
      <c r="O3612" s="18"/>
      <c r="P3612" s="20">
        <v>1550</v>
      </c>
      <c r="Q3612" s="20"/>
      <c r="R3612" s="20"/>
      <c r="S3612" s="20"/>
      <c r="T3612" s="20">
        <v>1400</v>
      </c>
      <c r="U3612" s="20"/>
      <c r="V3612" s="20"/>
      <c r="W3612" s="20"/>
      <c r="X3612" s="19">
        <v>1</v>
      </c>
      <c r="Y3612" s="19"/>
      <c r="Z3612" s="19"/>
      <c r="AA3612" s="19"/>
    </row>
    <row r="3613" spans="1:27" s="1" customFormat="1" ht="14.1" customHeight="1" outlineLevel="2" x14ac:dyDescent="0.2">
      <c r="A3613" s="17"/>
      <c r="B3613" s="17"/>
      <c r="C3613" s="17"/>
      <c r="D3613" s="18"/>
      <c r="E3613" s="18"/>
      <c r="F3613" s="18"/>
      <c r="G3613" s="18"/>
      <c r="H3613" s="18"/>
      <c r="I3613" s="18"/>
      <c r="J3613" s="18"/>
      <c r="K3613" s="18"/>
      <c r="L3613" s="18"/>
      <c r="M3613" s="18"/>
      <c r="N3613" s="18"/>
      <c r="O3613" s="18"/>
      <c r="P3613" s="20"/>
      <c r="Q3613" s="20"/>
      <c r="R3613" s="20"/>
      <c r="S3613" s="20"/>
      <c r="T3613" s="20"/>
      <c r="U3613" s="20"/>
      <c r="V3613" s="20"/>
      <c r="W3613" s="20"/>
      <c r="X3613" s="19"/>
      <c r="Y3613" s="19"/>
      <c r="Z3613" s="19"/>
      <c r="AA3613" s="19"/>
    </row>
    <row r="3614" spans="1:27" s="1" customFormat="1" ht="14.1" customHeight="1" outlineLevel="2" x14ac:dyDescent="0.2">
      <c r="A3614" s="17">
        <v>16298</v>
      </c>
      <c r="B3614" s="17"/>
      <c r="C3614" s="17"/>
      <c r="D3614" s="18" t="s">
        <v>1809</v>
      </c>
      <c r="E3614" s="18"/>
      <c r="F3614" s="18"/>
      <c r="G3614" s="18"/>
      <c r="H3614" s="18"/>
      <c r="I3614" s="18"/>
      <c r="J3614" s="18"/>
      <c r="K3614" s="18"/>
      <c r="L3614" s="18"/>
      <c r="M3614" s="18"/>
      <c r="N3614" s="18"/>
      <c r="O3614" s="18"/>
      <c r="P3614" s="20">
        <v>1700</v>
      </c>
      <c r="Q3614" s="20"/>
      <c r="R3614" s="20"/>
      <c r="S3614" s="20"/>
      <c r="T3614" s="20">
        <v>1400</v>
      </c>
      <c r="U3614" s="20"/>
      <c r="V3614" s="20"/>
      <c r="W3614" s="20"/>
      <c r="X3614" s="19">
        <v>15</v>
      </c>
      <c r="Y3614" s="19"/>
      <c r="Z3614" s="19"/>
      <c r="AA3614" s="19"/>
    </row>
    <row r="3615" spans="1:27" s="1" customFormat="1" ht="14.1" customHeight="1" outlineLevel="2" x14ac:dyDescent="0.2">
      <c r="A3615" s="17"/>
      <c r="B3615" s="17"/>
      <c r="C3615" s="17"/>
      <c r="D3615" s="18"/>
      <c r="E3615" s="18"/>
      <c r="F3615" s="18"/>
      <c r="G3615" s="18"/>
      <c r="H3615" s="18"/>
      <c r="I3615" s="18"/>
      <c r="J3615" s="18"/>
      <c r="K3615" s="18"/>
      <c r="L3615" s="18"/>
      <c r="M3615" s="18"/>
      <c r="N3615" s="18"/>
      <c r="O3615" s="18"/>
      <c r="P3615" s="20"/>
      <c r="Q3615" s="20"/>
      <c r="R3615" s="20"/>
      <c r="S3615" s="20"/>
      <c r="T3615" s="20"/>
      <c r="U3615" s="20"/>
      <c r="V3615" s="20"/>
      <c r="W3615" s="20"/>
      <c r="X3615" s="19"/>
      <c r="Y3615" s="19"/>
      <c r="Z3615" s="19"/>
      <c r="AA3615" s="19"/>
    </row>
    <row r="3616" spans="1:27" s="1" customFormat="1" ht="14.1" customHeight="1" outlineLevel="2" x14ac:dyDescent="0.2">
      <c r="A3616" s="17">
        <v>18262</v>
      </c>
      <c r="B3616" s="17"/>
      <c r="C3616" s="17"/>
      <c r="D3616" s="18" t="s">
        <v>1810</v>
      </c>
      <c r="E3616" s="18"/>
      <c r="F3616" s="18"/>
      <c r="G3616" s="18"/>
      <c r="H3616" s="18"/>
      <c r="I3616" s="18"/>
      <c r="J3616" s="18"/>
      <c r="K3616" s="18"/>
      <c r="L3616" s="18"/>
      <c r="M3616" s="18"/>
      <c r="N3616" s="18"/>
      <c r="O3616" s="18"/>
      <c r="P3616" s="20">
        <v>1500</v>
      </c>
      <c r="Q3616" s="20"/>
      <c r="R3616" s="20"/>
      <c r="S3616" s="20"/>
      <c r="T3616" s="20">
        <v>1000</v>
      </c>
      <c r="U3616" s="20"/>
      <c r="V3616" s="20"/>
      <c r="W3616" s="20"/>
      <c r="X3616" s="19">
        <v>5</v>
      </c>
      <c r="Y3616" s="19"/>
      <c r="Z3616" s="19"/>
      <c r="AA3616" s="19"/>
    </row>
    <row r="3617" spans="1:27" s="1" customFormat="1" ht="14.1" customHeight="1" outlineLevel="2" x14ac:dyDescent="0.2">
      <c r="A3617" s="17"/>
      <c r="B3617" s="17"/>
      <c r="C3617" s="17"/>
      <c r="D3617" s="18"/>
      <c r="E3617" s="18"/>
      <c r="F3617" s="18"/>
      <c r="G3617" s="18"/>
      <c r="H3617" s="18"/>
      <c r="I3617" s="18"/>
      <c r="J3617" s="18"/>
      <c r="K3617" s="18"/>
      <c r="L3617" s="18"/>
      <c r="M3617" s="18"/>
      <c r="N3617" s="18"/>
      <c r="O3617" s="18"/>
      <c r="P3617" s="20"/>
      <c r="Q3617" s="20"/>
      <c r="R3617" s="20"/>
      <c r="S3617" s="20"/>
      <c r="T3617" s="20"/>
      <c r="U3617" s="20"/>
      <c r="V3617" s="20"/>
      <c r="W3617" s="20"/>
      <c r="X3617" s="19"/>
      <c r="Y3617" s="19"/>
      <c r="Z3617" s="19"/>
      <c r="AA3617" s="19"/>
    </row>
    <row r="3618" spans="1:27" s="1" customFormat="1" ht="14.1" customHeight="1" outlineLevel="2" x14ac:dyDescent="0.2">
      <c r="A3618" s="17">
        <v>15998</v>
      </c>
      <c r="B3618" s="17"/>
      <c r="C3618" s="17"/>
      <c r="D3618" s="18" t="s">
        <v>1811</v>
      </c>
      <c r="E3618" s="18"/>
      <c r="F3618" s="18"/>
      <c r="G3618" s="18"/>
      <c r="H3618" s="18"/>
      <c r="I3618" s="18"/>
      <c r="J3618" s="18"/>
      <c r="K3618" s="18"/>
      <c r="L3618" s="18"/>
      <c r="M3618" s="18"/>
      <c r="N3618" s="18"/>
      <c r="O3618" s="18"/>
      <c r="P3618" s="20">
        <v>1650</v>
      </c>
      <c r="Q3618" s="20"/>
      <c r="R3618" s="20"/>
      <c r="S3618" s="20"/>
      <c r="T3618" s="20">
        <v>1500</v>
      </c>
      <c r="U3618" s="20"/>
      <c r="V3618" s="20"/>
      <c r="W3618" s="20"/>
      <c r="X3618" s="19">
        <v>16</v>
      </c>
      <c r="Y3618" s="19"/>
      <c r="Z3618" s="19"/>
      <c r="AA3618" s="19"/>
    </row>
    <row r="3619" spans="1:27" s="1" customFormat="1" ht="14.1" customHeight="1" outlineLevel="2" x14ac:dyDescent="0.2">
      <c r="A3619" s="17"/>
      <c r="B3619" s="17"/>
      <c r="C3619" s="17"/>
      <c r="D3619" s="18"/>
      <c r="E3619" s="18"/>
      <c r="F3619" s="18"/>
      <c r="G3619" s="18"/>
      <c r="H3619" s="18"/>
      <c r="I3619" s="18"/>
      <c r="J3619" s="18"/>
      <c r="K3619" s="18"/>
      <c r="L3619" s="18"/>
      <c r="M3619" s="18"/>
      <c r="N3619" s="18"/>
      <c r="O3619" s="18"/>
      <c r="P3619" s="20"/>
      <c r="Q3619" s="20"/>
      <c r="R3619" s="20"/>
      <c r="S3619" s="20"/>
      <c r="T3619" s="20"/>
      <c r="U3619" s="20"/>
      <c r="V3619" s="20"/>
      <c r="W3619" s="20"/>
      <c r="X3619" s="19"/>
      <c r="Y3619" s="19"/>
      <c r="Z3619" s="19"/>
      <c r="AA3619" s="19"/>
    </row>
    <row r="3620" spans="1:27" s="1" customFormat="1" ht="14.1" customHeight="1" outlineLevel="2" x14ac:dyDescent="0.2">
      <c r="A3620" s="17">
        <v>17876</v>
      </c>
      <c r="B3620" s="17"/>
      <c r="C3620" s="17"/>
      <c r="D3620" s="18" t="s">
        <v>1812</v>
      </c>
      <c r="E3620" s="18"/>
      <c r="F3620" s="18"/>
      <c r="G3620" s="18"/>
      <c r="H3620" s="18"/>
      <c r="I3620" s="18"/>
      <c r="J3620" s="18"/>
      <c r="K3620" s="18"/>
      <c r="L3620" s="18"/>
      <c r="M3620" s="18"/>
      <c r="N3620" s="18"/>
      <c r="O3620" s="18"/>
      <c r="P3620" s="20">
        <v>2300</v>
      </c>
      <c r="Q3620" s="20"/>
      <c r="R3620" s="20"/>
      <c r="S3620" s="20"/>
      <c r="T3620" s="20">
        <v>2000</v>
      </c>
      <c r="U3620" s="20"/>
      <c r="V3620" s="20"/>
      <c r="W3620" s="20"/>
      <c r="X3620" s="19">
        <v>1</v>
      </c>
      <c r="Y3620" s="19"/>
      <c r="Z3620" s="19"/>
      <c r="AA3620" s="19"/>
    </row>
    <row r="3621" spans="1:27" s="1" customFormat="1" ht="14.1" customHeight="1" outlineLevel="2" x14ac:dyDescent="0.2">
      <c r="A3621" s="17"/>
      <c r="B3621" s="17"/>
      <c r="C3621" s="17"/>
      <c r="D3621" s="18"/>
      <c r="E3621" s="18"/>
      <c r="F3621" s="18"/>
      <c r="G3621" s="18"/>
      <c r="H3621" s="18"/>
      <c r="I3621" s="18"/>
      <c r="J3621" s="18"/>
      <c r="K3621" s="18"/>
      <c r="L3621" s="18"/>
      <c r="M3621" s="18"/>
      <c r="N3621" s="18"/>
      <c r="O3621" s="18"/>
      <c r="P3621" s="20"/>
      <c r="Q3621" s="20"/>
      <c r="R3621" s="20"/>
      <c r="S3621" s="20"/>
      <c r="T3621" s="20"/>
      <c r="U3621" s="20"/>
      <c r="V3621" s="20"/>
      <c r="W3621" s="20"/>
      <c r="X3621" s="19"/>
      <c r="Y3621" s="19"/>
      <c r="Z3621" s="19"/>
      <c r="AA3621" s="19"/>
    </row>
    <row r="3622" spans="1:27" s="1" customFormat="1" ht="14.1" customHeight="1" outlineLevel="2" x14ac:dyDescent="0.2">
      <c r="A3622" s="17">
        <v>18278</v>
      </c>
      <c r="B3622" s="17"/>
      <c r="C3622" s="17"/>
      <c r="D3622" s="18" t="s">
        <v>1813</v>
      </c>
      <c r="E3622" s="18"/>
      <c r="F3622" s="18"/>
      <c r="G3622" s="18"/>
      <c r="H3622" s="18"/>
      <c r="I3622" s="18"/>
      <c r="J3622" s="18"/>
      <c r="K3622" s="18"/>
      <c r="L3622" s="18"/>
      <c r="M3622" s="18"/>
      <c r="N3622" s="18"/>
      <c r="O3622" s="18"/>
      <c r="P3622" s="20">
        <v>6100</v>
      </c>
      <c r="Q3622" s="20"/>
      <c r="R3622" s="20"/>
      <c r="S3622" s="20"/>
      <c r="T3622" s="20">
        <v>5300</v>
      </c>
      <c r="U3622" s="20"/>
      <c r="V3622" s="20"/>
      <c r="W3622" s="20"/>
      <c r="X3622" s="19">
        <v>5</v>
      </c>
      <c r="Y3622" s="19"/>
      <c r="Z3622" s="19"/>
      <c r="AA3622" s="19"/>
    </row>
    <row r="3623" spans="1:27" s="1" customFormat="1" ht="14.1" customHeight="1" outlineLevel="2" x14ac:dyDescent="0.2">
      <c r="A3623" s="17"/>
      <c r="B3623" s="17"/>
      <c r="C3623" s="17"/>
      <c r="D3623" s="18"/>
      <c r="E3623" s="18"/>
      <c r="F3623" s="18"/>
      <c r="G3623" s="18"/>
      <c r="H3623" s="18"/>
      <c r="I3623" s="18"/>
      <c r="J3623" s="18"/>
      <c r="K3623" s="18"/>
      <c r="L3623" s="18"/>
      <c r="M3623" s="18"/>
      <c r="N3623" s="18"/>
      <c r="O3623" s="18"/>
      <c r="P3623" s="20"/>
      <c r="Q3623" s="20"/>
      <c r="R3623" s="20"/>
      <c r="S3623" s="20"/>
      <c r="T3623" s="20"/>
      <c r="U3623" s="20"/>
      <c r="V3623" s="20"/>
      <c r="W3623" s="20"/>
      <c r="X3623" s="19"/>
      <c r="Y3623" s="19"/>
      <c r="Z3623" s="19"/>
      <c r="AA3623" s="19"/>
    </row>
    <row r="3624" spans="1:27" s="1" customFormat="1" ht="14.1" customHeight="1" outlineLevel="2" x14ac:dyDescent="0.2">
      <c r="A3624" s="17">
        <v>18279</v>
      </c>
      <c r="B3624" s="17"/>
      <c r="C3624" s="17"/>
      <c r="D3624" s="18" t="s">
        <v>1814</v>
      </c>
      <c r="E3624" s="18"/>
      <c r="F3624" s="18"/>
      <c r="G3624" s="18"/>
      <c r="H3624" s="18"/>
      <c r="I3624" s="18"/>
      <c r="J3624" s="18"/>
      <c r="K3624" s="18"/>
      <c r="L3624" s="18"/>
      <c r="M3624" s="18"/>
      <c r="N3624" s="18"/>
      <c r="O3624" s="18"/>
      <c r="P3624" s="20">
        <v>3500</v>
      </c>
      <c r="Q3624" s="20"/>
      <c r="R3624" s="20"/>
      <c r="S3624" s="20"/>
      <c r="T3624" s="20">
        <v>2600</v>
      </c>
      <c r="U3624" s="20"/>
      <c r="V3624" s="20"/>
      <c r="W3624" s="20"/>
      <c r="X3624" s="19">
        <v>10</v>
      </c>
      <c r="Y3624" s="19"/>
      <c r="Z3624" s="19"/>
      <c r="AA3624" s="19"/>
    </row>
    <row r="3625" spans="1:27" s="1" customFormat="1" ht="14.1" customHeight="1" outlineLevel="2" x14ac:dyDescent="0.2">
      <c r="A3625" s="17"/>
      <c r="B3625" s="17"/>
      <c r="C3625" s="17"/>
      <c r="D3625" s="18"/>
      <c r="E3625" s="18"/>
      <c r="F3625" s="18"/>
      <c r="G3625" s="18"/>
      <c r="H3625" s="18"/>
      <c r="I3625" s="18"/>
      <c r="J3625" s="18"/>
      <c r="K3625" s="18"/>
      <c r="L3625" s="18"/>
      <c r="M3625" s="18"/>
      <c r="N3625" s="18"/>
      <c r="O3625" s="18"/>
      <c r="P3625" s="20"/>
      <c r="Q3625" s="20"/>
      <c r="R3625" s="20"/>
      <c r="S3625" s="20"/>
      <c r="T3625" s="20"/>
      <c r="U3625" s="20"/>
      <c r="V3625" s="20"/>
      <c r="W3625" s="20"/>
      <c r="X3625" s="19"/>
      <c r="Y3625" s="19"/>
      <c r="Z3625" s="19"/>
      <c r="AA3625" s="19"/>
    </row>
    <row r="3626" spans="1:27" s="1" customFormat="1" ht="14.1" customHeight="1" outlineLevel="2" x14ac:dyDescent="0.2">
      <c r="A3626" s="17">
        <v>15999</v>
      </c>
      <c r="B3626" s="17"/>
      <c r="C3626" s="17"/>
      <c r="D3626" s="18" t="s">
        <v>1815</v>
      </c>
      <c r="E3626" s="18"/>
      <c r="F3626" s="18"/>
      <c r="G3626" s="18"/>
      <c r="H3626" s="18"/>
      <c r="I3626" s="18"/>
      <c r="J3626" s="18"/>
      <c r="K3626" s="18"/>
      <c r="L3626" s="18"/>
      <c r="M3626" s="18"/>
      <c r="N3626" s="18"/>
      <c r="O3626" s="18"/>
      <c r="P3626" s="20">
        <v>1800</v>
      </c>
      <c r="Q3626" s="20"/>
      <c r="R3626" s="20"/>
      <c r="S3626" s="20"/>
      <c r="T3626" s="20">
        <v>1650</v>
      </c>
      <c r="U3626" s="20"/>
      <c r="V3626" s="20"/>
      <c r="W3626" s="20"/>
      <c r="X3626" s="19">
        <v>1</v>
      </c>
      <c r="Y3626" s="19"/>
      <c r="Z3626" s="19"/>
      <c r="AA3626" s="19"/>
    </row>
    <row r="3627" spans="1:27" s="1" customFormat="1" ht="14.1" customHeight="1" outlineLevel="2" x14ac:dyDescent="0.2">
      <c r="A3627" s="17"/>
      <c r="B3627" s="17"/>
      <c r="C3627" s="17"/>
      <c r="D3627" s="18"/>
      <c r="E3627" s="18"/>
      <c r="F3627" s="18"/>
      <c r="G3627" s="18"/>
      <c r="H3627" s="18"/>
      <c r="I3627" s="18"/>
      <c r="J3627" s="18"/>
      <c r="K3627" s="18"/>
      <c r="L3627" s="18"/>
      <c r="M3627" s="18"/>
      <c r="N3627" s="18"/>
      <c r="O3627" s="18"/>
      <c r="P3627" s="20"/>
      <c r="Q3627" s="20"/>
      <c r="R3627" s="20"/>
      <c r="S3627" s="20"/>
      <c r="T3627" s="20"/>
      <c r="U3627" s="20"/>
      <c r="V3627" s="20"/>
      <c r="W3627" s="20"/>
      <c r="X3627" s="19"/>
      <c r="Y3627" s="19"/>
      <c r="Z3627" s="19"/>
      <c r="AA3627" s="19"/>
    </row>
    <row r="3628" spans="1:27" s="1" customFormat="1" ht="14.1" customHeight="1" outlineLevel="2" x14ac:dyDescent="0.2">
      <c r="A3628" s="17">
        <v>10262</v>
      </c>
      <c r="B3628" s="17"/>
      <c r="C3628" s="17"/>
      <c r="D3628" s="18" t="s">
        <v>1816</v>
      </c>
      <c r="E3628" s="18"/>
      <c r="F3628" s="18"/>
      <c r="G3628" s="18"/>
      <c r="H3628" s="18"/>
      <c r="I3628" s="18"/>
      <c r="J3628" s="18"/>
      <c r="K3628" s="18"/>
      <c r="L3628" s="18"/>
      <c r="M3628" s="18"/>
      <c r="N3628" s="18"/>
      <c r="O3628" s="18"/>
      <c r="P3628" s="20">
        <v>2700</v>
      </c>
      <c r="Q3628" s="20"/>
      <c r="R3628" s="20"/>
      <c r="S3628" s="20"/>
      <c r="T3628" s="20">
        <v>2500</v>
      </c>
      <c r="U3628" s="20"/>
      <c r="V3628" s="20"/>
      <c r="W3628" s="20"/>
      <c r="X3628" s="19">
        <v>2</v>
      </c>
      <c r="Y3628" s="19"/>
      <c r="Z3628" s="19"/>
      <c r="AA3628" s="19"/>
    </row>
    <row r="3629" spans="1:27" s="1" customFormat="1" ht="14.1" customHeight="1" outlineLevel="2" x14ac:dyDescent="0.2">
      <c r="A3629" s="17"/>
      <c r="B3629" s="17"/>
      <c r="C3629" s="17"/>
      <c r="D3629" s="18"/>
      <c r="E3629" s="18"/>
      <c r="F3629" s="18"/>
      <c r="G3629" s="18"/>
      <c r="H3629" s="18"/>
      <c r="I3629" s="18"/>
      <c r="J3629" s="18"/>
      <c r="K3629" s="18"/>
      <c r="L3629" s="18"/>
      <c r="M3629" s="18"/>
      <c r="N3629" s="18"/>
      <c r="O3629" s="18"/>
      <c r="P3629" s="20"/>
      <c r="Q3629" s="20"/>
      <c r="R3629" s="20"/>
      <c r="S3629" s="20"/>
      <c r="T3629" s="20"/>
      <c r="U3629" s="20"/>
      <c r="V3629" s="20"/>
      <c r="W3629" s="20"/>
      <c r="X3629" s="19"/>
      <c r="Y3629" s="19"/>
      <c r="Z3629" s="19"/>
      <c r="AA3629" s="19"/>
    </row>
    <row r="3630" spans="1:27" s="1" customFormat="1" ht="14.1" customHeight="1" outlineLevel="2" x14ac:dyDescent="0.2">
      <c r="A3630" s="17">
        <v>16300</v>
      </c>
      <c r="B3630" s="17"/>
      <c r="C3630" s="17"/>
      <c r="D3630" s="18" t="s">
        <v>1817</v>
      </c>
      <c r="E3630" s="18"/>
      <c r="F3630" s="18"/>
      <c r="G3630" s="18"/>
      <c r="H3630" s="18"/>
      <c r="I3630" s="18"/>
      <c r="J3630" s="18"/>
      <c r="K3630" s="18"/>
      <c r="L3630" s="18"/>
      <c r="M3630" s="18"/>
      <c r="N3630" s="18"/>
      <c r="O3630" s="18"/>
      <c r="P3630" s="20">
        <v>4500</v>
      </c>
      <c r="Q3630" s="20"/>
      <c r="R3630" s="20"/>
      <c r="S3630" s="20"/>
      <c r="T3630" s="20">
        <v>4500</v>
      </c>
      <c r="U3630" s="20"/>
      <c r="V3630" s="20"/>
      <c r="W3630" s="20"/>
      <c r="X3630" s="19">
        <v>3</v>
      </c>
      <c r="Y3630" s="19"/>
      <c r="Z3630" s="19"/>
      <c r="AA3630" s="19"/>
    </row>
    <row r="3631" spans="1:27" s="1" customFormat="1" ht="14.1" customHeight="1" outlineLevel="2" x14ac:dyDescent="0.2">
      <c r="A3631" s="17"/>
      <c r="B3631" s="17"/>
      <c r="C3631" s="17"/>
      <c r="D3631" s="18"/>
      <c r="E3631" s="18"/>
      <c r="F3631" s="18"/>
      <c r="G3631" s="18"/>
      <c r="H3631" s="18"/>
      <c r="I3631" s="18"/>
      <c r="J3631" s="18"/>
      <c r="K3631" s="18"/>
      <c r="L3631" s="18"/>
      <c r="M3631" s="18"/>
      <c r="N3631" s="18"/>
      <c r="O3631" s="18"/>
      <c r="P3631" s="20"/>
      <c r="Q3631" s="20"/>
      <c r="R3631" s="20"/>
      <c r="S3631" s="20"/>
      <c r="T3631" s="20"/>
      <c r="U3631" s="20"/>
      <c r="V3631" s="20"/>
      <c r="W3631" s="20"/>
      <c r="X3631" s="19"/>
      <c r="Y3631" s="19"/>
      <c r="Z3631" s="19"/>
      <c r="AA3631" s="19"/>
    </row>
    <row r="3632" spans="1:27" s="1" customFormat="1" ht="14.1" customHeight="1" outlineLevel="2" x14ac:dyDescent="0.2">
      <c r="A3632" s="17">
        <v>17902</v>
      </c>
      <c r="B3632" s="17"/>
      <c r="C3632" s="17"/>
      <c r="D3632" s="18" t="s">
        <v>1818</v>
      </c>
      <c r="E3632" s="18"/>
      <c r="F3632" s="18"/>
      <c r="G3632" s="18"/>
      <c r="H3632" s="18"/>
      <c r="I3632" s="18"/>
      <c r="J3632" s="18"/>
      <c r="K3632" s="18"/>
      <c r="L3632" s="18"/>
      <c r="M3632" s="18"/>
      <c r="N3632" s="18"/>
      <c r="O3632" s="18"/>
      <c r="P3632" s="20">
        <v>3800</v>
      </c>
      <c r="Q3632" s="20"/>
      <c r="R3632" s="20"/>
      <c r="S3632" s="20"/>
      <c r="T3632" s="20">
        <v>3500</v>
      </c>
      <c r="U3632" s="20"/>
      <c r="V3632" s="20"/>
      <c r="W3632" s="20"/>
      <c r="X3632" s="19">
        <v>1</v>
      </c>
      <c r="Y3632" s="19"/>
      <c r="Z3632" s="19"/>
      <c r="AA3632" s="19"/>
    </row>
    <row r="3633" spans="1:27" s="1" customFormat="1" ht="14.1" customHeight="1" outlineLevel="2" x14ac:dyDescent="0.2">
      <c r="A3633" s="17"/>
      <c r="B3633" s="17"/>
      <c r="C3633" s="17"/>
      <c r="D3633" s="18"/>
      <c r="E3633" s="18"/>
      <c r="F3633" s="18"/>
      <c r="G3633" s="18"/>
      <c r="H3633" s="18"/>
      <c r="I3633" s="18"/>
      <c r="J3633" s="18"/>
      <c r="K3633" s="18"/>
      <c r="L3633" s="18"/>
      <c r="M3633" s="18"/>
      <c r="N3633" s="18"/>
      <c r="O3633" s="18"/>
      <c r="P3633" s="20"/>
      <c r="Q3633" s="20"/>
      <c r="R3633" s="20"/>
      <c r="S3633" s="20"/>
      <c r="T3633" s="20"/>
      <c r="U3633" s="20"/>
      <c r="V3633" s="20"/>
      <c r="W3633" s="20"/>
      <c r="X3633" s="19"/>
      <c r="Y3633" s="19"/>
      <c r="Z3633" s="19"/>
      <c r="AA3633" s="19"/>
    </row>
    <row r="3634" spans="1:27" s="1" customFormat="1" ht="14.1" customHeight="1" outlineLevel="2" x14ac:dyDescent="0.2">
      <c r="A3634" s="17">
        <v>12527</v>
      </c>
      <c r="B3634" s="17"/>
      <c r="C3634" s="17"/>
      <c r="D3634" s="18" t="s">
        <v>1819</v>
      </c>
      <c r="E3634" s="18"/>
      <c r="F3634" s="18"/>
      <c r="G3634" s="18"/>
      <c r="H3634" s="18"/>
      <c r="I3634" s="18"/>
      <c r="J3634" s="18"/>
      <c r="K3634" s="18"/>
      <c r="L3634" s="18"/>
      <c r="M3634" s="18"/>
      <c r="N3634" s="18"/>
      <c r="O3634" s="18"/>
      <c r="P3634" s="20">
        <v>1950</v>
      </c>
      <c r="Q3634" s="20"/>
      <c r="R3634" s="20"/>
      <c r="S3634" s="20"/>
      <c r="T3634" s="20">
        <v>1850</v>
      </c>
      <c r="U3634" s="20"/>
      <c r="V3634" s="20"/>
      <c r="W3634" s="20"/>
      <c r="X3634" s="19">
        <v>2</v>
      </c>
      <c r="Y3634" s="19"/>
      <c r="Z3634" s="19"/>
      <c r="AA3634" s="19"/>
    </row>
    <row r="3635" spans="1:27" s="1" customFormat="1" ht="14.1" customHeight="1" outlineLevel="2" x14ac:dyDescent="0.2">
      <c r="A3635" s="17"/>
      <c r="B3635" s="17"/>
      <c r="C3635" s="17"/>
      <c r="D3635" s="18"/>
      <c r="E3635" s="18"/>
      <c r="F3635" s="18"/>
      <c r="G3635" s="18"/>
      <c r="H3635" s="18"/>
      <c r="I3635" s="18"/>
      <c r="J3635" s="18"/>
      <c r="K3635" s="18"/>
      <c r="L3635" s="18"/>
      <c r="M3635" s="18"/>
      <c r="N3635" s="18"/>
      <c r="O3635" s="18"/>
      <c r="P3635" s="20"/>
      <c r="Q3635" s="20"/>
      <c r="R3635" s="20"/>
      <c r="S3635" s="20"/>
      <c r="T3635" s="20"/>
      <c r="U3635" s="20"/>
      <c r="V3635" s="20"/>
      <c r="W3635" s="20"/>
      <c r="X3635" s="19"/>
      <c r="Y3635" s="19"/>
      <c r="Z3635" s="19"/>
      <c r="AA3635" s="19"/>
    </row>
    <row r="3636" spans="1:27" s="1" customFormat="1" ht="14.1" customHeight="1" outlineLevel="2" x14ac:dyDescent="0.2">
      <c r="A3636" s="17">
        <v>11371</v>
      </c>
      <c r="B3636" s="17"/>
      <c r="C3636" s="17"/>
      <c r="D3636" s="18" t="s">
        <v>1820</v>
      </c>
      <c r="E3636" s="18"/>
      <c r="F3636" s="18"/>
      <c r="G3636" s="18"/>
      <c r="H3636" s="18"/>
      <c r="I3636" s="18"/>
      <c r="J3636" s="18"/>
      <c r="K3636" s="18"/>
      <c r="L3636" s="18"/>
      <c r="M3636" s="18"/>
      <c r="N3636" s="18"/>
      <c r="O3636" s="18"/>
      <c r="P3636" s="20">
        <v>2600</v>
      </c>
      <c r="Q3636" s="20"/>
      <c r="R3636" s="20"/>
      <c r="S3636" s="20"/>
      <c r="T3636" s="20">
        <v>2400</v>
      </c>
      <c r="U3636" s="20"/>
      <c r="V3636" s="20"/>
      <c r="W3636" s="20"/>
      <c r="X3636" s="19">
        <v>2</v>
      </c>
      <c r="Y3636" s="19"/>
      <c r="Z3636" s="19"/>
      <c r="AA3636" s="19"/>
    </row>
    <row r="3637" spans="1:27" s="1" customFormat="1" ht="14.1" customHeight="1" outlineLevel="2" x14ac:dyDescent="0.2">
      <c r="A3637" s="17"/>
      <c r="B3637" s="17"/>
      <c r="C3637" s="17"/>
      <c r="D3637" s="18"/>
      <c r="E3637" s="18"/>
      <c r="F3637" s="18"/>
      <c r="G3637" s="18"/>
      <c r="H3637" s="18"/>
      <c r="I3637" s="18"/>
      <c r="J3637" s="18"/>
      <c r="K3637" s="18"/>
      <c r="L3637" s="18"/>
      <c r="M3637" s="18"/>
      <c r="N3637" s="18"/>
      <c r="O3637" s="18"/>
      <c r="P3637" s="20"/>
      <c r="Q3637" s="20"/>
      <c r="R3637" s="20"/>
      <c r="S3637" s="20"/>
      <c r="T3637" s="20"/>
      <c r="U3637" s="20"/>
      <c r="V3637" s="20"/>
      <c r="W3637" s="20"/>
      <c r="X3637" s="19"/>
      <c r="Y3637" s="19"/>
      <c r="Z3637" s="19"/>
      <c r="AA3637" s="19"/>
    </row>
    <row r="3638" spans="1:27" s="1" customFormat="1" ht="14.1" customHeight="1" outlineLevel="2" x14ac:dyDescent="0.2">
      <c r="A3638" s="17">
        <v>9214</v>
      </c>
      <c r="B3638" s="17"/>
      <c r="C3638" s="17"/>
      <c r="D3638" s="18" t="s">
        <v>1821</v>
      </c>
      <c r="E3638" s="18"/>
      <c r="F3638" s="18"/>
      <c r="G3638" s="18"/>
      <c r="H3638" s="18"/>
      <c r="I3638" s="18"/>
      <c r="J3638" s="18"/>
      <c r="K3638" s="18"/>
      <c r="L3638" s="18"/>
      <c r="M3638" s="18"/>
      <c r="N3638" s="18"/>
      <c r="O3638" s="18"/>
      <c r="P3638" s="20">
        <v>3150</v>
      </c>
      <c r="Q3638" s="20"/>
      <c r="R3638" s="20"/>
      <c r="S3638" s="20"/>
      <c r="T3638" s="20">
        <v>2900</v>
      </c>
      <c r="U3638" s="20"/>
      <c r="V3638" s="20"/>
      <c r="W3638" s="20"/>
      <c r="X3638" s="19">
        <v>6</v>
      </c>
      <c r="Y3638" s="19"/>
      <c r="Z3638" s="19"/>
      <c r="AA3638" s="19"/>
    </row>
    <row r="3639" spans="1:27" s="1" customFormat="1" ht="14.1" customHeight="1" outlineLevel="2" x14ac:dyDescent="0.2">
      <c r="A3639" s="17"/>
      <c r="B3639" s="17"/>
      <c r="C3639" s="17"/>
      <c r="D3639" s="18"/>
      <c r="E3639" s="18"/>
      <c r="F3639" s="18"/>
      <c r="G3639" s="18"/>
      <c r="H3639" s="18"/>
      <c r="I3639" s="18"/>
      <c r="J3639" s="18"/>
      <c r="K3639" s="18"/>
      <c r="L3639" s="18"/>
      <c r="M3639" s="18"/>
      <c r="N3639" s="18"/>
      <c r="O3639" s="18"/>
      <c r="P3639" s="20"/>
      <c r="Q3639" s="20"/>
      <c r="R3639" s="20"/>
      <c r="S3639" s="20"/>
      <c r="T3639" s="20"/>
      <c r="U3639" s="20"/>
      <c r="V3639" s="20"/>
      <c r="W3639" s="20"/>
      <c r="X3639" s="19"/>
      <c r="Y3639" s="19"/>
      <c r="Z3639" s="19"/>
      <c r="AA3639" s="19"/>
    </row>
    <row r="3640" spans="1:27" s="1" customFormat="1" ht="14.1" customHeight="1" outlineLevel="2" x14ac:dyDescent="0.2">
      <c r="A3640" s="17">
        <v>9785</v>
      </c>
      <c r="B3640" s="17"/>
      <c r="C3640" s="17"/>
      <c r="D3640" s="18" t="s">
        <v>1822</v>
      </c>
      <c r="E3640" s="18"/>
      <c r="F3640" s="18"/>
      <c r="G3640" s="18"/>
      <c r="H3640" s="18"/>
      <c r="I3640" s="18"/>
      <c r="J3640" s="18"/>
      <c r="K3640" s="18"/>
      <c r="L3640" s="18"/>
      <c r="M3640" s="18"/>
      <c r="N3640" s="18"/>
      <c r="O3640" s="18"/>
      <c r="P3640" s="20">
        <v>1300</v>
      </c>
      <c r="Q3640" s="20"/>
      <c r="R3640" s="20"/>
      <c r="S3640" s="20"/>
      <c r="T3640" s="20">
        <v>1080</v>
      </c>
      <c r="U3640" s="20"/>
      <c r="V3640" s="20"/>
      <c r="W3640" s="20"/>
      <c r="X3640" s="19">
        <v>15</v>
      </c>
      <c r="Y3640" s="19"/>
      <c r="Z3640" s="19"/>
      <c r="AA3640" s="19"/>
    </row>
    <row r="3641" spans="1:27" s="1" customFormat="1" ht="14.1" customHeight="1" outlineLevel="2" x14ac:dyDescent="0.2">
      <c r="A3641" s="17"/>
      <c r="B3641" s="17"/>
      <c r="C3641" s="17"/>
      <c r="D3641" s="18"/>
      <c r="E3641" s="18"/>
      <c r="F3641" s="18"/>
      <c r="G3641" s="18"/>
      <c r="H3641" s="18"/>
      <c r="I3641" s="18"/>
      <c r="J3641" s="18"/>
      <c r="K3641" s="18"/>
      <c r="L3641" s="18"/>
      <c r="M3641" s="18"/>
      <c r="N3641" s="18"/>
      <c r="O3641" s="18"/>
      <c r="P3641" s="20"/>
      <c r="Q3641" s="20"/>
      <c r="R3641" s="20"/>
      <c r="S3641" s="20"/>
      <c r="T3641" s="20"/>
      <c r="U3641" s="20"/>
      <c r="V3641" s="20"/>
      <c r="W3641" s="20"/>
      <c r="X3641" s="19"/>
      <c r="Y3641" s="19"/>
      <c r="Z3641" s="19"/>
      <c r="AA3641" s="19"/>
    </row>
    <row r="3642" spans="1:27" s="1" customFormat="1" ht="14.1" customHeight="1" outlineLevel="2" x14ac:dyDescent="0.2">
      <c r="A3642" s="17">
        <v>15682</v>
      </c>
      <c r="B3642" s="17"/>
      <c r="C3642" s="17"/>
      <c r="D3642" s="18" t="s">
        <v>1823</v>
      </c>
      <c r="E3642" s="18"/>
      <c r="F3642" s="18"/>
      <c r="G3642" s="18"/>
      <c r="H3642" s="18"/>
      <c r="I3642" s="18"/>
      <c r="J3642" s="18"/>
      <c r="K3642" s="18"/>
      <c r="L3642" s="18"/>
      <c r="M3642" s="18"/>
      <c r="N3642" s="18"/>
      <c r="O3642" s="18"/>
      <c r="P3642" s="19">
        <v>990</v>
      </c>
      <c r="Q3642" s="19"/>
      <c r="R3642" s="19"/>
      <c r="S3642" s="19"/>
      <c r="T3642" s="19">
        <v>900</v>
      </c>
      <c r="U3642" s="19"/>
      <c r="V3642" s="19"/>
      <c r="W3642" s="19"/>
      <c r="X3642" s="19">
        <v>1</v>
      </c>
      <c r="Y3642" s="19"/>
      <c r="Z3642" s="19"/>
      <c r="AA3642" s="19"/>
    </row>
    <row r="3643" spans="1:27" s="1" customFormat="1" ht="14.1" customHeight="1" outlineLevel="2" x14ac:dyDescent="0.2">
      <c r="A3643" s="17"/>
      <c r="B3643" s="17"/>
      <c r="C3643" s="17"/>
      <c r="D3643" s="18"/>
      <c r="E3643" s="18"/>
      <c r="F3643" s="18"/>
      <c r="G3643" s="18"/>
      <c r="H3643" s="18"/>
      <c r="I3643" s="18"/>
      <c r="J3643" s="18"/>
      <c r="K3643" s="18"/>
      <c r="L3643" s="18"/>
      <c r="M3643" s="18"/>
      <c r="N3643" s="18"/>
      <c r="O3643" s="18"/>
      <c r="P3643" s="19"/>
      <c r="Q3643" s="19"/>
      <c r="R3643" s="19"/>
      <c r="S3643" s="19"/>
      <c r="T3643" s="19"/>
      <c r="U3643" s="19"/>
      <c r="V3643" s="19"/>
      <c r="W3643" s="19"/>
      <c r="X3643" s="19"/>
      <c r="Y3643" s="19"/>
      <c r="Z3643" s="19"/>
      <c r="AA3643" s="19"/>
    </row>
    <row r="3644" spans="1:27" s="1" customFormat="1" ht="14.1" customHeight="1" outlineLevel="2" x14ac:dyDescent="0.2">
      <c r="A3644" s="17">
        <v>13531</v>
      </c>
      <c r="B3644" s="17"/>
      <c r="C3644" s="17"/>
      <c r="D3644" s="18" t="s">
        <v>1824</v>
      </c>
      <c r="E3644" s="18"/>
      <c r="F3644" s="18"/>
      <c r="G3644" s="18"/>
      <c r="H3644" s="18"/>
      <c r="I3644" s="18"/>
      <c r="J3644" s="18"/>
      <c r="K3644" s="18"/>
      <c r="L3644" s="18"/>
      <c r="M3644" s="18"/>
      <c r="N3644" s="18"/>
      <c r="O3644" s="18"/>
      <c r="P3644" s="20">
        <v>2400</v>
      </c>
      <c r="Q3644" s="20"/>
      <c r="R3644" s="20"/>
      <c r="S3644" s="20"/>
      <c r="T3644" s="20">
        <v>2200</v>
      </c>
      <c r="U3644" s="20"/>
      <c r="V3644" s="20"/>
      <c r="W3644" s="20"/>
      <c r="X3644" s="19">
        <v>3</v>
      </c>
      <c r="Y3644" s="19"/>
      <c r="Z3644" s="19"/>
      <c r="AA3644" s="19"/>
    </row>
    <row r="3645" spans="1:27" s="1" customFormat="1" ht="14.1" customHeight="1" outlineLevel="2" x14ac:dyDescent="0.2">
      <c r="A3645" s="17"/>
      <c r="B3645" s="17"/>
      <c r="C3645" s="17"/>
      <c r="D3645" s="18"/>
      <c r="E3645" s="18"/>
      <c r="F3645" s="18"/>
      <c r="G3645" s="18"/>
      <c r="H3645" s="18"/>
      <c r="I3645" s="18"/>
      <c r="J3645" s="18"/>
      <c r="K3645" s="18"/>
      <c r="L3645" s="18"/>
      <c r="M3645" s="18"/>
      <c r="N3645" s="18"/>
      <c r="O3645" s="18"/>
      <c r="P3645" s="20"/>
      <c r="Q3645" s="20"/>
      <c r="R3645" s="20"/>
      <c r="S3645" s="20"/>
      <c r="T3645" s="20"/>
      <c r="U3645" s="20"/>
      <c r="V3645" s="20"/>
      <c r="W3645" s="20"/>
      <c r="X3645" s="19"/>
      <c r="Y3645" s="19"/>
      <c r="Z3645" s="19"/>
      <c r="AA3645" s="19"/>
    </row>
    <row r="3646" spans="1:27" s="1" customFormat="1" ht="14.1" customHeight="1" outlineLevel="2" x14ac:dyDescent="0.2">
      <c r="A3646" s="17">
        <v>17899</v>
      </c>
      <c r="B3646" s="17"/>
      <c r="C3646" s="17"/>
      <c r="D3646" s="18" t="s">
        <v>1825</v>
      </c>
      <c r="E3646" s="18"/>
      <c r="F3646" s="18"/>
      <c r="G3646" s="18"/>
      <c r="H3646" s="18"/>
      <c r="I3646" s="18"/>
      <c r="J3646" s="18"/>
      <c r="K3646" s="18"/>
      <c r="L3646" s="18"/>
      <c r="M3646" s="18"/>
      <c r="N3646" s="18"/>
      <c r="O3646" s="18"/>
      <c r="P3646" s="20">
        <v>3800</v>
      </c>
      <c r="Q3646" s="20"/>
      <c r="R3646" s="20"/>
      <c r="S3646" s="20"/>
      <c r="T3646" s="20">
        <v>3500</v>
      </c>
      <c r="U3646" s="20"/>
      <c r="V3646" s="20"/>
      <c r="W3646" s="20"/>
      <c r="X3646" s="19">
        <v>1</v>
      </c>
      <c r="Y3646" s="19"/>
      <c r="Z3646" s="19"/>
      <c r="AA3646" s="19"/>
    </row>
    <row r="3647" spans="1:27" s="1" customFormat="1" ht="14.1" customHeight="1" outlineLevel="2" x14ac:dyDescent="0.2">
      <c r="A3647" s="17"/>
      <c r="B3647" s="17"/>
      <c r="C3647" s="17"/>
      <c r="D3647" s="18"/>
      <c r="E3647" s="18"/>
      <c r="F3647" s="18"/>
      <c r="G3647" s="18"/>
      <c r="H3647" s="18"/>
      <c r="I3647" s="18"/>
      <c r="J3647" s="18"/>
      <c r="K3647" s="18"/>
      <c r="L3647" s="18"/>
      <c r="M3647" s="18"/>
      <c r="N3647" s="18"/>
      <c r="O3647" s="18"/>
      <c r="P3647" s="20"/>
      <c r="Q3647" s="20"/>
      <c r="R3647" s="20"/>
      <c r="S3647" s="20"/>
      <c r="T3647" s="20"/>
      <c r="U3647" s="20"/>
      <c r="V3647" s="20"/>
      <c r="W3647" s="20"/>
      <c r="X3647" s="19"/>
      <c r="Y3647" s="19"/>
      <c r="Z3647" s="19"/>
      <c r="AA3647" s="19"/>
    </row>
    <row r="3648" spans="1:27" s="1" customFormat="1" ht="14.1" customHeight="1" outlineLevel="2" x14ac:dyDescent="0.2">
      <c r="A3648" s="17">
        <v>14376</v>
      </c>
      <c r="B3648" s="17"/>
      <c r="C3648" s="17"/>
      <c r="D3648" s="18" t="s">
        <v>1826</v>
      </c>
      <c r="E3648" s="18"/>
      <c r="F3648" s="18"/>
      <c r="G3648" s="18"/>
      <c r="H3648" s="18"/>
      <c r="I3648" s="18"/>
      <c r="J3648" s="18"/>
      <c r="K3648" s="18"/>
      <c r="L3648" s="18"/>
      <c r="M3648" s="18"/>
      <c r="N3648" s="18"/>
      <c r="O3648" s="18"/>
      <c r="P3648" s="20">
        <v>1650</v>
      </c>
      <c r="Q3648" s="20"/>
      <c r="R3648" s="20"/>
      <c r="S3648" s="20"/>
      <c r="T3648" s="20">
        <v>1500</v>
      </c>
      <c r="U3648" s="20"/>
      <c r="V3648" s="20"/>
      <c r="W3648" s="20"/>
      <c r="X3648" s="19">
        <v>4</v>
      </c>
      <c r="Y3648" s="19"/>
      <c r="Z3648" s="19"/>
      <c r="AA3648" s="19"/>
    </row>
    <row r="3649" spans="1:27" s="1" customFormat="1" ht="14.1" customHeight="1" outlineLevel="2" x14ac:dyDescent="0.2">
      <c r="A3649" s="17"/>
      <c r="B3649" s="17"/>
      <c r="C3649" s="17"/>
      <c r="D3649" s="18"/>
      <c r="E3649" s="18"/>
      <c r="F3649" s="18"/>
      <c r="G3649" s="18"/>
      <c r="H3649" s="18"/>
      <c r="I3649" s="18"/>
      <c r="J3649" s="18"/>
      <c r="K3649" s="18"/>
      <c r="L3649" s="18"/>
      <c r="M3649" s="18"/>
      <c r="N3649" s="18"/>
      <c r="O3649" s="18"/>
      <c r="P3649" s="20"/>
      <c r="Q3649" s="20"/>
      <c r="R3649" s="20"/>
      <c r="S3649" s="20"/>
      <c r="T3649" s="20"/>
      <c r="U3649" s="20"/>
      <c r="V3649" s="20"/>
      <c r="W3649" s="20"/>
      <c r="X3649" s="19"/>
      <c r="Y3649" s="19"/>
      <c r="Z3649" s="19"/>
      <c r="AA3649" s="19"/>
    </row>
    <row r="3650" spans="1:27" s="1" customFormat="1" ht="14.1" customHeight="1" outlineLevel="2" x14ac:dyDescent="0.2">
      <c r="A3650" s="17">
        <v>13646</v>
      </c>
      <c r="B3650" s="17"/>
      <c r="C3650" s="17"/>
      <c r="D3650" s="18" t="s">
        <v>1827</v>
      </c>
      <c r="E3650" s="18"/>
      <c r="F3650" s="18"/>
      <c r="G3650" s="18"/>
      <c r="H3650" s="18"/>
      <c r="I3650" s="18"/>
      <c r="J3650" s="18"/>
      <c r="K3650" s="18"/>
      <c r="L3650" s="18"/>
      <c r="M3650" s="18"/>
      <c r="N3650" s="18"/>
      <c r="O3650" s="18"/>
      <c r="P3650" s="20">
        <v>1450</v>
      </c>
      <c r="Q3650" s="20"/>
      <c r="R3650" s="20"/>
      <c r="S3650" s="20"/>
      <c r="T3650" s="20">
        <v>1100</v>
      </c>
      <c r="U3650" s="20"/>
      <c r="V3650" s="20"/>
      <c r="W3650" s="20"/>
      <c r="X3650" s="19">
        <v>18</v>
      </c>
      <c r="Y3650" s="19"/>
      <c r="Z3650" s="19"/>
      <c r="AA3650" s="19"/>
    </row>
    <row r="3651" spans="1:27" s="1" customFormat="1" ht="14.1" customHeight="1" outlineLevel="2" x14ac:dyDescent="0.2">
      <c r="A3651" s="17"/>
      <c r="B3651" s="17"/>
      <c r="C3651" s="17"/>
      <c r="D3651" s="18"/>
      <c r="E3651" s="18"/>
      <c r="F3651" s="18"/>
      <c r="G3651" s="18"/>
      <c r="H3651" s="18"/>
      <c r="I3651" s="18"/>
      <c r="J3651" s="18"/>
      <c r="K3651" s="18"/>
      <c r="L3651" s="18"/>
      <c r="M3651" s="18"/>
      <c r="N3651" s="18"/>
      <c r="O3651" s="18"/>
      <c r="P3651" s="20"/>
      <c r="Q3651" s="20"/>
      <c r="R3651" s="20"/>
      <c r="S3651" s="20"/>
      <c r="T3651" s="20"/>
      <c r="U3651" s="20"/>
      <c r="V3651" s="20"/>
      <c r="W3651" s="20"/>
      <c r="X3651" s="19"/>
      <c r="Y3651" s="19"/>
      <c r="Z3651" s="19"/>
      <c r="AA3651" s="19"/>
    </row>
    <row r="3652" spans="1:27" s="1" customFormat="1" ht="14.1" customHeight="1" outlineLevel="2" x14ac:dyDescent="0.2">
      <c r="A3652" s="17">
        <v>17903</v>
      </c>
      <c r="B3652" s="17"/>
      <c r="C3652" s="17"/>
      <c r="D3652" s="18" t="s">
        <v>1828</v>
      </c>
      <c r="E3652" s="18"/>
      <c r="F3652" s="18"/>
      <c r="G3652" s="18"/>
      <c r="H3652" s="18"/>
      <c r="I3652" s="18"/>
      <c r="J3652" s="18"/>
      <c r="K3652" s="18"/>
      <c r="L3652" s="18"/>
      <c r="M3652" s="18"/>
      <c r="N3652" s="18"/>
      <c r="O3652" s="18"/>
      <c r="P3652" s="20">
        <v>2300</v>
      </c>
      <c r="Q3652" s="20"/>
      <c r="R3652" s="20"/>
      <c r="S3652" s="20"/>
      <c r="T3652" s="20">
        <v>2000</v>
      </c>
      <c r="U3652" s="20"/>
      <c r="V3652" s="20"/>
      <c r="W3652" s="20"/>
      <c r="X3652" s="19">
        <v>1</v>
      </c>
      <c r="Y3652" s="19"/>
      <c r="Z3652" s="19"/>
      <c r="AA3652" s="19"/>
    </row>
    <row r="3653" spans="1:27" s="1" customFormat="1" ht="14.1" customHeight="1" outlineLevel="2" x14ac:dyDescent="0.2">
      <c r="A3653" s="17"/>
      <c r="B3653" s="17"/>
      <c r="C3653" s="17"/>
      <c r="D3653" s="18"/>
      <c r="E3653" s="18"/>
      <c r="F3653" s="18"/>
      <c r="G3653" s="18"/>
      <c r="H3653" s="18"/>
      <c r="I3653" s="18"/>
      <c r="J3653" s="18"/>
      <c r="K3653" s="18"/>
      <c r="L3653" s="18"/>
      <c r="M3653" s="18"/>
      <c r="N3653" s="18"/>
      <c r="O3653" s="18"/>
      <c r="P3653" s="20"/>
      <c r="Q3653" s="20"/>
      <c r="R3653" s="20"/>
      <c r="S3653" s="20"/>
      <c r="T3653" s="20"/>
      <c r="U3653" s="20"/>
      <c r="V3653" s="20"/>
      <c r="W3653" s="20"/>
      <c r="X3653" s="19"/>
      <c r="Y3653" s="19"/>
      <c r="Z3653" s="19"/>
      <c r="AA3653" s="19"/>
    </row>
    <row r="3654" spans="1:27" s="1" customFormat="1" ht="14.1" customHeight="1" outlineLevel="2" x14ac:dyDescent="0.2">
      <c r="A3654" s="17">
        <v>18193</v>
      </c>
      <c r="B3654" s="17"/>
      <c r="C3654" s="17"/>
      <c r="D3654" s="18" t="s">
        <v>1829</v>
      </c>
      <c r="E3654" s="18"/>
      <c r="F3654" s="18"/>
      <c r="G3654" s="18"/>
      <c r="H3654" s="18"/>
      <c r="I3654" s="18"/>
      <c r="J3654" s="18"/>
      <c r="K3654" s="18"/>
      <c r="L3654" s="18"/>
      <c r="M3654" s="18"/>
      <c r="N3654" s="18"/>
      <c r="O3654" s="18"/>
      <c r="P3654" s="20">
        <v>2500</v>
      </c>
      <c r="Q3654" s="20"/>
      <c r="R3654" s="20"/>
      <c r="S3654" s="20"/>
      <c r="T3654" s="20">
        <v>2200</v>
      </c>
      <c r="U3654" s="20"/>
      <c r="V3654" s="20"/>
      <c r="W3654" s="20"/>
      <c r="X3654" s="19">
        <v>1</v>
      </c>
      <c r="Y3654" s="19"/>
      <c r="Z3654" s="19"/>
      <c r="AA3654" s="19"/>
    </row>
    <row r="3655" spans="1:27" s="1" customFormat="1" ht="14.1" customHeight="1" outlineLevel="2" x14ac:dyDescent="0.2">
      <c r="A3655" s="17"/>
      <c r="B3655" s="17"/>
      <c r="C3655" s="17"/>
      <c r="D3655" s="18"/>
      <c r="E3655" s="18"/>
      <c r="F3655" s="18"/>
      <c r="G3655" s="18"/>
      <c r="H3655" s="18"/>
      <c r="I3655" s="18"/>
      <c r="J3655" s="18"/>
      <c r="K3655" s="18"/>
      <c r="L3655" s="18"/>
      <c r="M3655" s="18"/>
      <c r="N3655" s="18"/>
      <c r="O3655" s="18"/>
      <c r="P3655" s="20"/>
      <c r="Q3655" s="20"/>
      <c r="R3655" s="20"/>
      <c r="S3655" s="20"/>
      <c r="T3655" s="20"/>
      <c r="U3655" s="20"/>
      <c r="V3655" s="20"/>
      <c r="W3655" s="20"/>
      <c r="X3655" s="19"/>
      <c r="Y3655" s="19"/>
      <c r="Z3655" s="19"/>
      <c r="AA3655" s="19"/>
    </row>
    <row r="3656" spans="1:27" s="1" customFormat="1" ht="14.1" customHeight="1" outlineLevel="2" x14ac:dyDescent="0.2">
      <c r="A3656" s="17">
        <v>18249</v>
      </c>
      <c r="B3656" s="17"/>
      <c r="C3656" s="17"/>
      <c r="D3656" s="18" t="s">
        <v>1830</v>
      </c>
      <c r="E3656" s="18"/>
      <c r="F3656" s="18"/>
      <c r="G3656" s="18"/>
      <c r="H3656" s="18"/>
      <c r="I3656" s="18"/>
      <c r="J3656" s="18"/>
      <c r="K3656" s="18"/>
      <c r="L3656" s="18"/>
      <c r="M3656" s="18"/>
      <c r="N3656" s="18"/>
      <c r="O3656" s="18"/>
      <c r="P3656" s="20">
        <v>6700</v>
      </c>
      <c r="Q3656" s="20"/>
      <c r="R3656" s="20"/>
      <c r="S3656" s="20"/>
      <c r="T3656" s="20">
        <v>6000</v>
      </c>
      <c r="U3656" s="20"/>
      <c r="V3656" s="20"/>
      <c r="W3656" s="20"/>
      <c r="X3656" s="19">
        <v>2</v>
      </c>
      <c r="Y3656" s="19"/>
      <c r="Z3656" s="19"/>
      <c r="AA3656" s="19"/>
    </row>
    <row r="3657" spans="1:27" s="1" customFormat="1" ht="14.1" customHeight="1" outlineLevel="2" x14ac:dyDescent="0.2">
      <c r="A3657" s="17"/>
      <c r="B3657" s="17"/>
      <c r="C3657" s="17"/>
      <c r="D3657" s="18"/>
      <c r="E3657" s="18"/>
      <c r="F3657" s="18"/>
      <c r="G3657" s="18"/>
      <c r="H3657" s="18"/>
      <c r="I3657" s="18"/>
      <c r="J3657" s="18"/>
      <c r="K3657" s="18"/>
      <c r="L3657" s="18"/>
      <c r="M3657" s="18"/>
      <c r="N3657" s="18"/>
      <c r="O3657" s="18"/>
      <c r="P3657" s="20"/>
      <c r="Q3657" s="20"/>
      <c r="R3657" s="20"/>
      <c r="S3657" s="20"/>
      <c r="T3657" s="20"/>
      <c r="U3657" s="20"/>
      <c r="V3657" s="20"/>
      <c r="W3657" s="20"/>
      <c r="X3657" s="19"/>
      <c r="Y3657" s="19"/>
      <c r="Z3657" s="19"/>
      <c r="AA3657" s="19"/>
    </row>
    <row r="3658" spans="1:27" s="1" customFormat="1" ht="14.1" customHeight="1" outlineLevel="2" x14ac:dyDescent="0.2">
      <c r="A3658" s="17">
        <v>9825</v>
      </c>
      <c r="B3658" s="17"/>
      <c r="C3658" s="17"/>
      <c r="D3658" s="18" t="s">
        <v>1831</v>
      </c>
      <c r="E3658" s="18"/>
      <c r="F3658" s="18"/>
      <c r="G3658" s="18"/>
      <c r="H3658" s="18"/>
      <c r="I3658" s="18"/>
      <c r="J3658" s="18"/>
      <c r="K3658" s="18"/>
      <c r="L3658" s="18"/>
      <c r="M3658" s="18"/>
      <c r="N3658" s="18"/>
      <c r="O3658" s="18"/>
      <c r="P3658" s="20">
        <v>4400</v>
      </c>
      <c r="Q3658" s="20"/>
      <c r="R3658" s="20"/>
      <c r="S3658" s="20"/>
      <c r="T3658" s="20">
        <v>4000</v>
      </c>
      <c r="U3658" s="20"/>
      <c r="V3658" s="20"/>
      <c r="W3658" s="20"/>
      <c r="X3658" s="19">
        <v>1</v>
      </c>
      <c r="Y3658" s="19"/>
      <c r="Z3658" s="19"/>
      <c r="AA3658" s="19"/>
    </row>
    <row r="3659" spans="1:27" s="1" customFormat="1" ht="14.1" customHeight="1" outlineLevel="2" x14ac:dyDescent="0.2">
      <c r="A3659" s="17"/>
      <c r="B3659" s="17"/>
      <c r="C3659" s="17"/>
      <c r="D3659" s="18"/>
      <c r="E3659" s="18"/>
      <c r="F3659" s="18"/>
      <c r="G3659" s="18"/>
      <c r="H3659" s="18"/>
      <c r="I3659" s="18"/>
      <c r="J3659" s="18"/>
      <c r="K3659" s="18"/>
      <c r="L3659" s="18"/>
      <c r="M3659" s="18"/>
      <c r="N3659" s="18"/>
      <c r="O3659" s="18"/>
      <c r="P3659" s="20"/>
      <c r="Q3659" s="20"/>
      <c r="R3659" s="20"/>
      <c r="S3659" s="20"/>
      <c r="T3659" s="20"/>
      <c r="U3659" s="20"/>
      <c r="V3659" s="20"/>
      <c r="W3659" s="20"/>
      <c r="X3659" s="19"/>
      <c r="Y3659" s="19"/>
      <c r="Z3659" s="19"/>
      <c r="AA3659" s="19"/>
    </row>
    <row r="3660" spans="1:27" s="1" customFormat="1" ht="14.1" customHeight="1" outlineLevel="2" x14ac:dyDescent="0.2">
      <c r="A3660" s="17">
        <v>9210</v>
      </c>
      <c r="B3660" s="17"/>
      <c r="C3660" s="17"/>
      <c r="D3660" s="18" t="s">
        <v>1832</v>
      </c>
      <c r="E3660" s="18"/>
      <c r="F3660" s="18"/>
      <c r="G3660" s="18"/>
      <c r="H3660" s="18"/>
      <c r="I3660" s="18"/>
      <c r="J3660" s="18"/>
      <c r="K3660" s="18"/>
      <c r="L3660" s="18"/>
      <c r="M3660" s="18"/>
      <c r="N3660" s="18"/>
      <c r="O3660" s="18"/>
      <c r="P3660" s="20">
        <v>2700</v>
      </c>
      <c r="Q3660" s="20"/>
      <c r="R3660" s="20"/>
      <c r="S3660" s="20"/>
      <c r="T3660" s="20">
        <v>2100</v>
      </c>
      <c r="U3660" s="20"/>
      <c r="V3660" s="20"/>
      <c r="W3660" s="20"/>
      <c r="X3660" s="19">
        <v>4</v>
      </c>
      <c r="Y3660" s="19"/>
      <c r="Z3660" s="19"/>
      <c r="AA3660" s="19"/>
    </row>
    <row r="3661" spans="1:27" s="1" customFormat="1" ht="14.1" customHeight="1" outlineLevel="2" x14ac:dyDescent="0.2">
      <c r="A3661" s="17"/>
      <c r="B3661" s="17"/>
      <c r="C3661" s="17"/>
      <c r="D3661" s="18"/>
      <c r="E3661" s="18"/>
      <c r="F3661" s="18"/>
      <c r="G3661" s="18"/>
      <c r="H3661" s="18"/>
      <c r="I3661" s="18"/>
      <c r="J3661" s="18"/>
      <c r="K3661" s="18"/>
      <c r="L3661" s="18"/>
      <c r="M3661" s="18"/>
      <c r="N3661" s="18"/>
      <c r="O3661" s="18"/>
      <c r="P3661" s="20"/>
      <c r="Q3661" s="20"/>
      <c r="R3661" s="20"/>
      <c r="S3661" s="20"/>
      <c r="T3661" s="20"/>
      <c r="U3661" s="20"/>
      <c r="V3661" s="20"/>
      <c r="W3661" s="20"/>
      <c r="X3661" s="19"/>
      <c r="Y3661" s="19"/>
      <c r="Z3661" s="19"/>
      <c r="AA3661" s="19"/>
    </row>
    <row r="3662" spans="1:27" s="1" customFormat="1" ht="14.1" customHeight="1" outlineLevel="2" x14ac:dyDescent="0.2">
      <c r="A3662" s="17">
        <v>10448</v>
      </c>
      <c r="B3662" s="17"/>
      <c r="C3662" s="17"/>
      <c r="D3662" s="18" t="s">
        <v>1833</v>
      </c>
      <c r="E3662" s="18"/>
      <c r="F3662" s="18"/>
      <c r="G3662" s="18"/>
      <c r="H3662" s="18"/>
      <c r="I3662" s="18"/>
      <c r="J3662" s="18"/>
      <c r="K3662" s="18"/>
      <c r="L3662" s="18"/>
      <c r="M3662" s="18"/>
      <c r="N3662" s="18"/>
      <c r="O3662" s="18"/>
      <c r="P3662" s="20">
        <v>4050</v>
      </c>
      <c r="Q3662" s="20"/>
      <c r="R3662" s="20"/>
      <c r="S3662" s="20"/>
      <c r="T3662" s="20">
        <v>3750</v>
      </c>
      <c r="U3662" s="20"/>
      <c r="V3662" s="20"/>
      <c r="W3662" s="20"/>
      <c r="X3662" s="19">
        <v>2</v>
      </c>
      <c r="Y3662" s="19"/>
      <c r="Z3662" s="19"/>
      <c r="AA3662" s="19"/>
    </row>
    <row r="3663" spans="1:27" s="1" customFormat="1" ht="14.1" customHeight="1" outlineLevel="2" x14ac:dyDescent="0.2">
      <c r="A3663" s="17"/>
      <c r="B3663" s="17"/>
      <c r="C3663" s="17"/>
      <c r="D3663" s="18"/>
      <c r="E3663" s="18"/>
      <c r="F3663" s="18"/>
      <c r="G3663" s="18"/>
      <c r="H3663" s="18"/>
      <c r="I3663" s="18"/>
      <c r="J3663" s="18"/>
      <c r="K3663" s="18"/>
      <c r="L3663" s="18"/>
      <c r="M3663" s="18"/>
      <c r="N3663" s="18"/>
      <c r="O3663" s="18"/>
      <c r="P3663" s="20"/>
      <c r="Q3663" s="20"/>
      <c r="R3663" s="20"/>
      <c r="S3663" s="20"/>
      <c r="T3663" s="20"/>
      <c r="U3663" s="20"/>
      <c r="V3663" s="20"/>
      <c r="W3663" s="20"/>
      <c r="X3663" s="19"/>
      <c r="Y3663" s="19"/>
      <c r="Z3663" s="19"/>
      <c r="AA3663" s="19"/>
    </row>
    <row r="3664" spans="1:27" s="1" customFormat="1" ht="14.1" customHeight="1" outlineLevel="2" x14ac:dyDescent="0.2">
      <c r="A3664" s="17">
        <v>13433</v>
      </c>
      <c r="B3664" s="17"/>
      <c r="C3664" s="17"/>
      <c r="D3664" s="18" t="s">
        <v>1834</v>
      </c>
      <c r="E3664" s="18"/>
      <c r="F3664" s="18"/>
      <c r="G3664" s="18"/>
      <c r="H3664" s="18"/>
      <c r="I3664" s="18"/>
      <c r="J3664" s="18"/>
      <c r="K3664" s="18"/>
      <c r="L3664" s="18"/>
      <c r="M3664" s="18"/>
      <c r="N3664" s="18"/>
      <c r="O3664" s="18"/>
      <c r="P3664" s="20">
        <v>5300</v>
      </c>
      <c r="Q3664" s="20"/>
      <c r="R3664" s="20"/>
      <c r="S3664" s="20"/>
      <c r="T3664" s="20">
        <v>4900</v>
      </c>
      <c r="U3664" s="20"/>
      <c r="V3664" s="20"/>
      <c r="W3664" s="20"/>
      <c r="X3664" s="19">
        <v>2</v>
      </c>
      <c r="Y3664" s="19"/>
      <c r="Z3664" s="19"/>
      <c r="AA3664" s="19"/>
    </row>
    <row r="3665" spans="1:27" s="1" customFormat="1" ht="14.1" customHeight="1" outlineLevel="2" x14ac:dyDescent="0.2">
      <c r="A3665" s="17"/>
      <c r="B3665" s="17"/>
      <c r="C3665" s="17"/>
      <c r="D3665" s="18"/>
      <c r="E3665" s="18"/>
      <c r="F3665" s="18"/>
      <c r="G3665" s="18"/>
      <c r="H3665" s="18"/>
      <c r="I3665" s="18"/>
      <c r="J3665" s="18"/>
      <c r="K3665" s="18"/>
      <c r="L3665" s="18"/>
      <c r="M3665" s="18"/>
      <c r="N3665" s="18"/>
      <c r="O3665" s="18"/>
      <c r="P3665" s="20"/>
      <c r="Q3665" s="20"/>
      <c r="R3665" s="20"/>
      <c r="S3665" s="20"/>
      <c r="T3665" s="20"/>
      <c r="U3665" s="20"/>
      <c r="V3665" s="20"/>
      <c r="W3665" s="20"/>
      <c r="X3665" s="19"/>
      <c r="Y3665" s="19"/>
      <c r="Z3665" s="19"/>
      <c r="AA3665" s="19"/>
    </row>
    <row r="3666" spans="1:27" s="1" customFormat="1" ht="14.1" customHeight="1" outlineLevel="2" x14ac:dyDescent="0.2">
      <c r="A3666" s="17">
        <v>10434</v>
      </c>
      <c r="B3666" s="17"/>
      <c r="C3666" s="17"/>
      <c r="D3666" s="18" t="s">
        <v>1835</v>
      </c>
      <c r="E3666" s="18"/>
      <c r="F3666" s="18"/>
      <c r="G3666" s="18"/>
      <c r="H3666" s="18"/>
      <c r="I3666" s="18"/>
      <c r="J3666" s="18"/>
      <c r="K3666" s="18"/>
      <c r="L3666" s="18"/>
      <c r="M3666" s="18"/>
      <c r="N3666" s="18"/>
      <c r="O3666" s="18"/>
      <c r="P3666" s="20">
        <v>2300</v>
      </c>
      <c r="Q3666" s="20"/>
      <c r="R3666" s="20"/>
      <c r="S3666" s="20"/>
      <c r="T3666" s="20">
        <v>2100</v>
      </c>
      <c r="U3666" s="20"/>
      <c r="V3666" s="20"/>
      <c r="W3666" s="20"/>
      <c r="X3666" s="19">
        <v>1</v>
      </c>
      <c r="Y3666" s="19"/>
      <c r="Z3666" s="19"/>
      <c r="AA3666" s="19"/>
    </row>
    <row r="3667" spans="1:27" s="1" customFormat="1" ht="14.1" customHeight="1" outlineLevel="2" x14ac:dyDescent="0.2">
      <c r="A3667" s="17"/>
      <c r="B3667" s="17"/>
      <c r="C3667" s="17"/>
      <c r="D3667" s="18"/>
      <c r="E3667" s="18"/>
      <c r="F3667" s="18"/>
      <c r="G3667" s="18"/>
      <c r="H3667" s="18"/>
      <c r="I3667" s="18"/>
      <c r="J3667" s="18"/>
      <c r="K3667" s="18"/>
      <c r="L3667" s="18"/>
      <c r="M3667" s="18"/>
      <c r="N3667" s="18"/>
      <c r="O3667" s="18"/>
      <c r="P3667" s="20"/>
      <c r="Q3667" s="20"/>
      <c r="R3667" s="20"/>
      <c r="S3667" s="20"/>
      <c r="T3667" s="20"/>
      <c r="U3667" s="20"/>
      <c r="V3667" s="20"/>
      <c r="W3667" s="20"/>
      <c r="X3667" s="19"/>
      <c r="Y3667" s="19"/>
      <c r="Z3667" s="19"/>
      <c r="AA3667" s="19"/>
    </row>
    <row r="3668" spans="1:27" s="1" customFormat="1" ht="14.1" customHeight="1" outlineLevel="2" x14ac:dyDescent="0.2">
      <c r="A3668" s="17">
        <v>18039</v>
      </c>
      <c r="B3668" s="17"/>
      <c r="C3668" s="17"/>
      <c r="D3668" s="18" t="s">
        <v>1836</v>
      </c>
      <c r="E3668" s="18"/>
      <c r="F3668" s="18"/>
      <c r="G3668" s="18"/>
      <c r="H3668" s="18"/>
      <c r="I3668" s="18"/>
      <c r="J3668" s="18"/>
      <c r="K3668" s="18"/>
      <c r="L3668" s="18"/>
      <c r="M3668" s="18"/>
      <c r="N3668" s="18"/>
      <c r="O3668" s="18"/>
      <c r="P3668" s="20">
        <v>5200</v>
      </c>
      <c r="Q3668" s="20"/>
      <c r="R3668" s="20"/>
      <c r="S3668" s="20"/>
      <c r="T3668" s="20">
        <v>4700</v>
      </c>
      <c r="U3668" s="20"/>
      <c r="V3668" s="20"/>
      <c r="W3668" s="20"/>
      <c r="X3668" s="19">
        <v>2</v>
      </c>
      <c r="Y3668" s="19"/>
      <c r="Z3668" s="19"/>
      <c r="AA3668" s="19"/>
    </row>
    <row r="3669" spans="1:27" s="1" customFormat="1" ht="14.1" customHeight="1" outlineLevel="2" x14ac:dyDescent="0.2">
      <c r="A3669" s="17"/>
      <c r="B3669" s="17"/>
      <c r="C3669" s="17"/>
      <c r="D3669" s="18"/>
      <c r="E3669" s="18"/>
      <c r="F3669" s="18"/>
      <c r="G3669" s="18"/>
      <c r="H3669" s="18"/>
      <c r="I3669" s="18"/>
      <c r="J3669" s="18"/>
      <c r="K3669" s="18"/>
      <c r="L3669" s="18"/>
      <c r="M3669" s="18"/>
      <c r="N3669" s="18"/>
      <c r="O3669" s="18"/>
      <c r="P3669" s="20"/>
      <c r="Q3669" s="20"/>
      <c r="R3669" s="20"/>
      <c r="S3669" s="20"/>
      <c r="T3669" s="20"/>
      <c r="U3669" s="20"/>
      <c r="V3669" s="20"/>
      <c r="W3669" s="20"/>
      <c r="X3669" s="19"/>
      <c r="Y3669" s="19"/>
      <c r="Z3669" s="19"/>
      <c r="AA3669" s="19"/>
    </row>
    <row r="3670" spans="1:27" s="1" customFormat="1" ht="14.1" customHeight="1" outlineLevel="2" x14ac:dyDescent="0.2">
      <c r="A3670" s="17">
        <v>14337</v>
      </c>
      <c r="B3670" s="17"/>
      <c r="C3670" s="17"/>
      <c r="D3670" s="18" t="s">
        <v>1837</v>
      </c>
      <c r="E3670" s="18"/>
      <c r="F3670" s="18"/>
      <c r="G3670" s="18"/>
      <c r="H3670" s="18"/>
      <c r="I3670" s="18"/>
      <c r="J3670" s="18"/>
      <c r="K3670" s="18"/>
      <c r="L3670" s="18"/>
      <c r="M3670" s="18"/>
      <c r="N3670" s="18"/>
      <c r="O3670" s="18"/>
      <c r="P3670" s="20">
        <v>2600</v>
      </c>
      <c r="Q3670" s="20"/>
      <c r="R3670" s="20"/>
      <c r="S3670" s="20"/>
      <c r="T3670" s="20">
        <v>2600</v>
      </c>
      <c r="U3670" s="20"/>
      <c r="V3670" s="20"/>
      <c r="W3670" s="20"/>
      <c r="X3670" s="19">
        <v>5</v>
      </c>
      <c r="Y3670" s="19"/>
      <c r="Z3670" s="19"/>
      <c r="AA3670" s="19"/>
    </row>
    <row r="3671" spans="1:27" s="1" customFormat="1" ht="14.1" customHeight="1" outlineLevel="2" x14ac:dyDescent="0.2">
      <c r="A3671" s="17"/>
      <c r="B3671" s="17"/>
      <c r="C3671" s="17"/>
      <c r="D3671" s="18"/>
      <c r="E3671" s="18"/>
      <c r="F3671" s="18"/>
      <c r="G3671" s="18"/>
      <c r="H3671" s="18"/>
      <c r="I3671" s="18"/>
      <c r="J3671" s="18"/>
      <c r="K3671" s="18"/>
      <c r="L3671" s="18"/>
      <c r="M3671" s="18"/>
      <c r="N3671" s="18"/>
      <c r="O3671" s="18"/>
      <c r="P3671" s="20"/>
      <c r="Q3671" s="20"/>
      <c r="R3671" s="20"/>
      <c r="S3671" s="20"/>
      <c r="T3671" s="20"/>
      <c r="U3671" s="20"/>
      <c r="V3671" s="20"/>
      <c r="W3671" s="20"/>
      <c r="X3671" s="19"/>
      <c r="Y3671" s="19"/>
      <c r="Z3671" s="19"/>
      <c r="AA3671" s="19"/>
    </row>
    <row r="3672" spans="1:27" s="1" customFormat="1" ht="14.1" customHeight="1" outlineLevel="2" x14ac:dyDescent="0.2">
      <c r="A3672" s="17">
        <v>11859</v>
      </c>
      <c r="B3672" s="17"/>
      <c r="C3672" s="17"/>
      <c r="D3672" s="18" t="s">
        <v>1838</v>
      </c>
      <c r="E3672" s="18"/>
      <c r="F3672" s="18"/>
      <c r="G3672" s="18"/>
      <c r="H3672" s="18"/>
      <c r="I3672" s="18"/>
      <c r="J3672" s="18"/>
      <c r="K3672" s="18"/>
      <c r="L3672" s="18"/>
      <c r="M3672" s="18"/>
      <c r="N3672" s="18"/>
      <c r="O3672" s="18"/>
      <c r="P3672" s="20">
        <v>2100</v>
      </c>
      <c r="Q3672" s="20"/>
      <c r="R3672" s="20"/>
      <c r="S3672" s="20"/>
      <c r="T3672" s="20">
        <v>1800</v>
      </c>
      <c r="U3672" s="20"/>
      <c r="V3672" s="20"/>
      <c r="W3672" s="20"/>
      <c r="X3672" s="19">
        <v>3</v>
      </c>
      <c r="Y3672" s="19"/>
      <c r="Z3672" s="19"/>
      <c r="AA3672" s="19"/>
    </row>
    <row r="3673" spans="1:27" s="1" customFormat="1" ht="14.1" customHeight="1" outlineLevel="2" x14ac:dyDescent="0.2">
      <c r="A3673" s="17"/>
      <c r="B3673" s="17"/>
      <c r="C3673" s="17"/>
      <c r="D3673" s="18"/>
      <c r="E3673" s="18"/>
      <c r="F3673" s="18"/>
      <c r="G3673" s="18"/>
      <c r="H3673" s="18"/>
      <c r="I3673" s="18"/>
      <c r="J3673" s="18"/>
      <c r="K3673" s="18"/>
      <c r="L3673" s="18"/>
      <c r="M3673" s="18"/>
      <c r="N3673" s="18"/>
      <c r="O3673" s="18"/>
      <c r="P3673" s="20"/>
      <c r="Q3673" s="20"/>
      <c r="R3673" s="20"/>
      <c r="S3673" s="20"/>
      <c r="T3673" s="20"/>
      <c r="U3673" s="20"/>
      <c r="V3673" s="20"/>
      <c r="W3673" s="20"/>
      <c r="X3673" s="19"/>
      <c r="Y3673" s="19"/>
      <c r="Z3673" s="19"/>
      <c r="AA3673" s="19"/>
    </row>
    <row r="3674" spans="1:27" s="1" customFormat="1" ht="14.1" customHeight="1" outlineLevel="2" x14ac:dyDescent="0.2">
      <c r="A3674" s="17">
        <v>11188</v>
      </c>
      <c r="B3674" s="17"/>
      <c r="C3674" s="17"/>
      <c r="D3674" s="18" t="s">
        <v>1839</v>
      </c>
      <c r="E3674" s="18"/>
      <c r="F3674" s="18"/>
      <c r="G3674" s="18"/>
      <c r="H3674" s="18"/>
      <c r="I3674" s="18"/>
      <c r="J3674" s="18"/>
      <c r="K3674" s="18"/>
      <c r="L3674" s="18"/>
      <c r="M3674" s="18"/>
      <c r="N3674" s="18"/>
      <c r="O3674" s="18"/>
      <c r="P3674" s="20">
        <v>5600</v>
      </c>
      <c r="Q3674" s="20"/>
      <c r="R3674" s="20"/>
      <c r="S3674" s="20"/>
      <c r="T3674" s="20">
        <v>5100</v>
      </c>
      <c r="U3674" s="20"/>
      <c r="V3674" s="20"/>
      <c r="W3674" s="20"/>
      <c r="X3674" s="19">
        <v>1</v>
      </c>
      <c r="Y3674" s="19"/>
      <c r="Z3674" s="19"/>
      <c r="AA3674" s="19"/>
    </row>
    <row r="3675" spans="1:27" s="1" customFormat="1" ht="14.1" customHeight="1" outlineLevel="2" x14ac:dyDescent="0.2">
      <c r="A3675" s="17"/>
      <c r="B3675" s="17"/>
      <c r="C3675" s="17"/>
      <c r="D3675" s="18"/>
      <c r="E3675" s="18"/>
      <c r="F3675" s="18"/>
      <c r="G3675" s="18"/>
      <c r="H3675" s="18"/>
      <c r="I3675" s="18"/>
      <c r="J3675" s="18"/>
      <c r="K3675" s="18"/>
      <c r="L3675" s="18"/>
      <c r="M3675" s="18"/>
      <c r="N3675" s="18"/>
      <c r="O3675" s="18"/>
      <c r="P3675" s="20"/>
      <c r="Q3675" s="20"/>
      <c r="R3675" s="20"/>
      <c r="S3675" s="20"/>
      <c r="T3675" s="20"/>
      <c r="U3675" s="20"/>
      <c r="V3675" s="20"/>
      <c r="W3675" s="20"/>
      <c r="X3675" s="19"/>
      <c r="Y3675" s="19"/>
      <c r="Z3675" s="19"/>
      <c r="AA3675" s="19"/>
    </row>
    <row r="3676" spans="1:27" s="1" customFormat="1" ht="14.1" customHeight="1" outlineLevel="2" x14ac:dyDescent="0.2">
      <c r="A3676" s="17">
        <v>17898</v>
      </c>
      <c r="B3676" s="17"/>
      <c r="C3676" s="17"/>
      <c r="D3676" s="18" t="s">
        <v>1840</v>
      </c>
      <c r="E3676" s="18"/>
      <c r="F3676" s="18"/>
      <c r="G3676" s="18"/>
      <c r="H3676" s="18"/>
      <c r="I3676" s="18"/>
      <c r="J3676" s="18"/>
      <c r="K3676" s="18"/>
      <c r="L3676" s="18"/>
      <c r="M3676" s="18"/>
      <c r="N3676" s="18"/>
      <c r="O3676" s="18"/>
      <c r="P3676" s="20">
        <v>2300</v>
      </c>
      <c r="Q3676" s="20"/>
      <c r="R3676" s="20"/>
      <c r="S3676" s="20"/>
      <c r="T3676" s="20">
        <v>2000</v>
      </c>
      <c r="U3676" s="20"/>
      <c r="V3676" s="20"/>
      <c r="W3676" s="20"/>
      <c r="X3676" s="19">
        <v>1</v>
      </c>
      <c r="Y3676" s="19"/>
      <c r="Z3676" s="19"/>
      <c r="AA3676" s="19"/>
    </row>
    <row r="3677" spans="1:27" s="1" customFormat="1" ht="14.1" customHeight="1" outlineLevel="2" x14ac:dyDescent="0.2">
      <c r="A3677" s="17"/>
      <c r="B3677" s="17"/>
      <c r="C3677" s="17"/>
      <c r="D3677" s="18"/>
      <c r="E3677" s="18"/>
      <c r="F3677" s="18"/>
      <c r="G3677" s="18"/>
      <c r="H3677" s="18"/>
      <c r="I3677" s="18"/>
      <c r="J3677" s="18"/>
      <c r="K3677" s="18"/>
      <c r="L3677" s="18"/>
      <c r="M3677" s="18"/>
      <c r="N3677" s="18"/>
      <c r="O3677" s="18"/>
      <c r="P3677" s="20"/>
      <c r="Q3677" s="20"/>
      <c r="R3677" s="20"/>
      <c r="S3677" s="20"/>
      <c r="T3677" s="20"/>
      <c r="U3677" s="20"/>
      <c r="V3677" s="20"/>
      <c r="W3677" s="20"/>
      <c r="X3677" s="19"/>
      <c r="Y3677" s="19"/>
      <c r="Z3677" s="19"/>
      <c r="AA3677" s="19"/>
    </row>
    <row r="3678" spans="1:27" s="1" customFormat="1" ht="14.1" customHeight="1" outlineLevel="2" x14ac:dyDescent="0.2">
      <c r="A3678" s="17">
        <v>15541</v>
      </c>
      <c r="B3678" s="17"/>
      <c r="C3678" s="17"/>
      <c r="D3678" s="18" t="s">
        <v>1841</v>
      </c>
      <c r="E3678" s="18"/>
      <c r="F3678" s="18"/>
      <c r="G3678" s="18"/>
      <c r="H3678" s="18"/>
      <c r="I3678" s="18"/>
      <c r="J3678" s="18"/>
      <c r="K3678" s="18"/>
      <c r="L3678" s="18"/>
      <c r="M3678" s="18"/>
      <c r="N3678" s="18"/>
      <c r="O3678" s="18"/>
      <c r="P3678" s="20">
        <v>4800</v>
      </c>
      <c r="Q3678" s="20"/>
      <c r="R3678" s="20"/>
      <c r="S3678" s="20"/>
      <c r="T3678" s="20">
        <v>4500</v>
      </c>
      <c r="U3678" s="20"/>
      <c r="V3678" s="20"/>
      <c r="W3678" s="20"/>
      <c r="X3678" s="19">
        <v>2</v>
      </c>
      <c r="Y3678" s="19"/>
      <c r="Z3678" s="19"/>
      <c r="AA3678" s="19"/>
    </row>
    <row r="3679" spans="1:27" s="1" customFormat="1" ht="14.1" customHeight="1" outlineLevel="2" x14ac:dyDescent="0.2">
      <c r="A3679" s="17"/>
      <c r="B3679" s="17"/>
      <c r="C3679" s="17"/>
      <c r="D3679" s="18"/>
      <c r="E3679" s="18"/>
      <c r="F3679" s="18"/>
      <c r="G3679" s="18"/>
      <c r="H3679" s="18"/>
      <c r="I3679" s="18"/>
      <c r="J3679" s="18"/>
      <c r="K3679" s="18"/>
      <c r="L3679" s="18"/>
      <c r="M3679" s="18"/>
      <c r="N3679" s="18"/>
      <c r="O3679" s="18"/>
      <c r="P3679" s="20"/>
      <c r="Q3679" s="20"/>
      <c r="R3679" s="20"/>
      <c r="S3679" s="20"/>
      <c r="T3679" s="20"/>
      <c r="U3679" s="20"/>
      <c r="V3679" s="20"/>
      <c r="W3679" s="20"/>
      <c r="X3679" s="19"/>
      <c r="Y3679" s="19"/>
      <c r="Z3679" s="19"/>
      <c r="AA3679" s="19"/>
    </row>
    <row r="3680" spans="1:27" s="1" customFormat="1" ht="14.1" customHeight="1" outlineLevel="2" x14ac:dyDescent="0.2">
      <c r="A3680" s="17">
        <v>16909</v>
      </c>
      <c r="B3680" s="17"/>
      <c r="C3680" s="17"/>
      <c r="D3680" s="18" t="s">
        <v>1842</v>
      </c>
      <c r="E3680" s="18"/>
      <c r="F3680" s="18"/>
      <c r="G3680" s="18"/>
      <c r="H3680" s="18"/>
      <c r="I3680" s="18"/>
      <c r="J3680" s="18"/>
      <c r="K3680" s="18"/>
      <c r="L3680" s="18"/>
      <c r="M3680" s="18"/>
      <c r="N3680" s="18"/>
      <c r="O3680" s="18"/>
      <c r="P3680" s="20">
        <v>4900</v>
      </c>
      <c r="Q3680" s="20"/>
      <c r="R3680" s="20"/>
      <c r="S3680" s="20"/>
      <c r="T3680" s="20">
        <v>4500</v>
      </c>
      <c r="U3680" s="20"/>
      <c r="V3680" s="20"/>
      <c r="W3680" s="20"/>
      <c r="X3680" s="19">
        <v>2</v>
      </c>
      <c r="Y3680" s="19"/>
      <c r="Z3680" s="19"/>
      <c r="AA3680" s="19"/>
    </row>
    <row r="3681" spans="1:27" s="1" customFormat="1" ht="14.1" customHeight="1" outlineLevel="2" x14ac:dyDescent="0.2">
      <c r="A3681" s="17"/>
      <c r="B3681" s="17"/>
      <c r="C3681" s="17"/>
      <c r="D3681" s="18"/>
      <c r="E3681" s="18"/>
      <c r="F3681" s="18"/>
      <c r="G3681" s="18"/>
      <c r="H3681" s="18"/>
      <c r="I3681" s="18"/>
      <c r="J3681" s="18"/>
      <c r="K3681" s="18"/>
      <c r="L3681" s="18"/>
      <c r="M3681" s="18"/>
      <c r="N3681" s="18"/>
      <c r="O3681" s="18"/>
      <c r="P3681" s="20"/>
      <c r="Q3681" s="20"/>
      <c r="R3681" s="20"/>
      <c r="S3681" s="20"/>
      <c r="T3681" s="20"/>
      <c r="U3681" s="20"/>
      <c r="V3681" s="20"/>
      <c r="W3681" s="20"/>
      <c r="X3681" s="19"/>
      <c r="Y3681" s="19"/>
      <c r="Z3681" s="19"/>
      <c r="AA3681" s="19"/>
    </row>
    <row r="3682" spans="1:27" s="1" customFormat="1" ht="14.1" customHeight="1" outlineLevel="2" x14ac:dyDescent="0.2">
      <c r="A3682" s="17">
        <v>14419</v>
      </c>
      <c r="B3682" s="17"/>
      <c r="C3682" s="17"/>
      <c r="D3682" s="18" t="s">
        <v>1843</v>
      </c>
      <c r="E3682" s="18"/>
      <c r="F3682" s="18"/>
      <c r="G3682" s="18"/>
      <c r="H3682" s="18"/>
      <c r="I3682" s="18"/>
      <c r="J3682" s="18"/>
      <c r="K3682" s="18"/>
      <c r="L3682" s="18"/>
      <c r="M3682" s="18"/>
      <c r="N3682" s="18"/>
      <c r="O3682" s="18"/>
      <c r="P3682" s="20">
        <v>2500</v>
      </c>
      <c r="Q3682" s="20"/>
      <c r="R3682" s="20"/>
      <c r="S3682" s="20"/>
      <c r="T3682" s="20">
        <v>2200</v>
      </c>
      <c r="U3682" s="20"/>
      <c r="V3682" s="20"/>
      <c r="W3682" s="20"/>
      <c r="X3682" s="19">
        <v>15</v>
      </c>
      <c r="Y3682" s="19"/>
      <c r="Z3682" s="19"/>
      <c r="AA3682" s="19"/>
    </row>
    <row r="3683" spans="1:27" s="1" customFormat="1" ht="14.1" customHeight="1" outlineLevel="2" x14ac:dyDescent="0.2">
      <c r="A3683" s="17"/>
      <c r="B3683" s="17"/>
      <c r="C3683" s="17"/>
      <c r="D3683" s="18"/>
      <c r="E3683" s="18"/>
      <c r="F3683" s="18"/>
      <c r="G3683" s="18"/>
      <c r="H3683" s="18"/>
      <c r="I3683" s="18"/>
      <c r="J3683" s="18"/>
      <c r="K3683" s="18"/>
      <c r="L3683" s="18"/>
      <c r="M3683" s="18"/>
      <c r="N3683" s="18"/>
      <c r="O3683" s="18"/>
      <c r="P3683" s="20"/>
      <c r="Q3683" s="20"/>
      <c r="R3683" s="20"/>
      <c r="S3683" s="20"/>
      <c r="T3683" s="20"/>
      <c r="U3683" s="20"/>
      <c r="V3683" s="20"/>
      <c r="W3683" s="20"/>
      <c r="X3683" s="19"/>
      <c r="Y3683" s="19"/>
      <c r="Z3683" s="19"/>
      <c r="AA3683" s="19"/>
    </row>
    <row r="3684" spans="1:27" s="1" customFormat="1" ht="14.1" customHeight="1" outlineLevel="2" x14ac:dyDescent="0.2">
      <c r="A3684" s="17">
        <v>15123</v>
      </c>
      <c r="B3684" s="17"/>
      <c r="C3684" s="17"/>
      <c r="D3684" s="18" t="s">
        <v>1844</v>
      </c>
      <c r="E3684" s="18"/>
      <c r="F3684" s="18"/>
      <c r="G3684" s="18"/>
      <c r="H3684" s="18"/>
      <c r="I3684" s="18"/>
      <c r="J3684" s="18"/>
      <c r="K3684" s="18"/>
      <c r="L3684" s="18"/>
      <c r="M3684" s="18"/>
      <c r="N3684" s="18"/>
      <c r="O3684" s="18"/>
      <c r="P3684" s="20">
        <v>1690</v>
      </c>
      <c r="Q3684" s="20"/>
      <c r="R3684" s="20"/>
      <c r="S3684" s="20"/>
      <c r="T3684" s="20">
        <v>1550</v>
      </c>
      <c r="U3684" s="20"/>
      <c r="V3684" s="20"/>
      <c r="W3684" s="20"/>
      <c r="X3684" s="19">
        <v>6</v>
      </c>
      <c r="Y3684" s="19"/>
      <c r="Z3684" s="19"/>
      <c r="AA3684" s="19"/>
    </row>
    <row r="3685" spans="1:27" s="1" customFormat="1" ht="14.1" customHeight="1" outlineLevel="2" x14ac:dyDescent="0.2">
      <c r="A3685" s="17"/>
      <c r="B3685" s="17"/>
      <c r="C3685" s="17"/>
      <c r="D3685" s="18"/>
      <c r="E3685" s="18"/>
      <c r="F3685" s="18"/>
      <c r="G3685" s="18"/>
      <c r="H3685" s="18"/>
      <c r="I3685" s="18"/>
      <c r="J3685" s="18"/>
      <c r="K3685" s="18"/>
      <c r="L3685" s="18"/>
      <c r="M3685" s="18"/>
      <c r="N3685" s="18"/>
      <c r="O3685" s="18"/>
      <c r="P3685" s="20"/>
      <c r="Q3685" s="20"/>
      <c r="R3685" s="20"/>
      <c r="S3685" s="20"/>
      <c r="T3685" s="20"/>
      <c r="U3685" s="20"/>
      <c r="V3685" s="20"/>
      <c r="W3685" s="20"/>
      <c r="X3685" s="19"/>
      <c r="Y3685" s="19"/>
      <c r="Z3685" s="19"/>
      <c r="AA3685" s="19"/>
    </row>
    <row r="3686" spans="1:27" s="1" customFormat="1" ht="14.1" customHeight="1" outlineLevel="2" x14ac:dyDescent="0.2">
      <c r="A3686" s="17">
        <v>13434</v>
      </c>
      <c r="B3686" s="17"/>
      <c r="C3686" s="17"/>
      <c r="D3686" s="18" t="s">
        <v>1845</v>
      </c>
      <c r="E3686" s="18"/>
      <c r="F3686" s="18"/>
      <c r="G3686" s="18"/>
      <c r="H3686" s="18"/>
      <c r="I3686" s="18"/>
      <c r="J3686" s="18"/>
      <c r="K3686" s="18"/>
      <c r="L3686" s="18"/>
      <c r="M3686" s="18"/>
      <c r="N3686" s="18"/>
      <c r="O3686" s="18"/>
      <c r="P3686" s="20">
        <v>5900</v>
      </c>
      <c r="Q3686" s="20"/>
      <c r="R3686" s="20"/>
      <c r="S3686" s="20"/>
      <c r="T3686" s="20">
        <v>5500</v>
      </c>
      <c r="U3686" s="20"/>
      <c r="V3686" s="20"/>
      <c r="W3686" s="20"/>
      <c r="X3686" s="19">
        <v>12</v>
      </c>
      <c r="Y3686" s="19"/>
      <c r="Z3686" s="19"/>
      <c r="AA3686" s="19"/>
    </row>
    <row r="3687" spans="1:27" s="1" customFormat="1" ht="14.1" customHeight="1" outlineLevel="2" x14ac:dyDescent="0.2">
      <c r="A3687" s="17"/>
      <c r="B3687" s="17"/>
      <c r="C3687" s="17"/>
      <c r="D3687" s="18"/>
      <c r="E3687" s="18"/>
      <c r="F3687" s="18"/>
      <c r="G3687" s="18"/>
      <c r="H3687" s="18"/>
      <c r="I3687" s="18"/>
      <c r="J3687" s="18"/>
      <c r="K3687" s="18"/>
      <c r="L3687" s="18"/>
      <c r="M3687" s="18"/>
      <c r="N3687" s="18"/>
      <c r="O3687" s="18"/>
      <c r="P3687" s="20"/>
      <c r="Q3687" s="20"/>
      <c r="R3687" s="20"/>
      <c r="S3687" s="20"/>
      <c r="T3687" s="20"/>
      <c r="U3687" s="20"/>
      <c r="V3687" s="20"/>
      <c r="W3687" s="20"/>
      <c r="X3687" s="19"/>
      <c r="Y3687" s="19"/>
      <c r="Z3687" s="19"/>
      <c r="AA3687" s="19"/>
    </row>
    <row r="3688" spans="1:27" s="1" customFormat="1" ht="14.1" customHeight="1" outlineLevel="2" x14ac:dyDescent="0.2">
      <c r="A3688" s="17">
        <v>15761</v>
      </c>
      <c r="B3688" s="17"/>
      <c r="C3688" s="17"/>
      <c r="D3688" s="18" t="s">
        <v>1846</v>
      </c>
      <c r="E3688" s="18"/>
      <c r="F3688" s="18"/>
      <c r="G3688" s="18"/>
      <c r="H3688" s="18"/>
      <c r="I3688" s="18"/>
      <c r="J3688" s="18"/>
      <c r="K3688" s="18"/>
      <c r="L3688" s="18"/>
      <c r="M3688" s="18"/>
      <c r="N3688" s="18"/>
      <c r="O3688" s="18"/>
      <c r="P3688" s="20">
        <v>6700</v>
      </c>
      <c r="Q3688" s="20"/>
      <c r="R3688" s="20"/>
      <c r="S3688" s="20"/>
      <c r="T3688" s="20">
        <v>6200</v>
      </c>
      <c r="U3688" s="20"/>
      <c r="V3688" s="20"/>
      <c r="W3688" s="20"/>
      <c r="X3688" s="19">
        <v>1</v>
      </c>
      <c r="Y3688" s="19"/>
      <c r="Z3688" s="19"/>
      <c r="AA3688" s="19"/>
    </row>
    <row r="3689" spans="1:27" s="1" customFormat="1" ht="14.1" customHeight="1" outlineLevel="2" x14ac:dyDescent="0.2">
      <c r="A3689" s="17"/>
      <c r="B3689" s="17"/>
      <c r="C3689" s="17"/>
      <c r="D3689" s="18"/>
      <c r="E3689" s="18"/>
      <c r="F3689" s="18"/>
      <c r="G3689" s="18"/>
      <c r="H3689" s="18"/>
      <c r="I3689" s="18"/>
      <c r="J3689" s="18"/>
      <c r="K3689" s="18"/>
      <c r="L3689" s="18"/>
      <c r="M3689" s="18"/>
      <c r="N3689" s="18"/>
      <c r="O3689" s="18"/>
      <c r="P3689" s="20"/>
      <c r="Q3689" s="20"/>
      <c r="R3689" s="20"/>
      <c r="S3689" s="20"/>
      <c r="T3689" s="20"/>
      <c r="U3689" s="20"/>
      <c r="V3689" s="20"/>
      <c r="W3689" s="20"/>
      <c r="X3689" s="19"/>
      <c r="Y3689" s="19"/>
      <c r="Z3689" s="19"/>
      <c r="AA3689" s="19"/>
    </row>
    <row r="3690" spans="1:27" s="1" customFormat="1" ht="14.1" customHeight="1" outlineLevel="2" x14ac:dyDescent="0.2">
      <c r="A3690" s="17">
        <v>16001</v>
      </c>
      <c r="B3690" s="17"/>
      <c r="C3690" s="17"/>
      <c r="D3690" s="18" t="s">
        <v>1847</v>
      </c>
      <c r="E3690" s="18"/>
      <c r="F3690" s="18"/>
      <c r="G3690" s="18"/>
      <c r="H3690" s="18"/>
      <c r="I3690" s="18"/>
      <c r="J3690" s="18"/>
      <c r="K3690" s="18"/>
      <c r="L3690" s="18"/>
      <c r="M3690" s="18"/>
      <c r="N3690" s="18"/>
      <c r="O3690" s="18"/>
      <c r="P3690" s="20">
        <v>4900</v>
      </c>
      <c r="Q3690" s="20"/>
      <c r="R3690" s="20"/>
      <c r="S3690" s="20"/>
      <c r="T3690" s="20">
        <v>4500</v>
      </c>
      <c r="U3690" s="20"/>
      <c r="V3690" s="20"/>
      <c r="W3690" s="20"/>
      <c r="X3690" s="19">
        <v>2</v>
      </c>
      <c r="Y3690" s="19"/>
      <c r="Z3690" s="19"/>
      <c r="AA3690" s="19"/>
    </row>
    <row r="3691" spans="1:27" s="1" customFormat="1" ht="14.1" customHeight="1" outlineLevel="2" x14ac:dyDescent="0.2">
      <c r="A3691" s="17"/>
      <c r="B3691" s="17"/>
      <c r="C3691" s="17"/>
      <c r="D3691" s="18"/>
      <c r="E3691" s="18"/>
      <c r="F3691" s="18"/>
      <c r="G3691" s="18"/>
      <c r="H3691" s="18"/>
      <c r="I3691" s="18"/>
      <c r="J3691" s="18"/>
      <c r="K3691" s="18"/>
      <c r="L3691" s="18"/>
      <c r="M3691" s="18"/>
      <c r="N3691" s="18"/>
      <c r="O3691" s="18"/>
      <c r="P3691" s="20"/>
      <c r="Q3691" s="20"/>
      <c r="R3691" s="20"/>
      <c r="S3691" s="20"/>
      <c r="T3691" s="20"/>
      <c r="U3691" s="20"/>
      <c r="V3691" s="20"/>
      <c r="W3691" s="20"/>
      <c r="X3691" s="19"/>
      <c r="Y3691" s="19"/>
      <c r="Z3691" s="19"/>
      <c r="AA3691" s="19"/>
    </row>
    <row r="3692" spans="1:27" s="1" customFormat="1" ht="14.1" customHeight="1" outlineLevel="2" x14ac:dyDescent="0.2">
      <c r="A3692" s="17">
        <v>17705</v>
      </c>
      <c r="B3692" s="17"/>
      <c r="C3692" s="17"/>
      <c r="D3692" s="18" t="s">
        <v>1848</v>
      </c>
      <c r="E3692" s="18"/>
      <c r="F3692" s="18"/>
      <c r="G3692" s="18"/>
      <c r="H3692" s="18"/>
      <c r="I3692" s="18"/>
      <c r="J3692" s="18"/>
      <c r="K3692" s="18"/>
      <c r="L3692" s="18"/>
      <c r="M3692" s="18"/>
      <c r="N3692" s="18"/>
      <c r="O3692" s="18"/>
      <c r="P3692" s="20">
        <v>5500</v>
      </c>
      <c r="Q3692" s="20"/>
      <c r="R3692" s="20"/>
      <c r="S3692" s="20"/>
      <c r="T3692" s="20">
        <v>5200</v>
      </c>
      <c r="U3692" s="20"/>
      <c r="V3692" s="20"/>
      <c r="W3692" s="20"/>
      <c r="X3692" s="19">
        <v>4</v>
      </c>
      <c r="Y3692" s="19"/>
      <c r="Z3692" s="19"/>
      <c r="AA3692" s="19"/>
    </row>
    <row r="3693" spans="1:27" s="1" customFormat="1" ht="14.1" customHeight="1" outlineLevel="2" x14ac:dyDescent="0.2">
      <c r="A3693" s="17"/>
      <c r="B3693" s="17"/>
      <c r="C3693" s="17"/>
      <c r="D3693" s="18"/>
      <c r="E3693" s="18"/>
      <c r="F3693" s="18"/>
      <c r="G3693" s="18"/>
      <c r="H3693" s="18"/>
      <c r="I3693" s="18"/>
      <c r="J3693" s="18"/>
      <c r="K3693" s="18"/>
      <c r="L3693" s="18"/>
      <c r="M3693" s="18"/>
      <c r="N3693" s="18"/>
      <c r="O3693" s="18"/>
      <c r="P3693" s="20"/>
      <c r="Q3693" s="20"/>
      <c r="R3693" s="20"/>
      <c r="S3693" s="20"/>
      <c r="T3693" s="20"/>
      <c r="U3693" s="20"/>
      <c r="V3693" s="20"/>
      <c r="W3693" s="20"/>
      <c r="X3693" s="19"/>
      <c r="Y3693" s="19"/>
      <c r="Z3693" s="19"/>
      <c r="AA3693" s="19"/>
    </row>
    <row r="3694" spans="1:27" s="1" customFormat="1" ht="14.1" customHeight="1" outlineLevel="2" x14ac:dyDescent="0.2">
      <c r="A3694" s="17">
        <v>11008</v>
      </c>
      <c r="B3694" s="17"/>
      <c r="C3694" s="17"/>
      <c r="D3694" s="18" t="s">
        <v>1849</v>
      </c>
      <c r="E3694" s="18"/>
      <c r="F3694" s="18"/>
      <c r="G3694" s="18"/>
      <c r="H3694" s="18"/>
      <c r="I3694" s="18"/>
      <c r="J3694" s="18"/>
      <c r="K3694" s="18"/>
      <c r="L3694" s="18"/>
      <c r="M3694" s="18"/>
      <c r="N3694" s="18"/>
      <c r="O3694" s="18"/>
      <c r="P3694" s="20">
        <v>4500</v>
      </c>
      <c r="Q3694" s="20"/>
      <c r="R3694" s="20"/>
      <c r="S3694" s="20"/>
      <c r="T3694" s="20">
        <v>4300</v>
      </c>
      <c r="U3694" s="20"/>
      <c r="V3694" s="20"/>
      <c r="W3694" s="20"/>
      <c r="X3694" s="19">
        <v>2</v>
      </c>
      <c r="Y3694" s="19"/>
      <c r="Z3694" s="19"/>
      <c r="AA3694" s="19"/>
    </row>
    <row r="3695" spans="1:27" s="1" customFormat="1" ht="14.1" customHeight="1" outlineLevel="2" x14ac:dyDescent="0.2">
      <c r="A3695" s="17"/>
      <c r="B3695" s="17"/>
      <c r="C3695" s="17"/>
      <c r="D3695" s="18"/>
      <c r="E3695" s="18"/>
      <c r="F3695" s="18"/>
      <c r="G3695" s="18"/>
      <c r="H3695" s="18"/>
      <c r="I3695" s="18"/>
      <c r="J3695" s="18"/>
      <c r="K3695" s="18"/>
      <c r="L3695" s="18"/>
      <c r="M3695" s="18"/>
      <c r="N3695" s="18"/>
      <c r="O3695" s="18"/>
      <c r="P3695" s="20"/>
      <c r="Q3695" s="20"/>
      <c r="R3695" s="20"/>
      <c r="S3695" s="20"/>
      <c r="T3695" s="20"/>
      <c r="U3695" s="20"/>
      <c r="V3695" s="20"/>
      <c r="W3695" s="20"/>
      <c r="X3695" s="19"/>
      <c r="Y3695" s="19"/>
      <c r="Z3695" s="19"/>
      <c r="AA3695" s="19"/>
    </row>
    <row r="3696" spans="1:27" s="1" customFormat="1" ht="14.1" customHeight="1" outlineLevel="2" x14ac:dyDescent="0.2">
      <c r="A3696" s="17">
        <v>11370</v>
      </c>
      <c r="B3696" s="17"/>
      <c r="C3696" s="17"/>
      <c r="D3696" s="18" t="s">
        <v>1850</v>
      </c>
      <c r="E3696" s="18"/>
      <c r="F3696" s="18"/>
      <c r="G3696" s="18"/>
      <c r="H3696" s="18"/>
      <c r="I3696" s="18"/>
      <c r="J3696" s="18"/>
      <c r="K3696" s="18"/>
      <c r="L3696" s="18"/>
      <c r="M3696" s="18"/>
      <c r="N3696" s="18"/>
      <c r="O3696" s="18"/>
      <c r="P3696" s="20">
        <v>4200</v>
      </c>
      <c r="Q3696" s="20"/>
      <c r="R3696" s="20"/>
      <c r="S3696" s="20"/>
      <c r="T3696" s="20">
        <v>3900</v>
      </c>
      <c r="U3696" s="20"/>
      <c r="V3696" s="20"/>
      <c r="W3696" s="20"/>
      <c r="X3696" s="19">
        <v>3</v>
      </c>
      <c r="Y3696" s="19"/>
      <c r="Z3696" s="19"/>
      <c r="AA3696" s="19"/>
    </row>
    <row r="3697" spans="1:27" s="1" customFormat="1" ht="14.1" customHeight="1" outlineLevel="2" x14ac:dyDescent="0.2">
      <c r="A3697" s="17"/>
      <c r="B3697" s="17"/>
      <c r="C3697" s="17"/>
      <c r="D3697" s="18"/>
      <c r="E3697" s="18"/>
      <c r="F3697" s="18"/>
      <c r="G3697" s="18"/>
      <c r="H3697" s="18"/>
      <c r="I3697" s="18"/>
      <c r="J3697" s="18"/>
      <c r="K3697" s="18"/>
      <c r="L3697" s="18"/>
      <c r="M3697" s="18"/>
      <c r="N3697" s="18"/>
      <c r="O3697" s="18"/>
      <c r="P3697" s="20"/>
      <c r="Q3697" s="20"/>
      <c r="R3697" s="20"/>
      <c r="S3697" s="20"/>
      <c r="T3697" s="20"/>
      <c r="U3697" s="20"/>
      <c r="V3697" s="20"/>
      <c r="W3697" s="20"/>
      <c r="X3697" s="19"/>
      <c r="Y3697" s="19"/>
      <c r="Z3697" s="19"/>
      <c r="AA3697" s="19"/>
    </row>
    <row r="3698" spans="1:27" s="1" customFormat="1" ht="14.1" customHeight="1" outlineLevel="2" x14ac:dyDescent="0.2">
      <c r="A3698" s="17">
        <v>15762</v>
      </c>
      <c r="B3698" s="17"/>
      <c r="C3698" s="17"/>
      <c r="D3698" s="18" t="s">
        <v>1851</v>
      </c>
      <c r="E3698" s="18"/>
      <c r="F3698" s="18"/>
      <c r="G3698" s="18"/>
      <c r="H3698" s="18"/>
      <c r="I3698" s="18"/>
      <c r="J3698" s="18"/>
      <c r="K3698" s="18"/>
      <c r="L3698" s="18"/>
      <c r="M3698" s="18"/>
      <c r="N3698" s="18"/>
      <c r="O3698" s="18"/>
      <c r="P3698" s="20">
        <v>4900</v>
      </c>
      <c r="Q3698" s="20"/>
      <c r="R3698" s="20"/>
      <c r="S3698" s="20"/>
      <c r="T3698" s="20">
        <v>4500</v>
      </c>
      <c r="U3698" s="20"/>
      <c r="V3698" s="20"/>
      <c r="W3698" s="20"/>
      <c r="X3698" s="19">
        <v>1</v>
      </c>
      <c r="Y3698" s="19"/>
      <c r="Z3698" s="19"/>
      <c r="AA3698" s="19"/>
    </row>
    <row r="3699" spans="1:27" s="1" customFormat="1" ht="14.1" customHeight="1" outlineLevel="2" x14ac:dyDescent="0.2">
      <c r="A3699" s="17"/>
      <c r="B3699" s="17"/>
      <c r="C3699" s="17"/>
      <c r="D3699" s="18"/>
      <c r="E3699" s="18"/>
      <c r="F3699" s="18"/>
      <c r="G3699" s="18"/>
      <c r="H3699" s="18"/>
      <c r="I3699" s="18"/>
      <c r="J3699" s="18"/>
      <c r="K3699" s="18"/>
      <c r="L3699" s="18"/>
      <c r="M3699" s="18"/>
      <c r="N3699" s="18"/>
      <c r="O3699" s="18"/>
      <c r="P3699" s="20"/>
      <c r="Q3699" s="20"/>
      <c r="R3699" s="20"/>
      <c r="S3699" s="20"/>
      <c r="T3699" s="20"/>
      <c r="U3699" s="20"/>
      <c r="V3699" s="20"/>
      <c r="W3699" s="20"/>
      <c r="X3699" s="19"/>
      <c r="Y3699" s="19"/>
      <c r="Z3699" s="19"/>
      <c r="AA3699" s="19"/>
    </row>
    <row r="3700" spans="1:27" s="1" customFormat="1" ht="14.1" customHeight="1" outlineLevel="2" x14ac:dyDescent="0.2">
      <c r="A3700" s="17">
        <v>12522</v>
      </c>
      <c r="B3700" s="17"/>
      <c r="C3700" s="17"/>
      <c r="D3700" s="18" t="s">
        <v>1852</v>
      </c>
      <c r="E3700" s="18"/>
      <c r="F3700" s="18"/>
      <c r="G3700" s="18"/>
      <c r="H3700" s="18"/>
      <c r="I3700" s="18"/>
      <c r="J3700" s="18"/>
      <c r="K3700" s="18"/>
      <c r="L3700" s="18"/>
      <c r="M3700" s="18"/>
      <c r="N3700" s="18"/>
      <c r="O3700" s="18"/>
      <c r="P3700" s="20">
        <v>3100</v>
      </c>
      <c r="Q3700" s="20"/>
      <c r="R3700" s="20"/>
      <c r="S3700" s="20"/>
      <c r="T3700" s="20">
        <v>2900</v>
      </c>
      <c r="U3700" s="20"/>
      <c r="V3700" s="20"/>
      <c r="W3700" s="20"/>
      <c r="X3700" s="19">
        <v>3</v>
      </c>
      <c r="Y3700" s="19"/>
      <c r="Z3700" s="19"/>
      <c r="AA3700" s="19"/>
    </row>
    <row r="3701" spans="1:27" s="1" customFormat="1" ht="14.1" customHeight="1" outlineLevel="2" x14ac:dyDescent="0.2">
      <c r="A3701" s="17"/>
      <c r="B3701" s="17"/>
      <c r="C3701" s="17"/>
      <c r="D3701" s="18"/>
      <c r="E3701" s="18"/>
      <c r="F3701" s="18"/>
      <c r="G3701" s="18"/>
      <c r="H3701" s="18"/>
      <c r="I3701" s="18"/>
      <c r="J3701" s="18"/>
      <c r="K3701" s="18"/>
      <c r="L3701" s="18"/>
      <c r="M3701" s="18"/>
      <c r="N3701" s="18"/>
      <c r="O3701" s="18"/>
      <c r="P3701" s="20"/>
      <c r="Q3701" s="20"/>
      <c r="R3701" s="20"/>
      <c r="S3701" s="20"/>
      <c r="T3701" s="20"/>
      <c r="U3701" s="20"/>
      <c r="V3701" s="20"/>
      <c r="W3701" s="20"/>
      <c r="X3701" s="19"/>
      <c r="Y3701" s="19"/>
      <c r="Z3701" s="19"/>
      <c r="AA3701" s="19"/>
    </row>
    <row r="3702" spans="1:27" s="1" customFormat="1" ht="14.1" customHeight="1" outlineLevel="2" x14ac:dyDescent="0.2">
      <c r="A3702" s="17">
        <v>10445</v>
      </c>
      <c r="B3702" s="17"/>
      <c r="C3702" s="17"/>
      <c r="D3702" s="18" t="s">
        <v>1853</v>
      </c>
      <c r="E3702" s="18"/>
      <c r="F3702" s="18"/>
      <c r="G3702" s="18"/>
      <c r="H3702" s="18"/>
      <c r="I3702" s="18"/>
      <c r="J3702" s="18"/>
      <c r="K3702" s="18"/>
      <c r="L3702" s="18"/>
      <c r="M3702" s="18"/>
      <c r="N3702" s="18"/>
      <c r="O3702" s="18"/>
      <c r="P3702" s="20">
        <v>3150</v>
      </c>
      <c r="Q3702" s="20"/>
      <c r="R3702" s="20"/>
      <c r="S3702" s="20"/>
      <c r="T3702" s="20">
        <v>2900</v>
      </c>
      <c r="U3702" s="20"/>
      <c r="V3702" s="20"/>
      <c r="W3702" s="20"/>
      <c r="X3702" s="19">
        <v>3</v>
      </c>
      <c r="Y3702" s="19"/>
      <c r="Z3702" s="19"/>
      <c r="AA3702" s="19"/>
    </row>
    <row r="3703" spans="1:27" s="1" customFormat="1" ht="14.1" customHeight="1" outlineLevel="2" x14ac:dyDescent="0.2">
      <c r="A3703" s="17"/>
      <c r="B3703" s="17"/>
      <c r="C3703" s="17"/>
      <c r="D3703" s="18"/>
      <c r="E3703" s="18"/>
      <c r="F3703" s="18"/>
      <c r="G3703" s="18"/>
      <c r="H3703" s="18"/>
      <c r="I3703" s="18"/>
      <c r="J3703" s="18"/>
      <c r="K3703" s="18"/>
      <c r="L3703" s="18"/>
      <c r="M3703" s="18"/>
      <c r="N3703" s="18"/>
      <c r="O3703" s="18"/>
      <c r="P3703" s="20"/>
      <c r="Q3703" s="20"/>
      <c r="R3703" s="20"/>
      <c r="S3703" s="20"/>
      <c r="T3703" s="20"/>
      <c r="U3703" s="20"/>
      <c r="V3703" s="20"/>
      <c r="W3703" s="20"/>
      <c r="X3703" s="19"/>
      <c r="Y3703" s="19"/>
      <c r="Z3703" s="19"/>
      <c r="AA3703" s="19"/>
    </row>
    <row r="3704" spans="1:27" s="1" customFormat="1" ht="14.1" customHeight="1" outlineLevel="2" x14ac:dyDescent="0.2">
      <c r="A3704" s="17">
        <v>13809</v>
      </c>
      <c r="B3704" s="17"/>
      <c r="C3704" s="17"/>
      <c r="D3704" s="18" t="s">
        <v>1854</v>
      </c>
      <c r="E3704" s="18"/>
      <c r="F3704" s="18"/>
      <c r="G3704" s="18"/>
      <c r="H3704" s="18"/>
      <c r="I3704" s="18"/>
      <c r="J3704" s="18"/>
      <c r="K3704" s="18"/>
      <c r="L3704" s="18"/>
      <c r="M3704" s="18"/>
      <c r="N3704" s="18"/>
      <c r="O3704" s="18"/>
      <c r="P3704" s="20">
        <v>2400</v>
      </c>
      <c r="Q3704" s="20"/>
      <c r="R3704" s="20"/>
      <c r="S3704" s="20"/>
      <c r="T3704" s="20">
        <v>1900</v>
      </c>
      <c r="U3704" s="20"/>
      <c r="V3704" s="20"/>
      <c r="W3704" s="20"/>
      <c r="X3704" s="19">
        <v>9</v>
      </c>
      <c r="Y3704" s="19"/>
      <c r="Z3704" s="19"/>
      <c r="AA3704" s="19"/>
    </row>
    <row r="3705" spans="1:27" s="1" customFormat="1" ht="14.1" customHeight="1" outlineLevel="2" x14ac:dyDescent="0.2">
      <c r="A3705" s="17"/>
      <c r="B3705" s="17"/>
      <c r="C3705" s="17"/>
      <c r="D3705" s="18"/>
      <c r="E3705" s="18"/>
      <c r="F3705" s="18"/>
      <c r="G3705" s="18"/>
      <c r="H3705" s="18"/>
      <c r="I3705" s="18"/>
      <c r="J3705" s="18"/>
      <c r="K3705" s="18"/>
      <c r="L3705" s="18"/>
      <c r="M3705" s="18"/>
      <c r="N3705" s="18"/>
      <c r="O3705" s="18"/>
      <c r="P3705" s="20"/>
      <c r="Q3705" s="20"/>
      <c r="R3705" s="20"/>
      <c r="S3705" s="20"/>
      <c r="T3705" s="20"/>
      <c r="U3705" s="20"/>
      <c r="V3705" s="20"/>
      <c r="W3705" s="20"/>
      <c r="X3705" s="19"/>
      <c r="Y3705" s="19"/>
      <c r="Z3705" s="19"/>
      <c r="AA3705" s="19"/>
    </row>
    <row r="3706" spans="1:27" s="1" customFormat="1" ht="14.1" customHeight="1" outlineLevel="2" x14ac:dyDescent="0.2">
      <c r="A3706" s="17">
        <v>17517</v>
      </c>
      <c r="B3706" s="17"/>
      <c r="C3706" s="17"/>
      <c r="D3706" s="18" t="s">
        <v>1855</v>
      </c>
      <c r="E3706" s="18"/>
      <c r="F3706" s="18"/>
      <c r="G3706" s="18"/>
      <c r="H3706" s="18"/>
      <c r="I3706" s="18"/>
      <c r="J3706" s="18"/>
      <c r="K3706" s="18"/>
      <c r="L3706" s="18"/>
      <c r="M3706" s="18"/>
      <c r="N3706" s="18"/>
      <c r="O3706" s="18"/>
      <c r="P3706" s="20">
        <v>1900</v>
      </c>
      <c r="Q3706" s="20"/>
      <c r="R3706" s="20"/>
      <c r="S3706" s="20"/>
      <c r="T3706" s="20">
        <v>1400</v>
      </c>
      <c r="U3706" s="20"/>
      <c r="V3706" s="20"/>
      <c r="W3706" s="20"/>
      <c r="X3706" s="19">
        <v>1</v>
      </c>
      <c r="Y3706" s="19"/>
      <c r="Z3706" s="19"/>
      <c r="AA3706" s="19"/>
    </row>
    <row r="3707" spans="1:27" s="1" customFormat="1" ht="14.1" customHeight="1" outlineLevel="2" x14ac:dyDescent="0.2">
      <c r="A3707" s="17"/>
      <c r="B3707" s="17"/>
      <c r="C3707" s="17"/>
      <c r="D3707" s="18"/>
      <c r="E3707" s="18"/>
      <c r="F3707" s="18"/>
      <c r="G3707" s="18"/>
      <c r="H3707" s="18"/>
      <c r="I3707" s="18"/>
      <c r="J3707" s="18"/>
      <c r="K3707" s="18"/>
      <c r="L3707" s="18"/>
      <c r="M3707" s="18"/>
      <c r="N3707" s="18"/>
      <c r="O3707" s="18"/>
      <c r="P3707" s="20"/>
      <c r="Q3707" s="20"/>
      <c r="R3707" s="20"/>
      <c r="S3707" s="20"/>
      <c r="T3707" s="20"/>
      <c r="U3707" s="20"/>
      <c r="V3707" s="20"/>
      <c r="W3707" s="20"/>
      <c r="X3707" s="19"/>
      <c r="Y3707" s="19"/>
      <c r="Z3707" s="19"/>
      <c r="AA3707" s="19"/>
    </row>
    <row r="3708" spans="1:27" s="1" customFormat="1" ht="14.1" customHeight="1" outlineLevel="2" x14ac:dyDescent="0.2">
      <c r="A3708" s="17">
        <v>15539</v>
      </c>
      <c r="B3708" s="17"/>
      <c r="C3708" s="17"/>
      <c r="D3708" s="18" t="s">
        <v>1856</v>
      </c>
      <c r="E3708" s="18"/>
      <c r="F3708" s="18"/>
      <c r="G3708" s="18"/>
      <c r="H3708" s="18"/>
      <c r="I3708" s="18"/>
      <c r="J3708" s="18"/>
      <c r="K3708" s="18"/>
      <c r="L3708" s="18"/>
      <c r="M3708" s="18"/>
      <c r="N3708" s="18"/>
      <c r="O3708" s="18"/>
      <c r="P3708" s="19">
        <v>700</v>
      </c>
      <c r="Q3708" s="19"/>
      <c r="R3708" s="19"/>
      <c r="S3708" s="19"/>
      <c r="T3708" s="19">
        <v>600</v>
      </c>
      <c r="U3708" s="19"/>
      <c r="V3708" s="19"/>
      <c r="W3708" s="19"/>
      <c r="X3708" s="19">
        <v>3</v>
      </c>
      <c r="Y3708" s="19"/>
      <c r="Z3708" s="19"/>
      <c r="AA3708" s="19"/>
    </row>
    <row r="3709" spans="1:27" s="1" customFormat="1" ht="14.1" customHeight="1" outlineLevel="2" x14ac:dyDescent="0.2">
      <c r="A3709" s="17"/>
      <c r="B3709" s="17"/>
      <c r="C3709" s="17"/>
      <c r="D3709" s="18"/>
      <c r="E3709" s="18"/>
      <c r="F3709" s="18"/>
      <c r="G3709" s="18"/>
      <c r="H3709" s="18"/>
      <c r="I3709" s="18"/>
      <c r="J3709" s="18"/>
      <c r="K3709" s="18"/>
      <c r="L3709" s="18"/>
      <c r="M3709" s="18"/>
      <c r="N3709" s="18"/>
      <c r="O3709" s="18"/>
      <c r="P3709" s="19"/>
      <c r="Q3709" s="19"/>
      <c r="R3709" s="19"/>
      <c r="S3709" s="19"/>
      <c r="T3709" s="19"/>
      <c r="U3709" s="19"/>
      <c r="V3709" s="19"/>
      <c r="W3709" s="19"/>
      <c r="X3709" s="19"/>
      <c r="Y3709" s="19"/>
      <c r="Z3709" s="19"/>
      <c r="AA3709" s="19"/>
    </row>
    <row r="3710" spans="1:27" s="1" customFormat="1" ht="14.1" customHeight="1" outlineLevel="2" x14ac:dyDescent="0.2">
      <c r="A3710" s="17">
        <v>13411</v>
      </c>
      <c r="B3710" s="17"/>
      <c r="C3710" s="17"/>
      <c r="D3710" s="18" t="s">
        <v>1857</v>
      </c>
      <c r="E3710" s="18"/>
      <c r="F3710" s="18"/>
      <c r="G3710" s="18"/>
      <c r="H3710" s="18"/>
      <c r="I3710" s="18"/>
      <c r="J3710" s="18"/>
      <c r="K3710" s="18"/>
      <c r="L3710" s="18"/>
      <c r="M3710" s="18"/>
      <c r="N3710" s="18"/>
      <c r="O3710" s="18"/>
      <c r="P3710" s="20">
        <v>5600</v>
      </c>
      <c r="Q3710" s="20"/>
      <c r="R3710" s="20"/>
      <c r="S3710" s="20"/>
      <c r="T3710" s="20">
        <v>5100</v>
      </c>
      <c r="U3710" s="20"/>
      <c r="V3710" s="20"/>
      <c r="W3710" s="20"/>
      <c r="X3710" s="19">
        <v>2</v>
      </c>
      <c r="Y3710" s="19"/>
      <c r="Z3710" s="19"/>
      <c r="AA3710" s="19"/>
    </row>
    <row r="3711" spans="1:27" s="1" customFormat="1" ht="14.1" customHeight="1" outlineLevel="2" x14ac:dyDescent="0.2">
      <c r="A3711" s="17"/>
      <c r="B3711" s="17"/>
      <c r="C3711" s="17"/>
      <c r="D3711" s="18"/>
      <c r="E3711" s="18"/>
      <c r="F3711" s="18"/>
      <c r="G3711" s="18"/>
      <c r="H3711" s="18"/>
      <c r="I3711" s="18"/>
      <c r="J3711" s="18"/>
      <c r="K3711" s="18"/>
      <c r="L3711" s="18"/>
      <c r="M3711" s="18"/>
      <c r="N3711" s="18"/>
      <c r="O3711" s="18"/>
      <c r="P3711" s="20"/>
      <c r="Q3711" s="20"/>
      <c r="R3711" s="20"/>
      <c r="S3711" s="20"/>
      <c r="T3711" s="20"/>
      <c r="U3711" s="20"/>
      <c r="V3711" s="20"/>
      <c r="W3711" s="20"/>
      <c r="X3711" s="19"/>
      <c r="Y3711" s="19"/>
      <c r="Z3711" s="19"/>
      <c r="AA3711" s="19"/>
    </row>
    <row r="3712" spans="1:27" s="1" customFormat="1" ht="14.1" customHeight="1" outlineLevel="2" x14ac:dyDescent="0.2">
      <c r="A3712" s="17">
        <v>17125</v>
      </c>
      <c r="B3712" s="17"/>
      <c r="C3712" s="17"/>
      <c r="D3712" s="18" t="s">
        <v>1858</v>
      </c>
      <c r="E3712" s="18"/>
      <c r="F3712" s="18"/>
      <c r="G3712" s="18"/>
      <c r="H3712" s="18"/>
      <c r="I3712" s="18"/>
      <c r="J3712" s="18"/>
      <c r="K3712" s="18"/>
      <c r="L3712" s="18"/>
      <c r="M3712" s="18"/>
      <c r="N3712" s="18"/>
      <c r="O3712" s="18"/>
      <c r="P3712" s="20">
        <v>2500</v>
      </c>
      <c r="Q3712" s="20"/>
      <c r="R3712" s="20"/>
      <c r="S3712" s="20"/>
      <c r="T3712" s="20">
        <v>2200</v>
      </c>
      <c r="U3712" s="20"/>
      <c r="V3712" s="20"/>
      <c r="W3712" s="20"/>
      <c r="X3712" s="19">
        <v>10</v>
      </c>
      <c r="Y3712" s="19"/>
      <c r="Z3712" s="19"/>
      <c r="AA3712" s="19"/>
    </row>
    <row r="3713" spans="1:27" s="1" customFormat="1" ht="14.1" customHeight="1" outlineLevel="2" x14ac:dyDescent="0.2">
      <c r="A3713" s="17"/>
      <c r="B3713" s="17"/>
      <c r="C3713" s="17"/>
      <c r="D3713" s="18"/>
      <c r="E3713" s="18"/>
      <c r="F3713" s="18"/>
      <c r="G3713" s="18"/>
      <c r="H3713" s="18"/>
      <c r="I3713" s="18"/>
      <c r="J3713" s="18"/>
      <c r="K3713" s="18"/>
      <c r="L3713" s="18"/>
      <c r="M3713" s="18"/>
      <c r="N3713" s="18"/>
      <c r="O3713" s="18"/>
      <c r="P3713" s="20"/>
      <c r="Q3713" s="20"/>
      <c r="R3713" s="20"/>
      <c r="S3713" s="20"/>
      <c r="T3713" s="20"/>
      <c r="U3713" s="20"/>
      <c r="V3713" s="20"/>
      <c r="W3713" s="20"/>
      <c r="X3713" s="19"/>
      <c r="Y3713" s="19"/>
      <c r="Z3713" s="19"/>
      <c r="AA3713" s="19"/>
    </row>
    <row r="3714" spans="1:27" s="1" customFormat="1" ht="14.1" customHeight="1" outlineLevel="2" x14ac:dyDescent="0.2">
      <c r="A3714" s="17">
        <v>13810</v>
      </c>
      <c r="B3714" s="17"/>
      <c r="C3714" s="17"/>
      <c r="D3714" s="18" t="s">
        <v>1859</v>
      </c>
      <c r="E3714" s="18"/>
      <c r="F3714" s="18"/>
      <c r="G3714" s="18"/>
      <c r="H3714" s="18"/>
      <c r="I3714" s="18"/>
      <c r="J3714" s="18"/>
      <c r="K3714" s="18"/>
      <c r="L3714" s="18"/>
      <c r="M3714" s="18"/>
      <c r="N3714" s="18"/>
      <c r="O3714" s="18"/>
      <c r="P3714" s="20">
        <v>5300</v>
      </c>
      <c r="Q3714" s="20"/>
      <c r="R3714" s="20"/>
      <c r="S3714" s="20"/>
      <c r="T3714" s="20">
        <v>4900</v>
      </c>
      <c r="U3714" s="20"/>
      <c r="V3714" s="20"/>
      <c r="W3714" s="20"/>
      <c r="X3714" s="19">
        <v>1</v>
      </c>
      <c r="Y3714" s="19"/>
      <c r="Z3714" s="19"/>
      <c r="AA3714" s="19"/>
    </row>
    <row r="3715" spans="1:27" s="1" customFormat="1" ht="14.1" customHeight="1" outlineLevel="2" x14ac:dyDescent="0.2">
      <c r="A3715" s="17"/>
      <c r="B3715" s="17"/>
      <c r="C3715" s="17"/>
      <c r="D3715" s="18"/>
      <c r="E3715" s="18"/>
      <c r="F3715" s="18"/>
      <c r="G3715" s="18"/>
      <c r="H3715" s="18"/>
      <c r="I3715" s="18"/>
      <c r="J3715" s="18"/>
      <c r="K3715" s="18"/>
      <c r="L3715" s="18"/>
      <c r="M3715" s="18"/>
      <c r="N3715" s="18"/>
      <c r="O3715" s="18"/>
      <c r="P3715" s="20"/>
      <c r="Q3715" s="20"/>
      <c r="R3715" s="20"/>
      <c r="S3715" s="20"/>
      <c r="T3715" s="20"/>
      <c r="U3715" s="20"/>
      <c r="V3715" s="20"/>
      <c r="W3715" s="20"/>
      <c r="X3715" s="19"/>
      <c r="Y3715" s="19"/>
      <c r="Z3715" s="19"/>
      <c r="AA3715" s="19"/>
    </row>
    <row r="3716" spans="1:27" s="1" customFormat="1" ht="14.1" customHeight="1" outlineLevel="2" x14ac:dyDescent="0.2">
      <c r="A3716" s="17">
        <v>13511</v>
      </c>
      <c r="B3716" s="17"/>
      <c r="C3716" s="17"/>
      <c r="D3716" s="18" t="s">
        <v>1860</v>
      </c>
      <c r="E3716" s="18"/>
      <c r="F3716" s="18"/>
      <c r="G3716" s="18"/>
      <c r="H3716" s="18"/>
      <c r="I3716" s="18"/>
      <c r="J3716" s="18"/>
      <c r="K3716" s="18"/>
      <c r="L3716" s="18"/>
      <c r="M3716" s="18"/>
      <c r="N3716" s="18"/>
      <c r="O3716" s="18"/>
      <c r="P3716" s="20">
        <v>2900</v>
      </c>
      <c r="Q3716" s="20"/>
      <c r="R3716" s="20"/>
      <c r="S3716" s="20"/>
      <c r="T3716" s="20">
        <v>2250</v>
      </c>
      <c r="U3716" s="20"/>
      <c r="V3716" s="20"/>
      <c r="W3716" s="20"/>
      <c r="X3716" s="19">
        <v>14</v>
      </c>
      <c r="Y3716" s="19"/>
      <c r="Z3716" s="19"/>
      <c r="AA3716" s="19"/>
    </row>
    <row r="3717" spans="1:27" s="1" customFormat="1" ht="14.1" customHeight="1" outlineLevel="2" x14ac:dyDescent="0.2">
      <c r="A3717" s="17"/>
      <c r="B3717" s="17"/>
      <c r="C3717" s="17"/>
      <c r="D3717" s="18"/>
      <c r="E3717" s="18"/>
      <c r="F3717" s="18"/>
      <c r="G3717" s="18"/>
      <c r="H3717" s="18"/>
      <c r="I3717" s="18"/>
      <c r="J3717" s="18"/>
      <c r="K3717" s="18"/>
      <c r="L3717" s="18"/>
      <c r="M3717" s="18"/>
      <c r="N3717" s="18"/>
      <c r="O3717" s="18"/>
      <c r="P3717" s="20"/>
      <c r="Q3717" s="20"/>
      <c r="R3717" s="20"/>
      <c r="S3717" s="20"/>
      <c r="T3717" s="20"/>
      <c r="U3717" s="20"/>
      <c r="V3717" s="20"/>
      <c r="W3717" s="20"/>
      <c r="X3717" s="19"/>
      <c r="Y3717" s="19"/>
      <c r="Z3717" s="19"/>
      <c r="AA3717" s="19"/>
    </row>
    <row r="3718" spans="1:27" s="1" customFormat="1" ht="14.1" customHeight="1" outlineLevel="2" x14ac:dyDescent="0.2">
      <c r="A3718" s="17">
        <v>17704</v>
      </c>
      <c r="B3718" s="17"/>
      <c r="C3718" s="17"/>
      <c r="D3718" s="18" t="s">
        <v>1861</v>
      </c>
      <c r="E3718" s="18"/>
      <c r="F3718" s="18"/>
      <c r="G3718" s="18"/>
      <c r="H3718" s="18"/>
      <c r="I3718" s="18"/>
      <c r="J3718" s="18"/>
      <c r="K3718" s="18"/>
      <c r="L3718" s="18"/>
      <c r="M3718" s="18"/>
      <c r="N3718" s="18"/>
      <c r="O3718" s="18"/>
      <c r="P3718" s="20">
        <v>5500</v>
      </c>
      <c r="Q3718" s="20"/>
      <c r="R3718" s="20"/>
      <c r="S3718" s="20"/>
      <c r="T3718" s="20">
        <v>5300</v>
      </c>
      <c r="U3718" s="20"/>
      <c r="V3718" s="20"/>
      <c r="W3718" s="20"/>
      <c r="X3718" s="19">
        <v>2</v>
      </c>
      <c r="Y3718" s="19"/>
      <c r="Z3718" s="19"/>
      <c r="AA3718" s="19"/>
    </row>
    <row r="3719" spans="1:27" s="1" customFormat="1" ht="14.1" customHeight="1" outlineLevel="2" x14ac:dyDescent="0.2">
      <c r="A3719" s="17"/>
      <c r="B3719" s="17"/>
      <c r="C3719" s="17"/>
      <c r="D3719" s="18"/>
      <c r="E3719" s="18"/>
      <c r="F3719" s="18"/>
      <c r="G3719" s="18"/>
      <c r="H3719" s="18"/>
      <c r="I3719" s="18"/>
      <c r="J3719" s="18"/>
      <c r="K3719" s="18"/>
      <c r="L3719" s="18"/>
      <c r="M3719" s="18"/>
      <c r="N3719" s="18"/>
      <c r="O3719" s="18"/>
      <c r="P3719" s="20"/>
      <c r="Q3719" s="20"/>
      <c r="R3719" s="20"/>
      <c r="S3719" s="20"/>
      <c r="T3719" s="20"/>
      <c r="U3719" s="20"/>
      <c r="V3719" s="20"/>
      <c r="W3719" s="20"/>
      <c r="X3719" s="19"/>
      <c r="Y3719" s="19"/>
      <c r="Z3719" s="19"/>
      <c r="AA3719" s="19"/>
    </row>
    <row r="3720" spans="1:27" s="1" customFormat="1" ht="14.1" customHeight="1" outlineLevel="2" x14ac:dyDescent="0.2">
      <c r="A3720" s="17">
        <v>17113</v>
      </c>
      <c r="B3720" s="17"/>
      <c r="C3720" s="17"/>
      <c r="D3720" s="18" t="s">
        <v>1862</v>
      </c>
      <c r="E3720" s="18"/>
      <c r="F3720" s="18"/>
      <c r="G3720" s="18"/>
      <c r="H3720" s="18"/>
      <c r="I3720" s="18"/>
      <c r="J3720" s="18"/>
      <c r="K3720" s="18"/>
      <c r="L3720" s="18"/>
      <c r="M3720" s="18"/>
      <c r="N3720" s="18"/>
      <c r="O3720" s="18"/>
      <c r="P3720" s="20">
        <v>1500</v>
      </c>
      <c r="Q3720" s="20"/>
      <c r="R3720" s="20"/>
      <c r="S3720" s="20"/>
      <c r="T3720" s="20">
        <v>1200</v>
      </c>
      <c r="U3720" s="20"/>
      <c r="V3720" s="20"/>
      <c r="W3720" s="20"/>
      <c r="X3720" s="19">
        <v>20</v>
      </c>
      <c r="Y3720" s="19"/>
      <c r="Z3720" s="19"/>
      <c r="AA3720" s="19"/>
    </row>
    <row r="3721" spans="1:27" s="1" customFormat="1" ht="14.1" customHeight="1" outlineLevel="2" x14ac:dyDescent="0.2">
      <c r="A3721" s="17"/>
      <c r="B3721" s="17"/>
      <c r="C3721" s="17"/>
      <c r="D3721" s="18"/>
      <c r="E3721" s="18"/>
      <c r="F3721" s="18"/>
      <c r="G3721" s="18"/>
      <c r="H3721" s="18"/>
      <c r="I3721" s="18"/>
      <c r="J3721" s="18"/>
      <c r="K3721" s="18"/>
      <c r="L3721" s="18"/>
      <c r="M3721" s="18"/>
      <c r="N3721" s="18"/>
      <c r="O3721" s="18"/>
      <c r="P3721" s="20"/>
      <c r="Q3721" s="20"/>
      <c r="R3721" s="20"/>
      <c r="S3721" s="20"/>
      <c r="T3721" s="20"/>
      <c r="U3721" s="20"/>
      <c r="V3721" s="20"/>
      <c r="W3721" s="20"/>
      <c r="X3721" s="19"/>
      <c r="Y3721" s="19"/>
      <c r="Z3721" s="19"/>
      <c r="AA3721" s="19"/>
    </row>
    <row r="3722" spans="1:27" s="1" customFormat="1" ht="14.1" customHeight="1" outlineLevel="2" x14ac:dyDescent="0.2">
      <c r="A3722" s="17">
        <v>17893</v>
      </c>
      <c r="B3722" s="17"/>
      <c r="C3722" s="17"/>
      <c r="D3722" s="18" t="s">
        <v>1863</v>
      </c>
      <c r="E3722" s="18"/>
      <c r="F3722" s="18"/>
      <c r="G3722" s="18"/>
      <c r="H3722" s="18"/>
      <c r="I3722" s="18"/>
      <c r="J3722" s="18"/>
      <c r="K3722" s="18"/>
      <c r="L3722" s="18"/>
      <c r="M3722" s="18"/>
      <c r="N3722" s="18"/>
      <c r="O3722" s="18"/>
      <c r="P3722" s="20">
        <v>5400</v>
      </c>
      <c r="Q3722" s="20"/>
      <c r="R3722" s="20"/>
      <c r="S3722" s="20"/>
      <c r="T3722" s="20">
        <v>5000</v>
      </c>
      <c r="U3722" s="20"/>
      <c r="V3722" s="20"/>
      <c r="W3722" s="20"/>
      <c r="X3722" s="19">
        <v>1</v>
      </c>
      <c r="Y3722" s="19"/>
      <c r="Z3722" s="19"/>
      <c r="AA3722" s="19"/>
    </row>
    <row r="3723" spans="1:27" s="1" customFormat="1" ht="14.1" customHeight="1" outlineLevel="2" x14ac:dyDescent="0.2">
      <c r="A3723" s="17"/>
      <c r="B3723" s="17"/>
      <c r="C3723" s="17"/>
      <c r="D3723" s="18"/>
      <c r="E3723" s="18"/>
      <c r="F3723" s="18"/>
      <c r="G3723" s="18"/>
      <c r="H3723" s="18"/>
      <c r="I3723" s="18"/>
      <c r="J3723" s="18"/>
      <c r="K3723" s="18"/>
      <c r="L3723" s="18"/>
      <c r="M3723" s="18"/>
      <c r="N3723" s="18"/>
      <c r="O3723" s="18"/>
      <c r="P3723" s="20"/>
      <c r="Q3723" s="20"/>
      <c r="R3723" s="20"/>
      <c r="S3723" s="20"/>
      <c r="T3723" s="20"/>
      <c r="U3723" s="20"/>
      <c r="V3723" s="20"/>
      <c r="W3723" s="20"/>
      <c r="X3723" s="19"/>
      <c r="Y3723" s="19"/>
      <c r="Z3723" s="19"/>
      <c r="AA3723" s="19"/>
    </row>
    <row r="3724" spans="1:27" s="1" customFormat="1" ht="14.1" customHeight="1" outlineLevel="2" x14ac:dyDescent="0.2">
      <c r="A3724" s="17">
        <v>16383</v>
      </c>
      <c r="B3724" s="17"/>
      <c r="C3724" s="17"/>
      <c r="D3724" s="18" t="s">
        <v>1864</v>
      </c>
      <c r="E3724" s="18"/>
      <c r="F3724" s="18"/>
      <c r="G3724" s="18"/>
      <c r="H3724" s="18"/>
      <c r="I3724" s="18"/>
      <c r="J3724" s="18"/>
      <c r="K3724" s="18"/>
      <c r="L3724" s="18"/>
      <c r="M3724" s="18"/>
      <c r="N3724" s="18"/>
      <c r="O3724" s="18"/>
      <c r="P3724" s="20">
        <v>3550</v>
      </c>
      <c r="Q3724" s="20"/>
      <c r="R3724" s="20"/>
      <c r="S3724" s="20"/>
      <c r="T3724" s="20">
        <v>3200</v>
      </c>
      <c r="U3724" s="20"/>
      <c r="V3724" s="20"/>
      <c r="W3724" s="20"/>
      <c r="X3724" s="19">
        <v>5</v>
      </c>
      <c r="Y3724" s="19"/>
      <c r="Z3724" s="19"/>
      <c r="AA3724" s="19"/>
    </row>
    <row r="3725" spans="1:27" s="1" customFormat="1" ht="14.1" customHeight="1" outlineLevel="2" x14ac:dyDescent="0.2">
      <c r="A3725" s="17"/>
      <c r="B3725" s="17"/>
      <c r="C3725" s="17"/>
      <c r="D3725" s="18"/>
      <c r="E3725" s="18"/>
      <c r="F3725" s="18"/>
      <c r="G3725" s="18"/>
      <c r="H3725" s="18"/>
      <c r="I3725" s="18"/>
      <c r="J3725" s="18"/>
      <c r="K3725" s="18"/>
      <c r="L3725" s="18"/>
      <c r="M3725" s="18"/>
      <c r="N3725" s="18"/>
      <c r="O3725" s="18"/>
      <c r="P3725" s="20"/>
      <c r="Q3725" s="20"/>
      <c r="R3725" s="20"/>
      <c r="S3725" s="20"/>
      <c r="T3725" s="20"/>
      <c r="U3725" s="20"/>
      <c r="V3725" s="20"/>
      <c r="W3725" s="20"/>
      <c r="X3725" s="19"/>
      <c r="Y3725" s="19"/>
      <c r="Z3725" s="19"/>
      <c r="AA3725" s="19"/>
    </row>
    <row r="3726" spans="1:27" s="1" customFormat="1" ht="14.1" customHeight="1" outlineLevel="2" x14ac:dyDescent="0.2">
      <c r="A3726" s="17">
        <v>13620</v>
      </c>
      <c r="B3726" s="17"/>
      <c r="C3726" s="17"/>
      <c r="D3726" s="18" t="s">
        <v>1865</v>
      </c>
      <c r="E3726" s="18"/>
      <c r="F3726" s="18"/>
      <c r="G3726" s="18"/>
      <c r="H3726" s="18"/>
      <c r="I3726" s="18"/>
      <c r="J3726" s="18"/>
      <c r="K3726" s="18"/>
      <c r="L3726" s="18"/>
      <c r="M3726" s="18"/>
      <c r="N3726" s="18"/>
      <c r="O3726" s="18"/>
      <c r="P3726" s="20">
        <v>2200</v>
      </c>
      <c r="Q3726" s="20"/>
      <c r="R3726" s="20"/>
      <c r="S3726" s="20"/>
      <c r="T3726" s="20">
        <v>2000</v>
      </c>
      <c r="U3726" s="20"/>
      <c r="V3726" s="20"/>
      <c r="W3726" s="20"/>
      <c r="X3726" s="19">
        <v>1</v>
      </c>
      <c r="Y3726" s="19"/>
      <c r="Z3726" s="19"/>
      <c r="AA3726" s="19"/>
    </row>
    <row r="3727" spans="1:27" s="1" customFormat="1" ht="14.1" customHeight="1" outlineLevel="2" x14ac:dyDescent="0.2">
      <c r="A3727" s="17"/>
      <c r="B3727" s="17"/>
      <c r="C3727" s="17"/>
      <c r="D3727" s="18"/>
      <c r="E3727" s="18"/>
      <c r="F3727" s="18"/>
      <c r="G3727" s="18"/>
      <c r="H3727" s="18"/>
      <c r="I3727" s="18"/>
      <c r="J3727" s="18"/>
      <c r="K3727" s="18"/>
      <c r="L3727" s="18"/>
      <c r="M3727" s="18"/>
      <c r="N3727" s="18"/>
      <c r="O3727" s="18"/>
      <c r="P3727" s="20"/>
      <c r="Q3727" s="20"/>
      <c r="R3727" s="20"/>
      <c r="S3727" s="20"/>
      <c r="T3727" s="20"/>
      <c r="U3727" s="20"/>
      <c r="V3727" s="20"/>
      <c r="W3727" s="20"/>
      <c r="X3727" s="19"/>
      <c r="Y3727" s="19"/>
      <c r="Z3727" s="19"/>
      <c r="AA3727" s="19"/>
    </row>
    <row r="3728" spans="1:27" s="1" customFormat="1" ht="14.1" customHeight="1" outlineLevel="2" x14ac:dyDescent="0.2">
      <c r="A3728" s="17">
        <v>16000</v>
      </c>
      <c r="B3728" s="17"/>
      <c r="C3728" s="17"/>
      <c r="D3728" s="18" t="s">
        <v>1866</v>
      </c>
      <c r="E3728" s="18"/>
      <c r="F3728" s="18"/>
      <c r="G3728" s="18"/>
      <c r="H3728" s="18"/>
      <c r="I3728" s="18"/>
      <c r="J3728" s="18"/>
      <c r="K3728" s="18"/>
      <c r="L3728" s="18"/>
      <c r="M3728" s="18"/>
      <c r="N3728" s="18"/>
      <c r="O3728" s="18"/>
      <c r="P3728" s="20">
        <v>4800</v>
      </c>
      <c r="Q3728" s="20"/>
      <c r="R3728" s="20"/>
      <c r="S3728" s="20"/>
      <c r="T3728" s="20">
        <v>4400</v>
      </c>
      <c r="U3728" s="20"/>
      <c r="V3728" s="20"/>
      <c r="W3728" s="20"/>
      <c r="X3728" s="19">
        <v>1</v>
      </c>
      <c r="Y3728" s="19"/>
      <c r="Z3728" s="19"/>
      <c r="AA3728" s="19"/>
    </row>
    <row r="3729" spans="1:27" s="1" customFormat="1" ht="14.1" customHeight="1" outlineLevel="2" x14ac:dyDescent="0.2">
      <c r="A3729" s="17"/>
      <c r="B3729" s="17"/>
      <c r="C3729" s="17"/>
      <c r="D3729" s="18"/>
      <c r="E3729" s="18"/>
      <c r="F3729" s="18"/>
      <c r="G3729" s="18"/>
      <c r="H3729" s="18"/>
      <c r="I3729" s="18"/>
      <c r="J3729" s="18"/>
      <c r="K3729" s="18"/>
      <c r="L3729" s="18"/>
      <c r="M3729" s="18"/>
      <c r="N3729" s="18"/>
      <c r="O3729" s="18"/>
      <c r="P3729" s="20"/>
      <c r="Q3729" s="20"/>
      <c r="R3729" s="20"/>
      <c r="S3729" s="20"/>
      <c r="T3729" s="20"/>
      <c r="U3729" s="20"/>
      <c r="V3729" s="20"/>
      <c r="W3729" s="20"/>
      <c r="X3729" s="19"/>
      <c r="Y3729" s="19"/>
      <c r="Z3729" s="19"/>
      <c r="AA3729" s="19"/>
    </row>
    <row r="3730" spans="1:27" s="1" customFormat="1" ht="14.1" customHeight="1" outlineLevel="2" x14ac:dyDescent="0.2">
      <c r="A3730" s="17">
        <v>16892</v>
      </c>
      <c r="B3730" s="17"/>
      <c r="C3730" s="17"/>
      <c r="D3730" s="18" t="s">
        <v>1867</v>
      </c>
      <c r="E3730" s="18"/>
      <c r="F3730" s="18"/>
      <c r="G3730" s="18"/>
      <c r="H3730" s="18"/>
      <c r="I3730" s="18"/>
      <c r="J3730" s="18"/>
      <c r="K3730" s="18"/>
      <c r="L3730" s="18"/>
      <c r="M3730" s="18"/>
      <c r="N3730" s="18"/>
      <c r="O3730" s="18"/>
      <c r="P3730" s="20">
        <v>10000</v>
      </c>
      <c r="Q3730" s="20"/>
      <c r="R3730" s="20"/>
      <c r="S3730" s="20"/>
      <c r="T3730" s="20">
        <v>9500</v>
      </c>
      <c r="U3730" s="20"/>
      <c r="V3730" s="20"/>
      <c r="W3730" s="20"/>
      <c r="X3730" s="19">
        <v>1</v>
      </c>
      <c r="Y3730" s="19"/>
      <c r="Z3730" s="19"/>
      <c r="AA3730" s="19"/>
    </row>
    <row r="3731" spans="1:27" s="1" customFormat="1" ht="14.1" customHeight="1" outlineLevel="2" x14ac:dyDescent="0.2">
      <c r="A3731" s="17"/>
      <c r="B3731" s="17"/>
      <c r="C3731" s="17"/>
      <c r="D3731" s="18"/>
      <c r="E3731" s="18"/>
      <c r="F3731" s="18"/>
      <c r="G3731" s="18"/>
      <c r="H3731" s="18"/>
      <c r="I3731" s="18"/>
      <c r="J3731" s="18"/>
      <c r="K3731" s="18"/>
      <c r="L3731" s="18"/>
      <c r="M3731" s="18"/>
      <c r="N3731" s="18"/>
      <c r="O3731" s="18"/>
      <c r="P3731" s="20"/>
      <c r="Q3731" s="20"/>
      <c r="R3731" s="20"/>
      <c r="S3731" s="20"/>
      <c r="T3731" s="20"/>
      <c r="U3731" s="20"/>
      <c r="V3731" s="20"/>
      <c r="W3731" s="20"/>
      <c r="X3731" s="19"/>
      <c r="Y3731" s="19"/>
      <c r="Z3731" s="19"/>
      <c r="AA3731" s="19"/>
    </row>
    <row r="3732" spans="1:27" s="1" customFormat="1" ht="14.1" customHeight="1" outlineLevel="2" x14ac:dyDescent="0.2">
      <c r="A3732" s="17">
        <v>10667</v>
      </c>
      <c r="B3732" s="17"/>
      <c r="C3732" s="17"/>
      <c r="D3732" s="18" t="s">
        <v>1868</v>
      </c>
      <c r="E3732" s="18"/>
      <c r="F3732" s="18"/>
      <c r="G3732" s="18"/>
      <c r="H3732" s="18"/>
      <c r="I3732" s="18"/>
      <c r="J3732" s="18"/>
      <c r="K3732" s="18"/>
      <c r="L3732" s="18"/>
      <c r="M3732" s="18"/>
      <c r="N3732" s="18"/>
      <c r="O3732" s="18"/>
      <c r="P3732" s="20">
        <v>2900</v>
      </c>
      <c r="Q3732" s="20"/>
      <c r="R3732" s="20"/>
      <c r="S3732" s="20"/>
      <c r="T3732" s="20">
        <v>2500</v>
      </c>
      <c r="U3732" s="20"/>
      <c r="V3732" s="20"/>
      <c r="W3732" s="20"/>
      <c r="X3732" s="19">
        <v>5</v>
      </c>
      <c r="Y3732" s="19"/>
      <c r="Z3732" s="19"/>
      <c r="AA3732" s="19"/>
    </row>
    <row r="3733" spans="1:27" s="1" customFormat="1" ht="14.1" customHeight="1" outlineLevel="2" x14ac:dyDescent="0.2">
      <c r="A3733" s="17"/>
      <c r="B3733" s="17"/>
      <c r="C3733" s="17"/>
      <c r="D3733" s="18"/>
      <c r="E3733" s="18"/>
      <c r="F3733" s="18"/>
      <c r="G3733" s="18"/>
      <c r="H3733" s="18"/>
      <c r="I3733" s="18"/>
      <c r="J3733" s="18"/>
      <c r="K3733" s="18"/>
      <c r="L3733" s="18"/>
      <c r="M3733" s="18"/>
      <c r="N3733" s="18"/>
      <c r="O3733" s="18"/>
      <c r="P3733" s="20"/>
      <c r="Q3733" s="20"/>
      <c r="R3733" s="20"/>
      <c r="S3733" s="20"/>
      <c r="T3733" s="20"/>
      <c r="U3733" s="20"/>
      <c r="V3733" s="20"/>
      <c r="W3733" s="20"/>
      <c r="X3733" s="19"/>
      <c r="Y3733" s="19"/>
      <c r="Z3733" s="19"/>
      <c r="AA3733" s="19"/>
    </row>
    <row r="3734" spans="1:27" s="1" customFormat="1" ht="14.1" customHeight="1" outlineLevel="2" x14ac:dyDescent="0.2">
      <c r="A3734" s="17">
        <v>7031</v>
      </c>
      <c r="B3734" s="17"/>
      <c r="C3734" s="17"/>
      <c r="D3734" s="18" t="s">
        <v>1869</v>
      </c>
      <c r="E3734" s="18"/>
      <c r="F3734" s="18"/>
      <c r="G3734" s="18"/>
      <c r="H3734" s="18"/>
      <c r="I3734" s="18"/>
      <c r="J3734" s="18"/>
      <c r="K3734" s="18"/>
      <c r="L3734" s="18"/>
      <c r="M3734" s="18"/>
      <c r="N3734" s="18"/>
      <c r="O3734" s="18"/>
      <c r="P3734" s="20">
        <v>2100</v>
      </c>
      <c r="Q3734" s="20"/>
      <c r="R3734" s="20"/>
      <c r="S3734" s="20"/>
      <c r="T3734" s="20">
        <v>1900</v>
      </c>
      <c r="U3734" s="20"/>
      <c r="V3734" s="20"/>
      <c r="W3734" s="20"/>
      <c r="X3734" s="19">
        <v>3</v>
      </c>
      <c r="Y3734" s="19"/>
      <c r="Z3734" s="19"/>
      <c r="AA3734" s="19"/>
    </row>
    <row r="3735" spans="1:27" s="1" customFormat="1" ht="14.1" customHeight="1" outlineLevel="2" x14ac:dyDescent="0.2">
      <c r="A3735" s="17"/>
      <c r="B3735" s="17"/>
      <c r="C3735" s="17"/>
      <c r="D3735" s="18"/>
      <c r="E3735" s="18"/>
      <c r="F3735" s="18"/>
      <c r="G3735" s="18"/>
      <c r="H3735" s="18"/>
      <c r="I3735" s="18"/>
      <c r="J3735" s="18"/>
      <c r="K3735" s="18"/>
      <c r="L3735" s="18"/>
      <c r="M3735" s="18"/>
      <c r="N3735" s="18"/>
      <c r="O3735" s="18"/>
      <c r="P3735" s="20"/>
      <c r="Q3735" s="20"/>
      <c r="R3735" s="20"/>
      <c r="S3735" s="20"/>
      <c r="T3735" s="20"/>
      <c r="U3735" s="20"/>
      <c r="V3735" s="20"/>
      <c r="W3735" s="20"/>
      <c r="X3735" s="19"/>
      <c r="Y3735" s="19"/>
      <c r="Z3735" s="19"/>
      <c r="AA3735" s="19"/>
    </row>
    <row r="3736" spans="1:27" s="1" customFormat="1" ht="14.1" customHeight="1" outlineLevel="2" x14ac:dyDescent="0.2">
      <c r="A3736" s="17">
        <v>10176</v>
      </c>
      <c r="B3736" s="17"/>
      <c r="C3736" s="17"/>
      <c r="D3736" s="18" t="s">
        <v>1870</v>
      </c>
      <c r="E3736" s="18"/>
      <c r="F3736" s="18"/>
      <c r="G3736" s="18"/>
      <c r="H3736" s="18"/>
      <c r="I3736" s="18"/>
      <c r="J3736" s="18"/>
      <c r="K3736" s="18"/>
      <c r="L3736" s="18"/>
      <c r="M3736" s="18"/>
      <c r="N3736" s="18"/>
      <c r="O3736" s="18"/>
      <c r="P3736" s="20">
        <v>2700</v>
      </c>
      <c r="Q3736" s="20"/>
      <c r="R3736" s="20"/>
      <c r="S3736" s="20"/>
      <c r="T3736" s="20">
        <v>2500</v>
      </c>
      <c r="U3736" s="20"/>
      <c r="V3736" s="20"/>
      <c r="W3736" s="20"/>
      <c r="X3736" s="19">
        <v>3</v>
      </c>
      <c r="Y3736" s="19"/>
      <c r="Z3736" s="19"/>
      <c r="AA3736" s="19"/>
    </row>
    <row r="3737" spans="1:27" s="1" customFormat="1" ht="14.1" customHeight="1" outlineLevel="2" x14ac:dyDescent="0.2">
      <c r="A3737" s="17"/>
      <c r="B3737" s="17"/>
      <c r="C3737" s="17"/>
      <c r="D3737" s="18"/>
      <c r="E3737" s="18"/>
      <c r="F3737" s="18"/>
      <c r="G3737" s="18"/>
      <c r="H3737" s="18"/>
      <c r="I3737" s="18"/>
      <c r="J3737" s="18"/>
      <c r="K3737" s="18"/>
      <c r="L3737" s="18"/>
      <c r="M3737" s="18"/>
      <c r="N3737" s="18"/>
      <c r="O3737" s="18"/>
      <c r="P3737" s="20"/>
      <c r="Q3737" s="20"/>
      <c r="R3737" s="20"/>
      <c r="S3737" s="20"/>
      <c r="T3737" s="20"/>
      <c r="U3737" s="20"/>
      <c r="V3737" s="20"/>
      <c r="W3737" s="20"/>
      <c r="X3737" s="19"/>
      <c r="Y3737" s="19"/>
      <c r="Z3737" s="19"/>
      <c r="AA3737" s="19"/>
    </row>
    <row r="3738" spans="1:27" s="1" customFormat="1" ht="14.1" customHeight="1" outlineLevel="2" x14ac:dyDescent="0.2">
      <c r="A3738" s="17">
        <v>10444</v>
      </c>
      <c r="B3738" s="17"/>
      <c r="C3738" s="17"/>
      <c r="D3738" s="18" t="s">
        <v>1871</v>
      </c>
      <c r="E3738" s="18"/>
      <c r="F3738" s="18"/>
      <c r="G3738" s="18"/>
      <c r="H3738" s="18"/>
      <c r="I3738" s="18"/>
      <c r="J3738" s="18"/>
      <c r="K3738" s="18"/>
      <c r="L3738" s="18"/>
      <c r="M3738" s="18"/>
      <c r="N3738" s="18"/>
      <c r="O3738" s="18"/>
      <c r="P3738" s="20">
        <v>3400</v>
      </c>
      <c r="Q3738" s="20"/>
      <c r="R3738" s="20"/>
      <c r="S3738" s="20"/>
      <c r="T3738" s="20">
        <v>3200</v>
      </c>
      <c r="U3738" s="20"/>
      <c r="V3738" s="20"/>
      <c r="W3738" s="20"/>
      <c r="X3738" s="19">
        <v>1</v>
      </c>
      <c r="Y3738" s="19"/>
      <c r="Z3738" s="19"/>
      <c r="AA3738" s="19"/>
    </row>
    <row r="3739" spans="1:27" s="1" customFormat="1" ht="14.1" customHeight="1" outlineLevel="2" x14ac:dyDescent="0.2">
      <c r="A3739" s="17"/>
      <c r="B3739" s="17"/>
      <c r="C3739" s="17"/>
      <c r="D3739" s="18"/>
      <c r="E3739" s="18"/>
      <c r="F3739" s="18"/>
      <c r="G3739" s="18"/>
      <c r="H3739" s="18"/>
      <c r="I3739" s="18"/>
      <c r="J3739" s="18"/>
      <c r="K3739" s="18"/>
      <c r="L3739" s="18"/>
      <c r="M3739" s="18"/>
      <c r="N3739" s="18"/>
      <c r="O3739" s="18"/>
      <c r="P3739" s="20"/>
      <c r="Q3739" s="20"/>
      <c r="R3739" s="20"/>
      <c r="S3739" s="20"/>
      <c r="T3739" s="20"/>
      <c r="U3739" s="20"/>
      <c r="V3739" s="20"/>
      <c r="W3739" s="20"/>
      <c r="X3739" s="19"/>
      <c r="Y3739" s="19"/>
      <c r="Z3739" s="19"/>
      <c r="AA3739" s="19"/>
    </row>
    <row r="3740" spans="1:27" s="1" customFormat="1" ht="14.1" customHeight="1" outlineLevel="2" x14ac:dyDescent="0.2">
      <c r="A3740" s="17">
        <v>11194</v>
      </c>
      <c r="B3740" s="17"/>
      <c r="C3740" s="17"/>
      <c r="D3740" s="18" t="s">
        <v>1872</v>
      </c>
      <c r="E3740" s="18"/>
      <c r="F3740" s="18"/>
      <c r="G3740" s="18"/>
      <c r="H3740" s="18"/>
      <c r="I3740" s="18"/>
      <c r="J3740" s="18"/>
      <c r="K3740" s="18"/>
      <c r="L3740" s="18"/>
      <c r="M3740" s="18"/>
      <c r="N3740" s="18"/>
      <c r="O3740" s="18"/>
      <c r="P3740" s="20">
        <v>7100</v>
      </c>
      <c r="Q3740" s="20"/>
      <c r="R3740" s="20"/>
      <c r="S3740" s="20"/>
      <c r="T3740" s="20">
        <v>6500</v>
      </c>
      <c r="U3740" s="20"/>
      <c r="V3740" s="20"/>
      <c r="W3740" s="20"/>
      <c r="X3740" s="19">
        <v>3</v>
      </c>
      <c r="Y3740" s="19"/>
      <c r="Z3740" s="19"/>
      <c r="AA3740" s="19"/>
    </row>
    <row r="3741" spans="1:27" s="1" customFormat="1" ht="14.1" customHeight="1" outlineLevel="2" x14ac:dyDescent="0.2">
      <c r="A3741" s="17"/>
      <c r="B3741" s="17"/>
      <c r="C3741" s="17"/>
      <c r="D3741" s="18"/>
      <c r="E3741" s="18"/>
      <c r="F3741" s="18"/>
      <c r="G3741" s="18"/>
      <c r="H3741" s="18"/>
      <c r="I3741" s="18"/>
      <c r="J3741" s="18"/>
      <c r="K3741" s="18"/>
      <c r="L3741" s="18"/>
      <c r="M3741" s="18"/>
      <c r="N3741" s="18"/>
      <c r="O3741" s="18"/>
      <c r="P3741" s="20"/>
      <c r="Q3741" s="20"/>
      <c r="R3741" s="20"/>
      <c r="S3741" s="20"/>
      <c r="T3741" s="20"/>
      <c r="U3741" s="20"/>
      <c r="V3741" s="20"/>
      <c r="W3741" s="20"/>
      <c r="X3741" s="19"/>
      <c r="Y3741" s="19"/>
      <c r="Z3741" s="19"/>
      <c r="AA3741" s="19"/>
    </row>
    <row r="3742" spans="1:27" s="1" customFormat="1" ht="14.1" customHeight="1" outlineLevel="2" x14ac:dyDescent="0.2">
      <c r="A3742" s="17">
        <v>13512</v>
      </c>
      <c r="B3742" s="17"/>
      <c r="C3742" s="17"/>
      <c r="D3742" s="18" t="s">
        <v>1873</v>
      </c>
      <c r="E3742" s="18"/>
      <c r="F3742" s="18"/>
      <c r="G3742" s="18"/>
      <c r="H3742" s="18"/>
      <c r="I3742" s="18"/>
      <c r="J3742" s="18"/>
      <c r="K3742" s="18"/>
      <c r="L3742" s="18"/>
      <c r="M3742" s="18"/>
      <c r="N3742" s="18"/>
      <c r="O3742" s="18"/>
      <c r="P3742" s="20">
        <v>5300</v>
      </c>
      <c r="Q3742" s="20"/>
      <c r="R3742" s="20"/>
      <c r="S3742" s="20"/>
      <c r="T3742" s="20">
        <v>4900</v>
      </c>
      <c r="U3742" s="20"/>
      <c r="V3742" s="20"/>
      <c r="W3742" s="20"/>
      <c r="X3742" s="19">
        <v>1</v>
      </c>
      <c r="Y3742" s="19"/>
      <c r="Z3742" s="19"/>
      <c r="AA3742" s="19"/>
    </row>
    <row r="3743" spans="1:27" s="1" customFormat="1" ht="14.1" customHeight="1" outlineLevel="2" x14ac:dyDescent="0.2">
      <c r="A3743" s="17"/>
      <c r="B3743" s="17"/>
      <c r="C3743" s="17"/>
      <c r="D3743" s="18"/>
      <c r="E3743" s="18"/>
      <c r="F3743" s="18"/>
      <c r="G3743" s="18"/>
      <c r="H3743" s="18"/>
      <c r="I3743" s="18"/>
      <c r="J3743" s="18"/>
      <c r="K3743" s="18"/>
      <c r="L3743" s="18"/>
      <c r="M3743" s="18"/>
      <c r="N3743" s="18"/>
      <c r="O3743" s="18"/>
      <c r="P3743" s="20"/>
      <c r="Q3743" s="20"/>
      <c r="R3743" s="20"/>
      <c r="S3743" s="20"/>
      <c r="T3743" s="20"/>
      <c r="U3743" s="20"/>
      <c r="V3743" s="20"/>
      <c r="W3743" s="20"/>
      <c r="X3743" s="19"/>
      <c r="Y3743" s="19"/>
      <c r="Z3743" s="19"/>
      <c r="AA3743" s="19"/>
    </row>
    <row r="3744" spans="1:27" s="1" customFormat="1" ht="14.1" customHeight="1" outlineLevel="2" x14ac:dyDescent="0.2">
      <c r="A3744" s="17">
        <v>17846</v>
      </c>
      <c r="B3744" s="17"/>
      <c r="C3744" s="17"/>
      <c r="D3744" s="18" t="s">
        <v>1874</v>
      </c>
      <c r="E3744" s="18"/>
      <c r="F3744" s="18"/>
      <c r="G3744" s="18"/>
      <c r="H3744" s="18"/>
      <c r="I3744" s="18"/>
      <c r="J3744" s="18"/>
      <c r="K3744" s="18"/>
      <c r="L3744" s="18"/>
      <c r="M3744" s="18"/>
      <c r="N3744" s="18"/>
      <c r="O3744" s="18"/>
      <c r="P3744" s="20">
        <v>5500</v>
      </c>
      <c r="Q3744" s="20"/>
      <c r="R3744" s="20"/>
      <c r="S3744" s="20"/>
      <c r="T3744" s="20">
        <v>5000</v>
      </c>
      <c r="U3744" s="20"/>
      <c r="V3744" s="20"/>
      <c r="W3744" s="20"/>
      <c r="X3744" s="19">
        <v>1</v>
      </c>
      <c r="Y3744" s="19"/>
      <c r="Z3744" s="19"/>
      <c r="AA3744" s="19"/>
    </row>
    <row r="3745" spans="1:27" s="1" customFormat="1" ht="14.1" customHeight="1" outlineLevel="2" x14ac:dyDescent="0.2">
      <c r="A3745" s="17"/>
      <c r="B3745" s="17"/>
      <c r="C3745" s="17"/>
      <c r="D3745" s="18"/>
      <c r="E3745" s="18"/>
      <c r="F3745" s="18"/>
      <c r="G3745" s="18"/>
      <c r="H3745" s="18"/>
      <c r="I3745" s="18"/>
      <c r="J3745" s="18"/>
      <c r="K3745" s="18"/>
      <c r="L3745" s="18"/>
      <c r="M3745" s="18"/>
      <c r="N3745" s="18"/>
      <c r="O3745" s="18"/>
      <c r="P3745" s="20"/>
      <c r="Q3745" s="20"/>
      <c r="R3745" s="20"/>
      <c r="S3745" s="20"/>
      <c r="T3745" s="20"/>
      <c r="U3745" s="20"/>
      <c r="V3745" s="20"/>
      <c r="W3745" s="20"/>
      <c r="X3745" s="19"/>
      <c r="Y3745" s="19"/>
      <c r="Z3745" s="19"/>
      <c r="AA3745" s="19"/>
    </row>
    <row r="3746" spans="1:27" s="1" customFormat="1" ht="14.1" customHeight="1" outlineLevel="2" x14ac:dyDescent="0.2">
      <c r="A3746" s="17">
        <v>13516</v>
      </c>
      <c r="B3746" s="17"/>
      <c r="C3746" s="17"/>
      <c r="D3746" s="18" t="s">
        <v>1875</v>
      </c>
      <c r="E3746" s="18"/>
      <c r="F3746" s="18"/>
      <c r="G3746" s="18"/>
      <c r="H3746" s="18"/>
      <c r="I3746" s="18"/>
      <c r="J3746" s="18"/>
      <c r="K3746" s="18"/>
      <c r="L3746" s="18"/>
      <c r="M3746" s="18"/>
      <c r="N3746" s="18"/>
      <c r="O3746" s="18"/>
      <c r="P3746" s="20">
        <v>2700</v>
      </c>
      <c r="Q3746" s="20"/>
      <c r="R3746" s="20"/>
      <c r="S3746" s="20"/>
      <c r="T3746" s="20">
        <v>2500</v>
      </c>
      <c r="U3746" s="20"/>
      <c r="V3746" s="20"/>
      <c r="W3746" s="20"/>
      <c r="X3746" s="19">
        <v>8</v>
      </c>
      <c r="Y3746" s="19"/>
      <c r="Z3746" s="19"/>
      <c r="AA3746" s="19"/>
    </row>
    <row r="3747" spans="1:27" s="1" customFormat="1" ht="14.1" customHeight="1" outlineLevel="2" x14ac:dyDescent="0.2">
      <c r="A3747" s="17"/>
      <c r="B3747" s="17"/>
      <c r="C3747" s="17"/>
      <c r="D3747" s="18"/>
      <c r="E3747" s="18"/>
      <c r="F3747" s="18"/>
      <c r="G3747" s="18"/>
      <c r="H3747" s="18"/>
      <c r="I3747" s="18"/>
      <c r="J3747" s="18"/>
      <c r="K3747" s="18"/>
      <c r="L3747" s="18"/>
      <c r="M3747" s="18"/>
      <c r="N3747" s="18"/>
      <c r="O3747" s="18"/>
      <c r="P3747" s="20"/>
      <c r="Q3747" s="20"/>
      <c r="R3747" s="20"/>
      <c r="S3747" s="20"/>
      <c r="T3747" s="20"/>
      <c r="U3747" s="20"/>
      <c r="V3747" s="20"/>
      <c r="W3747" s="20"/>
      <c r="X3747" s="19"/>
      <c r="Y3747" s="19"/>
      <c r="Z3747" s="19"/>
      <c r="AA3747" s="19"/>
    </row>
    <row r="3748" spans="1:27" s="1" customFormat="1" ht="14.1" customHeight="1" outlineLevel="2" x14ac:dyDescent="0.2">
      <c r="A3748" s="17">
        <v>16441</v>
      </c>
      <c r="B3748" s="17"/>
      <c r="C3748" s="17"/>
      <c r="D3748" s="18" t="s">
        <v>1876</v>
      </c>
      <c r="E3748" s="18"/>
      <c r="F3748" s="18"/>
      <c r="G3748" s="18"/>
      <c r="H3748" s="18"/>
      <c r="I3748" s="18"/>
      <c r="J3748" s="18"/>
      <c r="K3748" s="18"/>
      <c r="L3748" s="18"/>
      <c r="M3748" s="18"/>
      <c r="N3748" s="18"/>
      <c r="O3748" s="18"/>
      <c r="P3748" s="20">
        <v>2100</v>
      </c>
      <c r="Q3748" s="20"/>
      <c r="R3748" s="20"/>
      <c r="S3748" s="20"/>
      <c r="T3748" s="20">
        <v>1900</v>
      </c>
      <c r="U3748" s="20"/>
      <c r="V3748" s="20"/>
      <c r="W3748" s="20"/>
      <c r="X3748" s="19">
        <v>1</v>
      </c>
      <c r="Y3748" s="19"/>
      <c r="Z3748" s="19"/>
      <c r="AA3748" s="19"/>
    </row>
    <row r="3749" spans="1:27" s="1" customFormat="1" ht="14.1" customHeight="1" outlineLevel="2" x14ac:dyDescent="0.2">
      <c r="A3749" s="17"/>
      <c r="B3749" s="17"/>
      <c r="C3749" s="17"/>
      <c r="D3749" s="18"/>
      <c r="E3749" s="18"/>
      <c r="F3749" s="18"/>
      <c r="G3749" s="18"/>
      <c r="H3749" s="18"/>
      <c r="I3749" s="18"/>
      <c r="J3749" s="18"/>
      <c r="K3749" s="18"/>
      <c r="L3749" s="18"/>
      <c r="M3749" s="18"/>
      <c r="N3749" s="18"/>
      <c r="O3749" s="18"/>
      <c r="P3749" s="20"/>
      <c r="Q3749" s="20"/>
      <c r="R3749" s="20"/>
      <c r="S3749" s="20"/>
      <c r="T3749" s="20"/>
      <c r="U3749" s="20"/>
      <c r="V3749" s="20"/>
      <c r="W3749" s="20"/>
      <c r="X3749" s="19"/>
      <c r="Y3749" s="19"/>
      <c r="Z3749" s="19"/>
      <c r="AA3749" s="19"/>
    </row>
    <row r="3750" spans="1:27" s="1" customFormat="1" ht="14.1" customHeight="1" outlineLevel="2" x14ac:dyDescent="0.2">
      <c r="A3750" s="17">
        <v>18040</v>
      </c>
      <c r="B3750" s="17"/>
      <c r="C3750" s="17"/>
      <c r="D3750" s="18" t="s">
        <v>1877</v>
      </c>
      <c r="E3750" s="18"/>
      <c r="F3750" s="18"/>
      <c r="G3750" s="18"/>
      <c r="H3750" s="18"/>
      <c r="I3750" s="18"/>
      <c r="J3750" s="18"/>
      <c r="K3750" s="18"/>
      <c r="L3750" s="18"/>
      <c r="M3750" s="18"/>
      <c r="N3750" s="18"/>
      <c r="O3750" s="18"/>
      <c r="P3750" s="20">
        <v>6000</v>
      </c>
      <c r="Q3750" s="20"/>
      <c r="R3750" s="20"/>
      <c r="S3750" s="20"/>
      <c r="T3750" s="20">
        <v>5500</v>
      </c>
      <c r="U3750" s="20"/>
      <c r="V3750" s="20"/>
      <c r="W3750" s="20"/>
      <c r="X3750" s="19">
        <v>1</v>
      </c>
      <c r="Y3750" s="19"/>
      <c r="Z3750" s="19"/>
      <c r="AA3750" s="19"/>
    </row>
    <row r="3751" spans="1:27" s="1" customFormat="1" ht="14.1" customHeight="1" outlineLevel="2" x14ac:dyDescent="0.2">
      <c r="A3751" s="17"/>
      <c r="B3751" s="17"/>
      <c r="C3751" s="17"/>
      <c r="D3751" s="18"/>
      <c r="E3751" s="18"/>
      <c r="F3751" s="18"/>
      <c r="G3751" s="18"/>
      <c r="H3751" s="18"/>
      <c r="I3751" s="18"/>
      <c r="J3751" s="18"/>
      <c r="K3751" s="18"/>
      <c r="L3751" s="18"/>
      <c r="M3751" s="18"/>
      <c r="N3751" s="18"/>
      <c r="O3751" s="18"/>
      <c r="P3751" s="20"/>
      <c r="Q3751" s="20"/>
      <c r="R3751" s="20"/>
      <c r="S3751" s="20"/>
      <c r="T3751" s="20"/>
      <c r="U3751" s="20"/>
      <c r="V3751" s="20"/>
      <c r="W3751" s="20"/>
      <c r="X3751" s="19"/>
      <c r="Y3751" s="19"/>
      <c r="Z3751" s="19"/>
      <c r="AA3751" s="19"/>
    </row>
    <row r="3752" spans="1:27" s="1" customFormat="1" ht="14.1" customHeight="1" outlineLevel="2" x14ac:dyDescent="0.2">
      <c r="A3752" s="17">
        <v>18190</v>
      </c>
      <c r="B3752" s="17"/>
      <c r="C3752" s="17"/>
      <c r="D3752" s="18" t="s">
        <v>1878</v>
      </c>
      <c r="E3752" s="18"/>
      <c r="F3752" s="18"/>
      <c r="G3752" s="18"/>
      <c r="H3752" s="18"/>
      <c r="I3752" s="18"/>
      <c r="J3752" s="18"/>
      <c r="K3752" s="18"/>
      <c r="L3752" s="18"/>
      <c r="M3752" s="18"/>
      <c r="N3752" s="18"/>
      <c r="O3752" s="18"/>
      <c r="P3752" s="20">
        <v>6300</v>
      </c>
      <c r="Q3752" s="20"/>
      <c r="R3752" s="20"/>
      <c r="S3752" s="20"/>
      <c r="T3752" s="20">
        <v>5900</v>
      </c>
      <c r="U3752" s="20"/>
      <c r="V3752" s="20"/>
      <c r="W3752" s="20"/>
      <c r="X3752" s="19">
        <v>1</v>
      </c>
      <c r="Y3752" s="19"/>
      <c r="Z3752" s="19"/>
      <c r="AA3752" s="19"/>
    </row>
    <row r="3753" spans="1:27" s="1" customFormat="1" ht="14.1" customHeight="1" outlineLevel="2" x14ac:dyDescent="0.2">
      <c r="A3753" s="17"/>
      <c r="B3753" s="17"/>
      <c r="C3753" s="17"/>
      <c r="D3753" s="18"/>
      <c r="E3753" s="18"/>
      <c r="F3753" s="18"/>
      <c r="G3753" s="18"/>
      <c r="H3753" s="18"/>
      <c r="I3753" s="18"/>
      <c r="J3753" s="18"/>
      <c r="K3753" s="18"/>
      <c r="L3753" s="18"/>
      <c r="M3753" s="18"/>
      <c r="N3753" s="18"/>
      <c r="O3753" s="18"/>
      <c r="P3753" s="20"/>
      <c r="Q3753" s="20"/>
      <c r="R3753" s="20"/>
      <c r="S3753" s="20"/>
      <c r="T3753" s="20"/>
      <c r="U3753" s="20"/>
      <c r="V3753" s="20"/>
      <c r="W3753" s="20"/>
      <c r="X3753" s="19"/>
      <c r="Y3753" s="19"/>
      <c r="Z3753" s="19"/>
      <c r="AA3753" s="19"/>
    </row>
    <row r="3754" spans="1:27" s="1" customFormat="1" ht="14.1" customHeight="1" outlineLevel="2" x14ac:dyDescent="0.2">
      <c r="A3754" s="17">
        <v>13952</v>
      </c>
      <c r="B3754" s="17"/>
      <c r="C3754" s="17"/>
      <c r="D3754" s="18" t="s">
        <v>1879</v>
      </c>
      <c r="E3754" s="18"/>
      <c r="F3754" s="18"/>
      <c r="G3754" s="18"/>
      <c r="H3754" s="18"/>
      <c r="I3754" s="18"/>
      <c r="J3754" s="18"/>
      <c r="K3754" s="18"/>
      <c r="L3754" s="18"/>
      <c r="M3754" s="18"/>
      <c r="N3754" s="18"/>
      <c r="O3754" s="18"/>
      <c r="P3754" s="20">
        <v>6500</v>
      </c>
      <c r="Q3754" s="20"/>
      <c r="R3754" s="20"/>
      <c r="S3754" s="20"/>
      <c r="T3754" s="20">
        <v>6000</v>
      </c>
      <c r="U3754" s="20"/>
      <c r="V3754" s="20"/>
      <c r="W3754" s="20"/>
      <c r="X3754" s="19">
        <v>1</v>
      </c>
      <c r="Y3754" s="19"/>
      <c r="Z3754" s="19"/>
      <c r="AA3754" s="19"/>
    </row>
    <row r="3755" spans="1:27" s="1" customFormat="1" ht="14.1" customHeight="1" outlineLevel="2" x14ac:dyDescent="0.2">
      <c r="A3755" s="17"/>
      <c r="B3755" s="17"/>
      <c r="C3755" s="17"/>
      <c r="D3755" s="18"/>
      <c r="E3755" s="18"/>
      <c r="F3755" s="18"/>
      <c r="G3755" s="18"/>
      <c r="H3755" s="18"/>
      <c r="I3755" s="18"/>
      <c r="J3755" s="18"/>
      <c r="K3755" s="18"/>
      <c r="L3755" s="18"/>
      <c r="M3755" s="18"/>
      <c r="N3755" s="18"/>
      <c r="O3755" s="18"/>
      <c r="P3755" s="20"/>
      <c r="Q3755" s="20"/>
      <c r="R3755" s="20"/>
      <c r="S3755" s="20"/>
      <c r="T3755" s="20"/>
      <c r="U3755" s="20"/>
      <c r="V3755" s="20"/>
      <c r="W3755" s="20"/>
      <c r="X3755" s="19"/>
      <c r="Y3755" s="19"/>
      <c r="Z3755" s="19"/>
      <c r="AA3755" s="19"/>
    </row>
    <row r="3756" spans="1:27" s="1" customFormat="1" ht="14.1" customHeight="1" outlineLevel="2" x14ac:dyDescent="0.2">
      <c r="A3756" s="17">
        <v>17901</v>
      </c>
      <c r="B3756" s="17"/>
      <c r="C3756" s="17"/>
      <c r="D3756" s="18" t="s">
        <v>1880</v>
      </c>
      <c r="E3756" s="18"/>
      <c r="F3756" s="18"/>
      <c r="G3756" s="18"/>
      <c r="H3756" s="18"/>
      <c r="I3756" s="18"/>
      <c r="J3756" s="18"/>
      <c r="K3756" s="18"/>
      <c r="L3756" s="18"/>
      <c r="M3756" s="18"/>
      <c r="N3756" s="18"/>
      <c r="O3756" s="18"/>
      <c r="P3756" s="20">
        <v>5900</v>
      </c>
      <c r="Q3756" s="20"/>
      <c r="R3756" s="20"/>
      <c r="S3756" s="20"/>
      <c r="T3756" s="20">
        <v>5400</v>
      </c>
      <c r="U3756" s="20"/>
      <c r="V3756" s="20"/>
      <c r="W3756" s="20"/>
      <c r="X3756" s="19">
        <v>1</v>
      </c>
      <c r="Y3756" s="19"/>
      <c r="Z3756" s="19"/>
      <c r="AA3756" s="19"/>
    </row>
    <row r="3757" spans="1:27" s="1" customFormat="1" ht="14.1" customHeight="1" outlineLevel="2" x14ac:dyDescent="0.2">
      <c r="A3757" s="17"/>
      <c r="B3757" s="17"/>
      <c r="C3757" s="17"/>
      <c r="D3757" s="18"/>
      <c r="E3757" s="18"/>
      <c r="F3757" s="18"/>
      <c r="G3757" s="18"/>
      <c r="H3757" s="18"/>
      <c r="I3757" s="18"/>
      <c r="J3757" s="18"/>
      <c r="K3757" s="18"/>
      <c r="L3757" s="18"/>
      <c r="M3757" s="18"/>
      <c r="N3757" s="18"/>
      <c r="O3757" s="18"/>
      <c r="P3757" s="20"/>
      <c r="Q3757" s="20"/>
      <c r="R3757" s="20"/>
      <c r="S3757" s="20"/>
      <c r="T3757" s="20"/>
      <c r="U3757" s="20"/>
      <c r="V3757" s="20"/>
      <c r="W3757" s="20"/>
      <c r="X3757" s="19"/>
      <c r="Y3757" s="19"/>
      <c r="Z3757" s="19"/>
      <c r="AA3757" s="19"/>
    </row>
    <row r="3758" spans="1:27" s="1" customFormat="1" ht="14.1" customHeight="1" outlineLevel="2" x14ac:dyDescent="0.2">
      <c r="A3758" s="17">
        <v>15629</v>
      </c>
      <c r="B3758" s="17"/>
      <c r="C3758" s="17"/>
      <c r="D3758" s="18" t="s">
        <v>1881</v>
      </c>
      <c r="E3758" s="18"/>
      <c r="F3758" s="18"/>
      <c r="G3758" s="18"/>
      <c r="H3758" s="18"/>
      <c r="I3758" s="18"/>
      <c r="J3758" s="18"/>
      <c r="K3758" s="18"/>
      <c r="L3758" s="18"/>
      <c r="M3758" s="18"/>
      <c r="N3758" s="18"/>
      <c r="O3758" s="18"/>
      <c r="P3758" s="20">
        <v>9500</v>
      </c>
      <c r="Q3758" s="20"/>
      <c r="R3758" s="20"/>
      <c r="S3758" s="20"/>
      <c r="T3758" s="20">
        <v>8900</v>
      </c>
      <c r="U3758" s="20"/>
      <c r="V3758" s="20"/>
      <c r="W3758" s="20"/>
      <c r="X3758" s="19">
        <v>2</v>
      </c>
      <c r="Y3758" s="19"/>
      <c r="Z3758" s="19"/>
      <c r="AA3758" s="19"/>
    </row>
    <row r="3759" spans="1:27" s="1" customFormat="1" ht="14.1" customHeight="1" outlineLevel="2" x14ac:dyDescent="0.2">
      <c r="A3759" s="17"/>
      <c r="B3759" s="17"/>
      <c r="C3759" s="17"/>
      <c r="D3759" s="18"/>
      <c r="E3759" s="18"/>
      <c r="F3759" s="18"/>
      <c r="G3759" s="18"/>
      <c r="H3759" s="18"/>
      <c r="I3759" s="18"/>
      <c r="J3759" s="18"/>
      <c r="K3759" s="18"/>
      <c r="L3759" s="18"/>
      <c r="M3759" s="18"/>
      <c r="N3759" s="18"/>
      <c r="O3759" s="18"/>
      <c r="P3759" s="20"/>
      <c r="Q3759" s="20"/>
      <c r="R3759" s="20"/>
      <c r="S3759" s="20"/>
      <c r="T3759" s="20"/>
      <c r="U3759" s="20"/>
      <c r="V3759" s="20"/>
      <c r="W3759" s="20"/>
      <c r="X3759" s="19"/>
      <c r="Y3759" s="19"/>
      <c r="Z3759" s="19"/>
      <c r="AA3759" s="19"/>
    </row>
    <row r="3760" spans="1:27" s="1" customFormat="1" ht="14.1" customHeight="1" outlineLevel="2" x14ac:dyDescent="0.2">
      <c r="A3760" s="17">
        <v>13964</v>
      </c>
      <c r="B3760" s="17"/>
      <c r="C3760" s="17"/>
      <c r="D3760" s="18" t="s">
        <v>1882</v>
      </c>
      <c r="E3760" s="18"/>
      <c r="F3760" s="18"/>
      <c r="G3760" s="18"/>
      <c r="H3760" s="18"/>
      <c r="I3760" s="18"/>
      <c r="J3760" s="18"/>
      <c r="K3760" s="18"/>
      <c r="L3760" s="18"/>
      <c r="M3760" s="18"/>
      <c r="N3760" s="18"/>
      <c r="O3760" s="18"/>
      <c r="P3760" s="20">
        <v>5400</v>
      </c>
      <c r="Q3760" s="20"/>
      <c r="R3760" s="20"/>
      <c r="S3760" s="20"/>
      <c r="T3760" s="20">
        <v>5000</v>
      </c>
      <c r="U3760" s="20"/>
      <c r="V3760" s="20"/>
      <c r="W3760" s="20"/>
      <c r="X3760" s="19">
        <v>1</v>
      </c>
      <c r="Y3760" s="19"/>
      <c r="Z3760" s="19"/>
      <c r="AA3760" s="19"/>
    </row>
    <row r="3761" spans="1:27" s="1" customFormat="1" ht="14.1" customHeight="1" outlineLevel="2" x14ac:dyDescent="0.2">
      <c r="A3761" s="17"/>
      <c r="B3761" s="17"/>
      <c r="C3761" s="17"/>
      <c r="D3761" s="18"/>
      <c r="E3761" s="18"/>
      <c r="F3761" s="18"/>
      <c r="G3761" s="18"/>
      <c r="H3761" s="18"/>
      <c r="I3761" s="18"/>
      <c r="J3761" s="18"/>
      <c r="K3761" s="18"/>
      <c r="L3761" s="18"/>
      <c r="M3761" s="18"/>
      <c r="N3761" s="18"/>
      <c r="O3761" s="18"/>
      <c r="P3761" s="20"/>
      <c r="Q3761" s="20"/>
      <c r="R3761" s="20"/>
      <c r="S3761" s="20"/>
      <c r="T3761" s="20"/>
      <c r="U3761" s="20"/>
      <c r="V3761" s="20"/>
      <c r="W3761" s="20"/>
      <c r="X3761" s="19"/>
      <c r="Y3761" s="19"/>
      <c r="Z3761" s="19"/>
      <c r="AA3761" s="19"/>
    </row>
    <row r="3762" spans="1:27" s="1" customFormat="1" ht="14.1" customHeight="1" outlineLevel="2" x14ac:dyDescent="0.2">
      <c r="A3762" s="17">
        <v>12526</v>
      </c>
      <c r="B3762" s="17"/>
      <c r="C3762" s="17"/>
      <c r="D3762" s="18" t="s">
        <v>1883</v>
      </c>
      <c r="E3762" s="18"/>
      <c r="F3762" s="18"/>
      <c r="G3762" s="18"/>
      <c r="H3762" s="18"/>
      <c r="I3762" s="18"/>
      <c r="J3762" s="18"/>
      <c r="K3762" s="18"/>
      <c r="L3762" s="18"/>
      <c r="M3762" s="18"/>
      <c r="N3762" s="18"/>
      <c r="O3762" s="18"/>
      <c r="P3762" s="20">
        <v>3900</v>
      </c>
      <c r="Q3762" s="20"/>
      <c r="R3762" s="20"/>
      <c r="S3762" s="20"/>
      <c r="T3762" s="20">
        <v>3600</v>
      </c>
      <c r="U3762" s="20"/>
      <c r="V3762" s="20"/>
      <c r="W3762" s="20"/>
      <c r="X3762" s="19">
        <v>5</v>
      </c>
      <c r="Y3762" s="19"/>
      <c r="Z3762" s="19"/>
      <c r="AA3762" s="19"/>
    </row>
    <row r="3763" spans="1:27" s="1" customFormat="1" ht="14.1" customHeight="1" outlineLevel="2" x14ac:dyDescent="0.2">
      <c r="A3763" s="17"/>
      <c r="B3763" s="17"/>
      <c r="C3763" s="17"/>
      <c r="D3763" s="18"/>
      <c r="E3763" s="18"/>
      <c r="F3763" s="18"/>
      <c r="G3763" s="18"/>
      <c r="H3763" s="18"/>
      <c r="I3763" s="18"/>
      <c r="J3763" s="18"/>
      <c r="K3763" s="18"/>
      <c r="L3763" s="18"/>
      <c r="M3763" s="18"/>
      <c r="N3763" s="18"/>
      <c r="O3763" s="18"/>
      <c r="P3763" s="20"/>
      <c r="Q3763" s="20"/>
      <c r="R3763" s="20"/>
      <c r="S3763" s="20"/>
      <c r="T3763" s="20"/>
      <c r="U3763" s="20"/>
      <c r="V3763" s="20"/>
      <c r="W3763" s="20"/>
      <c r="X3763" s="19"/>
      <c r="Y3763" s="19"/>
      <c r="Z3763" s="19"/>
      <c r="AA3763" s="19"/>
    </row>
    <row r="3764" spans="1:27" s="1" customFormat="1" ht="14.1" customHeight="1" outlineLevel="2" x14ac:dyDescent="0.2">
      <c r="A3764" s="17">
        <v>12530</v>
      </c>
      <c r="B3764" s="17"/>
      <c r="C3764" s="17"/>
      <c r="D3764" s="18" t="s">
        <v>1884</v>
      </c>
      <c r="E3764" s="18"/>
      <c r="F3764" s="18"/>
      <c r="G3764" s="18"/>
      <c r="H3764" s="18"/>
      <c r="I3764" s="18"/>
      <c r="J3764" s="18"/>
      <c r="K3764" s="18"/>
      <c r="L3764" s="18"/>
      <c r="M3764" s="18"/>
      <c r="N3764" s="18"/>
      <c r="O3764" s="18"/>
      <c r="P3764" s="20">
        <v>2300</v>
      </c>
      <c r="Q3764" s="20"/>
      <c r="R3764" s="20"/>
      <c r="S3764" s="20"/>
      <c r="T3764" s="20">
        <v>2100</v>
      </c>
      <c r="U3764" s="20"/>
      <c r="V3764" s="20"/>
      <c r="W3764" s="20"/>
      <c r="X3764" s="19">
        <v>2</v>
      </c>
      <c r="Y3764" s="19"/>
      <c r="Z3764" s="19"/>
      <c r="AA3764" s="19"/>
    </row>
    <row r="3765" spans="1:27" s="1" customFormat="1" ht="14.1" customHeight="1" outlineLevel="2" x14ac:dyDescent="0.2">
      <c r="A3765" s="17"/>
      <c r="B3765" s="17"/>
      <c r="C3765" s="17"/>
      <c r="D3765" s="18"/>
      <c r="E3765" s="18"/>
      <c r="F3765" s="18"/>
      <c r="G3765" s="18"/>
      <c r="H3765" s="18"/>
      <c r="I3765" s="18"/>
      <c r="J3765" s="18"/>
      <c r="K3765" s="18"/>
      <c r="L3765" s="18"/>
      <c r="M3765" s="18"/>
      <c r="N3765" s="18"/>
      <c r="O3765" s="18"/>
      <c r="P3765" s="20"/>
      <c r="Q3765" s="20"/>
      <c r="R3765" s="20"/>
      <c r="S3765" s="20"/>
      <c r="T3765" s="20"/>
      <c r="U3765" s="20"/>
      <c r="V3765" s="20"/>
      <c r="W3765" s="20"/>
      <c r="X3765" s="19"/>
      <c r="Y3765" s="19"/>
      <c r="Z3765" s="19"/>
      <c r="AA3765" s="19"/>
    </row>
    <row r="3766" spans="1:27" s="1" customFormat="1" ht="14.1" customHeight="1" outlineLevel="2" x14ac:dyDescent="0.2">
      <c r="A3766" s="17">
        <v>18041</v>
      </c>
      <c r="B3766" s="17"/>
      <c r="C3766" s="17"/>
      <c r="D3766" s="18" t="s">
        <v>1885</v>
      </c>
      <c r="E3766" s="18"/>
      <c r="F3766" s="18"/>
      <c r="G3766" s="18"/>
      <c r="H3766" s="18"/>
      <c r="I3766" s="18"/>
      <c r="J3766" s="18"/>
      <c r="K3766" s="18"/>
      <c r="L3766" s="18"/>
      <c r="M3766" s="18"/>
      <c r="N3766" s="18"/>
      <c r="O3766" s="18"/>
      <c r="P3766" s="20">
        <v>6500</v>
      </c>
      <c r="Q3766" s="20"/>
      <c r="R3766" s="20"/>
      <c r="S3766" s="20"/>
      <c r="T3766" s="20">
        <v>6000</v>
      </c>
      <c r="U3766" s="20"/>
      <c r="V3766" s="20"/>
      <c r="W3766" s="20"/>
      <c r="X3766" s="19">
        <v>1</v>
      </c>
      <c r="Y3766" s="19"/>
      <c r="Z3766" s="19"/>
      <c r="AA3766" s="19"/>
    </row>
    <row r="3767" spans="1:27" s="1" customFormat="1" ht="14.1" customHeight="1" outlineLevel="2" x14ac:dyDescent="0.2">
      <c r="A3767" s="17"/>
      <c r="B3767" s="17"/>
      <c r="C3767" s="17"/>
      <c r="D3767" s="18"/>
      <c r="E3767" s="18"/>
      <c r="F3767" s="18"/>
      <c r="G3767" s="18"/>
      <c r="H3767" s="18"/>
      <c r="I3767" s="18"/>
      <c r="J3767" s="18"/>
      <c r="K3767" s="18"/>
      <c r="L3767" s="18"/>
      <c r="M3767" s="18"/>
      <c r="N3767" s="18"/>
      <c r="O3767" s="18"/>
      <c r="P3767" s="20"/>
      <c r="Q3767" s="20"/>
      <c r="R3767" s="20"/>
      <c r="S3767" s="20"/>
      <c r="T3767" s="20"/>
      <c r="U3767" s="20"/>
      <c r="V3767" s="20"/>
      <c r="W3767" s="20"/>
      <c r="X3767" s="19"/>
      <c r="Y3767" s="19"/>
      <c r="Z3767" s="19"/>
      <c r="AA3767" s="19"/>
    </row>
    <row r="3768" spans="1:27" s="1" customFormat="1" ht="21" customHeight="1" outlineLevel="2" x14ac:dyDescent="0.2">
      <c r="A3768" s="17">
        <v>13331</v>
      </c>
      <c r="B3768" s="17"/>
      <c r="C3768" s="17"/>
      <c r="D3768" s="18" t="s">
        <v>1886</v>
      </c>
      <c r="E3768" s="18"/>
      <c r="F3768" s="18"/>
      <c r="G3768" s="18"/>
      <c r="H3768" s="18"/>
      <c r="I3768" s="18"/>
      <c r="J3768" s="18"/>
      <c r="K3768" s="18"/>
      <c r="L3768" s="18"/>
      <c r="M3768" s="18"/>
      <c r="N3768" s="18"/>
      <c r="O3768" s="18"/>
      <c r="P3768" s="20">
        <v>4500</v>
      </c>
      <c r="Q3768" s="20"/>
      <c r="R3768" s="20"/>
      <c r="S3768" s="20"/>
      <c r="T3768" s="20">
        <v>4400</v>
      </c>
      <c r="U3768" s="20"/>
      <c r="V3768" s="20"/>
      <c r="W3768" s="20"/>
      <c r="X3768" s="19">
        <v>2</v>
      </c>
      <c r="Y3768" s="19"/>
      <c r="Z3768" s="19"/>
      <c r="AA3768" s="19"/>
    </row>
    <row r="3769" spans="1:27" s="1" customFormat="1" ht="21" customHeight="1" outlineLevel="2" x14ac:dyDescent="0.2">
      <c r="A3769" s="17"/>
      <c r="B3769" s="17"/>
      <c r="C3769" s="17"/>
      <c r="D3769" s="18"/>
      <c r="E3769" s="18"/>
      <c r="F3769" s="18"/>
      <c r="G3769" s="18"/>
      <c r="H3769" s="18"/>
      <c r="I3769" s="18"/>
      <c r="J3769" s="18"/>
      <c r="K3769" s="18"/>
      <c r="L3769" s="18"/>
      <c r="M3769" s="18"/>
      <c r="N3769" s="18"/>
      <c r="O3769" s="18"/>
      <c r="P3769" s="20"/>
      <c r="Q3769" s="20"/>
      <c r="R3769" s="20"/>
      <c r="S3769" s="20"/>
      <c r="T3769" s="20"/>
      <c r="U3769" s="20"/>
      <c r="V3769" s="20"/>
      <c r="W3769" s="20"/>
      <c r="X3769" s="19"/>
      <c r="Y3769" s="19"/>
      <c r="Z3769" s="19"/>
      <c r="AA3769" s="19"/>
    </row>
    <row r="3770" spans="1:27" s="1" customFormat="1" ht="14.1" customHeight="1" outlineLevel="2" x14ac:dyDescent="0.2">
      <c r="A3770" s="17">
        <v>9351</v>
      </c>
      <c r="B3770" s="17"/>
      <c r="C3770" s="17"/>
      <c r="D3770" s="18" t="s">
        <v>1887</v>
      </c>
      <c r="E3770" s="18"/>
      <c r="F3770" s="18"/>
      <c r="G3770" s="18"/>
      <c r="H3770" s="18"/>
      <c r="I3770" s="18"/>
      <c r="J3770" s="18"/>
      <c r="K3770" s="18"/>
      <c r="L3770" s="18"/>
      <c r="M3770" s="18"/>
      <c r="N3770" s="18"/>
      <c r="O3770" s="18"/>
      <c r="P3770" s="20">
        <v>6500</v>
      </c>
      <c r="Q3770" s="20"/>
      <c r="R3770" s="20"/>
      <c r="S3770" s="20"/>
      <c r="T3770" s="20">
        <v>6200</v>
      </c>
      <c r="U3770" s="20"/>
      <c r="V3770" s="20"/>
      <c r="W3770" s="20"/>
      <c r="X3770" s="19">
        <v>1</v>
      </c>
      <c r="Y3770" s="19"/>
      <c r="Z3770" s="19"/>
      <c r="AA3770" s="19"/>
    </row>
    <row r="3771" spans="1:27" s="1" customFormat="1" ht="14.1" customHeight="1" outlineLevel="2" x14ac:dyDescent="0.2">
      <c r="A3771" s="17"/>
      <c r="B3771" s="17"/>
      <c r="C3771" s="17"/>
      <c r="D3771" s="18"/>
      <c r="E3771" s="18"/>
      <c r="F3771" s="18"/>
      <c r="G3771" s="18"/>
      <c r="H3771" s="18"/>
      <c r="I3771" s="18"/>
      <c r="J3771" s="18"/>
      <c r="K3771" s="18"/>
      <c r="L3771" s="18"/>
      <c r="M3771" s="18"/>
      <c r="N3771" s="18"/>
      <c r="O3771" s="18"/>
      <c r="P3771" s="20"/>
      <c r="Q3771" s="20"/>
      <c r="R3771" s="20"/>
      <c r="S3771" s="20"/>
      <c r="T3771" s="20"/>
      <c r="U3771" s="20"/>
      <c r="V3771" s="20"/>
      <c r="W3771" s="20"/>
      <c r="X3771" s="19"/>
      <c r="Y3771" s="19"/>
      <c r="Z3771" s="19"/>
      <c r="AA3771" s="19"/>
    </row>
    <row r="3772" spans="1:27" s="1" customFormat="1" ht="14.1" customHeight="1" outlineLevel="2" x14ac:dyDescent="0.2">
      <c r="A3772" s="17">
        <v>6188</v>
      </c>
      <c r="B3772" s="17"/>
      <c r="C3772" s="17"/>
      <c r="D3772" s="18" t="s">
        <v>1888</v>
      </c>
      <c r="E3772" s="18"/>
      <c r="F3772" s="18"/>
      <c r="G3772" s="18"/>
      <c r="H3772" s="18"/>
      <c r="I3772" s="18"/>
      <c r="J3772" s="18"/>
      <c r="K3772" s="18"/>
      <c r="L3772" s="18"/>
      <c r="M3772" s="18"/>
      <c r="N3772" s="18"/>
      <c r="O3772" s="18"/>
      <c r="P3772" s="19">
        <v>890</v>
      </c>
      <c r="Q3772" s="19"/>
      <c r="R3772" s="19"/>
      <c r="S3772" s="19"/>
      <c r="T3772" s="19">
        <v>800</v>
      </c>
      <c r="U3772" s="19"/>
      <c r="V3772" s="19"/>
      <c r="W3772" s="19"/>
      <c r="X3772" s="19">
        <v>9</v>
      </c>
      <c r="Y3772" s="19"/>
      <c r="Z3772" s="19"/>
      <c r="AA3772" s="19"/>
    </row>
    <row r="3773" spans="1:27" s="1" customFormat="1" ht="14.1" customHeight="1" outlineLevel="2" x14ac:dyDescent="0.2">
      <c r="A3773" s="17"/>
      <c r="B3773" s="17"/>
      <c r="C3773" s="17"/>
      <c r="D3773" s="18"/>
      <c r="E3773" s="18"/>
      <c r="F3773" s="18"/>
      <c r="G3773" s="18"/>
      <c r="H3773" s="18"/>
      <c r="I3773" s="18"/>
      <c r="J3773" s="18"/>
      <c r="K3773" s="18"/>
      <c r="L3773" s="18"/>
      <c r="M3773" s="18"/>
      <c r="N3773" s="18"/>
      <c r="O3773" s="18"/>
      <c r="P3773" s="19"/>
      <c r="Q3773" s="19"/>
      <c r="R3773" s="19"/>
      <c r="S3773" s="19"/>
      <c r="T3773" s="19"/>
      <c r="U3773" s="19"/>
      <c r="V3773" s="19"/>
      <c r="W3773" s="19"/>
      <c r="X3773" s="19"/>
      <c r="Y3773" s="19"/>
      <c r="Z3773" s="19"/>
      <c r="AA3773" s="19"/>
    </row>
    <row r="3774" spans="1:27" s="1" customFormat="1" ht="14.1" customHeight="1" outlineLevel="2" x14ac:dyDescent="0.2">
      <c r="A3774" s="17">
        <v>6761</v>
      </c>
      <c r="B3774" s="17"/>
      <c r="C3774" s="17"/>
      <c r="D3774" s="18" t="s">
        <v>1889</v>
      </c>
      <c r="E3774" s="18"/>
      <c r="F3774" s="18"/>
      <c r="G3774" s="18"/>
      <c r="H3774" s="18"/>
      <c r="I3774" s="18"/>
      <c r="J3774" s="18"/>
      <c r="K3774" s="18"/>
      <c r="L3774" s="18"/>
      <c r="M3774" s="18"/>
      <c r="N3774" s="18"/>
      <c r="O3774" s="18"/>
      <c r="P3774" s="19">
        <v>890</v>
      </c>
      <c r="Q3774" s="19"/>
      <c r="R3774" s="19"/>
      <c r="S3774" s="19"/>
      <c r="T3774" s="19">
        <v>800</v>
      </c>
      <c r="U3774" s="19"/>
      <c r="V3774" s="19"/>
      <c r="W3774" s="19"/>
      <c r="X3774" s="19">
        <v>9</v>
      </c>
      <c r="Y3774" s="19"/>
      <c r="Z3774" s="19"/>
      <c r="AA3774" s="19"/>
    </row>
    <row r="3775" spans="1:27" s="1" customFormat="1" ht="14.1" customHeight="1" outlineLevel="2" x14ac:dyDescent="0.2">
      <c r="A3775" s="17"/>
      <c r="B3775" s="17"/>
      <c r="C3775" s="17"/>
      <c r="D3775" s="18"/>
      <c r="E3775" s="18"/>
      <c r="F3775" s="18"/>
      <c r="G3775" s="18"/>
      <c r="H3775" s="18"/>
      <c r="I3775" s="18"/>
      <c r="J3775" s="18"/>
      <c r="K3775" s="18"/>
      <c r="L3775" s="18"/>
      <c r="M3775" s="18"/>
      <c r="N3775" s="18"/>
      <c r="O3775" s="18"/>
      <c r="P3775" s="19"/>
      <c r="Q3775" s="19"/>
      <c r="R3775" s="19"/>
      <c r="S3775" s="19"/>
      <c r="T3775" s="19"/>
      <c r="U3775" s="19"/>
      <c r="V3775" s="19"/>
      <c r="W3775" s="19"/>
      <c r="X3775" s="19"/>
      <c r="Y3775" s="19"/>
      <c r="Z3775" s="19"/>
      <c r="AA3775" s="19"/>
    </row>
    <row r="3776" spans="1:27" s="1" customFormat="1" ht="14.1" customHeight="1" outlineLevel="2" x14ac:dyDescent="0.2">
      <c r="A3776" s="17">
        <v>7718</v>
      </c>
      <c r="B3776" s="17"/>
      <c r="C3776" s="17"/>
      <c r="D3776" s="18" t="s">
        <v>1890</v>
      </c>
      <c r="E3776" s="18"/>
      <c r="F3776" s="18"/>
      <c r="G3776" s="18"/>
      <c r="H3776" s="18"/>
      <c r="I3776" s="18"/>
      <c r="J3776" s="18"/>
      <c r="K3776" s="18"/>
      <c r="L3776" s="18"/>
      <c r="M3776" s="18"/>
      <c r="N3776" s="18"/>
      <c r="O3776" s="18"/>
      <c r="P3776" s="19">
        <v>890</v>
      </c>
      <c r="Q3776" s="19"/>
      <c r="R3776" s="19"/>
      <c r="S3776" s="19"/>
      <c r="T3776" s="19">
        <v>800</v>
      </c>
      <c r="U3776" s="19"/>
      <c r="V3776" s="19"/>
      <c r="W3776" s="19"/>
      <c r="X3776" s="19">
        <v>6</v>
      </c>
      <c r="Y3776" s="19"/>
      <c r="Z3776" s="19"/>
      <c r="AA3776" s="19"/>
    </row>
    <row r="3777" spans="1:27" s="1" customFormat="1" ht="14.1" customHeight="1" outlineLevel="2" x14ac:dyDescent="0.2">
      <c r="A3777" s="17"/>
      <c r="B3777" s="17"/>
      <c r="C3777" s="17"/>
      <c r="D3777" s="18"/>
      <c r="E3777" s="18"/>
      <c r="F3777" s="18"/>
      <c r="G3777" s="18"/>
      <c r="H3777" s="18"/>
      <c r="I3777" s="18"/>
      <c r="J3777" s="18"/>
      <c r="K3777" s="18"/>
      <c r="L3777" s="18"/>
      <c r="M3777" s="18"/>
      <c r="N3777" s="18"/>
      <c r="O3777" s="18"/>
      <c r="P3777" s="19"/>
      <c r="Q3777" s="19"/>
      <c r="R3777" s="19"/>
      <c r="S3777" s="19"/>
      <c r="T3777" s="19"/>
      <c r="U3777" s="19"/>
      <c r="V3777" s="19"/>
      <c r="W3777" s="19"/>
      <c r="X3777" s="19"/>
      <c r="Y3777" s="19"/>
      <c r="Z3777" s="19"/>
      <c r="AA3777" s="19"/>
    </row>
    <row r="3778" spans="1:27" s="1" customFormat="1" ht="14.1" customHeight="1" outlineLevel="2" x14ac:dyDescent="0.2">
      <c r="A3778" s="17">
        <v>7858</v>
      </c>
      <c r="B3778" s="17"/>
      <c r="C3778" s="17"/>
      <c r="D3778" s="18" t="s">
        <v>1891</v>
      </c>
      <c r="E3778" s="18"/>
      <c r="F3778" s="18"/>
      <c r="G3778" s="18"/>
      <c r="H3778" s="18"/>
      <c r="I3778" s="18"/>
      <c r="J3778" s="18"/>
      <c r="K3778" s="18"/>
      <c r="L3778" s="18"/>
      <c r="M3778" s="18"/>
      <c r="N3778" s="18"/>
      <c r="O3778" s="18"/>
      <c r="P3778" s="20">
        <v>1140</v>
      </c>
      <c r="Q3778" s="20"/>
      <c r="R3778" s="20"/>
      <c r="S3778" s="20"/>
      <c r="T3778" s="20">
        <v>1050</v>
      </c>
      <c r="U3778" s="20"/>
      <c r="V3778" s="20"/>
      <c r="W3778" s="20"/>
      <c r="X3778" s="19">
        <v>7</v>
      </c>
      <c r="Y3778" s="19"/>
      <c r="Z3778" s="19"/>
      <c r="AA3778" s="19"/>
    </row>
    <row r="3779" spans="1:27" s="1" customFormat="1" ht="14.1" customHeight="1" outlineLevel="2" x14ac:dyDescent="0.2">
      <c r="A3779" s="17"/>
      <c r="B3779" s="17"/>
      <c r="C3779" s="17"/>
      <c r="D3779" s="18"/>
      <c r="E3779" s="18"/>
      <c r="F3779" s="18"/>
      <c r="G3779" s="18"/>
      <c r="H3779" s="18"/>
      <c r="I3779" s="18"/>
      <c r="J3779" s="18"/>
      <c r="K3779" s="18"/>
      <c r="L3779" s="18"/>
      <c r="M3779" s="18"/>
      <c r="N3779" s="18"/>
      <c r="O3779" s="18"/>
      <c r="P3779" s="20"/>
      <c r="Q3779" s="20"/>
      <c r="R3779" s="20"/>
      <c r="S3779" s="20"/>
      <c r="T3779" s="20"/>
      <c r="U3779" s="20"/>
      <c r="V3779" s="20"/>
      <c r="W3779" s="20"/>
      <c r="X3779" s="19"/>
      <c r="Y3779" s="19"/>
      <c r="Z3779" s="19"/>
      <c r="AA3779" s="19"/>
    </row>
    <row r="3780" spans="1:27" s="1" customFormat="1" ht="14.1" customHeight="1" outlineLevel="2" x14ac:dyDescent="0.2">
      <c r="A3780" s="17">
        <v>15530</v>
      </c>
      <c r="B3780" s="17"/>
      <c r="C3780" s="17"/>
      <c r="D3780" s="18" t="s">
        <v>1892</v>
      </c>
      <c r="E3780" s="18"/>
      <c r="F3780" s="18"/>
      <c r="G3780" s="18"/>
      <c r="H3780" s="18"/>
      <c r="I3780" s="18"/>
      <c r="J3780" s="18"/>
      <c r="K3780" s="18"/>
      <c r="L3780" s="18"/>
      <c r="M3780" s="18"/>
      <c r="N3780" s="18"/>
      <c r="O3780" s="18"/>
      <c r="P3780" s="20">
        <v>1750</v>
      </c>
      <c r="Q3780" s="20"/>
      <c r="R3780" s="20"/>
      <c r="S3780" s="20"/>
      <c r="T3780" s="20">
        <v>1600</v>
      </c>
      <c r="U3780" s="20"/>
      <c r="V3780" s="20"/>
      <c r="W3780" s="20"/>
      <c r="X3780" s="19">
        <v>2</v>
      </c>
      <c r="Y3780" s="19"/>
      <c r="Z3780" s="19"/>
      <c r="AA3780" s="19"/>
    </row>
    <row r="3781" spans="1:27" s="1" customFormat="1" ht="14.1" customHeight="1" outlineLevel="2" x14ac:dyDescent="0.2">
      <c r="A3781" s="17"/>
      <c r="B3781" s="17"/>
      <c r="C3781" s="17"/>
      <c r="D3781" s="18"/>
      <c r="E3781" s="18"/>
      <c r="F3781" s="18"/>
      <c r="G3781" s="18"/>
      <c r="H3781" s="18"/>
      <c r="I3781" s="18"/>
      <c r="J3781" s="18"/>
      <c r="K3781" s="18"/>
      <c r="L3781" s="18"/>
      <c r="M3781" s="18"/>
      <c r="N3781" s="18"/>
      <c r="O3781" s="18"/>
      <c r="P3781" s="20"/>
      <c r="Q3781" s="20"/>
      <c r="R3781" s="20"/>
      <c r="S3781" s="20"/>
      <c r="T3781" s="20"/>
      <c r="U3781" s="20"/>
      <c r="V3781" s="20"/>
      <c r="W3781" s="20"/>
      <c r="X3781" s="19"/>
      <c r="Y3781" s="19"/>
      <c r="Z3781" s="19"/>
      <c r="AA3781" s="19"/>
    </row>
    <row r="3782" spans="1:27" s="1" customFormat="1" ht="14.1" customHeight="1" outlineLevel="2" x14ac:dyDescent="0.2">
      <c r="A3782" s="17">
        <v>14340</v>
      </c>
      <c r="B3782" s="17"/>
      <c r="C3782" s="17"/>
      <c r="D3782" s="18" t="s">
        <v>1893</v>
      </c>
      <c r="E3782" s="18"/>
      <c r="F3782" s="18"/>
      <c r="G3782" s="18"/>
      <c r="H3782" s="18"/>
      <c r="I3782" s="18"/>
      <c r="J3782" s="18"/>
      <c r="K3782" s="18"/>
      <c r="L3782" s="18"/>
      <c r="M3782" s="18"/>
      <c r="N3782" s="18"/>
      <c r="O3782" s="18"/>
      <c r="P3782" s="20">
        <v>1300</v>
      </c>
      <c r="Q3782" s="20"/>
      <c r="R3782" s="20"/>
      <c r="S3782" s="20"/>
      <c r="T3782" s="20">
        <v>1200</v>
      </c>
      <c r="U3782" s="20"/>
      <c r="V3782" s="20"/>
      <c r="W3782" s="20"/>
      <c r="X3782" s="19">
        <v>10</v>
      </c>
      <c r="Y3782" s="19"/>
      <c r="Z3782" s="19"/>
      <c r="AA3782" s="19"/>
    </row>
    <row r="3783" spans="1:27" s="1" customFormat="1" ht="14.1" customHeight="1" outlineLevel="2" x14ac:dyDescent="0.2">
      <c r="A3783" s="17"/>
      <c r="B3783" s="17"/>
      <c r="C3783" s="17"/>
      <c r="D3783" s="18"/>
      <c r="E3783" s="18"/>
      <c r="F3783" s="18"/>
      <c r="G3783" s="18"/>
      <c r="H3783" s="18"/>
      <c r="I3783" s="18"/>
      <c r="J3783" s="18"/>
      <c r="K3783" s="18"/>
      <c r="L3783" s="18"/>
      <c r="M3783" s="18"/>
      <c r="N3783" s="18"/>
      <c r="O3783" s="18"/>
      <c r="P3783" s="20"/>
      <c r="Q3783" s="20"/>
      <c r="R3783" s="20"/>
      <c r="S3783" s="20"/>
      <c r="T3783" s="20"/>
      <c r="U3783" s="20"/>
      <c r="V3783" s="20"/>
      <c r="W3783" s="20"/>
      <c r="X3783" s="19"/>
      <c r="Y3783" s="19"/>
      <c r="Z3783" s="19"/>
      <c r="AA3783" s="19"/>
    </row>
    <row r="3784" spans="1:27" s="1" customFormat="1" ht="14.1" customHeight="1" outlineLevel="2" x14ac:dyDescent="0.2">
      <c r="A3784" s="17">
        <v>6826</v>
      </c>
      <c r="B3784" s="17"/>
      <c r="C3784" s="17"/>
      <c r="D3784" s="18" t="s">
        <v>1894</v>
      </c>
      <c r="E3784" s="18"/>
      <c r="F3784" s="18"/>
      <c r="G3784" s="18"/>
      <c r="H3784" s="18"/>
      <c r="I3784" s="18"/>
      <c r="J3784" s="18"/>
      <c r="K3784" s="18"/>
      <c r="L3784" s="18"/>
      <c r="M3784" s="18"/>
      <c r="N3784" s="18"/>
      <c r="O3784" s="18"/>
      <c r="P3784" s="20">
        <v>1300</v>
      </c>
      <c r="Q3784" s="20"/>
      <c r="R3784" s="20"/>
      <c r="S3784" s="20"/>
      <c r="T3784" s="20">
        <v>1200</v>
      </c>
      <c r="U3784" s="20"/>
      <c r="V3784" s="20"/>
      <c r="W3784" s="20"/>
      <c r="X3784" s="19">
        <v>9</v>
      </c>
      <c r="Y3784" s="19"/>
      <c r="Z3784" s="19"/>
      <c r="AA3784" s="19"/>
    </row>
    <row r="3785" spans="1:27" s="1" customFormat="1" ht="14.1" customHeight="1" outlineLevel="2" x14ac:dyDescent="0.2">
      <c r="A3785" s="17"/>
      <c r="B3785" s="17"/>
      <c r="C3785" s="17"/>
      <c r="D3785" s="18"/>
      <c r="E3785" s="18"/>
      <c r="F3785" s="18"/>
      <c r="G3785" s="18"/>
      <c r="H3785" s="18"/>
      <c r="I3785" s="18"/>
      <c r="J3785" s="18"/>
      <c r="K3785" s="18"/>
      <c r="L3785" s="18"/>
      <c r="M3785" s="18"/>
      <c r="N3785" s="18"/>
      <c r="O3785" s="18"/>
      <c r="P3785" s="20"/>
      <c r="Q3785" s="20"/>
      <c r="R3785" s="20"/>
      <c r="S3785" s="20"/>
      <c r="T3785" s="20"/>
      <c r="U3785" s="20"/>
      <c r="V3785" s="20"/>
      <c r="W3785" s="20"/>
      <c r="X3785" s="19"/>
      <c r="Y3785" s="19"/>
      <c r="Z3785" s="19"/>
      <c r="AA3785" s="19"/>
    </row>
    <row r="3786" spans="1:27" s="1" customFormat="1" ht="14.1" customHeight="1" outlineLevel="2" x14ac:dyDescent="0.2">
      <c r="A3786" s="17">
        <v>6336</v>
      </c>
      <c r="B3786" s="17"/>
      <c r="C3786" s="17"/>
      <c r="D3786" s="18" t="s">
        <v>1895</v>
      </c>
      <c r="E3786" s="18"/>
      <c r="F3786" s="18"/>
      <c r="G3786" s="18"/>
      <c r="H3786" s="18"/>
      <c r="I3786" s="18"/>
      <c r="J3786" s="18"/>
      <c r="K3786" s="18"/>
      <c r="L3786" s="18"/>
      <c r="M3786" s="18"/>
      <c r="N3786" s="18"/>
      <c r="O3786" s="18"/>
      <c r="P3786" s="20">
        <v>1800</v>
      </c>
      <c r="Q3786" s="20"/>
      <c r="R3786" s="20"/>
      <c r="S3786" s="20"/>
      <c r="T3786" s="20">
        <v>1700</v>
      </c>
      <c r="U3786" s="20"/>
      <c r="V3786" s="20"/>
      <c r="W3786" s="20"/>
      <c r="X3786" s="19">
        <v>5</v>
      </c>
      <c r="Y3786" s="19"/>
      <c r="Z3786" s="19"/>
      <c r="AA3786" s="19"/>
    </row>
    <row r="3787" spans="1:27" s="1" customFormat="1" ht="14.1" customHeight="1" outlineLevel="2" x14ac:dyDescent="0.2">
      <c r="A3787" s="17"/>
      <c r="B3787" s="17"/>
      <c r="C3787" s="17"/>
      <c r="D3787" s="18"/>
      <c r="E3787" s="18"/>
      <c r="F3787" s="18"/>
      <c r="G3787" s="18"/>
      <c r="H3787" s="18"/>
      <c r="I3787" s="18"/>
      <c r="J3787" s="18"/>
      <c r="K3787" s="18"/>
      <c r="L3787" s="18"/>
      <c r="M3787" s="18"/>
      <c r="N3787" s="18"/>
      <c r="O3787" s="18"/>
      <c r="P3787" s="20"/>
      <c r="Q3787" s="20"/>
      <c r="R3787" s="20"/>
      <c r="S3787" s="20"/>
      <c r="T3787" s="20"/>
      <c r="U3787" s="20"/>
      <c r="V3787" s="20"/>
      <c r="W3787" s="20"/>
      <c r="X3787" s="19"/>
      <c r="Y3787" s="19"/>
      <c r="Z3787" s="19"/>
      <c r="AA3787" s="19"/>
    </row>
    <row r="3788" spans="1:27" s="1" customFormat="1" ht="14.1" customHeight="1" outlineLevel="2" x14ac:dyDescent="0.2">
      <c r="A3788" s="17">
        <v>7020</v>
      </c>
      <c r="B3788" s="17"/>
      <c r="C3788" s="17"/>
      <c r="D3788" s="18" t="s">
        <v>1896</v>
      </c>
      <c r="E3788" s="18"/>
      <c r="F3788" s="18"/>
      <c r="G3788" s="18"/>
      <c r="H3788" s="18"/>
      <c r="I3788" s="18"/>
      <c r="J3788" s="18"/>
      <c r="K3788" s="18"/>
      <c r="L3788" s="18"/>
      <c r="M3788" s="18"/>
      <c r="N3788" s="18"/>
      <c r="O3788" s="18"/>
      <c r="P3788" s="20">
        <v>1800</v>
      </c>
      <c r="Q3788" s="20"/>
      <c r="R3788" s="20"/>
      <c r="S3788" s="20"/>
      <c r="T3788" s="20">
        <v>1700</v>
      </c>
      <c r="U3788" s="20"/>
      <c r="V3788" s="20"/>
      <c r="W3788" s="20"/>
      <c r="X3788" s="19">
        <v>5</v>
      </c>
      <c r="Y3788" s="19"/>
      <c r="Z3788" s="19"/>
      <c r="AA3788" s="19"/>
    </row>
    <row r="3789" spans="1:27" s="1" customFormat="1" ht="14.1" customHeight="1" outlineLevel="2" x14ac:dyDescent="0.2">
      <c r="A3789" s="17"/>
      <c r="B3789" s="17"/>
      <c r="C3789" s="17"/>
      <c r="D3789" s="18"/>
      <c r="E3789" s="18"/>
      <c r="F3789" s="18"/>
      <c r="G3789" s="18"/>
      <c r="H3789" s="18"/>
      <c r="I3789" s="18"/>
      <c r="J3789" s="18"/>
      <c r="K3789" s="18"/>
      <c r="L3789" s="18"/>
      <c r="M3789" s="18"/>
      <c r="N3789" s="18"/>
      <c r="O3789" s="18"/>
      <c r="P3789" s="20"/>
      <c r="Q3789" s="20"/>
      <c r="R3789" s="20"/>
      <c r="S3789" s="20"/>
      <c r="T3789" s="20"/>
      <c r="U3789" s="20"/>
      <c r="V3789" s="20"/>
      <c r="W3789" s="20"/>
      <c r="X3789" s="19"/>
      <c r="Y3789" s="19"/>
      <c r="Z3789" s="19"/>
      <c r="AA3789" s="19"/>
    </row>
    <row r="3790" spans="1:27" s="1" customFormat="1" ht="14.1" customHeight="1" outlineLevel="2" x14ac:dyDescent="0.2">
      <c r="A3790" s="17">
        <v>14341</v>
      </c>
      <c r="B3790" s="17"/>
      <c r="C3790" s="17"/>
      <c r="D3790" s="18" t="s">
        <v>1897</v>
      </c>
      <c r="E3790" s="18"/>
      <c r="F3790" s="18"/>
      <c r="G3790" s="18"/>
      <c r="H3790" s="18"/>
      <c r="I3790" s="18"/>
      <c r="J3790" s="18"/>
      <c r="K3790" s="18"/>
      <c r="L3790" s="18"/>
      <c r="M3790" s="18"/>
      <c r="N3790" s="18"/>
      <c r="O3790" s="18"/>
      <c r="P3790" s="20">
        <v>1200</v>
      </c>
      <c r="Q3790" s="20"/>
      <c r="R3790" s="20"/>
      <c r="S3790" s="20"/>
      <c r="T3790" s="20">
        <v>1100</v>
      </c>
      <c r="U3790" s="20"/>
      <c r="V3790" s="20"/>
      <c r="W3790" s="20"/>
      <c r="X3790" s="19">
        <v>10</v>
      </c>
      <c r="Y3790" s="19"/>
      <c r="Z3790" s="19"/>
      <c r="AA3790" s="19"/>
    </row>
    <row r="3791" spans="1:27" s="1" customFormat="1" ht="14.1" customHeight="1" outlineLevel="2" x14ac:dyDescent="0.2">
      <c r="A3791" s="17"/>
      <c r="B3791" s="17"/>
      <c r="C3791" s="17"/>
      <c r="D3791" s="18"/>
      <c r="E3791" s="18"/>
      <c r="F3791" s="18"/>
      <c r="G3791" s="18"/>
      <c r="H3791" s="18"/>
      <c r="I3791" s="18"/>
      <c r="J3791" s="18"/>
      <c r="K3791" s="18"/>
      <c r="L3791" s="18"/>
      <c r="M3791" s="18"/>
      <c r="N3791" s="18"/>
      <c r="O3791" s="18"/>
      <c r="P3791" s="20"/>
      <c r="Q3791" s="20"/>
      <c r="R3791" s="20"/>
      <c r="S3791" s="20"/>
      <c r="T3791" s="20"/>
      <c r="U3791" s="20"/>
      <c r="V3791" s="20"/>
      <c r="W3791" s="20"/>
      <c r="X3791" s="19"/>
      <c r="Y3791" s="19"/>
      <c r="Z3791" s="19"/>
      <c r="AA3791" s="19"/>
    </row>
    <row r="3792" spans="1:27" s="1" customFormat="1" ht="14.1" customHeight="1" outlineLevel="2" x14ac:dyDescent="0.2">
      <c r="A3792" s="17">
        <v>7357</v>
      </c>
      <c r="B3792" s="17"/>
      <c r="C3792" s="17"/>
      <c r="D3792" s="18" t="s">
        <v>1898</v>
      </c>
      <c r="E3792" s="18"/>
      <c r="F3792" s="18"/>
      <c r="G3792" s="18"/>
      <c r="H3792" s="18"/>
      <c r="I3792" s="18"/>
      <c r="J3792" s="18"/>
      <c r="K3792" s="18"/>
      <c r="L3792" s="18"/>
      <c r="M3792" s="18"/>
      <c r="N3792" s="18"/>
      <c r="O3792" s="18"/>
      <c r="P3792" s="20">
        <v>1200</v>
      </c>
      <c r="Q3792" s="20"/>
      <c r="R3792" s="20"/>
      <c r="S3792" s="20"/>
      <c r="T3792" s="20">
        <v>1100</v>
      </c>
      <c r="U3792" s="20"/>
      <c r="V3792" s="20"/>
      <c r="W3792" s="20"/>
      <c r="X3792" s="19">
        <v>7</v>
      </c>
      <c r="Y3792" s="19"/>
      <c r="Z3792" s="19"/>
      <c r="AA3792" s="19"/>
    </row>
    <row r="3793" spans="1:27" s="1" customFormat="1" ht="14.1" customHeight="1" outlineLevel="2" x14ac:dyDescent="0.2">
      <c r="A3793" s="17"/>
      <c r="B3793" s="17"/>
      <c r="C3793" s="17"/>
      <c r="D3793" s="18"/>
      <c r="E3793" s="18"/>
      <c r="F3793" s="18"/>
      <c r="G3793" s="18"/>
      <c r="H3793" s="18"/>
      <c r="I3793" s="18"/>
      <c r="J3793" s="18"/>
      <c r="K3793" s="18"/>
      <c r="L3793" s="18"/>
      <c r="M3793" s="18"/>
      <c r="N3793" s="18"/>
      <c r="O3793" s="18"/>
      <c r="P3793" s="20"/>
      <c r="Q3793" s="20"/>
      <c r="R3793" s="20"/>
      <c r="S3793" s="20"/>
      <c r="T3793" s="20"/>
      <c r="U3793" s="20"/>
      <c r="V3793" s="20"/>
      <c r="W3793" s="20"/>
      <c r="X3793" s="19"/>
      <c r="Y3793" s="19"/>
      <c r="Z3793" s="19"/>
      <c r="AA3793" s="19"/>
    </row>
    <row r="3794" spans="1:27" s="1" customFormat="1" ht="14.1" customHeight="1" outlineLevel="2" x14ac:dyDescent="0.2">
      <c r="A3794" s="17">
        <v>6445</v>
      </c>
      <c r="B3794" s="17"/>
      <c r="C3794" s="17"/>
      <c r="D3794" s="18" t="s">
        <v>1899</v>
      </c>
      <c r="E3794" s="18"/>
      <c r="F3794" s="18"/>
      <c r="G3794" s="18"/>
      <c r="H3794" s="18"/>
      <c r="I3794" s="18"/>
      <c r="J3794" s="18"/>
      <c r="K3794" s="18"/>
      <c r="L3794" s="18"/>
      <c r="M3794" s="18"/>
      <c r="N3794" s="18"/>
      <c r="O3794" s="18"/>
      <c r="P3794" s="20">
        <v>1200</v>
      </c>
      <c r="Q3794" s="20"/>
      <c r="R3794" s="20"/>
      <c r="S3794" s="20"/>
      <c r="T3794" s="20">
        <v>1100</v>
      </c>
      <c r="U3794" s="20"/>
      <c r="V3794" s="20"/>
      <c r="W3794" s="20"/>
      <c r="X3794" s="19">
        <v>9</v>
      </c>
      <c r="Y3794" s="19"/>
      <c r="Z3794" s="19"/>
      <c r="AA3794" s="19"/>
    </row>
    <row r="3795" spans="1:27" s="1" customFormat="1" ht="14.1" customHeight="1" outlineLevel="2" x14ac:dyDescent="0.2">
      <c r="A3795" s="17"/>
      <c r="B3795" s="17"/>
      <c r="C3795" s="17"/>
      <c r="D3795" s="18"/>
      <c r="E3795" s="18"/>
      <c r="F3795" s="18"/>
      <c r="G3795" s="18"/>
      <c r="H3795" s="18"/>
      <c r="I3795" s="18"/>
      <c r="J3795" s="18"/>
      <c r="K3795" s="18"/>
      <c r="L3795" s="18"/>
      <c r="M3795" s="18"/>
      <c r="N3795" s="18"/>
      <c r="O3795" s="18"/>
      <c r="P3795" s="20"/>
      <c r="Q3795" s="20"/>
      <c r="R3795" s="20"/>
      <c r="S3795" s="20"/>
      <c r="T3795" s="20"/>
      <c r="U3795" s="20"/>
      <c r="V3795" s="20"/>
      <c r="W3795" s="20"/>
      <c r="X3795" s="19"/>
      <c r="Y3795" s="19"/>
      <c r="Z3795" s="19"/>
      <c r="AA3795" s="19"/>
    </row>
    <row r="3796" spans="1:27" s="1" customFormat="1" ht="14.1" customHeight="1" outlineLevel="2" x14ac:dyDescent="0.2">
      <c r="A3796" s="17">
        <v>13426</v>
      </c>
      <c r="B3796" s="17"/>
      <c r="C3796" s="17"/>
      <c r="D3796" s="18" t="s">
        <v>1900</v>
      </c>
      <c r="E3796" s="18"/>
      <c r="F3796" s="18"/>
      <c r="G3796" s="18"/>
      <c r="H3796" s="18"/>
      <c r="I3796" s="18"/>
      <c r="J3796" s="18"/>
      <c r="K3796" s="18"/>
      <c r="L3796" s="18"/>
      <c r="M3796" s="18"/>
      <c r="N3796" s="18"/>
      <c r="O3796" s="18"/>
      <c r="P3796" s="20">
        <v>3000</v>
      </c>
      <c r="Q3796" s="20"/>
      <c r="R3796" s="20"/>
      <c r="S3796" s="20"/>
      <c r="T3796" s="20">
        <v>2800</v>
      </c>
      <c r="U3796" s="20"/>
      <c r="V3796" s="20"/>
      <c r="W3796" s="20"/>
      <c r="X3796" s="19">
        <v>3</v>
      </c>
      <c r="Y3796" s="19"/>
      <c r="Z3796" s="19"/>
      <c r="AA3796" s="19"/>
    </row>
    <row r="3797" spans="1:27" s="1" customFormat="1" ht="14.1" customHeight="1" outlineLevel="2" x14ac:dyDescent="0.2">
      <c r="A3797" s="17"/>
      <c r="B3797" s="17"/>
      <c r="C3797" s="17"/>
      <c r="D3797" s="18"/>
      <c r="E3797" s="18"/>
      <c r="F3797" s="18"/>
      <c r="G3797" s="18"/>
      <c r="H3797" s="18"/>
      <c r="I3797" s="18"/>
      <c r="J3797" s="18"/>
      <c r="K3797" s="18"/>
      <c r="L3797" s="18"/>
      <c r="M3797" s="18"/>
      <c r="N3797" s="18"/>
      <c r="O3797" s="18"/>
      <c r="P3797" s="20"/>
      <c r="Q3797" s="20"/>
      <c r="R3797" s="20"/>
      <c r="S3797" s="20"/>
      <c r="T3797" s="20"/>
      <c r="U3797" s="20"/>
      <c r="V3797" s="20"/>
      <c r="W3797" s="20"/>
      <c r="X3797" s="19"/>
      <c r="Y3797" s="19"/>
      <c r="Z3797" s="19"/>
      <c r="AA3797" s="19"/>
    </row>
    <row r="3798" spans="1:27" s="1" customFormat="1" ht="14.1" customHeight="1" outlineLevel="2" x14ac:dyDescent="0.2">
      <c r="A3798" s="17">
        <v>13427</v>
      </c>
      <c r="B3798" s="17"/>
      <c r="C3798" s="17"/>
      <c r="D3798" s="18" t="s">
        <v>1901</v>
      </c>
      <c r="E3798" s="18"/>
      <c r="F3798" s="18"/>
      <c r="G3798" s="18"/>
      <c r="H3798" s="18"/>
      <c r="I3798" s="18"/>
      <c r="J3798" s="18"/>
      <c r="K3798" s="18"/>
      <c r="L3798" s="18"/>
      <c r="M3798" s="18"/>
      <c r="N3798" s="18"/>
      <c r="O3798" s="18"/>
      <c r="P3798" s="20">
        <v>3450</v>
      </c>
      <c r="Q3798" s="20"/>
      <c r="R3798" s="20"/>
      <c r="S3798" s="20"/>
      <c r="T3798" s="20">
        <v>3200</v>
      </c>
      <c r="U3798" s="20"/>
      <c r="V3798" s="20"/>
      <c r="W3798" s="20"/>
      <c r="X3798" s="19">
        <v>3</v>
      </c>
      <c r="Y3798" s="19"/>
      <c r="Z3798" s="19"/>
      <c r="AA3798" s="19"/>
    </row>
    <row r="3799" spans="1:27" s="1" customFormat="1" ht="14.1" customHeight="1" outlineLevel="2" x14ac:dyDescent="0.2">
      <c r="A3799" s="17"/>
      <c r="B3799" s="17"/>
      <c r="C3799" s="17"/>
      <c r="D3799" s="18"/>
      <c r="E3799" s="18"/>
      <c r="F3799" s="18"/>
      <c r="G3799" s="18"/>
      <c r="H3799" s="18"/>
      <c r="I3799" s="18"/>
      <c r="J3799" s="18"/>
      <c r="K3799" s="18"/>
      <c r="L3799" s="18"/>
      <c r="M3799" s="18"/>
      <c r="N3799" s="18"/>
      <c r="O3799" s="18"/>
      <c r="P3799" s="20"/>
      <c r="Q3799" s="20"/>
      <c r="R3799" s="20"/>
      <c r="S3799" s="20"/>
      <c r="T3799" s="20"/>
      <c r="U3799" s="20"/>
      <c r="V3799" s="20"/>
      <c r="W3799" s="20"/>
      <c r="X3799" s="19"/>
      <c r="Y3799" s="19"/>
      <c r="Z3799" s="19"/>
      <c r="AA3799" s="19"/>
    </row>
    <row r="3800" spans="1:27" s="1" customFormat="1" ht="14.1" customHeight="1" outlineLevel="2" x14ac:dyDescent="0.2">
      <c r="A3800" s="17">
        <v>18239</v>
      </c>
      <c r="B3800" s="17"/>
      <c r="C3800" s="17"/>
      <c r="D3800" s="18" t="s">
        <v>1902</v>
      </c>
      <c r="E3800" s="18"/>
      <c r="F3800" s="18"/>
      <c r="G3800" s="18"/>
      <c r="H3800" s="18"/>
      <c r="I3800" s="18"/>
      <c r="J3800" s="18"/>
      <c r="K3800" s="18"/>
      <c r="L3800" s="18"/>
      <c r="M3800" s="18"/>
      <c r="N3800" s="18"/>
      <c r="O3800" s="18"/>
      <c r="P3800" s="20">
        <v>1500</v>
      </c>
      <c r="Q3800" s="20"/>
      <c r="R3800" s="20"/>
      <c r="S3800" s="20"/>
      <c r="T3800" s="20">
        <v>1200</v>
      </c>
      <c r="U3800" s="20"/>
      <c r="V3800" s="20"/>
      <c r="W3800" s="20"/>
      <c r="X3800" s="19">
        <v>25</v>
      </c>
      <c r="Y3800" s="19"/>
      <c r="Z3800" s="19"/>
      <c r="AA3800" s="19"/>
    </row>
    <row r="3801" spans="1:27" s="1" customFormat="1" ht="14.1" customHeight="1" outlineLevel="2" x14ac:dyDescent="0.2">
      <c r="A3801" s="17"/>
      <c r="B3801" s="17"/>
      <c r="C3801" s="17"/>
      <c r="D3801" s="18"/>
      <c r="E3801" s="18"/>
      <c r="F3801" s="18"/>
      <c r="G3801" s="18"/>
      <c r="H3801" s="18"/>
      <c r="I3801" s="18"/>
      <c r="J3801" s="18"/>
      <c r="K3801" s="18"/>
      <c r="L3801" s="18"/>
      <c r="M3801" s="18"/>
      <c r="N3801" s="18"/>
      <c r="O3801" s="18"/>
      <c r="P3801" s="20"/>
      <c r="Q3801" s="20"/>
      <c r="R3801" s="20"/>
      <c r="S3801" s="20"/>
      <c r="T3801" s="20"/>
      <c r="U3801" s="20"/>
      <c r="V3801" s="20"/>
      <c r="W3801" s="20"/>
      <c r="X3801" s="19"/>
      <c r="Y3801" s="19"/>
      <c r="Z3801" s="19"/>
      <c r="AA3801" s="19"/>
    </row>
    <row r="3802" spans="1:27" s="1" customFormat="1" ht="14.1" customHeight="1" outlineLevel="2" x14ac:dyDescent="0.2">
      <c r="A3802" s="17">
        <v>18280</v>
      </c>
      <c r="B3802" s="17"/>
      <c r="C3802" s="17"/>
      <c r="D3802" s="18" t="s">
        <v>1903</v>
      </c>
      <c r="E3802" s="18"/>
      <c r="F3802" s="18"/>
      <c r="G3802" s="18"/>
      <c r="H3802" s="18"/>
      <c r="I3802" s="18"/>
      <c r="J3802" s="18"/>
      <c r="K3802" s="18"/>
      <c r="L3802" s="18"/>
      <c r="M3802" s="18"/>
      <c r="N3802" s="18"/>
      <c r="O3802" s="18"/>
      <c r="P3802" s="20">
        <v>1250</v>
      </c>
      <c r="Q3802" s="20"/>
      <c r="R3802" s="20"/>
      <c r="S3802" s="20"/>
      <c r="T3802" s="19">
        <v>950</v>
      </c>
      <c r="U3802" s="19"/>
      <c r="V3802" s="19"/>
      <c r="W3802" s="19"/>
      <c r="X3802" s="19">
        <v>10</v>
      </c>
      <c r="Y3802" s="19"/>
      <c r="Z3802" s="19"/>
      <c r="AA3802" s="19"/>
    </row>
    <row r="3803" spans="1:27" s="1" customFormat="1" ht="14.1" customHeight="1" outlineLevel="2" x14ac:dyDescent="0.2">
      <c r="A3803" s="17"/>
      <c r="B3803" s="17"/>
      <c r="C3803" s="17"/>
      <c r="D3803" s="18"/>
      <c r="E3803" s="18"/>
      <c r="F3803" s="18"/>
      <c r="G3803" s="18"/>
      <c r="H3803" s="18"/>
      <c r="I3803" s="18"/>
      <c r="J3803" s="18"/>
      <c r="K3803" s="18"/>
      <c r="L3803" s="18"/>
      <c r="M3803" s="18"/>
      <c r="N3803" s="18"/>
      <c r="O3803" s="18"/>
      <c r="P3803" s="20"/>
      <c r="Q3803" s="20"/>
      <c r="R3803" s="20"/>
      <c r="S3803" s="20"/>
      <c r="T3803" s="19"/>
      <c r="U3803" s="19"/>
      <c r="V3803" s="19"/>
      <c r="W3803" s="19"/>
      <c r="X3803" s="19"/>
      <c r="Y3803" s="19"/>
      <c r="Z3803" s="19"/>
      <c r="AA3803" s="19"/>
    </row>
    <row r="3804" spans="1:27" s="1" customFormat="1" ht="14.1" customHeight="1" outlineLevel="2" x14ac:dyDescent="0.2">
      <c r="A3804" s="17">
        <v>10435</v>
      </c>
      <c r="B3804" s="17"/>
      <c r="C3804" s="17"/>
      <c r="D3804" s="18" t="s">
        <v>1904</v>
      </c>
      <c r="E3804" s="18"/>
      <c r="F3804" s="18"/>
      <c r="G3804" s="18"/>
      <c r="H3804" s="18"/>
      <c r="I3804" s="18"/>
      <c r="J3804" s="18"/>
      <c r="K3804" s="18"/>
      <c r="L3804" s="18"/>
      <c r="M3804" s="18"/>
      <c r="N3804" s="18"/>
      <c r="O3804" s="18"/>
      <c r="P3804" s="20">
        <v>2500</v>
      </c>
      <c r="Q3804" s="20"/>
      <c r="R3804" s="20"/>
      <c r="S3804" s="20"/>
      <c r="T3804" s="20">
        <v>2300</v>
      </c>
      <c r="U3804" s="20"/>
      <c r="V3804" s="20"/>
      <c r="W3804" s="20"/>
      <c r="X3804" s="19">
        <v>2</v>
      </c>
      <c r="Y3804" s="19"/>
      <c r="Z3804" s="19"/>
      <c r="AA3804" s="19"/>
    </row>
    <row r="3805" spans="1:27" s="1" customFormat="1" ht="14.1" customHeight="1" outlineLevel="2" x14ac:dyDescent="0.2">
      <c r="A3805" s="17"/>
      <c r="B3805" s="17"/>
      <c r="C3805" s="17"/>
      <c r="D3805" s="18"/>
      <c r="E3805" s="18"/>
      <c r="F3805" s="18"/>
      <c r="G3805" s="18"/>
      <c r="H3805" s="18"/>
      <c r="I3805" s="18"/>
      <c r="J3805" s="18"/>
      <c r="K3805" s="18"/>
      <c r="L3805" s="18"/>
      <c r="M3805" s="18"/>
      <c r="N3805" s="18"/>
      <c r="O3805" s="18"/>
      <c r="P3805" s="20"/>
      <c r="Q3805" s="20"/>
      <c r="R3805" s="20"/>
      <c r="S3805" s="20"/>
      <c r="T3805" s="20"/>
      <c r="U3805" s="20"/>
      <c r="V3805" s="20"/>
      <c r="W3805" s="20"/>
      <c r="X3805" s="19"/>
      <c r="Y3805" s="19"/>
      <c r="Z3805" s="19"/>
      <c r="AA3805" s="19"/>
    </row>
    <row r="3806" spans="1:27" s="1" customFormat="1" ht="14.1" customHeight="1" outlineLevel="2" x14ac:dyDescent="0.2">
      <c r="A3806" s="17">
        <v>11394</v>
      </c>
      <c r="B3806" s="17"/>
      <c r="C3806" s="17"/>
      <c r="D3806" s="18" t="s">
        <v>1905</v>
      </c>
      <c r="E3806" s="18"/>
      <c r="F3806" s="18"/>
      <c r="G3806" s="18"/>
      <c r="H3806" s="18"/>
      <c r="I3806" s="18"/>
      <c r="J3806" s="18"/>
      <c r="K3806" s="18"/>
      <c r="L3806" s="18"/>
      <c r="M3806" s="18"/>
      <c r="N3806" s="18"/>
      <c r="O3806" s="18"/>
      <c r="P3806" s="20">
        <v>5850</v>
      </c>
      <c r="Q3806" s="20"/>
      <c r="R3806" s="20"/>
      <c r="S3806" s="20"/>
      <c r="T3806" s="20">
        <v>5350</v>
      </c>
      <c r="U3806" s="20"/>
      <c r="V3806" s="20"/>
      <c r="W3806" s="20"/>
      <c r="X3806" s="19">
        <v>1</v>
      </c>
      <c r="Y3806" s="19"/>
      <c r="Z3806" s="19"/>
      <c r="AA3806" s="19"/>
    </row>
    <row r="3807" spans="1:27" s="1" customFormat="1" ht="14.1" customHeight="1" outlineLevel="2" x14ac:dyDescent="0.2">
      <c r="A3807" s="17"/>
      <c r="B3807" s="17"/>
      <c r="C3807" s="17"/>
      <c r="D3807" s="18"/>
      <c r="E3807" s="18"/>
      <c r="F3807" s="18"/>
      <c r="G3807" s="18"/>
      <c r="H3807" s="18"/>
      <c r="I3807" s="18"/>
      <c r="J3807" s="18"/>
      <c r="K3807" s="18"/>
      <c r="L3807" s="18"/>
      <c r="M3807" s="18"/>
      <c r="N3807" s="18"/>
      <c r="O3807" s="18"/>
      <c r="P3807" s="20"/>
      <c r="Q3807" s="20"/>
      <c r="R3807" s="20"/>
      <c r="S3807" s="20"/>
      <c r="T3807" s="20"/>
      <c r="U3807" s="20"/>
      <c r="V3807" s="20"/>
      <c r="W3807" s="20"/>
      <c r="X3807" s="19"/>
      <c r="Y3807" s="19"/>
      <c r="Z3807" s="19"/>
      <c r="AA3807" s="19"/>
    </row>
    <row r="3808" spans="1:27" s="1" customFormat="1" ht="14.1" customHeight="1" outlineLevel="2" x14ac:dyDescent="0.2">
      <c r="A3808" s="17">
        <v>15764</v>
      </c>
      <c r="B3808" s="17"/>
      <c r="C3808" s="17"/>
      <c r="D3808" s="18" t="s">
        <v>1906</v>
      </c>
      <c r="E3808" s="18"/>
      <c r="F3808" s="18"/>
      <c r="G3808" s="18"/>
      <c r="H3808" s="18"/>
      <c r="I3808" s="18"/>
      <c r="J3808" s="18"/>
      <c r="K3808" s="18"/>
      <c r="L3808" s="18"/>
      <c r="M3808" s="18"/>
      <c r="N3808" s="18"/>
      <c r="O3808" s="18"/>
      <c r="P3808" s="20">
        <v>5000</v>
      </c>
      <c r="Q3808" s="20"/>
      <c r="R3808" s="20"/>
      <c r="S3808" s="20"/>
      <c r="T3808" s="20">
        <v>4600</v>
      </c>
      <c r="U3808" s="20"/>
      <c r="V3808" s="20"/>
      <c r="W3808" s="20"/>
      <c r="X3808" s="19">
        <v>1</v>
      </c>
      <c r="Y3808" s="19"/>
      <c r="Z3808" s="19"/>
      <c r="AA3808" s="19"/>
    </row>
    <row r="3809" spans="1:27" s="1" customFormat="1" ht="14.1" customHeight="1" outlineLevel="2" x14ac:dyDescent="0.2">
      <c r="A3809" s="17"/>
      <c r="B3809" s="17"/>
      <c r="C3809" s="17"/>
      <c r="D3809" s="18"/>
      <c r="E3809" s="18"/>
      <c r="F3809" s="18"/>
      <c r="G3809" s="18"/>
      <c r="H3809" s="18"/>
      <c r="I3809" s="18"/>
      <c r="J3809" s="18"/>
      <c r="K3809" s="18"/>
      <c r="L3809" s="18"/>
      <c r="M3809" s="18"/>
      <c r="N3809" s="18"/>
      <c r="O3809" s="18"/>
      <c r="P3809" s="20"/>
      <c r="Q3809" s="20"/>
      <c r="R3809" s="20"/>
      <c r="S3809" s="20"/>
      <c r="T3809" s="20"/>
      <c r="U3809" s="20"/>
      <c r="V3809" s="20"/>
      <c r="W3809" s="20"/>
      <c r="X3809" s="19"/>
      <c r="Y3809" s="19"/>
      <c r="Z3809" s="19"/>
      <c r="AA3809" s="19"/>
    </row>
    <row r="3810" spans="1:27" s="1" customFormat="1" ht="14.1" customHeight="1" outlineLevel="2" x14ac:dyDescent="0.2">
      <c r="A3810" s="17">
        <v>18178</v>
      </c>
      <c r="B3810" s="17"/>
      <c r="C3810" s="17"/>
      <c r="D3810" s="18" t="s">
        <v>1907</v>
      </c>
      <c r="E3810" s="18"/>
      <c r="F3810" s="18"/>
      <c r="G3810" s="18"/>
      <c r="H3810" s="18"/>
      <c r="I3810" s="18"/>
      <c r="J3810" s="18"/>
      <c r="K3810" s="18"/>
      <c r="L3810" s="18"/>
      <c r="M3810" s="18"/>
      <c r="N3810" s="18"/>
      <c r="O3810" s="18"/>
      <c r="P3810" s="20">
        <v>3600</v>
      </c>
      <c r="Q3810" s="20"/>
      <c r="R3810" s="20"/>
      <c r="S3810" s="20"/>
      <c r="T3810" s="20">
        <v>3500</v>
      </c>
      <c r="U3810" s="20"/>
      <c r="V3810" s="20"/>
      <c r="W3810" s="20"/>
      <c r="X3810" s="19">
        <v>1</v>
      </c>
      <c r="Y3810" s="19"/>
      <c r="Z3810" s="19"/>
      <c r="AA3810" s="19"/>
    </row>
    <row r="3811" spans="1:27" s="1" customFormat="1" ht="14.1" customHeight="1" outlineLevel="2" x14ac:dyDescent="0.2">
      <c r="A3811" s="17"/>
      <c r="B3811" s="17"/>
      <c r="C3811" s="17"/>
      <c r="D3811" s="18"/>
      <c r="E3811" s="18"/>
      <c r="F3811" s="18"/>
      <c r="G3811" s="18"/>
      <c r="H3811" s="18"/>
      <c r="I3811" s="18"/>
      <c r="J3811" s="18"/>
      <c r="K3811" s="18"/>
      <c r="L3811" s="18"/>
      <c r="M3811" s="18"/>
      <c r="N3811" s="18"/>
      <c r="O3811" s="18"/>
      <c r="P3811" s="20"/>
      <c r="Q3811" s="20"/>
      <c r="R3811" s="20"/>
      <c r="S3811" s="20"/>
      <c r="T3811" s="20"/>
      <c r="U3811" s="20"/>
      <c r="V3811" s="20"/>
      <c r="W3811" s="20"/>
      <c r="X3811" s="19"/>
      <c r="Y3811" s="19"/>
      <c r="Z3811" s="19"/>
      <c r="AA3811" s="19"/>
    </row>
    <row r="3812" spans="1:27" s="1" customFormat="1" ht="14.1" customHeight="1" outlineLevel="2" x14ac:dyDescent="0.2">
      <c r="A3812" s="17">
        <v>13812</v>
      </c>
      <c r="B3812" s="17"/>
      <c r="C3812" s="17"/>
      <c r="D3812" s="18" t="s">
        <v>1908</v>
      </c>
      <c r="E3812" s="18"/>
      <c r="F3812" s="18"/>
      <c r="G3812" s="18"/>
      <c r="H3812" s="18"/>
      <c r="I3812" s="18"/>
      <c r="J3812" s="18"/>
      <c r="K3812" s="18"/>
      <c r="L3812" s="18"/>
      <c r="M3812" s="18"/>
      <c r="N3812" s="18"/>
      <c r="O3812" s="18"/>
      <c r="P3812" s="20">
        <v>2800</v>
      </c>
      <c r="Q3812" s="20"/>
      <c r="R3812" s="20"/>
      <c r="S3812" s="20"/>
      <c r="T3812" s="20">
        <v>2600</v>
      </c>
      <c r="U3812" s="20"/>
      <c r="V3812" s="20"/>
      <c r="W3812" s="20"/>
      <c r="X3812" s="19">
        <v>8</v>
      </c>
      <c r="Y3812" s="19"/>
      <c r="Z3812" s="19"/>
      <c r="AA3812" s="19"/>
    </row>
    <row r="3813" spans="1:27" s="1" customFormat="1" ht="14.1" customHeight="1" outlineLevel="2" x14ac:dyDescent="0.2">
      <c r="A3813" s="17"/>
      <c r="B3813" s="17"/>
      <c r="C3813" s="17"/>
      <c r="D3813" s="18"/>
      <c r="E3813" s="18"/>
      <c r="F3813" s="18"/>
      <c r="G3813" s="18"/>
      <c r="H3813" s="18"/>
      <c r="I3813" s="18"/>
      <c r="J3813" s="18"/>
      <c r="K3813" s="18"/>
      <c r="L3813" s="18"/>
      <c r="M3813" s="18"/>
      <c r="N3813" s="18"/>
      <c r="O3813" s="18"/>
      <c r="P3813" s="20"/>
      <c r="Q3813" s="20"/>
      <c r="R3813" s="20"/>
      <c r="S3813" s="20"/>
      <c r="T3813" s="20"/>
      <c r="U3813" s="20"/>
      <c r="V3813" s="20"/>
      <c r="W3813" s="20"/>
      <c r="X3813" s="19"/>
      <c r="Y3813" s="19"/>
      <c r="Z3813" s="19"/>
      <c r="AA3813" s="19"/>
    </row>
    <row r="3814" spans="1:27" s="1" customFormat="1" ht="14.1" customHeight="1" outlineLevel="2" x14ac:dyDescent="0.2">
      <c r="A3814" s="17">
        <v>15696</v>
      </c>
      <c r="B3814" s="17"/>
      <c r="C3814" s="17"/>
      <c r="D3814" s="18" t="s">
        <v>1909</v>
      </c>
      <c r="E3814" s="18"/>
      <c r="F3814" s="18"/>
      <c r="G3814" s="18"/>
      <c r="H3814" s="18"/>
      <c r="I3814" s="18"/>
      <c r="J3814" s="18"/>
      <c r="K3814" s="18"/>
      <c r="L3814" s="18"/>
      <c r="M3814" s="18"/>
      <c r="N3814" s="18"/>
      <c r="O3814" s="18"/>
      <c r="P3814" s="20">
        <v>2050</v>
      </c>
      <c r="Q3814" s="20"/>
      <c r="R3814" s="20"/>
      <c r="S3814" s="20"/>
      <c r="T3814" s="20">
        <v>1900</v>
      </c>
      <c r="U3814" s="20"/>
      <c r="V3814" s="20"/>
      <c r="W3814" s="20"/>
      <c r="X3814" s="19">
        <v>1</v>
      </c>
      <c r="Y3814" s="19"/>
      <c r="Z3814" s="19"/>
      <c r="AA3814" s="19"/>
    </row>
    <row r="3815" spans="1:27" s="1" customFormat="1" ht="14.1" customHeight="1" outlineLevel="2" x14ac:dyDescent="0.2">
      <c r="A3815" s="17"/>
      <c r="B3815" s="17"/>
      <c r="C3815" s="17"/>
      <c r="D3815" s="18"/>
      <c r="E3815" s="18"/>
      <c r="F3815" s="18"/>
      <c r="G3815" s="18"/>
      <c r="H3815" s="18"/>
      <c r="I3815" s="18"/>
      <c r="J3815" s="18"/>
      <c r="K3815" s="18"/>
      <c r="L3815" s="18"/>
      <c r="M3815" s="18"/>
      <c r="N3815" s="18"/>
      <c r="O3815" s="18"/>
      <c r="P3815" s="20"/>
      <c r="Q3815" s="20"/>
      <c r="R3815" s="20"/>
      <c r="S3815" s="20"/>
      <c r="T3815" s="20"/>
      <c r="U3815" s="20"/>
      <c r="V3815" s="20"/>
      <c r="W3815" s="20"/>
      <c r="X3815" s="19"/>
      <c r="Y3815" s="19"/>
      <c r="Z3815" s="19"/>
      <c r="AA3815" s="19"/>
    </row>
    <row r="3816" spans="1:27" s="1" customFormat="1" ht="14.1" customHeight="1" outlineLevel="2" x14ac:dyDescent="0.2">
      <c r="A3816" s="17">
        <v>17892</v>
      </c>
      <c r="B3816" s="17"/>
      <c r="C3816" s="17"/>
      <c r="D3816" s="18" t="s">
        <v>1910</v>
      </c>
      <c r="E3816" s="18"/>
      <c r="F3816" s="18"/>
      <c r="G3816" s="18"/>
      <c r="H3816" s="18"/>
      <c r="I3816" s="18"/>
      <c r="J3816" s="18"/>
      <c r="K3816" s="18"/>
      <c r="L3816" s="18"/>
      <c r="M3816" s="18"/>
      <c r="N3816" s="18"/>
      <c r="O3816" s="18"/>
      <c r="P3816" s="20">
        <v>2300</v>
      </c>
      <c r="Q3816" s="20"/>
      <c r="R3816" s="20"/>
      <c r="S3816" s="20"/>
      <c r="T3816" s="20">
        <v>2000</v>
      </c>
      <c r="U3816" s="20"/>
      <c r="V3816" s="20"/>
      <c r="W3816" s="20"/>
      <c r="X3816" s="19">
        <v>1</v>
      </c>
      <c r="Y3816" s="19"/>
      <c r="Z3816" s="19"/>
      <c r="AA3816" s="19"/>
    </row>
    <row r="3817" spans="1:27" s="1" customFormat="1" ht="14.1" customHeight="1" outlineLevel="2" x14ac:dyDescent="0.2">
      <c r="A3817" s="17"/>
      <c r="B3817" s="17"/>
      <c r="C3817" s="17"/>
      <c r="D3817" s="18"/>
      <c r="E3817" s="18"/>
      <c r="F3817" s="18"/>
      <c r="G3817" s="18"/>
      <c r="H3817" s="18"/>
      <c r="I3817" s="18"/>
      <c r="J3817" s="18"/>
      <c r="K3817" s="18"/>
      <c r="L3817" s="18"/>
      <c r="M3817" s="18"/>
      <c r="N3817" s="18"/>
      <c r="O3817" s="18"/>
      <c r="P3817" s="20"/>
      <c r="Q3817" s="20"/>
      <c r="R3817" s="20"/>
      <c r="S3817" s="20"/>
      <c r="T3817" s="20"/>
      <c r="U3817" s="20"/>
      <c r="V3817" s="20"/>
      <c r="W3817" s="20"/>
      <c r="X3817" s="19"/>
      <c r="Y3817" s="19"/>
      <c r="Z3817" s="19"/>
      <c r="AA3817" s="19"/>
    </row>
    <row r="3818" spans="1:27" s="1" customFormat="1" ht="14.1" customHeight="1" outlineLevel="2" x14ac:dyDescent="0.2">
      <c r="A3818" s="17">
        <v>15766</v>
      </c>
      <c r="B3818" s="17"/>
      <c r="C3818" s="17"/>
      <c r="D3818" s="18" t="s">
        <v>1911</v>
      </c>
      <c r="E3818" s="18"/>
      <c r="F3818" s="18"/>
      <c r="G3818" s="18"/>
      <c r="H3818" s="18"/>
      <c r="I3818" s="18"/>
      <c r="J3818" s="18"/>
      <c r="K3818" s="18"/>
      <c r="L3818" s="18"/>
      <c r="M3818" s="18"/>
      <c r="N3818" s="18"/>
      <c r="O3818" s="18"/>
      <c r="P3818" s="20">
        <v>8100</v>
      </c>
      <c r="Q3818" s="20"/>
      <c r="R3818" s="20"/>
      <c r="S3818" s="20"/>
      <c r="T3818" s="20">
        <v>7400</v>
      </c>
      <c r="U3818" s="20"/>
      <c r="V3818" s="20"/>
      <c r="W3818" s="20"/>
      <c r="X3818" s="19">
        <v>1</v>
      </c>
      <c r="Y3818" s="19"/>
      <c r="Z3818" s="19"/>
      <c r="AA3818" s="19"/>
    </row>
    <row r="3819" spans="1:27" s="1" customFormat="1" ht="14.1" customHeight="1" outlineLevel="2" x14ac:dyDescent="0.2">
      <c r="A3819" s="17"/>
      <c r="B3819" s="17"/>
      <c r="C3819" s="17"/>
      <c r="D3819" s="18"/>
      <c r="E3819" s="18"/>
      <c r="F3819" s="18"/>
      <c r="G3819" s="18"/>
      <c r="H3819" s="18"/>
      <c r="I3819" s="18"/>
      <c r="J3819" s="18"/>
      <c r="K3819" s="18"/>
      <c r="L3819" s="18"/>
      <c r="M3819" s="18"/>
      <c r="N3819" s="18"/>
      <c r="O3819" s="18"/>
      <c r="P3819" s="20"/>
      <c r="Q3819" s="20"/>
      <c r="R3819" s="20"/>
      <c r="S3819" s="20"/>
      <c r="T3819" s="20"/>
      <c r="U3819" s="20"/>
      <c r="V3819" s="20"/>
      <c r="W3819" s="20"/>
      <c r="X3819" s="19"/>
      <c r="Y3819" s="19"/>
      <c r="Z3819" s="19"/>
      <c r="AA3819" s="19"/>
    </row>
    <row r="3820" spans="1:27" s="1" customFormat="1" ht="14.1" customHeight="1" outlineLevel="2" x14ac:dyDescent="0.2">
      <c r="A3820" s="17">
        <v>15783</v>
      </c>
      <c r="B3820" s="17"/>
      <c r="C3820" s="17"/>
      <c r="D3820" s="18" t="s">
        <v>1912</v>
      </c>
      <c r="E3820" s="18"/>
      <c r="F3820" s="18"/>
      <c r="G3820" s="18"/>
      <c r="H3820" s="18"/>
      <c r="I3820" s="18"/>
      <c r="J3820" s="18"/>
      <c r="K3820" s="18"/>
      <c r="L3820" s="18"/>
      <c r="M3820" s="18"/>
      <c r="N3820" s="18"/>
      <c r="O3820" s="18"/>
      <c r="P3820" s="20">
        <v>11500</v>
      </c>
      <c r="Q3820" s="20"/>
      <c r="R3820" s="20"/>
      <c r="S3820" s="20"/>
      <c r="T3820" s="20">
        <v>11000</v>
      </c>
      <c r="U3820" s="20"/>
      <c r="V3820" s="20"/>
      <c r="W3820" s="20"/>
      <c r="X3820" s="19">
        <v>1</v>
      </c>
      <c r="Y3820" s="19"/>
      <c r="Z3820" s="19"/>
      <c r="AA3820" s="19"/>
    </row>
    <row r="3821" spans="1:27" s="1" customFormat="1" ht="14.1" customHeight="1" outlineLevel="2" x14ac:dyDescent="0.2">
      <c r="A3821" s="17"/>
      <c r="B3821" s="17"/>
      <c r="C3821" s="17"/>
      <c r="D3821" s="18"/>
      <c r="E3821" s="18"/>
      <c r="F3821" s="18"/>
      <c r="G3821" s="18"/>
      <c r="H3821" s="18"/>
      <c r="I3821" s="18"/>
      <c r="J3821" s="18"/>
      <c r="K3821" s="18"/>
      <c r="L3821" s="18"/>
      <c r="M3821" s="18"/>
      <c r="N3821" s="18"/>
      <c r="O3821" s="18"/>
      <c r="P3821" s="20"/>
      <c r="Q3821" s="20"/>
      <c r="R3821" s="20"/>
      <c r="S3821" s="20"/>
      <c r="T3821" s="20"/>
      <c r="U3821" s="20"/>
      <c r="V3821" s="20"/>
      <c r="W3821" s="20"/>
      <c r="X3821" s="19"/>
      <c r="Y3821" s="19"/>
      <c r="Z3821" s="19"/>
      <c r="AA3821" s="19"/>
    </row>
    <row r="3822" spans="1:27" s="1" customFormat="1" ht="14.1" customHeight="1" outlineLevel="2" x14ac:dyDescent="0.2">
      <c r="A3822" s="17">
        <v>17581</v>
      </c>
      <c r="B3822" s="17"/>
      <c r="C3822" s="17"/>
      <c r="D3822" s="18" t="s">
        <v>1913</v>
      </c>
      <c r="E3822" s="18"/>
      <c r="F3822" s="18"/>
      <c r="G3822" s="18"/>
      <c r="H3822" s="18"/>
      <c r="I3822" s="18"/>
      <c r="J3822" s="18"/>
      <c r="K3822" s="18"/>
      <c r="L3822" s="18"/>
      <c r="M3822" s="18"/>
      <c r="N3822" s="18"/>
      <c r="O3822" s="18"/>
      <c r="P3822" s="20">
        <v>10000</v>
      </c>
      <c r="Q3822" s="20"/>
      <c r="R3822" s="20"/>
      <c r="S3822" s="20"/>
      <c r="T3822" s="20">
        <v>9000</v>
      </c>
      <c r="U3822" s="20"/>
      <c r="V3822" s="20"/>
      <c r="W3822" s="20"/>
      <c r="X3822" s="19">
        <v>1</v>
      </c>
      <c r="Y3822" s="19"/>
      <c r="Z3822" s="19"/>
      <c r="AA3822" s="19"/>
    </row>
    <row r="3823" spans="1:27" s="1" customFormat="1" ht="14.1" customHeight="1" outlineLevel="2" x14ac:dyDescent="0.2">
      <c r="A3823" s="17"/>
      <c r="B3823" s="17"/>
      <c r="C3823" s="17"/>
      <c r="D3823" s="18"/>
      <c r="E3823" s="18"/>
      <c r="F3823" s="18"/>
      <c r="G3823" s="18"/>
      <c r="H3823" s="18"/>
      <c r="I3823" s="18"/>
      <c r="J3823" s="18"/>
      <c r="K3823" s="18"/>
      <c r="L3823" s="18"/>
      <c r="M3823" s="18"/>
      <c r="N3823" s="18"/>
      <c r="O3823" s="18"/>
      <c r="P3823" s="20"/>
      <c r="Q3823" s="20"/>
      <c r="R3823" s="20"/>
      <c r="S3823" s="20"/>
      <c r="T3823" s="20"/>
      <c r="U3823" s="20"/>
      <c r="V3823" s="20"/>
      <c r="W3823" s="20"/>
      <c r="X3823" s="19"/>
      <c r="Y3823" s="19"/>
      <c r="Z3823" s="19"/>
      <c r="AA3823" s="19"/>
    </row>
    <row r="3824" spans="1:27" s="1" customFormat="1" ht="21" customHeight="1" outlineLevel="2" x14ac:dyDescent="0.2">
      <c r="A3824" s="17">
        <v>12620</v>
      </c>
      <c r="B3824" s="17"/>
      <c r="C3824" s="17"/>
      <c r="D3824" s="18" t="s">
        <v>1914</v>
      </c>
      <c r="E3824" s="18"/>
      <c r="F3824" s="18"/>
      <c r="G3824" s="18"/>
      <c r="H3824" s="18"/>
      <c r="I3824" s="18"/>
      <c r="J3824" s="18"/>
      <c r="K3824" s="18"/>
      <c r="L3824" s="18"/>
      <c r="M3824" s="18"/>
      <c r="N3824" s="18"/>
      <c r="O3824" s="18"/>
      <c r="P3824" s="20">
        <v>6700</v>
      </c>
      <c r="Q3824" s="20"/>
      <c r="R3824" s="20"/>
      <c r="S3824" s="20"/>
      <c r="T3824" s="20">
        <v>6200</v>
      </c>
      <c r="U3824" s="20"/>
      <c r="V3824" s="20"/>
      <c r="W3824" s="20"/>
      <c r="X3824" s="19">
        <v>1</v>
      </c>
      <c r="Y3824" s="19"/>
      <c r="Z3824" s="19"/>
      <c r="AA3824" s="19"/>
    </row>
    <row r="3825" spans="1:27" s="1" customFormat="1" ht="21" customHeight="1" outlineLevel="2" x14ac:dyDescent="0.2">
      <c r="A3825" s="17"/>
      <c r="B3825" s="17"/>
      <c r="C3825" s="17"/>
      <c r="D3825" s="18"/>
      <c r="E3825" s="18"/>
      <c r="F3825" s="18"/>
      <c r="G3825" s="18"/>
      <c r="H3825" s="18"/>
      <c r="I3825" s="18"/>
      <c r="J3825" s="18"/>
      <c r="K3825" s="18"/>
      <c r="L3825" s="18"/>
      <c r="M3825" s="18"/>
      <c r="N3825" s="18"/>
      <c r="O3825" s="18"/>
      <c r="P3825" s="20"/>
      <c r="Q3825" s="20"/>
      <c r="R3825" s="20"/>
      <c r="S3825" s="20"/>
      <c r="T3825" s="20"/>
      <c r="U3825" s="20"/>
      <c r="V3825" s="20"/>
      <c r="W3825" s="20"/>
      <c r="X3825" s="19"/>
      <c r="Y3825" s="19"/>
      <c r="Z3825" s="19"/>
      <c r="AA3825" s="19"/>
    </row>
    <row r="3826" spans="1:27" s="1" customFormat="1" ht="14.1" customHeight="1" outlineLevel="2" x14ac:dyDescent="0.2">
      <c r="A3826" s="17">
        <v>15089</v>
      </c>
      <c r="B3826" s="17"/>
      <c r="C3826" s="17"/>
      <c r="D3826" s="18" t="s">
        <v>1915</v>
      </c>
      <c r="E3826" s="18"/>
      <c r="F3826" s="18"/>
      <c r="G3826" s="18"/>
      <c r="H3826" s="18"/>
      <c r="I3826" s="18"/>
      <c r="J3826" s="18"/>
      <c r="K3826" s="18"/>
      <c r="L3826" s="18"/>
      <c r="M3826" s="18"/>
      <c r="N3826" s="18"/>
      <c r="O3826" s="18"/>
      <c r="P3826" s="20">
        <v>8900</v>
      </c>
      <c r="Q3826" s="20"/>
      <c r="R3826" s="20"/>
      <c r="S3826" s="20"/>
      <c r="T3826" s="20">
        <v>8200</v>
      </c>
      <c r="U3826" s="20"/>
      <c r="V3826" s="20"/>
      <c r="W3826" s="20"/>
      <c r="X3826" s="19">
        <v>1</v>
      </c>
      <c r="Y3826" s="19"/>
      <c r="Z3826" s="19"/>
      <c r="AA3826" s="19"/>
    </row>
    <row r="3827" spans="1:27" s="1" customFormat="1" ht="14.1" customHeight="1" outlineLevel="2" x14ac:dyDescent="0.2">
      <c r="A3827" s="17"/>
      <c r="B3827" s="17"/>
      <c r="C3827" s="17"/>
      <c r="D3827" s="18"/>
      <c r="E3827" s="18"/>
      <c r="F3827" s="18"/>
      <c r="G3827" s="18"/>
      <c r="H3827" s="18"/>
      <c r="I3827" s="18"/>
      <c r="J3827" s="18"/>
      <c r="K3827" s="18"/>
      <c r="L3827" s="18"/>
      <c r="M3827" s="18"/>
      <c r="N3827" s="18"/>
      <c r="O3827" s="18"/>
      <c r="P3827" s="20"/>
      <c r="Q3827" s="20"/>
      <c r="R3827" s="20"/>
      <c r="S3827" s="20"/>
      <c r="T3827" s="20"/>
      <c r="U3827" s="20"/>
      <c r="V3827" s="20"/>
      <c r="W3827" s="20"/>
      <c r="X3827" s="19"/>
      <c r="Y3827" s="19"/>
      <c r="Z3827" s="19"/>
      <c r="AA3827" s="19"/>
    </row>
    <row r="3828" spans="1:27" s="1" customFormat="1" ht="14.1" customHeight="1" outlineLevel="2" x14ac:dyDescent="0.2">
      <c r="A3828" s="17">
        <v>17927</v>
      </c>
      <c r="B3828" s="17"/>
      <c r="C3828" s="17"/>
      <c r="D3828" s="18" t="s">
        <v>1916</v>
      </c>
      <c r="E3828" s="18"/>
      <c r="F3828" s="18"/>
      <c r="G3828" s="18"/>
      <c r="H3828" s="18"/>
      <c r="I3828" s="18"/>
      <c r="J3828" s="18"/>
      <c r="K3828" s="18"/>
      <c r="L3828" s="18"/>
      <c r="M3828" s="18"/>
      <c r="N3828" s="18"/>
      <c r="O3828" s="18"/>
      <c r="P3828" s="20">
        <v>8000</v>
      </c>
      <c r="Q3828" s="20"/>
      <c r="R3828" s="20"/>
      <c r="S3828" s="20"/>
      <c r="T3828" s="20">
        <v>7000</v>
      </c>
      <c r="U3828" s="20"/>
      <c r="V3828" s="20"/>
      <c r="W3828" s="20"/>
      <c r="X3828" s="19">
        <v>1</v>
      </c>
      <c r="Y3828" s="19"/>
      <c r="Z3828" s="19"/>
      <c r="AA3828" s="19"/>
    </row>
    <row r="3829" spans="1:27" s="1" customFormat="1" ht="14.1" customHeight="1" outlineLevel="2" x14ac:dyDescent="0.2">
      <c r="A3829" s="17"/>
      <c r="B3829" s="17"/>
      <c r="C3829" s="17"/>
      <c r="D3829" s="18"/>
      <c r="E3829" s="18"/>
      <c r="F3829" s="18"/>
      <c r="G3829" s="18"/>
      <c r="H3829" s="18"/>
      <c r="I3829" s="18"/>
      <c r="J3829" s="18"/>
      <c r="K3829" s="18"/>
      <c r="L3829" s="18"/>
      <c r="M3829" s="18"/>
      <c r="N3829" s="18"/>
      <c r="O3829" s="18"/>
      <c r="P3829" s="20"/>
      <c r="Q3829" s="20"/>
      <c r="R3829" s="20"/>
      <c r="S3829" s="20"/>
      <c r="T3829" s="20"/>
      <c r="U3829" s="20"/>
      <c r="V3829" s="20"/>
      <c r="W3829" s="20"/>
      <c r="X3829" s="19"/>
      <c r="Y3829" s="19"/>
      <c r="Z3829" s="19"/>
      <c r="AA3829" s="19"/>
    </row>
    <row r="3830" spans="1:27" s="1" customFormat="1" ht="14.1" customHeight="1" outlineLevel="2" x14ac:dyDescent="0.2">
      <c r="A3830" s="17">
        <v>18253</v>
      </c>
      <c r="B3830" s="17"/>
      <c r="C3830" s="17"/>
      <c r="D3830" s="18" t="s">
        <v>1917</v>
      </c>
      <c r="E3830" s="18"/>
      <c r="F3830" s="18"/>
      <c r="G3830" s="18"/>
      <c r="H3830" s="18"/>
      <c r="I3830" s="18"/>
      <c r="J3830" s="18"/>
      <c r="K3830" s="18"/>
      <c r="L3830" s="18"/>
      <c r="M3830" s="18"/>
      <c r="N3830" s="18"/>
      <c r="O3830" s="18"/>
      <c r="P3830" s="20">
        <v>10000</v>
      </c>
      <c r="Q3830" s="20"/>
      <c r="R3830" s="20"/>
      <c r="S3830" s="20"/>
      <c r="T3830" s="20">
        <v>9000</v>
      </c>
      <c r="U3830" s="20"/>
      <c r="V3830" s="20"/>
      <c r="W3830" s="20"/>
      <c r="X3830" s="19">
        <v>2</v>
      </c>
      <c r="Y3830" s="19"/>
      <c r="Z3830" s="19"/>
      <c r="AA3830" s="19"/>
    </row>
    <row r="3831" spans="1:27" s="1" customFormat="1" ht="14.1" customHeight="1" outlineLevel="2" x14ac:dyDescent="0.2">
      <c r="A3831" s="17"/>
      <c r="B3831" s="17"/>
      <c r="C3831" s="17"/>
      <c r="D3831" s="18"/>
      <c r="E3831" s="18"/>
      <c r="F3831" s="18"/>
      <c r="G3831" s="18"/>
      <c r="H3831" s="18"/>
      <c r="I3831" s="18"/>
      <c r="J3831" s="18"/>
      <c r="K3831" s="18"/>
      <c r="L3831" s="18"/>
      <c r="M3831" s="18"/>
      <c r="N3831" s="18"/>
      <c r="O3831" s="18"/>
      <c r="P3831" s="20"/>
      <c r="Q3831" s="20"/>
      <c r="R3831" s="20"/>
      <c r="S3831" s="20"/>
      <c r="T3831" s="20"/>
      <c r="U3831" s="20"/>
      <c r="V3831" s="20"/>
      <c r="W3831" s="20"/>
      <c r="X3831" s="19"/>
      <c r="Y3831" s="19"/>
      <c r="Z3831" s="19"/>
      <c r="AA3831" s="19"/>
    </row>
    <row r="3832" spans="1:27" s="1" customFormat="1" ht="21" customHeight="1" outlineLevel="2" x14ac:dyDescent="0.2">
      <c r="A3832" s="17">
        <v>18145</v>
      </c>
      <c r="B3832" s="17"/>
      <c r="C3832" s="17"/>
      <c r="D3832" s="18" t="s">
        <v>1918</v>
      </c>
      <c r="E3832" s="18"/>
      <c r="F3832" s="18"/>
      <c r="G3832" s="18"/>
      <c r="H3832" s="18"/>
      <c r="I3832" s="18"/>
      <c r="J3832" s="18"/>
      <c r="K3832" s="18"/>
      <c r="L3832" s="18"/>
      <c r="M3832" s="18"/>
      <c r="N3832" s="18"/>
      <c r="O3832" s="18"/>
      <c r="P3832" s="20">
        <v>14000</v>
      </c>
      <c r="Q3832" s="20"/>
      <c r="R3832" s="20"/>
      <c r="S3832" s="20"/>
      <c r="T3832" s="20">
        <v>13000</v>
      </c>
      <c r="U3832" s="20"/>
      <c r="V3832" s="20"/>
      <c r="W3832" s="20"/>
      <c r="X3832" s="19">
        <v>1</v>
      </c>
      <c r="Y3832" s="19"/>
      <c r="Z3832" s="19"/>
      <c r="AA3832" s="19"/>
    </row>
    <row r="3833" spans="1:27" s="1" customFormat="1" ht="21" customHeight="1" outlineLevel="2" x14ac:dyDescent="0.2">
      <c r="A3833" s="17"/>
      <c r="B3833" s="17"/>
      <c r="C3833" s="17"/>
      <c r="D3833" s="18"/>
      <c r="E3833" s="18"/>
      <c r="F3833" s="18"/>
      <c r="G3833" s="18"/>
      <c r="H3833" s="18"/>
      <c r="I3833" s="18"/>
      <c r="J3833" s="18"/>
      <c r="K3833" s="18"/>
      <c r="L3833" s="18"/>
      <c r="M3833" s="18"/>
      <c r="N3833" s="18"/>
      <c r="O3833" s="18"/>
      <c r="P3833" s="20"/>
      <c r="Q3833" s="20"/>
      <c r="R3833" s="20"/>
      <c r="S3833" s="20"/>
      <c r="T3833" s="20"/>
      <c r="U3833" s="20"/>
      <c r="V3833" s="20"/>
      <c r="W3833" s="20"/>
      <c r="X3833" s="19"/>
      <c r="Y3833" s="19"/>
      <c r="Z3833" s="19"/>
      <c r="AA3833" s="19"/>
    </row>
    <row r="3834" spans="1:27" s="1" customFormat="1" ht="14.1" customHeight="1" outlineLevel="2" x14ac:dyDescent="0.2">
      <c r="A3834" s="17">
        <v>13509</v>
      </c>
      <c r="B3834" s="17"/>
      <c r="C3834" s="17"/>
      <c r="D3834" s="18" t="s">
        <v>1919</v>
      </c>
      <c r="E3834" s="18"/>
      <c r="F3834" s="18"/>
      <c r="G3834" s="18"/>
      <c r="H3834" s="18"/>
      <c r="I3834" s="18"/>
      <c r="J3834" s="18"/>
      <c r="K3834" s="18"/>
      <c r="L3834" s="18"/>
      <c r="M3834" s="18"/>
      <c r="N3834" s="18"/>
      <c r="O3834" s="18"/>
      <c r="P3834" s="20">
        <v>5700</v>
      </c>
      <c r="Q3834" s="20"/>
      <c r="R3834" s="20"/>
      <c r="S3834" s="20"/>
      <c r="T3834" s="20">
        <v>5400</v>
      </c>
      <c r="U3834" s="20"/>
      <c r="V3834" s="20"/>
      <c r="W3834" s="20"/>
      <c r="X3834" s="19">
        <v>1</v>
      </c>
      <c r="Y3834" s="19"/>
      <c r="Z3834" s="19"/>
      <c r="AA3834" s="19"/>
    </row>
    <row r="3835" spans="1:27" s="1" customFormat="1" ht="14.1" customHeight="1" outlineLevel="2" x14ac:dyDescent="0.2">
      <c r="A3835" s="17"/>
      <c r="B3835" s="17"/>
      <c r="C3835" s="17"/>
      <c r="D3835" s="18"/>
      <c r="E3835" s="18"/>
      <c r="F3835" s="18"/>
      <c r="G3835" s="18"/>
      <c r="H3835" s="18"/>
      <c r="I3835" s="18"/>
      <c r="J3835" s="18"/>
      <c r="K3835" s="18"/>
      <c r="L3835" s="18"/>
      <c r="M3835" s="18"/>
      <c r="N3835" s="18"/>
      <c r="O3835" s="18"/>
      <c r="P3835" s="20"/>
      <c r="Q3835" s="20"/>
      <c r="R3835" s="20"/>
      <c r="S3835" s="20"/>
      <c r="T3835" s="20"/>
      <c r="U3835" s="20"/>
      <c r="V3835" s="20"/>
      <c r="W3835" s="20"/>
      <c r="X3835" s="19"/>
      <c r="Y3835" s="19"/>
      <c r="Z3835" s="19"/>
      <c r="AA3835" s="19"/>
    </row>
    <row r="3836" spans="1:27" s="1" customFormat="1" ht="14.1" customHeight="1" outlineLevel="2" x14ac:dyDescent="0.2">
      <c r="A3836" s="17">
        <v>10737</v>
      </c>
      <c r="B3836" s="17"/>
      <c r="C3836" s="17"/>
      <c r="D3836" s="18" t="s">
        <v>1920</v>
      </c>
      <c r="E3836" s="18"/>
      <c r="F3836" s="18"/>
      <c r="G3836" s="18"/>
      <c r="H3836" s="18"/>
      <c r="I3836" s="18"/>
      <c r="J3836" s="18"/>
      <c r="K3836" s="18"/>
      <c r="L3836" s="18"/>
      <c r="M3836" s="18"/>
      <c r="N3836" s="18"/>
      <c r="O3836" s="18"/>
      <c r="P3836" s="20">
        <v>3900</v>
      </c>
      <c r="Q3836" s="20"/>
      <c r="R3836" s="20"/>
      <c r="S3836" s="20"/>
      <c r="T3836" s="20">
        <v>3500</v>
      </c>
      <c r="U3836" s="20"/>
      <c r="V3836" s="20"/>
      <c r="W3836" s="20"/>
      <c r="X3836" s="19">
        <v>1</v>
      </c>
      <c r="Y3836" s="19"/>
      <c r="Z3836" s="19"/>
      <c r="AA3836" s="19"/>
    </row>
    <row r="3837" spans="1:27" s="1" customFormat="1" ht="14.1" customHeight="1" outlineLevel="2" x14ac:dyDescent="0.2">
      <c r="A3837" s="17"/>
      <c r="B3837" s="17"/>
      <c r="C3837" s="17"/>
      <c r="D3837" s="18"/>
      <c r="E3837" s="18"/>
      <c r="F3837" s="18"/>
      <c r="G3837" s="18"/>
      <c r="H3837" s="18"/>
      <c r="I3837" s="18"/>
      <c r="J3837" s="18"/>
      <c r="K3837" s="18"/>
      <c r="L3837" s="18"/>
      <c r="M3837" s="18"/>
      <c r="N3837" s="18"/>
      <c r="O3837" s="18"/>
      <c r="P3837" s="20"/>
      <c r="Q3837" s="20"/>
      <c r="R3837" s="20"/>
      <c r="S3837" s="20"/>
      <c r="T3837" s="20"/>
      <c r="U3837" s="20"/>
      <c r="V3837" s="20"/>
      <c r="W3837" s="20"/>
      <c r="X3837" s="19"/>
      <c r="Y3837" s="19"/>
      <c r="Z3837" s="19"/>
      <c r="AA3837" s="19"/>
    </row>
    <row r="3838" spans="1:27" s="1" customFormat="1" ht="14.1" customHeight="1" outlineLevel="2" x14ac:dyDescent="0.2">
      <c r="A3838" s="17">
        <v>13651</v>
      </c>
      <c r="B3838" s="17"/>
      <c r="C3838" s="17"/>
      <c r="D3838" s="18" t="s">
        <v>1921</v>
      </c>
      <c r="E3838" s="18"/>
      <c r="F3838" s="18"/>
      <c r="G3838" s="18"/>
      <c r="H3838" s="18"/>
      <c r="I3838" s="18"/>
      <c r="J3838" s="18"/>
      <c r="K3838" s="18"/>
      <c r="L3838" s="18"/>
      <c r="M3838" s="18"/>
      <c r="N3838" s="18"/>
      <c r="O3838" s="18"/>
      <c r="P3838" s="20">
        <v>8500</v>
      </c>
      <c r="Q3838" s="20"/>
      <c r="R3838" s="20"/>
      <c r="S3838" s="20"/>
      <c r="T3838" s="20">
        <v>7800</v>
      </c>
      <c r="U3838" s="20"/>
      <c r="V3838" s="20"/>
      <c r="W3838" s="20"/>
      <c r="X3838" s="19">
        <v>2</v>
      </c>
      <c r="Y3838" s="19"/>
      <c r="Z3838" s="19"/>
      <c r="AA3838" s="19"/>
    </row>
    <row r="3839" spans="1:27" s="1" customFormat="1" ht="14.1" customHeight="1" outlineLevel="2" x14ac:dyDescent="0.2">
      <c r="A3839" s="17"/>
      <c r="B3839" s="17"/>
      <c r="C3839" s="17"/>
      <c r="D3839" s="18"/>
      <c r="E3839" s="18"/>
      <c r="F3839" s="18"/>
      <c r="G3839" s="18"/>
      <c r="H3839" s="18"/>
      <c r="I3839" s="18"/>
      <c r="J3839" s="18"/>
      <c r="K3839" s="18"/>
      <c r="L3839" s="18"/>
      <c r="M3839" s="18"/>
      <c r="N3839" s="18"/>
      <c r="O3839" s="18"/>
      <c r="P3839" s="20"/>
      <c r="Q3839" s="20"/>
      <c r="R3839" s="20"/>
      <c r="S3839" s="20"/>
      <c r="T3839" s="20"/>
      <c r="U3839" s="20"/>
      <c r="V3839" s="20"/>
      <c r="W3839" s="20"/>
      <c r="X3839" s="19"/>
      <c r="Y3839" s="19"/>
      <c r="Z3839" s="19"/>
      <c r="AA3839" s="19"/>
    </row>
    <row r="3840" spans="1:27" s="1" customFormat="1" ht="14.1" customHeight="1" outlineLevel="2" x14ac:dyDescent="0.2">
      <c r="A3840" s="17">
        <v>13649</v>
      </c>
      <c r="B3840" s="17"/>
      <c r="C3840" s="17"/>
      <c r="D3840" s="18" t="s">
        <v>1922</v>
      </c>
      <c r="E3840" s="18"/>
      <c r="F3840" s="18"/>
      <c r="G3840" s="18"/>
      <c r="H3840" s="18"/>
      <c r="I3840" s="18"/>
      <c r="J3840" s="18"/>
      <c r="K3840" s="18"/>
      <c r="L3840" s="18"/>
      <c r="M3840" s="18"/>
      <c r="N3840" s="18"/>
      <c r="O3840" s="18"/>
      <c r="P3840" s="20">
        <v>9200</v>
      </c>
      <c r="Q3840" s="20"/>
      <c r="R3840" s="20"/>
      <c r="S3840" s="20"/>
      <c r="T3840" s="20">
        <v>8500</v>
      </c>
      <c r="U3840" s="20"/>
      <c r="V3840" s="20"/>
      <c r="W3840" s="20"/>
      <c r="X3840" s="19">
        <v>1</v>
      </c>
      <c r="Y3840" s="19"/>
      <c r="Z3840" s="19"/>
      <c r="AA3840" s="19"/>
    </row>
    <row r="3841" spans="1:27" s="1" customFormat="1" ht="14.1" customHeight="1" outlineLevel="2" x14ac:dyDescent="0.2">
      <c r="A3841" s="17"/>
      <c r="B3841" s="17"/>
      <c r="C3841" s="17"/>
      <c r="D3841" s="18"/>
      <c r="E3841" s="18"/>
      <c r="F3841" s="18"/>
      <c r="G3841" s="18"/>
      <c r="H3841" s="18"/>
      <c r="I3841" s="18"/>
      <c r="J3841" s="18"/>
      <c r="K3841" s="18"/>
      <c r="L3841" s="18"/>
      <c r="M3841" s="18"/>
      <c r="N3841" s="18"/>
      <c r="O3841" s="18"/>
      <c r="P3841" s="20"/>
      <c r="Q3841" s="20"/>
      <c r="R3841" s="20"/>
      <c r="S3841" s="20"/>
      <c r="T3841" s="20"/>
      <c r="U3841" s="20"/>
      <c r="V3841" s="20"/>
      <c r="W3841" s="20"/>
      <c r="X3841" s="19"/>
      <c r="Y3841" s="19"/>
      <c r="Z3841" s="19"/>
      <c r="AA3841" s="19"/>
    </row>
    <row r="3842" spans="1:27" s="1" customFormat="1" ht="14.1" customHeight="1" outlineLevel="2" x14ac:dyDescent="0.2">
      <c r="A3842" s="17">
        <v>13653</v>
      </c>
      <c r="B3842" s="17"/>
      <c r="C3842" s="17"/>
      <c r="D3842" s="18" t="s">
        <v>1923</v>
      </c>
      <c r="E3842" s="18"/>
      <c r="F3842" s="18"/>
      <c r="G3842" s="18"/>
      <c r="H3842" s="18"/>
      <c r="I3842" s="18"/>
      <c r="J3842" s="18"/>
      <c r="K3842" s="18"/>
      <c r="L3842" s="18"/>
      <c r="M3842" s="18"/>
      <c r="N3842" s="18"/>
      <c r="O3842" s="18"/>
      <c r="P3842" s="20">
        <v>10500</v>
      </c>
      <c r="Q3842" s="20"/>
      <c r="R3842" s="20"/>
      <c r="S3842" s="20"/>
      <c r="T3842" s="20">
        <v>9700</v>
      </c>
      <c r="U3842" s="20"/>
      <c r="V3842" s="20"/>
      <c r="W3842" s="20"/>
      <c r="X3842" s="19">
        <v>1</v>
      </c>
      <c r="Y3842" s="19"/>
      <c r="Z3842" s="19"/>
      <c r="AA3842" s="19"/>
    </row>
    <row r="3843" spans="1:27" s="1" customFormat="1" ht="14.1" customHeight="1" outlineLevel="2" x14ac:dyDescent="0.2">
      <c r="A3843" s="17"/>
      <c r="B3843" s="17"/>
      <c r="C3843" s="17"/>
      <c r="D3843" s="18"/>
      <c r="E3843" s="18"/>
      <c r="F3843" s="18"/>
      <c r="G3843" s="18"/>
      <c r="H3843" s="18"/>
      <c r="I3843" s="18"/>
      <c r="J3843" s="18"/>
      <c r="K3843" s="18"/>
      <c r="L3843" s="18"/>
      <c r="M3843" s="18"/>
      <c r="N3843" s="18"/>
      <c r="O3843" s="18"/>
      <c r="P3843" s="20"/>
      <c r="Q3843" s="20"/>
      <c r="R3843" s="20"/>
      <c r="S3843" s="20"/>
      <c r="T3843" s="20"/>
      <c r="U3843" s="20"/>
      <c r="V3843" s="20"/>
      <c r="W3843" s="20"/>
      <c r="X3843" s="19"/>
      <c r="Y3843" s="19"/>
      <c r="Z3843" s="19"/>
      <c r="AA3843" s="19"/>
    </row>
    <row r="3844" spans="1:27" s="1" customFormat="1" ht="14.1" customHeight="1" outlineLevel="2" x14ac:dyDescent="0.2">
      <c r="A3844" s="17">
        <v>15010</v>
      </c>
      <c r="B3844" s="17"/>
      <c r="C3844" s="17"/>
      <c r="D3844" s="18" t="s">
        <v>1924</v>
      </c>
      <c r="E3844" s="18"/>
      <c r="F3844" s="18"/>
      <c r="G3844" s="18"/>
      <c r="H3844" s="18"/>
      <c r="I3844" s="18"/>
      <c r="J3844" s="18"/>
      <c r="K3844" s="18"/>
      <c r="L3844" s="18"/>
      <c r="M3844" s="18"/>
      <c r="N3844" s="18"/>
      <c r="O3844" s="18"/>
      <c r="P3844" s="20">
        <v>1300</v>
      </c>
      <c r="Q3844" s="20"/>
      <c r="R3844" s="20"/>
      <c r="S3844" s="20"/>
      <c r="T3844" s="20">
        <v>1200</v>
      </c>
      <c r="U3844" s="20"/>
      <c r="V3844" s="20"/>
      <c r="W3844" s="20"/>
      <c r="X3844" s="19">
        <v>1</v>
      </c>
      <c r="Y3844" s="19"/>
      <c r="Z3844" s="19"/>
      <c r="AA3844" s="19"/>
    </row>
    <row r="3845" spans="1:27" s="1" customFormat="1" ht="14.1" customHeight="1" outlineLevel="2" x14ac:dyDescent="0.2">
      <c r="A3845" s="17"/>
      <c r="B3845" s="17"/>
      <c r="C3845" s="17"/>
      <c r="D3845" s="18"/>
      <c r="E3845" s="18"/>
      <c r="F3845" s="18"/>
      <c r="G3845" s="18"/>
      <c r="H3845" s="18"/>
      <c r="I3845" s="18"/>
      <c r="J3845" s="18"/>
      <c r="K3845" s="18"/>
      <c r="L3845" s="18"/>
      <c r="M3845" s="18"/>
      <c r="N3845" s="18"/>
      <c r="O3845" s="18"/>
      <c r="P3845" s="20"/>
      <c r="Q3845" s="20"/>
      <c r="R3845" s="20"/>
      <c r="S3845" s="20"/>
      <c r="T3845" s="20"/>
      <c r="U3845" s="20"/>
      <c r="V3845" s="20"/>
      <c r="W3845" s="20"/>
      <c r="X3845" s="19"/>
      <c r="Y3845" s="19"/>
      <c r="Z3845" s="19"/>
      <c r="AA3845" s="19"/>
    </row>
    <row r="3846" spans="1:27" s="1" customFormat="1" ht="14.1" customHeight="1" outlineLevel="2" x14ac:dyDescent="0.2">
      <c r="A3846" s="17">
        <v>10133</v>
      </c>
      <c r="B3846" s="17"/>
      <c r="C3846" s="17"/>
      <c r="D3846" s="18" t="s">
        <v>1925</v>
      </c>
      <c r="E3846" s="18"/>
      <c r="F3846" s="18"/>
      <c r="G3846" s="18"/>
      <c r="H3846" s="18"/>
      <c r="I3846" s="18"/>
      <c r="J3846" s="18"/>
      <c r="K3846" s="18"/>
      <c r="L3846" s="18"/>
      <c r="M3846" s="18"/>
      <c r="N3846" s="18"/>
      <c r="O3846" s="18"/>
      <c r="P3846" s="19">
        <v>900</v>
      </c>
      <c r="Q3846" s="19"/>
      <c r="R3846" s="19"/>
      <c r="S3846" s="19"/>
      <c r="T3846" s="19">
        <v>900</v>
      </c>
      <c r="U3846" s="19"/>
      <c r="V3846" s="19"/>
      <c r="W3846" s="19"/>
      <c r="X3846" s="19">
        <v>1</v>
      </c>
      <c r="Y3846" s="19"/>
      <c r="Z3846" s="19"/>
      <c r="AA3846" s="19"/>
    </row>
    <row r="3847" spans="1:27" s="1" customFormat="1" ht="14.1" customHeight="1" outlineLevel="2" x14ac:dyDescent="0.2">
      <c r="A3847" s="17"/>
      <c r="B3847" s="17"/>
      <c r="C3847" s="17"/>
      <c r="D3847" s="18"/>
      <c r="E3847" s="18"/>
      <c r="F3847" s="18"/>
      <c r="G3847" s="18"/>
      <c r="H3847" s="18"/>
      <c r="I3847" s="18"/>
      <c r="J3847" s="18"/>
      <c r="K3847" s="18"/>
      <c r="L3847" s="18"/>
      <c r="M3847" s="18"/>
      <c r="N3847" s="18"/>
      <c r="O3847" s="18"/>
      <c r="P3847" s="19"/>
      <c r="Q3847" s="19"/>
      <c r="R3847" s="19"/>
      <c r="S3847" s="19"/>
      <c r="T3847" s="19"/>
      <c r="U3847" s="19"/>
      <c r="V3847" s="19"/>
      <c r="W3847" s="19"/>
      <c r="X3847" s="19"/>
      <c r="Y3847" s="19"/>
      <c r="Z3847" s="19"/>
      <c r="AA3847" s="19"/>
    </row>
    <row r="3848" spans="1:27" s="1" customFormat="1" ht="14.1" customHeight="1" outlineLevel="2" x14ac:dyDescent="0.2">
      <c r="A3848" s="17">
        <v>16428</v>
      </c>
      <c r="B3848" s="17"/>
      <c r="C3848" s="17"/>
      <c r="D3848" s="18" t="s">
        <v>1926</v>
      </c>
      <c r="E3848" s="18"/>
      <c r="F3848" s="18"/>
      <c r="G3848" s="18"/>
      <c r="H3848" s="18"/>
      <c r="I3848" s="18"/>
      <c r="J3848" s="18"/>
      <c r="K3848" s="18"/>
      <c r="L3848" s="18"/>
      <c r="M3848" s="18"/>
      <c r="N3848" s="18"/>
      <c r="O3848" s="18"/>
      <c r="P3848" s="20">
        <v>1900</v>
      </c>
      <c r="Q3848" s="20"/>
      <c r="R3848" s="20"/>
      <c r="S3848" s="20"/>
      <c r="T3848" s="20">
        <v>1700</v>
      </c>
      <c r="U3848" s="20"/>
      <c r="V3848" s="20"/>
      <c r="W3848" s="20"/>
      <c r="X3848" s="19">
        <v>3</v>
      </c>
      <c r="Y3848" s="19"/>
      <c r="Z3848" s="19"/>
      <c r="AA3848" s="19"/>
    </row>
    <row r="3849" spans="1:27" s="1" customFormat="1" ht="14.1" customHeight="1" outlineLevel="2" x14ac:dyDescent="0.2">
      <c r="A3849" s="17"/>
      <c r="B3849" s="17"/>
      <c r="C3849" s="17"/>
      <c r="D3849" s="18"/>
      <c r="E3849" s="18"/>
      <c r="F3849" s="18"/>
      <c r="G3849" s="18"/>
      <c r="H3849" s="18"/>
      <c r="I3849" s="18"/>
      <c r="J3849" s="18"/>
      <c r="K3849" s="18"/>
      <c r="L3849" s="18"/>
      <c r="M3849" s="18"/>
      <c r="N3849" s="18"/>
      <c r="O3849" s="18"/>
      <c r="P3849" s="20"/>
      <c r="Q3849" s="20"/>
      <c r="R3849" s="20"/>
      <c r="S3849" s="20"/>
      <c r="T3849" s="20"/>
      <c r="U3849" s="20"/>
      <c r="V3849" s="20"/>
      <c r="W3849" s="20"/>
      <c r="X3849" s="19"/>
      <c r="Y3849" s="19"/>
      <c r="Z3849" s="19"/>
      <c r="AA3849" s="19"/>
    </row>
    <row r="3850" spans="1:27" s="1" customFormat="1" ht="14.1" customHeight="1" outlineLevel="2" x14ac:dyDescent="0.2">
      <c r="A3850" s="17">
        <v>16430</v>
      </c>
      <c r="B3850" s="17"/>
      <c r="C3850" s="17"/>
      <c r="D3850" s="18" t="s">
        <v>1927</v>
      </c>
      <c r="E3850" s="18"/>
      <c r="F3850" s="18"/>
      <c r="G3850" s="18"/>
      <c r="H3850" s="18"/>
      <c r="I3850" s="18"/>
      <c r="J3850" s="18"/>
      <c r="K3850" s="18"/>
      <c r="L3850" s="18"/>
      <c r="M3850" s="18"/>
      <c r="N3850" s="18"/>
      <c r="O3850" s="18"/>
      <c r="P3850" s="20">
        <v>2200</v>
      </c>
      <c r="Q3850" s="20"/>
      <c r="R3850" s="20"/>
      <c r="S3850" s="20"/>
      <c r="T3850" s="20">
        <v>2000</v>
      </c>
      <c r="U3850" s="20"/>
      <c r="V3850" s="20"/>
      <c r="W3850" s="20"/>
      <c r="X3850" s="19">
        <v>4</v>
      </c>
      <c r="Y3850" s="19"/>
      <c r="Z3850" s="19"/>
      <c r="AA3850" s="19"/>
    </row>
    <row r="3851" spans="1:27" s="1" customFormat="1" ht="14.1" customHeight="1" outlineLevel="2" x14ac:dyDescent="0.2">
      <c r="A3851" s="17"/>
      <c r="B3851" s="17"/>
      <c r="C3851" s="17"/>
      <c r="D3851" s="18"/>
      <c r="E3851" s="18"/>
      <c r="F3851" s="18"/>
      <c r="G3851" s="18"/>
      <c r="H3851" s="18"/>
      <c r="I3851" s="18"/>
      <c r="J3851" s="18"/>
      <c r="K3851" s="18"/>
      <c r="L3851" s="18"/>
      <c r="M3851" s="18"/>
      <c r="N3851" s="18"/>
      <c r="O3851" s="18"/>
      <c r="P3851" s="20"/>
      <c r="Q3851" s="20"/>
      <c r="R3851" s="20"/>
      <c r="S3851" s="20"/>
      <c r="T3851" s="20"/>
      <c r="U3851" s="20"/>
      <c r="V3851" s="20"/>
      <c r="W3851" s="20"/>
      <c r="X3851" s="19"/>
      <c r="Y3851" s="19"/>
      <c r="Z3851" s="19"/>
      <c r="AA3851" s="19"/>
    </row>
    <row r="3852" spans="1:27" s="1" customFormat="1" ht="14.1" customHeight="1" outlineLevel="2" x14ac:dyDescent="0.2">
      <c r="A3852" s="17">
        <v>16427</v>
      </c>
      <c r="B3852" s="17"/>
      <c r="C3852" s="17"/>
      <c r="D3852" s="18" t="s">
        <v>1928</v>
      </c>
      <c r="E3852" s="18"/>
      <c r="F3852" s="18"/>
      <c r="G3852" s="18"/>
      <c r="H3852" s="18"/>
      <c r="I3852" s="18"/>
      <c r="J3852" s="18"/>
      <c r="K3852" s="18"/>
      <c r="L3852" s="18"/>
      <c r="M3852" s="18"/>
      <c r="N3852" s="18"/>
      <c r="O3852" s="18"/>
      <c r="P3852" s="20">
        <v>1900</v>
      </c>
      <c r="Q3852" s="20"/>
      <c r="R3852" s="20"/>
      <c r="S3852" s="20"/>
      <c r="T3852" s="20">
        <v>1700</v>
      </c>
      <c r="U3852" s="20"/>
      <c r="V3852" s="20"/>
      <c r="W3852" s="20"/>
      <c r="X3852" s="19">
        <v>3</v>
      </c>
      <c r="Y3852" s="19"/>
      <c r="Z3852" s="19"/>
      <c r="AA3852" s="19"/>
    </row>
    <row r="3853" spans="1:27" s="1" customFormat="1" ht="14.1" customHeight="1" outlineLevel="2" x14ac:dyDescent="0.2">
      <c r="A3853" s="17"/>
      <c r="B3853" s="17"/>
      <c r="C3853" s="17"/>
      <c r="D3853" s="18"/>
      <c r="E3853" s="18"/>
      <c r="F3853" s="18"/>
      <c r="G3853" s="18"/>
      <c r="H3853" s="18"/>
      <c r="I3853" s="18"/>
      <c r="J3853" s="18"/>
      <c r="K3853" s="18"/>
      <c r="L3853" s="18"/>
      <c r="M3853" s="18"/>
      <c r="N3853" s="18"/>
      <c r="O3853" s="18"/>
      <c r="P3853" s="20"/>
      <c r="Q3853" s="20"/>
      <c r="R3853" s="20"/>
      <c r="S3853" s="20"/>
      <c r="T3853" s="20"/>
      <c r="U3853" s="20"/>
      <c r="V3853" s="20"/>
      <c r="W3853" s="20"/>
      <c r="X3853" s="19"/>
      <c r="Y3853" s="19"/>
      <c r="Z3853" s="19"/>
      <c r="AA3853" s="19"/>
    </row>
    <row r="3854" spans="1:27" s="1" customFormat="1" ht="14.1" customHeight="1" outlineLevel="2" x14ac:dyDescent="0.2">
      <c r="A3854" s="17">
        <v>16429</v>
      </c>
      <c r="B3854" s="17"/>
      <c r="C3854" s="17"/>
      <c r="D3854" s="18" t="s">
        <v>1929</v>
      </c>
      <c r="E3854" s="18"/>
      <c r="F3854" s="18"/>
      <c r="G3854" s="18"/>
      <c r="H3854" s="18"/>
      <c r="I3854" s="18"/>
      <c r="J3854" s="18"/>
      <c r="K3854" s="18"/>
      <c r="L3854" s="18"/>
      <c r="M3854" s="18"/>
      <c r="N3854" s="18"/>
      <c r="O3854" s="18"/>
      <c r="P3854" s="20">
        <v>2200</v>
      </c>
      <c r="Q3854" s="20"/>
      <c r="R3854" s="20"/>
      <c r="S3854" s="20"/>
      <c r="T3854" s="20">
        <v>2000</v>
      </c>
      <c r="U3854" s="20"/>
      <c r="V3854" s="20"/>
      <c r="W3854" s="20"/>
      <c r="X3854" s="19">
        <v>5</v>
      </c>
      <c r="Y3854" s="19"/>
      <c r="Z3854" s="19"/>
      <c r="AA3854" s="19"/>
    </row>
    <row r="3855" spans="1:27" s="1" customFormat="1" ht="14.1" customHeight="1" outlineLevel="2" x14ac:dyDescent="0.2">
      <c r="A3855" s="17"/>
      <c r="B3855" s="17"/>
      <c r="C3855" s="17"/>
      <c r="D3855" s="18"/>
      <c r="E3855" s="18"/>
      <c r="F3855" s="18"/>
      <c r="G3855" s="18"/>
      <c r="H3855" s="18"/>
      <c r="I3855" s="18"/>
      <c r="J3855" s="18"/>
      <c r="K3855" s="18"/>
      <c r="L3855" s="18"/>
      <c r="M3855" s="18"/>
      <c r="N3855" s="18"/>
      <c r="O3855" s="18"/>
      <c r="P3855" s="20"/>
      <c r="Q3855" s="20"/>
      <c r="R3855" s="20"/>
      <c r="S3855" s="20"/>
      <c r="T3855" s="20"/>
      <c r="U3855" s="20"/>
      <c r="V3855" s="20"/>
      <c r="W3855" s="20"/>
      <c r="X3855" s="19"/>
      <c r="Y3855" s="19"/>
      <c r="Z3855" s="19"/>
      <c r="AA3855" s="19"/>
    </row>
    <row r="3856" spans="1:27" s="1" customFormat="1" ht="14.1" customHeight="1" outlineLevel="2" x14ac:dyDescent="0.2">
      <c r="A3856" s="17">
        <v>16414</v>
      </c>
      <c r="B3856" s="17"/>
      <c r="C3856" s="17"/>
      <c r="D3856" s="18" t="s">
        <v>1930</v>
      </c>
      <c r="E3856" s="18"/>
      <c r="F3856" s="18"/>
      <c r="G3856" s="18"/>
      <c r="H3856" s="18"/>
      <c r="I3856" s="18"/>
      <c r="J3856" s="18"/>
      <c r="K3856" s="18"/>
      <c r="L3856" s="18"/>
      <c r="M3856" s="18"/>
      <c r="N3856" s="18"/>
      <c r="O3856" s="18"/>
      <c r="P3856" s="20">
        <v>3700</v>
      </c>
      <c r="Q3856" s="20"/>
      <c r="R3856" s="20"/>
      <c r="S3856" s="20"/>
      <c r="T3856" s="20">
        <v>3400</v>
      </c>
      <c r="U3856" s="20"/>
      <c r="V3856" s="20"/>
      <c r="W3856" s="20"/>
      <c r="X3856" s="19">
        <v>2</v>
      </c>
      <c r="Y3856" s="19"/>
      <c r="Z3856" s="19"/>
      <c r="AA3856" s="19"/>
    </row>
    <row r="3857" spans="1:27" s="1" customFormat="1" ht="14.1" customHeight="1" outlineLevel="2" x14ac:dyDescent="0.2">
      <c r="A3857" s="17"/>
      <c r="B3857" s="17"/>
      <c r="C3857" s="17"/>
      <c r="D3857" s="18"/>
      <c r="E3857" s="18"/>
      <c r="F3857" s="18"/>
      <c r="G3857" s="18"/>
      <c r="H3857" s="18"/>
      <c r="I3857" s="18"/>
      <c r="J3857" s="18"/>
      <c r="K3857" s="18"/>
      <c r="L3857" s="18"/>
      <c r="M3857" s="18"/>
      <c r="N3857" s="18"/>
      <c r="O3857" s="18"/>
      <c r="P3857" s="20"/>
      <c r="Q3857" s="20"/>
      <c r="R3857" s="20"/>
      <c r="S3857" s="20"/>
      <c r="T3857" s="20"/>
      <c r="U3857" s="20"/>
      <c r="V3857" s="20"/>
      <c r="W3857" s="20"/>
      <c r="X3857" s="19"/>
      <c r="Y3857" s="19"/>
      <c r="Z3857" s="19"/>
      <c r="AA3857" s="19"/>
    </row>
    <row r="3858" spans="1:27" s="1" customFormat="1" ht="14.1" customHeight="1" outlineLevel="2" x14ac:dyDescent="0.2">
      <c r="A3858" s="17">
        <v>16415</v>
      </c>
      <c r="B3858" s="17"/>
      <c r="C3858" s="17"/>
      <c r="D3858" s="18" t="s">
        <v>1931</v>
      </c>
      <c r="E3858" s="18"/>
      <c r="F3858" s="18"/>
      <c r="G3858" s="18"/>
      <c r="H3858" s="18"/>
      <c r="I3858" s="18"/>
      <c r="J3858" s="18"/>
      <c r="K3858" s="18"/>
      <c r="L3858" s="18"/>
      <c r="M3858" s="18"/>
      <c r="N3858" s="18"/>
      <c r="O3858" s="18"/>
      <c r="P3858" s="20">
        <v>3700</v>
      </c>
      <c r="Q3858" s="20"/>
      <c r="R3858" s="20"/>
      <c r="S3858" s="20"/>
      <c r="T3858" s="20">
        <v>3400</v>
      </c>
      <c r="U3858" s="20"/>
      <c r="V3858" s="20"/>
      <c r="W3858" s="20"/>
      <c r="X3858" s="19">
        <v>1</v>
      </c>
      <c r="Y3858" s="19"/>
      <c r="Z3858" s="19"/>
      <c r="AA3858" s="19"/>
    </row>
    <row r="3859" spans="1:27" s="1" customFormat="1" ht="14.1" customHeight="1" outlineLevel="2" x14ac:dyDescent="0.2">
      <c r="A3859" s="17"/>
      <c r="B3859" s="17"/>
      <c r="C3859" s="17"/>
      <c r="D3859" s="18"/>
      <c r="E3859" s="18"/>
      <c r="F3859" s="18"/>
      <c r="G3859" s="18"/>
      <c r="H3859" s="18"/>
      <c r="I3859" s="18"/>
      <c r="J3859" s="18"/>
      <c r="K3859" s="18"/>
      <c r="L3859" s="18"/>
      <c r="M3859" s="18"/>
      <c r="N3859" s="18"/>
      <c r="O3859" s="18"/>
      <c r="P3859" s="20"/>
      <c r="Q3859" s="20"/>
      <c r="R3859" s="20"/>
      <c r="S3859" s="20"/>
      <c r="T3859" s="20"/>
      <c r="U3859" s="20"/>
      <c r="V3859" s="20"/>
      <c r="W3859" s="20"/>
      <c r="X3859" s="19"/>
      <c r="Y3859" s="19"/>
      <c r="Z3859" s="19"/>
      <c r="AA3859" s="19"/>
    </row>
    <row r="3860" spans="1:27" s="1" customFormat="1" ht="14.1" customHeight="1" outlineLevel="2" x14ac:dyDescent="0.2">
      <c r="A3860" s="17">
        <v>18248</v>
      </c>
      <c r="B3860" s="17"/>
      <c r="C3860" s="17"/>
      <c r="D3860" s="18" t="s">
        <v>1932</v>
      </c>
      <c r="E3860" s="18"/>
      <c r="F3860" s="18"/>
      <c r="G3860" s="18"/>
      <c r="H3860" s="18"/>
      <c r="I3860" s="18"/>
      <c r="J3860" s="18"/>
      <c r="K3860" s="18"/>
      <c r="L3860" s="18"/>
      <c r="M3860" s="18"/>
      <c r="N3860" s="18"/>
      <c r="O3860" s="18"/>
      <c r="P3860" s="20">
        <v>3500</v>
      </c>
      <c r="Q3860" s="20"/>
      <c r="R3860" s="20"/>
      <c r="S3860" s="20"/>
      <c r="T3860" s="20">
        <v>3100</v>
      </c>
      <c r="U3860" s="20"/>
      <c r="V3860" s="20"/>
      <c r="W3860" s="20"/>
      <c r="X3860" s="19">
        <v>5</v>
      </c>
      <c r="Y3860" s="19"/>
      <c r="Z3860" s="19"/>
      <c r="AA3860" s="19"/>
    </row>
    <row r="3861" spans="1:27" s="1" customFormat="1" ht="14.1" customHeight="1" outlineLevel="2" x14ac:dyDescent="0.2">
      <c r="A3861" s="17"/>
      <c r="B3861" s="17"/>
      <c r="C3861" s="17"/>
      <c r="D3861" s="18"/>
      <c r="E3861" s="18"/>
      <c r="F3861" s="18"/>
      <c r="G3861" s="18"/>
      <c r="H3861" s="18"/>
      <c r="I3861" s="18"/>
      <c r="J3861" s="18"/>
      <c r="K3861" s="18"/>
      <c r="L3861" s="18"/>
      <c r="M3861" s="18"/>
      <c r="N3861" s="18"/>
      <c r="O3861" s="18"/>
      <c r="P3861" s="20"/>
      <c r="Q3861" s="20"/>
      <c r="R3861" s="20"/>
      <c r="S3861" s="20"/>
      <c r="T3861" s="20"/>
      <c r="U3861" s="20"/>
      <c r="V3861" s="20"/>
      <c r="W3861" s="20"/>
      <c r="X3861" s="19"/>
      <c r="Y3861" s="19"/>
      <c r="Z3861" s="19"/>
      <c r="AA3861" s="19"/>
    </row>
    <row r="3862" spans="1:27" s="1" customFormat="1" ht="11.1" customHeight="1" outlineLevel="2" x14ac:dyDescent="0.2">
      <c r="A3862" s="17">
        <v>15103</v>
      </c>
      <c r="B3862" s="17"/>
      <c r="C3862" s="17"/>
      <c r="D3862" s="18" t="s">
        <v>1933</v>
      </c>
      <c r="E3862" s="18"/>
      <c r="F3862" s="18"/>
      <c r="G3862" s="18"/>
      <c r="H3862" s="18"/>
      <c r="I3862" s="18"/>
      <c r="J3862" s="18"/>
      <c r="K3862" s="18"/>
      <c r="L3862" s="18"/>
      <c r="M3862" s="18"/>
      <c r="N3862" s="18"/>
      <c r="O3862" s="18"/>
      <c r="P3862" s="19">
        <v>510</v>
      </c>
      <c r="Q3862" s="19"/>
      <c r="R3862" s="19"/>
      <c r="S3862" s="19"/>
      <c r="T3862" s="19">
        <v>450</v>
      </c>
      <c r="U3862" s="19"/>
      <c r="V3862" s="19"/>
      <c r="W3862" s="19"/>
      <c r="X3862" s="19">
        <v>1</v>
      </c>
      <c r="Y3862" s="19"/>
      <c r="Z3862" s="19"/>
      <c r="AA3862" s="19"/>
    </row>
    <row r="3863" spans="1:27" s="1" customFormat="1" ht="11.1" customHeight="1" outlineLevel="2" x14ac:dyDescent="0.2">
      <c r="A3863" s="17"/>
      <c r="B3863" s="17"/>
      <c r="C3863" s="17"/>
      <c r="D3863" s="18"/>
      <c r="E3863" s="18"/>
      <c r="F3863" s="18"/>
      <c r="G3863" s="18"/>
      <c r="H3863" s="18"/>
      <c r="I3863" s="18"/>
      <c r="J3863" s="18"/>
      <c r="K3863" s="18"/>
      <c r="L3863" s="18"/>
      <c r="M3863" s="18"/>
      <c r="N3863" s="18"/>
      <c r="O3863" s="18"/>
      <c r="P3863" s="19"/>
      <c r="Q3863" s="19"/>
      <c r="R3863" s="19"/>
      <c r="S3863" s="19"/>
      <c r="T3863" s="19"/>
      <c r="U3863" s="19"/>
      <c r="V3863" s="19"/>
      <c r="W3863" s="19"/>
      <c r="X3863" s="19"/>
      <c r="Y3863" s="19"/>
      <c r="Z3863" s="19"/>
      <c r="AA3863" s="19"/>
    </row>
    <row r="3864" spans="1:27" s="1" customFormat="1" ht="11.1" customHeight="1" outlineLevel="2" x14ac:dyDescent="0.2">
      <c r="A3864" s="17">
        <v>1274</v>
      </c>
      <c r="B3864" s="17"/>
      <c r="C3864" s="17"/>
      <c r="D3864" s="18" t="s">
        <v>1934</v>
      </c>
      <c r="E3864" s="18"/>
      <c r="F3864" s="18"/>
      <c r="G3864" s="18"/>
      <c r="H3864" s="18"/>
      <c r="I3864" s="18"/>
      <c r="J3864" s="18"/>
      <c r="K3864" s="18"/>
      <c r="L3864" s="18"/>
      <c r="M3864" s="18"/>
      <c r="N3864" s="18"/>
      <c r="O3864" s="18"/>
      <c r="P3864" s="19">
        <v>900</v>
      </c>
      <c r="Q3864" s="19"/>
      <c r="R3864" s="19"/>
      <c r="S3864" s="19"/>
      <c r="T3864" s="19">
        <v>850</v>
      </c>
      <c r="U3864" s="19"/>
      <c r="V3864" s="19"/>
      <c r="W3864" s="19"/>
      <c r="X3864" s="19">
        <v>1</v>
      </c>
      <c r="Y3864" s="19"/>
      <c r="Z3864" s="19"/>
      <c r="AA3864" s="19"/>
    </row>
    <row r="3865" spans="1:27" s="1" customFormat="1" ht="11.1" customHeight="1" outlineLevel="2" x14ac:dyDescent="0.2">
      <c r="A3865" s="17"/>
      <c r="B3865" s="17"/>
      <c r="C3865" s="17"/>
      <c r="D3865" s="18"/>
      <c r="E3865" s="18"/>
      <c r="F3865" s="18"/>
      <c r="G3865" s="18"/>
      <c r="H3865" s="18"/>
      <c r="I3865" s="18"/>
      <c r="J3865" s="18"/>
      <c r="K3865" s="18"/>
      <c r="L3865" s="18"/>
      <c r="M3865" s="18"/>
      <c r="N3865" s="18"/>
      <c r="O3865" s="18"/>
      <c r="P3865" s="19"/>
      <c r="Q3865" s="19"/>
      <c r="R3865" s="19"/>
      <c r="S3865" s="19"/>
      <c r="T3865" s="19"/>
      <c r="U3865" s="19"/>
      <c r="V3865" s="19"/>
      <c r="W3865" s="19"/>
      <c r="X3865" s="19"/>
      <c r="Y3865" s="19"/>
      <c r="Z3865" s="19"/>
      <c r="AA3865" s="19"/>
    </row>
    <row r="3866" spans="1:27" s="1" customFormat="1" ht="14.1" customHeight="1" outlineLevel="2" x14ac:dyDescent="0.2">
      <c r="A3866" s="17">
        <v>1269</v>
      </c>
      <c r="B3866" s="17"/>
      <c r="C3866" s="17"/>
      <c r="D3866" s="18" t="s">
        <v>1935</v>
      </c>
      <c r="E3866" s="18"/>
      <c r="F3866" s="18"/>
      <c r="G3866" s="18"/>
      <c r="H3866" s="18"/>
      <c r="I3866" s="18"/>
      <c r="J3866" s="18"/>
      <c r="K3866" s="18"/>
      <c r="L3866" s="18"/>
      <c r="M3866" s="18"/>
      <c r="N3866" s="18"/>
      <c r="O3866" s="18"/>
      <c r="P3866" s="20">
        <v>1300</v>
      </c>
      <c r="Q3866" s="20"/>
      <c r="R3866" s="20"/>
      <c r="S3866" s="20"/>
      <c r="T3866" s="20">
        <v>1000</v>
      </c>
      <c r="U3866" s="20"/>
      <c r="V3866" s="20"/>
      <c r="W3866" s="20"/>
      <c r="X3866" s="19">
        <v>1</v>
      </c>
      <c r="Y3866" s="19"/>
      <c r="Z3866" s="19"/>
      <c r="AA3866" s="19"/>
    </row>
    <row r="3867" spans="1:27" s="1" customFormat="1" ht="14.1" customHeight="1" outlineLevel="2" x14ac:dyDescent="0.2">
      <c r="A3867" s="17"/>
      <c r="B3867" s="17"/>
      <c r="C3867" s="17"/>
      <c r="D3867" s="18"/>
      <c r="E3867" s="18"/>
      <c r="F3867" s="18"/>
      <c r="G3867" s="18"/>
      <c r="H3867" s="18"/>
      <c r="I3867" s="18"/>
      <c r="J3867" s="18"/>
      <c r="K3867" s="18"/>
      <c r="L3867" s="18"/>
      <c r="M3867" s="18"/>
      <c r="N3867" s="18"/>
      <c r="O3867" s="18"/>
      <c r="P3867" s="20"/>
      <c r="Q3867" s="20"/>
      <c r="R3867" s="20"/>
      <c r="S3867" s="20"/>
      <c r="T3867" s="20"/>
      <c r="U3867" s="20"/>
      <c r="V3867" s="20"/>
      <c r="W3867" s="20"/>
      <c r="X3867" s="19"/>
      <c r="Y3867" s="19"/>
      <c r="Z3867" s="19"/>
      <c r="AA3867" s="19"/>
    </row>
    <row r="3868" spans="1:27" s="1" customFormat="1" ht="14.1" customHeight="1" outlineLevel="2" x14ac:dyDescent="0.2">
      <c r="A3868" s="17">
        <v>6119</v>
      </c>
      <c r="B3868" s="17"/>
      <c r="C3868" s="17"/>
      <c r="D3868" s="18" t="s">
        <v>1936</v>
      </c>
      <c r="E3868" s="18"/>
      <c r="F3868" s="18"/>
      <c r="G3868" s="18"/>
      <c r="H3868" s="18"/>
      <c r="I3868" s="18"/>
      <c r="J3868" s="18"/>
      <c r="K3868" s="18"/>
      <c r="L3868" s="18"/>
      <c r="M3868" s="18"/>
      <c r="N3868" s="18"/>
      <c r="O3868" s="18"/>
      <c r="P3868" s="20">
        <v>2500</v>
      </c>
      <c r="Q3868" s="20"/>
      <c r="R3868" s="20"/>
      <c r="S3868" s="20"/>
      <c r="T3868" s="20">
        <v>2300</v>
      </c>
      <c r="U3868" s="20"/>
      <c r="V3868" s="20"/>
      <c r="W3868" s="20"/>
      <c r="X3868" s="19">
        <v>3</v>
      </c>
      <c r="Y3868" s="19"/>
      <c r="Z3868" s="19"/>
      <c r="AA3868" s="19"/>
    </row>
    <row r="3869" spans="1:27" s="1" customFormat="1" ht="14.1" customHeight="1" outlineLevel="2" x14ac:dyDescent="0.2">
      <c r="A3869" s="17"/>
      <c r="B3869" s="17"/>
      <c r="C3869" s="17"/>
      <c r="D3869" s="18"/>
      <c r="E3869" s="18"/>
      <c r="F3869" s="18"/>
      <c r="G3869" s="18"/>
      <c r="H3869" s="18"/>
      <c r="I3869" s="18"/>
      <c r="J3869" s="18"/>
      <c r="K3869" s="18"/>
      <c r="L3869" s="18"/>
      <c r="M3869" s="18"/>
      <c r="N3869" s="18"/>
      <c r="O3869" s="18"/>
      <c r="P3869" s="20"/>
      <c r="Q3869" s="20"/>
      <c r="R3869" s="20"/>
      <c r="S3869" s="20"/>
      <c r="T3869" s="20"/>
      <c r="U3869" s="20"/>
      <c r="V3869" s="20"/>
      <c r="W3869" s="20"/>
      <c r="X3869" s="19"/>
      <c r="Y3869" s="19"/>
      <c r="Z3869" s="19"/>
      <c r="AA3869" s="19"/>
    </row>
    <row r="3870" spans="1:27" s="1" customFormat="1" ht="11.1" customHeight="1" outlineLevel="2" x14ac:dyDescent="0.2">
      <c r="A3870" s="17">
        <v>1275</v>
      </c>
      <c r="B3870" s="17"/>
      <c r="C3870" s="17"/>
      <c r="D3870" s="18" t="s">
        <v>1937</v>
      </c>
      <c r="E3870" s="18"/>
      <c r="F3870" s="18"/>
      <c r="G3870" s="18"/>
      <c r="H3870" s="18"/>
      <c r="I3870" s="18"/>
      <c r="J3870" s="18"/>
      <c r="K3870" s="18"/>
      <c r="L3870" s="18"/>
      <c r="M3870" s="18"/>
      <c r="N3870" s="18"/>
      <c r="O3870" s="18"/>
      <c r="P3870" s="20">
        <v>1690</v>
      </c>
      <c r="Q3870" s="20"/>
      <c r="R3870" s="20"/>
      <c r="S3870" s="20"/>
      <c r="T3870" s="20">
        <v>1550</v>
      </c>
      <c r="U3870" s="20"/>
      <c r="V3870" s="20"/>
      <c r="W3870" s="20"/>
      <c r="X3870" s="19">
        <v>1</v>
      </c>
      <c r="Y3870" s="19"/>
      <c r="Z3870" s="19"/>
      <c r="AA3870" s="19"/>
    </row>
    <row r="3871" spans="1:27" s="1" customFormat="1" ht="11.1" customHeight="1" outlineLevel="2" x14ac:dyDescent="0.2">
      <c r="A3871" s="17"/>
      <c r="B3871" s="17"/>
      <c r="C3871" s="17"/>
      <c r="D3871" s="18"/>
      <c r="E3871" s="18"/>
      <c r="F3871" s="18"/>
      <c r="G3871" s="18"/>
      <c r="H3871" s="18"/>
      <c r="I3871" s="18"/>
      <c r="J3871" s="18"/>
      <c r="K3871" s="18"/>
      <c r="L3871" s="18"/>
      <c r="M3871" s="18"/>
      <c r="N3871" s="18"/>
      <c r="O3871" s="18"/>
      <c r="P3871" s="20"/>
      <c r="Q3871" s="20"/>
      <c r="R3871" s="20"/>
      <c r="S3871" s="20"/>
      <c r="T3871" s="20"/>
      <c r="U3871" s="20"/>
      <c r="V3871" s="20"/>
      <c r="W3871" s="20"/>
      <c r="X3871" s="19"/>
      <c r="Y3871" s="19"/>
      <c r="Z3871" s="19"/>
      <c r="AA3871" s="19"/>
    </row>
    <row r="3872" spans="1:27" s="1" customFormat="1" ht="11.1" customHeight="1" outlineLevel="2" x14ac:dyDescent="0.2">
      <c r="A3872" s="17">
        <v>5730</v>
      </c>
      <c r="B3872" s="17"/>
      <c r="C3872" s="17"/>
      <c r="D3872" s="18" t="s">
        <v>1938</v>
      </c>
      <c r="E3872" s="18"/>
      <c r="F3872" s="18"/>
      <c r="G3872" s="18"/>
      <c r="H3872" s="18"/>
      <c r="I3872" s="18"/>
      <c r="J3872" s="18"/>
      <c r="K3872" s="18"/>
      <c r="L3872" s="18"/>
      <c r="M3872" s="18"/>
      <c r="N3872" s="18"/>
      <c r="O3872" s="18"/>
      <c r="P3872" s="19">
        <v>150</v>
      </c>
      <c r="Q3872" s="19"/>
      <c r="R3872" s="19"/>
      <c r="S3872" s="19"/>
      <c r="T3872" s="19">
        <v>120</v>
      </c>
      <c r="U3872" s="19"/>
      <c r="V3872" s="19"/>
      <c r="W3872" s="19"/>
      <c r="X3872" s="19">
        <v>1</v>
      </c>
      <c r="Y3872" s="19"/>
      <c r="Z3872" s="19"/>
      <c r="AA3872" s="19"/>
    </row>
    <row r="3873" spans="1:27" s="1" customFormat="1" ht="11.1" customHeight="1" outlineLevel="2" x14ac:dyDescent="0.2">
      <c r="A3873" s="17"/>
      <c r="B3873" s="17"/>
      <c r="C3873" s="17"/>
      <c r="D3873" s="18"/>
      <c r="E3873" s="18"/>
      <c r="F3873" s="18"/>
      <c r="G3873" s="18"/>
      <c r="H3873" s="18"/>
      <c r="I3873" s="18"/>
      <c r="J3873" s="18"/>
      <c r="K3873" s="18"/>
      <c r="L3873" s="18"/>
      <c r="M3873" s="18"/>
      <c r="N3873" s="18"/>
      <c r="O3873" s="18"/>
      <c r="P3873" s="19"/>
      <c r="Q3873" s="19"/>
      <c r="R3873" s="19"/>
      <c r="S3873" s="19"/>
      <c r="T3873" s="19"/>
      <c r="U3873" s="19"/>
      <c r="V3873" s="19"/>
      <c r="W3873" s="19"/>
      <c r="X3873" s="19"/>
      <c r="Y3873" s="19"/>
      <c r="Z3873" s="19"/>
      <c r="AA3873" s="19"/>
    </row>
    <row r="3874" spans="1:27" s="1" customFormat="1" ht="11.1" customHeight="1" outlineLevel="2" x14ac:dyDescent="0.2">
      <c r="A3874" s="17">
        <v>1283</v>
      </c>
      <c r="B3874" s="17"/>
      <c r="C3874" s="17"/>
      <c r="D3874" s="18" t="s">
        <v>1939</v>
      </c>
      <c r="E3874" s="18"/>
      <c r="F3874" s="18"/>
      <c r="G3874" s="18"/>
      <c r="H3874" s="18"/>
      <c r="I3874" s="18"/>
      <c r="J3874" s="18"/>
      <c r="K3874" s="18"/>
      <c r="L3874" s="18"/>
      <c r="M3874" s="18"/>
      <c r="N3874" s="18"/>
      <c r="O3874" s="18"/>
      <c r="P3874" s="19">
        <v>400</v>
      </c>
      <c r="Q3874" s="19"/>
      <c r="R3874" s="19"/>
      <c r="S3874" s="19"/>
      <c r="T3874" s="19">
        <v>350</v>
      </c>
      <c r="U3874" s="19"/>
      <c r="V3874" s="19"/>
      <c r="W3874" s="19"/>
      <c r="X3874" s="19">
        <v>1</v>
      </c>
      <c r="Y3874" s="19"/>
      <c r="Z3874" s="19"/>
      <c r="AA3874" s="19"/>
    </row>
    <row r="3875" spans="1:27" s="1" customFormat="1" ht="11.1" customHeight="1" outlineLevel="2" x14ac:dyDescent="0.2">
      <c r="A3875" s="17"/>
      <c r="B3875" s="17"/>
      <c r="C3875" s="17"/>
      <c r="D3875" s="18"/>
      <c r="E3875" s="18"/>
      <c r="F3875" s="18"/>
      <c r="G3875" s="18"/>
      <c r="H3875" s="18"/>
      <c r="I3875" s="18"/>
      <c r="J3875" s="18"/>
      <c r="K3875" s="18"/>
      <c r="L3875" s="18"/>
      <c r="M3875" s="18"/>
      <c r="N3875" s="18"/>
      <c r="O3875" s="18"/>
      <c r="P3875" s="19"/>
      <c r="Q3875" s="19"/>
      <c r="R3875" s="19"/>
      <c r="S3875" s="19"/>
      <c r="T3875" s="19"/>
      <c r="U3875" s="19"/>
      <c r="V3875" s="19"/>
      <c r="W3875" s="19"/>
      <c r="X3875" s="19"/>
      <c r="Y3875" s="19"/>
      <c r="Z3875" s="19"/>
      <c r="AA3875" s="19"/>
    </row>
    <row r="3876" spans="1:27" s="1" customFormat="1" ht="11.1" customHeight="1" outlineLevel="2" x14ac:dyDescent="0.2">
      <c r="A3876" s="17">
        <v>1344</v>
      </c>
      <c r="B3876" s="17"/>
      <c r="C3876" s="17"/>
      <c r="D3876" s="18" t="s">
        <v>1940</v>
      </c>
      <c r="E3876" s="18"/>
      <c r="F3876" s="18"/>
      <c r="G3876" s="18"/>
      <c r="H3876" s="18"/>
      <c r="I3876" s="18"/>
      <c r="J3876" s="18"/>
      <c r="K3876" s="18"/>
      <c r="L3876" s="18"/>
      <c r="M3876" s="18"/>
      <c r="N3876" s="18"/>
      <c r="O3876" s="18"/>
      <c r="P3876" s="19">
        <v>260</v>
      </c>
      <c r="Q3876" s="19"/>
      <c r="R3876" s="19"/>
      <c r="S3876" s="19"/>
      <c r="T3876" s="19">
        <v>220</v>
      </c>
      <c r="U3876" s="19"/>
      <c r="V3876" s="19"/>
      <c r="W3876" s="19"/>
      <c r="X3876" s="19">
        <v>2</v>
      </c>
      <c r="Y3876" s="19"/>
      <c r="Z3876" s="19"/>
      <c r="AA3876" s="19"/>
    </row>
    <row r="3877" spans="1:27" s="1" customFormat="1" ht="11.1" customHeight="1" outlineLevel="2" x14ac:dyDescent="0.2">
      <c r="A3877" s="17"/>
      <c r="B3877" s="17"/>
      <c r="C3877" s="17"/>
      <c r="D3877" s="18"/>
      <c r="E3877" s="18"/>
      <c r="F3877" s="18"/>
      <c r="G3877" s="18"/>
      <c r="H3877" s="18"/>
      <c r="I3877" s="18"/>
      <c r="J3877" s="18"/>
      <c r="K3877" s="18"/>
      <c r="L3877" s="18"/>
      <c r="M3877" s="18"/>
      <c r="N3877" s="18"/>
      <c r="O3877" s="18"/>
      <c r="P3877" s="19"/>
      <c r="Q3877" s="19"/>
      <c r="R3877" s="19"/>
      <c r="S3877" s="19"/>
      <c r="T3877" s="19"/>
      <c r="U3877" s="19"/>
      <c r="V3877" s="19"/>
      <c r="W3877" s="19"/>
      <c r="X3877" s="19"/>
      <c r="Y3877" s="19"/>
      <c r="Z3877" s="19"/>
      <c r="AA3877" s="19"/>
    </row>
    <row r="3878" spans="1:27" s="1" customFormat="1" ht="11.1" customHeight="1" outlineLevel="2" x14ac:dyDescent="0.2">
      <c r="A3878" s="17">
        <v>5729</v>
      </c>
      <c r="B3878" s="17"/>
      <c r="C3878" s="17"/>
      <c r="D3878" s="18" t="s">
        <v>1941</v>
      </c>
      <c r="E3878" s="18"/>
      <c r="F3878" s="18"/>
      <c r="G3878" s="18"/>
      <c r="H3878" s="18"/>
      <c r="I3878" s="18"/>
      <c r="J3878" s="18"/>
      <c r="K3878" s="18"/>
      <c r="L3878" s="18"/>
      <c r="M3878" s="18"/>
      <c r="N3878" s="18"/>
      <c r="O3878" s="18"/>
      <c r="P3878" s="19">
        <v>150</v>
      </c>
      <c r="Q3878" s="19"/>
      <c r="R3878" s="19"/>
      <c r="S3878" s="19"/>
      <c r="T3878" s="19">
        <v>120</v>
      </c>
      <c r="U3878" s="19"/>
      <c r="V3878" s="19"/>
      <c r="W3878" s="19"/>
      <c r="X3878" s="19">
        <v>1</v>
      </c>
      <c r="Y3878" s="19"/>
      <c r="Z3878" s="19"/>
      <c r="AA3878" s="19"/>
    </row>
    <row r="3879" spans="1:27" s="1" customFormat="1" ht="11.1" customHeight="1" outlineLevel="2" x14ac:dyDescent="0.2">
      <c r="A3879" s="17"/>
      <c r="B3879" s="17"/>
      <c r="C3879" s="17"/>
      <c r="D3879" s="18"/>
      <c r="E3879" s="18"/>
      <c r="F3879" s="18"/>
      <c r="G3879" s="18"/>
      <c r="H3879" s="18"/>
      <c r="I3879" s="18"/>
      <c r="J3879" s="18"/>
      <c r="K3879" s="18"/>
      <c r="L3879" s="18"/>
      <c r="M3879" s="18"/>
      <c r="N3879" s="18"/>
      <c r="O3879" s="18"/>
      <c r="P3879" s="19"/>
      <c r="Q3879" s="19"/>
      <c r="R3879" s="19"/>
      <c r="S3879" s="19"/>
      <c r="T3879" s="19"/>
      <c r="U3879" s="19"/>
      <c r="V3879" s="19"/>
      <c r="W3879" s="19"/>
      <c r="X3879" s="19"/>
      <c r="Y3879" s="19"/>
      <c r="Z3879" s="19"/>
      <c r="AA3879" s="19"/>
    </row>
    <row r="3880" spans="1:27" s="1" customFormat="1" ht="11.1" customHeight="1" outlineLevel="2" x14ac:dyDescent="0.2">
      <c r="A3880" s="17">
        <v>1346</v>
      </c>
      <c r="B3880" s="17"/>
      <c r="C3880" s="17"/>
      <c r="D3880" s="18" t="s">
        <v>1942</v>
      </c>
      <c r="E3880" s="18"/>
      <c r="F3880" s="18"/>
      <c r="G3880" s="18"/>
      <c r="H3880" s="18"/>
      <c r="I3880" s="18"/>
      <c r="J3880" s="18"/>
      <c r="K3880" s="18"/>
      <c r="L3880" s="18"/>
      <c r="M3880" s="18"/>
      <c r="N3880" s="18"/>
      <c r="O3880" s="18"/>
      <c r="P3880" s="19">
        <v>300</v>
      </c>
      <c r="Q3880" s="19"/>
      <c r="R3880" s="19"/>
      <c r="S3880" s="19"/>
      <c r="T3880" s="19">
        <v>250</v>
      </c>
      <c r="U3880" s="19"/>
      <c r="V3880" s="19"/>
      <c r="W3880" s="19"/>
      <c r="X3880" s="19">
        <v>1</v>
      </c>
      <c r="Y3880" s="19"/>
      <c r="Z3880" s="19"/>
      <c r="AA3880" s="19"/>
    </row>
    <row r="3881" spans="1:27" s="1" customFormat="1" ht="11.1" customHeight="1" outlineLevel="2" x14ac:dyDescent="0.2">
      <c r="A3881" s="17"/>
      <c r="B3881" s="17"/>
      <c r="C3881" s="17"/>
      <c r="D3881" s="18"/>
      <c r="E3881" s="18"/>
      <c r="F3881" s="18"/>
      <c r="G3881" s="18"/>
      <c r="H3881" s="18"/>
      <c r="I3881" s="18"/>
      <c r="J3881" s="18"/>
      <c r="K3881" s="18"/>
      <c r="L3881" s="18"/>
      <c r="M3881" s="18"/>
      <c r="N3881" s="18"/>
      <c r="O3881" s="18"/>
      <c r="P3881" s="19"/>
      <c r="Q3881" s="19"/>
      <c r="R3881" s="19"/>
      <c r="S3881" s="19"/>
      <c r="T3881" s="19"/>
      <c r="U3881" s="19"/>
      <c r="V3881" s="19"/>
      <c r="W3881" s="19"/>
      <c r="X3881" s="19"/>
      <c r="Y3881" s="19"/>
      <c r="Z3881" s="19"/>
      <c r="AA3881" s="19"/>
    </row>
    <row r="3882" spans="1:27" s="1" customFormat="1" ht="11.1" customHeight="1" outlineLevel="2" x14ac:dyDescent="0.2">
      <c r="A3882" s="17">
        <v>4562</v>
      </c>
      <c r="B3882" s="17"/>
      <c r="C3882" s="17"/>
      <c r="D3882" s="18" t="s">
        <v>1943</v>
      </c>
      <c r="E3882" s="18"/>
      <c r="F3882" s="18"/>
      <c r="G3882" s="18"/>
      <c r="H3882" s="18"/>
      <c r="I3882" s="18"/>
      <c r="J3882" s="18"/>
      <c r="K3882" s="18"/>
      <c r="L3882" s="18"/>
      <c r="M3882" s="18"/>
      <c r="N3882" s="18"/>
      <c r="O3882" s="18"/>
      <c r="P3882" s="19">
        <v>380</v>
      </c>
      <c r="Q3882" s="19"/>
      <c r="R3882" s="19"/>
      <c r="S3882" s="19"/>
      <c r="T3882" s="19">
        <v>340</v>
      </c>
      <c r="U3882" s="19"/>
      <c r="V3882" s="19"/>
      <c r="W3882" s="19"/>
      <c r="X3882" s="19">
        <v>1</v>
      </c>
      <c r="Y3882" s="19"/>
      <c r="Z3882" s="19"/>
      <c r="AA3882" s="19"/>
    </row>
    <row r="3883" spans="1:27" s="1" customFormat="1" ht="11.1" customHeight="1" outlineLevel="2" x14ac:dyDescent="0.2">
      <c r="A3883" s="17"/>
      <c r="B3883" s="17"/>
      <c r="C3883" s="17"/>
      <c r="D3883" s="18"/>
      <c r="E3883" s="18"/>
      <c r="F3883" s="18"/>
      <c r="G3883" s="18"/>
      <c r="H3883" s="18"/>
      <c r="I3883" s="18"/>
      <c r="J3883" s="18"/>
      <c r="K3883" s="18"/>
      <c r="L3883" s="18"/>
      <c r="M3883" s="18"/>
      <c r="N3883" s="18"/>
      <c r="O3883" s="18"/>
      <c r="P3883" s="19"/>
      <c r="Q3883" s="19"/>
      <c r="R3883" s="19"/>
      <c r="S3883" s="19"/>
      <c r="T3883" s="19"/>
      <c r="U3883" s="19"/>
      <c r="V3883" s="19"/>
      <c r="W3883" s="19"/>
      <c r="X3883" s="19"/>
      <c r="Y3883" s="19"/>
      <c r="Z3883" s="19"/>
      <c r="AA3883" s="19"/>
    </row>
    <row r="3884" spans="1:27" s="1" customFormat="1" ht="11.1" customHeight="1" outlineLevel="2" x14ac:dyDescent="0.2">
      <c r="A3884" s="17">
        <v>1281</v>
      </c>
      <c r="B3884" s="17"/>
      <c r="C3884" s="17"/>
      <c r="D3884" s="18" t="s">
        <v>1944</v>
      </c>
      <c r="E3884" s="18"/>
      <c r="F3884" s="18"/>
      <c r="G3884" s="18"/>
      <c r="H3884" s="18"/>
      <c r="I3884" s="18"/>
      <c r="J3884" s="18"/>
      <c r="K3884" s="18"/>
      <c r="L3884" s="18"/>
      <c r="M3884" s="18"/>
      <c r="N3884" s="18"/>
      <c r="O3884" s="18"/>
      <c r="P3884" s="19">
        <v>400</v>
      </c>
      <c r="Q3884" s="19"/>
      <c r="R3884" s="19"/>
      <c r="S3884" s="19"/>
      <c r="T3884" s="19">
        <v>350</v>
      </c>
      <c r="U3884" s="19"/>
      <c r="V3884" s="19"/>
      <c r="W3884" s="19"/>
      <c r="X3884" s="19">
        <v>1</v>
      </c>
      <c r="Y3884" s="19"/>
      <c r="Z3884" s="19"/>
      <c r="AA3884" s="19"/>
    </row>
    <row r="3885" spans="1:27" s="1" customFormat="1" ht="11.1" customHeight="1" outlineLevel="2" x14ac:dyDescent="0.2">
      <c r="A3885" s="17"/>
      <c r="B3885" s="17"/>
      <c r="C3885" s="17"/>
      <c r="D3885" s="18"/>
      <c r="E3885" s="18"/>
      <c r="F3885" s="18"/>
      <c r="G3885" s="18"/>
      <c r="H3885" s="18"/>
      <c r="I3885" s="18"/>
      <c r="J3885" s="18"/>
      <c r="K3885" s="18"/>
      <c r="L3885" s="18"/>
      <c r="M3885" s="18"/>
      <c r="N3885" s="18"/>
      <c r="O3885" s="18"/>
      <c r="P3885" s="19"/>
      <c r="Q3885" s="19"/>
      <c r="R3885" s="19"/>
      <c r="S3885" s="19"/>
      <c r="T3885" s="19"/>
      <c r="U3885" s="19"/>
      <c r="V3885" s="19"/>
      <c r="W3885" s="19"/>
      <c r="X3885" s="19"/>
      <c r="Y3885" s="19"/>
      <c r="Z3885" s="19"/>
      <c r="AA3885" s="19"/>
    </row>
    <row r="3886" spans="1:27" s="1" customFormat="1" ht="11.1" customHeight="1" outlineLevel="2" x14ac:dyDescent="0.2">
      <c r="A3886" s="17">
        <v>1280</v>
      </c>
      <c r="B3886" s="17"/>
      <c r="C3886" s="17"/>
      <c r="D3886" s="18" t="s">
        <v>1945</v>
      </c>
      <c r="E3886" s="18"/>
      <c r="F3886" s="18"/>
      <c r="G3886" s="18"/>
      <c r="H3886" s="18"/>
      <c r="I3886" s="18"/>
      <c r="J3886" s="18"/>
      <c r="K3886" s="18"/>
      <c r="L3886" s="18"/>
      <c r="M3886" s="18"/>
      <c r="N3886" s="18"/>
      <c r="O3886" s="18"/>
      <c r="P3886" s="19">
        <v>580</v>
      </c>
      <c r="Q3886" s="19"/>
      <c r="R3886" s="19"/>
      <c r="S3886" s="19"/>
      <c r="T3886" s="19">
        <v>525</v>
      </c>
      <c r="U3886" s="19"/>
      <c r="V3886" s="19"/>
      <c r="W3886" s="19"/>
      <c r="X3886" s="19">
        <v>1</v>
      </c>
      <c r="Y3886" s="19"/>
      <c r="Z3886" s="19"/>
      <c r="AA3886" s="19"/>
    </row>
    <row r="3887" spans="1:27" s="1" customFormat="1" ht="11.1" customHeight="1" outlineLevel="2" x14ac:dyDescent="0.2">
      <c r="A3887" s="17"/>
      <c r="B3887" s="17"/>
      <c r="C3887" s="17"/>
      <c r="D3887" s="18"/>
      <c r="E3887" s="18"/>
      <c r="F3887" s="18"/>
      <c r="G3887" s="18"/>
      <c r="H3887" s="18"/>
      <c r="I3887" s="18"/>
      <c r="J3887" s="18"/>
      <c r="K3887" s="18"/>
      <c r="L3887" s="18"/>
      <c r="M3887" s="18"/>
      <c r="N3887" s="18"/>
      <c r="O3887" s="18"/>
      <c r="P3887" s="19"/>
      <c r="Q3887" s="19"/>
      <c r="R3887" s="19"/>
      <c r="S3887" s="19"/>
      <c r="T3887" s="19"/>
      <c r="U3887" s="19"/>
      <c r="V3887" s="19"/>
      <c r="W3887" s="19"/>
      <c r="X3887" s="19"/>
      <c r="Y3887" s="19"/>
      <c r="Z3887" s="19"/>
      <c r="AA3887" s="19"/>
    </row>
    <row r="3888" spans="1:27" s="1" customFormat="1" ht="11.1" customHeight="1" outlineLevel="2" x14ac:dyDescent="0.2">
      <c r="A3888" s="17">
        <v>1267</v>
      </c>
      <c r="B3888" s="17"/>
      <c r="C3888" s="17"/>
      <c r="D3888" s="18" t="s">
        <v>1946</v>
      </c>
      <c r="E3888" s="18"/>
      <c r="F3888" s="18"/>
      <c r="G3888" s="18"/>
      <c r="H3888" s="18"/>
      <c r="I3888" s="18"/>
      <c r="J3888" s="18"/>
      <c r="K3888" s="18"/>
      <c r="L3888" s="18"/>
      <c r="M3888" s="18"/>
      <c r="N3888" s="18"/>
      <c r="O3888" s="18"/>
      <c r="P3888" s="20">
        <v>1100</v>
      </c>
      <c r="Q3888" s="20"/>
      <c r="R3888" s="20"/>
      <c r="S3888" s="20"/>
      <c r="T3888" s="19">
        <v>990</v>
      </c>
      <c r="U3888" s="19"/>
      <c r="V3888" s="19"/>
      <c r="W3888" s="19"/>
      <c r="X3888" s="19">
        <v>1</v>
      </c>
      <c r="Y3888" s="19"/>
      <c r="Z3888" s="19"/>
      <c r="AA3888" s="19"/>
    </row>
    <row r="3889" spans="1:27" s="1" customFormat="1" ht="11.1" customHeight="1" outlineLevel="2" x14ac:dyDescent="0.2">
      <c r="A3889" s="17"/>
      <c r="B3889" s="17"/>
      <c r="C3889" s="17"/>
      <c r="D3889" s="18"/>
      <c r="E3889" s="18"/>
      <c r="F3889" s="18"/>
      <c r="G3889" s="18"/>
      <c r="H3889" s="18"/>
      <c r="I3889" s="18"/>
      <c r="J3889" s="18"/>
      <c r="K3889" s="18"/>
      <c r="L3889" s="18"/>
      <c r="M3889" s="18"/>
      <c r="N3889" s="18"/>
      <c r="O3889" s="18"/>
      <c r="P3889" s="20"/>
      <c r="Q3889" s="20"/>
      <c r="R3889" s="20"/>
      <c r="S3889" s="20"/>
      <c r="T3889" s="19"/>
      <c r="U3889" s="19"/>
      <c r="V3889" s="19"/>
      <c r="W3889" s="19"/>
      <c r="X3889" s="19"/>
      <c r="Y3889" s="19"/>
      <c r="Z3889" s="19"/>
      <c r="AA3889" s="19"/>
    </row>
    <row r="3890" spans="1:27" s="1" customFormat="1" ht="14.1" customHeight="1" outlineLevel="2" x14ac:dyDescent="0.2">
      <c r="A3890" s="17">
        <v>14350</v>
      </c>
      <c r="B3890" s="17"/>
      <c r="C3890" s="17"/>
      <c r="D3890" s="18" t="s">
        <v>1947</v>
      </c>
      <c r="E3890" s="18"/>
      <c r="F3890" s="18"/>
      <c r="G3890" s="18"/>
      <c r="H3890" s="18"/>
      <c r="I3890" s="18"/>
      <c r="J3890" s="18"/>
      <c r="K3890" s="18"/>
      <c r="L3890" s="18"/>
      <c r="M3890" s="18"/>
      <c r="N3890" s="18"/>
      <c r="O3890" s="18"/>
      <c r="P3890" s="19">
        <v>210</v>
      </c>
      <c r="Q3890" s="19"/>
      <c r="R3890" s="19"/>
      <c r="S3890" s="19"/>
      <c r="T3890" s="19">
        <v>150</v>
      </c>
      <c r="U3890" s="19"/>
      <c r="V3890" s="19"/>
      <c r="W3890" s="19"/>
      <c r="X3890" s="19">
        <v>27</v>
      </c>
      <c r="Y3890" s="19"/>
      <c r="Z3890" s="19"/>
      <c r="AA3890" s="19"/>
    </row>
    <row r="3891" spans="1:27" s="1" customFormat="1" ht="14.1" customHeight="1" outlineLevel="2" x14ac:dyDescent="0.2">
      <c r="A3891" s="17"/>
      <c r="B3891" s="17"/>
      <c r="C3891" s="17"/>
      <c r="D3891" s="18"/>
      <c r="E3891" s="18"/>
      <c r="F3891" s="18"/>
      <c r="G3891" s="18"/>
      <c r="H3891" s="18"/>
      <c r="I3891" s="18"/>
      <c r="J3891" s="18"/>
      <c r="K3891" s="18"/>
      <c r="L3891" s="18"/>
      <c r="M3891" s="18"/>
      <c r="N3891" s="18"/>
      <c r="O3891" s="18"/>
      <c r="P3891" s="19"/>
      <c r="Q3891" s="19"/>
      <c r="R3891" s="19"/>
      <c r="S3891" s="19"/>
      <c r="T3891" s="19"/>
      <c r="U3891" s="19"/>
      <c r="V3891" s="19"/>
      <c r="W3891" s="19"/>
      <c r="X3891" s="19"/>
      <c r="Y3891" s="19"/>
      <c r="Z3891" s="19"/>
      <c r="AA3891" s="19"/>
    </row>
    <row r="3892" spans="1:27" s="1" customFormat="1" ht="14.1" customHeight="1" outlineLevel="2" x14ac:dyDescent="0.2">
      <c r="A3892" s="17">
        <v>13612</v>
      </c>
      <c r="B3892" s="17"/>
      <c r="C3892" s="17"/>
      <c r="D3892" s="18" t="s">
        <v>1948</v>
      </c>
      <c r="E3892" s="18"/>
      <c r="F3892" s="18"/>
      <c r="G3892" s="18"/>
      <c r="H3892" s="18"/>
      <c r="I3892" s="18"/>
      <c r="J3892" s="18"/>
      <c r="K3892" s="18"/>
      <c r="L3892" s="18"/>
      <c r="M3892" s="18"/>
      <c r="N3892" s="18"/>
      <c r="O3892" s="18"/>
      <c r="P3892" s="19">
        <v>220</v>
      </c>
      <c r="Q3892" s="19"/>
      <c r="R3892" s="19"/>
      <c r="S3892" s="19"/>
      <c r="T3892" s="19">
        <v>160</v>
      </c>
      <c r="U3892" s="19"/>
      <c r="V3892" s="19"/>
      <c r="W3892" s="19"/>
      <c r="X3892" s="19">
        <v>19</v>
      </c>
      <c r="Y3892" s="19"/>
      <c r="Z3892" s="19"/>
      <c r="AA3892" s="19"/>
    </row>
    <row r="3893" spans="1:27" s="1" customFormat="1" ht="14.1" customHeight="1" outlineLevel="2" x14ac:dyDescent="0.2">
      <c r="A3893" s="17"/>
      <c r="B3893" s="17"/>
      <c r="C3893" s="17"/>
      <c r="D3893" s="18"/>
      <c r="E3893" s="18"/>
      <c r="F3893" s="18"/>
      <c r="G3893" s="18"/>
      <c r="H3893" s="18"/>
      <c r="I3893" s="18"/>
      <c r="J3893" s="18"/>
      <c r="K3893" s="18"/>
      <c r="L3893" s="18"/>
      <c r="M3893" s="18"/>
      <c r="N3893" s="18"/>
      <c r="O3893" s="18"/>
      <c r="P3893" s="19"/>
      <c r="Q3893" s="19"/>
      <c r="R3893" s="19"/>
      <c r="S3893" s="19"/>
      <c r="T3893" s="19"/>
      <c r="U3893" s="19"/>
      <c r="V3893" s="19"/>
      <c r="W3893" s="19"/>
      <c r="X3893" s="19"/>
      <c r="Y3893" s="19"/>
      <c r="Z3893" s="19"/>
      <c r="AA3893" s="19"/>
    </row>
    <row r="3894" spans="1:27" s="1" customFormat="1" ht="14.1" customHeight="1" outlineLevel="2" x14ac:dyDescent="0.2">
      <c r="A3894" s="17">
        <v>13614</v>
      </c>
      <c r="B3894" s="17"/>
      <c r="C3894" s="17"/>
      <c r="D3894" s="18" t="s">
        <v>1949</v>
      </c>
      <c r="E3894" s="18"/>
      <c r="F3894" s="18"/>
      <c r="G3894" s="18"/>
      <c r="H3894" s="18"/>
      <c r="I3894" s="18"/>
      <c r="J3894" s="18"/>
      <c r="K3894" s="18"/>
      <c r="L3894" s="18"/>
      <c r="M3894" s="18"/>
      <c r="N3894" s="18"/>
      <c r="O3894" s="18"/>
      <c r="P3894" s="19">
        <v>220</v>
      </c>
      <c r="Q3894" s="19"/>
      <c r="R3894" s="19"/>
      <c r="S3894" s="19"/>
      <c r="T3894" s="19">
        <v>160</v>
      </c>
      <c r="U3894" s="19"/>
      <c r="V3894" s="19"/>
      <c r="W3894" s="19"/>
      <c r="X3894" s="19">
        <v>19</v>
      </c>
      <c r="Y3894" s="19"/>
      <c r="Z3894" s="19"/>
      <c r="AA3894" s="19"/>
    </row>
    <row r="3895" spans="1:27" s="1" customFormat="1" ht="14.1" customHeight="1" outlineLevel="2" x14ac:dyDescent="0.2">
      <c r="A3895" s="17"/>
      <c r="B3895" s="17"/>
      <c r="C3895" s="17"/>
      <c r="D3895" s="18"/>
      <c r="E3895" s="18"/>
      <c r="F3895" s="18"/>
      <c r="G3895" s="18"/>
      <c r="H3895" s="18"/>
      <c r="I3895" s="18"/>
      <c r="J3895" s="18"/>
      <c r="K3895" s="18"/>
      <c r="L3895" s="18"/>
      <c r="M3895" s="18"/>
      <c r="N3895" s="18"/>
      <c r="O3895" s="18"/>
      <c r="P3895" s="19"/>
      <c r="Q3895" s="19"/>
      <c r="R3895" s="19"/>
      <c r="S3895" s="19"/>
      <c r="T3895" s="19"/>
      <c r="U3895" s="19"/>
      <c r="V3895" s="19"/>
      <c r="W3895" s="19"/>
      <c r="X3895" s="19"/>
      <c r="Y3895" s="19"/>
      <c r="Z3895" s="19"/>
      <c r="AA3895" s="19"/>
    </row>
    <row r="3896" spans="1:27" s="1" customFormat="1" ht="14.1" customHeight="1" outlineLevel="2" x14ac:dyDescent="0.2">
      <c r="A3896" s="17">
        <v>13613</v>
      </c>
      <c r="B3896" s="17"/>
      <c r="C3896" s="17"/>
      <c r="D3896" s="18" t="s">
        <v>1950</v>
      </c>
      <c r="E3896" s="18"/>
      <c r="F3896" s="18"/>
      <c r="G3896" s="18"/>
      <c r="H3896" s="18"/>
      <c r="I3896" s="18"/>
      <c r="J3896" s="18"/>
      <c r="K3896" s="18"/>
      <c r="L3896" s="18"/>
      <c r="M3896" s="18"/>
      <c r="N3896" s="18"/>
      <c r="O3896" s="18"/>
      <c r="P3896" s="19">
        <v>220</v>
      </c>
      <c r="Q3896" s="19"/>
      <c r="R3896" s="19"/>
      <c r="S3896" s="19"/>
      <c r="T3896" s="19">
        <v>160</v>
      </c>
      <c r="U3896" s="19"/>
      <c r="V3896" s="19"/>
      <c r="W3896" s="19"/>
      <c r="X3896" s="19">
        <v>20</v>
      </c>
      <c r="Y3896" s="19"/>
      <c r="Z3896" s="19"/>
      <c r="AA3896" s="19"/>
    </row>
    <row r="3897" spans="1:27" s="1" customFormat="1" ht="14.1" customHeight="1" outlineLevel="2" x14ac:dyDescent="0.2">
      <c r="A3897" s="17"/>
      <c r="B3897" s="17"/>
      <c r="C3897" s="17"/>
      <c r="D3897" s="18"/>
      <c r="E3897" s="18"/>
      <c r="F3897" s="18"/>
      <c r="G3897" s="18"/>
      <c r="H3897" s="18"/>
      <c r="I3897" s="18"/>
      <c r="J3897" s="18"/>
      <c r="K3897" s="18"/>
      <c r="L3897" s="18"/>
      <c r="M3897" s="18"/>
      <c r="N3897" s="18"/>
      <c r="O3897" s="18"/>
      <c r="P3897" s="19"/>
      <c r="Q3897" s="19"/>
      <c r="R3897" s="19"/>
      <c r="S3897" s="19"/>
      <c r="T3897" s="19"/>
      <c r="U3897" s="19"/>
      <c r="V3897" s="19"/>
      <c r="W3897" s="19"/>
      <c r="X3897" s="19"/>
      <c r="Y3897" s="19"/>
      <c r="Z3897" s="19"/>
      <c r="AA3897" s="19"/>
    </row>
    <row r="3898" spans="1:27" s="1" customFormat="1" ht="14.1" customHeight="1" outlineLevel="2" x14ac:dyDescent="0.2">
      <c r="A3898" s="17">
        <v>11092</v>
      </c>
      <c r="B3898" s="17"/>
      <c r="C3898" s="17"/>
      <c r="D3898" s="18" t="s">
        <v>1951</v>
      </c>
      <c r="E3898" s="18"/>
      <c r="F3898" s="18"/>
      <c r="G3898" s="18"/>
      <c r="H3898" s="18"/>
      <c r="I3898" s="18"/>
      <c r="J3898" s="18"/>
      <c r="K3898" s="18"/>
      <c r="L3898" s="18"/>
      <c r="M3898" s="18"/>
      <c r="N3898" s="18"/>
      <c r="O3898" s="18"/>
      <c r="P3898" s="19">
        <v>70</v>
      </c>
      <c r="Q3898" s="19"/>
      <c r="R3898" s="19"/>
      <c r="S3898" s="19"/>
      <c r="T3898" s="19">
        <v>50</v>
      </c>
      <c r="U3898" s="19"/>
      <c r="V3898" s="19"/>
      <c r="W3898" s="19"/>
      <c r="X3898" s="19">
        <v>3</v>
      </c>
      <c r="Y3898" s="19"/>
      <c r="Z3898" s="19"/>
      <c r="AA3898" s="19"/>
    </row>
    <row r="3899" spans="1:27" s="1" customFormat="1" ht="14.1" customHeight="1" outlineLevel="2" x14ac:dyDescent="0.2">
      <c r="A3899" s="17"/>
      <c r="B3899" s="17"/>
      <c r="C3899" s="17"/>
      <c r="D3899" s="18"/>
      <c r="E3899" s="18"/>
      <c r="F3899" s="18"/>
      <c r="G3899" s="18"/>
      <c r="H3899" s="18"/>
      <c r="I3899" s="18"/>
      <c r="J3899" s="18"/>
      <c r="K3899" s="18"/>
      <c r="L3899" s="18"/>
      <c r="M3899" s="18"/>
      <c r="N3899" s="18"/>
      <c r="O3899" s="18"/>
      <c r="P3899" s="19"/>
      <c r="Q3899" s="19"/>
      <c r="R3899" s="19"/>
      <c r="S3899" s="19"/>
      <c r="T3899" s="19"/>
      <c r="U3899" s="19"/>
      <c r="V3899" s="19"/>
      <c r="W3899" s="19"/>
      <c r="X3899" s="19"/>
      <c r="Y3899" s="19"/>
      <c r="Z3899" s="19"/>
      <c r="AA3899" s="19"/>
    </row>
    <row r="3900" spans="1:27" s="1" customFormat="1" ht="14.1" customHeight="1" outlineLevel="2" x14ac:dyDescent="0.2">
      <c r="A3900" s="17">
        <v>12548</v>
      </c>
      <c r="B3900" s="17"/>
      <c r="C3900" s="17"/>
      <c r="D3900" s="18" t="s">
        <v>1952</v>
      </c>
      <c r="E3900" s="18"/>
      <c r="F3900" s="18"/>
      <c r="G3900" s="18"/>
      <c r="H3900" s="18"/>
      <c r="I3900" s="18"/>
      <c r="J3900" s="18"/>
      <c r="K3900" s="18"/>
      <c r="L3900" s="18"/>
      <c r="M3900" s="18"/>
      <c r="N3900" s="18"/>
      <c r="O3900" s="18"/>
      <c r="P3900" s="19">
        <v>70</v>
      </c>
      <c r="Q3900" s="19"/>
      <c r="R3900" s="19"/>
      <c r="S3900" s="19"/>
      <c r="T3900" s="19">
        <v>50</v>
      </c>
      <c r="U3900" s="19"/>
      <c r="V3900" s="19"/>
      <c r="W3900" s="19"/>
      <c r="X3900" s="19">
        <v>5</v>
      </c>
      <c r="Y3900" s="19"/>
      <c r="Z3900" s="19"/>
      <c r="AA3900" s="19"/>
    </row>
    <row r="3901" spans="1:27" s="1" customFormat="1" ht="14.1" customHeight="1" outlineLevel="2" x14ac:dyDescent="0.2">
      <c r="A3901" s="17"/>
      <c r="B3901" s="17"/>
      <c r="C3901" s="17"/>
      <c r="D3901" s="18"/>
      <c r="E3901" s="18"/>
      <c r="F3901" s="18"/>
      <c r="G3901" s="18"/>
      <c r="H3901" s="18"/>
      <c r="I3901" s="18"/>
      <c r="J3901" s="18"/>
      <c r="K3901" s="18"/>
      <c r="L3901" s="18"/>
      <c r="M3901" s="18"/>
      <c r="N3901" s="18"/>
      <c r="O3901" s="18"/>
      <c r="P3901" s="19"/>
      <c r="Q3901" s="19"/>
      <c r="R3901" s="19"/>
      <c r="S3901" s="19"/>
      <c r="T3901" s="19"/>
      <c r="U3901" s="19"/>
      <c r="V3901" s="19"/>
      <c r="W3901" s="19"/>
      <c r="X3901" s="19"/>
      <c r="Y3901" s="19"/>
      <c r="Z3901" s="19"/>
      <c r="AA3901" s="19"/>
    </row>
    <row r="3902" spans="1:27" s="1" customFormat="1" ht="14.1" customHeight="1" outlineLevel="2" x14ac:dyDescent="0.2">
      <c r="A3902" s="17">
        <v>12547</v>
      </c>
      <c r="B3902" s="17"/>
      <c r="C3902" s="17"/>
      <c r="D3902" s="18" t="s">
        <v>1953</v>
      </c>
      <c r="E3902" s="18"/>
      <c r="F3902" s="18"/>
      <c r="G3902" s="18"/>
      <c r="H3902" s="18"/>
      <c r="I3902" s="18"/>
      <c r="J3902" s="18"/>
      <c r="K3902" s="18"/>
      <c r="L3902" s="18"/>
      <c r="M3902" s="18"/>
      <c r="N3902" s="18"/>
      <c r="O3902" s="18"/>
      <c r="P3902" s="19">
        <v>70</v>
      </c>
      <c r="Q3902" s="19"/>
      <c r="R3902" s="19"/>
      <c r="S3902" s="19"/>
      <c r="T3902" s="19">
        <v>50</v>
      </c>
      <c r="U3902" s="19"/>
      <c r="V3902" s="19"/>
      <c r="W3902" s="19"/>
      <c r="X3902" s="19">
        <v>5</v>
      </c>
      <c r="Y3902" s="19"/>
      <c r="Z3902" s="19"/>
      <c r="AA3902" s="19"/>
    </row>
    <row r="3903" spans="1:27" s="1" customFormat="1" ht="14.1" customHeight="1" outlineLevel="2" x14ac:dyDescent="0.2">
      <c r="A3903" s="17"/>
      <c r="B3903" s="17"/>
      <c r="C3903" s="17"/>
      <c r="D3903" s="18"/>
      <c r="E3903" s="18"/>
      <c r="F3903" s="18"/>
      <c r="G3903" s="18"/>
      <c r="H3903" s="18"/>
      <c r="I3903" s="18"/>
      <c r="J3903" s="18"/>
      <c r="K3903" s="18"/>
      <c r="L3903" s="18"/>
      <c r="M3903" s="18"/>
      <c r="N3903" s="18"/>
      <c r="O3903" s="18"/>
      <c r="P3903" s="19"/>
      <c r="Q3903" s="19"/>
      <c r="R3903" s="19"/>
      <c r="S3903" s="19"/>
      <c r="T3903" s="19"/>
      <c r="U3903" s="19"/>
      <c r="V3903" s="19"/>
      <c r="W3903" s="19"/>
      <c r="X3903" s="19"/>
      <c r="Y3903" s="19"/>
      <c r="Z3903" s="19"/>
      <c r="AA3903" s="19"/>
    </row>
    <row r="3904" spans="1:27" s="1" customFormat="1" ht="11.1" customHeight="1" outlineLevel="2" x14ac:dyDescent="0.2">
      <c r="A3904" s="17">
        <v>6992</v>
      </c>
      <c r="B3904" s="17"/>
      <c r="C3904" s="17"/>
      <c r="D3904" s="18" t="s">
        <v>1954</v>
      </c>
      <c r="E3904" s="18"/>
      <c r="F3904" s="18"/>
      <c r="G3904" s="18"/>
      <c r="H3904" s="18"/>
      <c r="I3904" s="18"/>
      <c r="J3904" s="18"/>
      <c r="K3904" s="18"/>
      <c r="L3904" s="18"/>
      <c r="M3904" s="18"/>
      <c r="N3904" s="18"/>
      <c r="O3904" s="18"/>
      <c r="P3904" s="19">
        <v>10</v>
      </c>
      <c r="Q3904" s="19"/>
      <c r="R3904" s="19"/>
      <c r="S3904" s="19"/>
      <c r="T3904" s="19">
        <v>8</v>
      </c>
      <c r="U3904" s="19"/>
      <c r="V3904" s="19"/>
      <c r="W3904" s="19"/>
      <c r="X3904" s="19">
        <v>1</v>
      </c>
      <c r="Y3904" s="19"/>
      <c r="Z3904" s="19"/>
      <c r="AA3904" s="19"/>
    </row>
    <row r="3905" spans="1:27" s="1" customFormat="1" ht="11.1" customHeight="1" outlineLevel="2" x14ac:dyDescent="0.2">
      <c r="A3905" s="17"/>
      <c r="B3905" s="17"/>
      <c r="C3905" s="17"/>
      <c r="D3905" s="18"/>
      <c r="E3905" s="18"/>
      <c r="F3905" s="18"/>
      <c r="G3905" s="18"/>
      <c r="H3905" s="18"/>
      <c r="I3905" s="18"/>
      <c r="J3905" s="18"/>
      <c r="K3905" s="18"/>
      <c r="L3905" s="18"/>
      <c r="M3905" s="18"/>
      <c r="N3905" s="18"/>
      <c r="O3905" s="18"/>
      <c r="P3905" s="19"/>
      <c r="Q3905" s="19"/>
      <c r="R3905" s="19"/>
      <c r="S3905" s="19"/>
      <c r="T3905" s="19"/>
      <c r="U3905" s="19"/>
      <c r="V3905" s="19"/>
      <c r="W3905" s="19"/>
      <c r="X3905" s="19"/>
      <c r="Y3905" s="19"/>
      <c r="Z3905" s="19"/>
      <c r="AA3905" s="19"/>
    </row>
    <row r="3906" spans="1:27" s="1" customFormat="1" ht="11.1" customHeight="1" outlineLevel="1" x14ac:dyDescent="0.2">
      <c r="A3906" s="16" t="s">
        <v>1295</v>
      </c>
      <c r="B3906" s="16"/>
      <c r="C3906" s="16"/>
      <c r="D3906" s="16"/>
      <c r="E3906" s="16"/>
      <c r="F3906" s="16"/>
      <c r="G3906" s="16"/>
      <c r="H3906" s="16"/>
      <c r="I3906" s="16"/>
      <c r="J3906" s="16"/>
      <c r="K3906" s="16"/>
      <c r="L3906" s="16"/>
      <c r="M3906" s="16"/>
      <c r="N3906" s="16"/>
      <c r="O3906" s="16"/>
      <c r="P3906" s="16"/>
      <c r="Q3906" s="16"/>
      <c r="R3906" s="16"/>
      <c r="S3906" s="16"/>
      <c r="T3906" s="16"/>
      <c r="U3906" s="16"/>
      <c r="V3906" s="16"/>
      <c r="W3906" s="16"/>
      <c r="X3906" s="16"/>
      <c r="Y3906" s="16"/>
      <c r="Z3906" s="16"/>
      <c r="AA3906" s="16"/>
    </row>
    <row r="3907" spans="1:27" s="1" customFormat="1" ht="11.1" customHeight="1" outlineLevel="1" x14ac:dyDescent="0.2">
      <c r="A3907" s="16"/>
      <c r="B3907" s="16"/>
      <c r="C3907" s="16"/>
      <c r="D3907" s="16"/>
      <c r="E3907" s="16"/>
      <c r="F3907" s="16"/>
      <c r="G3907" s="16"/>
      <c r="H3907" s="16"/>
      <c r="I3907" s="16"/>
      <c r="J3907" s="16"/>
      <c r="K3907" s="16"/>
      <c r="L3907" s="16"/>
      <c r="M3907" s="16"/>
      <c r="N3907" s="16"/>
      <c r="O3907" s="16"/>
      <c r="P3907" s="16"/>
      <c r="Q3907" s="16"/>
      <c r="R3907" s="16"/>
      <c r="S3907" s="16"/>
      <c r="T3907" s="16"/>
      <c r="U3907" s="16"/>
      <c r="V3907" s="16"/>
      <c r="W3907" s="16"/>
      <c r="X3907" s="16"/>
      <c r="Y3907" s="16"/>
      <c r="Z3907" s="16"/>
      <c r="AA3907" s="16"/>
    </row>
    <row r="3908" spans="1:27" s="1" customFormat="1" ht="11.1" customHeight="1" outlineLevel="2" x14ac:dyDescent="0.2">
      <c r="A3908" s="17">
        <v>1611</v>
      </c>
      <c r="B3908" s="17"/>
      <c r="C3908" s="17"/>
      <c r="D3908" s="18" t="s">
        <v>1955</v>
      </c>
      <c r="E3908" s="18"/>
      <c r="F3908" s="18"/>
      <c r="G3908" s="18"/>
      <c r="H3908" s="18"/>
      <c r="I3908" s="18"/>
      <c r="J3908" s="18"/>
      <c r="K3908" s="18"/>
      <c r="L3908" s="18"/>
      <c r="M3908" s="18"/>
      <c r="N3908" s="18"/>
      <c r="O3908" s="18"/>
      <c r="P3908" s="19">
        <v>50</v>
      </c>
      <c r="Q3908" s="19"/>
      <c r="R3908" s="19"/>
      <c r="S3908" s="19"/>
      <c r="T3908" s="19">
        <v>30</v>
      </c>
      <c r="U3908" s="19"/>
      <c r="V3908" s="19"/>
      <c r="W3908" s="19"/>
      <c r="X3908" s="19">
        <v>3</v>
      </c>
      <c r="Y3908" s="19"/>
      <c r="Z3908" s="19"/>
      <c r="AA3908" s="19"/>
    </row>
    <row r="3909" spans="1:27" s="1" customFormat="1" ht="11.1" customHeight="1" outlineLevel="2" x14ac:dyDescent="0.2">
      <c r="A3909" s="17"/>
      <c r="B3909" s="17"/>
      <c r="C3909" s="17"/>
      <c r="D3909" s="18"/>
      <c r="E3909" s="18"/>
      <c r="F3909" s="18"/>
      <c r="G3909" s="18"/>
      <c r="H3909" s="18"/>
      <c r="I3909" s="18"/>
      <c r="J3909" s="18"/>
      <c r="K3909" s="18"/>
      <c r="L3909" s="18"/>
      <c r="M3909" s="18"/>
      <c r="N3909" s="18"/>
      <c r="O3909" s="18"/>
      <c r="P3909" s="19"/>
      <c r="Q3909" s="19"/>
      <c r="R3909" s="19"/>
      <c r="S3909" s="19"/>
      <c r="T3909" s="19"/>
      <c r="U3909" s="19"/>
      <c r="V3909" s="19"/>
      <c r="W3909" s="19"/>
      <c r="X3909" s="19"/>
      <c r="Y3909" s="19"/>
      <c r="Z3909" s="19"/>
      <c r="AA3909" s="19"/>
    </row>
    <row r="3910" spans="1:27" s="1" customFormat="1" ht="14.1" customHeight="1" outlineLevel="2" x14ac:dyDescent="0.2">
      <c r="A3910" s="17">
        <v>1612</v>
      </c>
      <c r="B3910" s="17"/>
      <c r="C3910" s="17"/>
      <c r="D3910" s="18" t="s">
        <v>1956</v>
      </c>
      <c r="E3910" s="18"/>
      <c r="F3910" s="18"/>
      <c r="G3910" s="18"/>
      <c r="H3910" s="18"/>
      <c r="I3910" s="18"/>
      <c r="J3910" s="18"/>
      <c r="K3910" s="18"/>
      <c r="L3910" s="18"/>
      <c r="M3910" s="18"/>
      <c r="N3910" s="18"/>
      <c r="O3910" s="18"/>
      <c r="P3910" s="19">
        <v>50</v>
      </c>
      <c r="Q3910" s="19"/>
      <c r="R3910" s="19"/>
      <c r="S3910" s="19"/>
      <c r="T3910" s="19">
        <v>30</v>
      </c>
      <c r="U3910" s="19"/>
      <c r="V3910" s="19"/>
      <c r="W3910" s="19"/>
      <c r="X3910" s="19">
        <v>3</v>
      </c>
      <c r="Y3910" s="19"/>
      <c r="Z3910" s="19"/>
      <c r="AA3910" s="19"/>
    </row>
    <row r="3911" spans="1:27" s="1" customFormat="1" ht="14.1" customHeight="1" outlineLevel="2" x14ac:dyDescent="0.2">
      <c r="A3911" s="17"/>
      <c r="B3911" s="17"/>
      <c r="C3911" s="17"/>
      <c r="D3911" s="18"/>
      <c r="E3911" s="18"/>
      <c r="F3911" s="18"/>
      <c r="G3911" s="18"/>
      <c r="H3911" s="18"/>
      <c r="I3911" s="18"/>
      <c r="J3911" s="18"/>
      <c r="K3911" s="18"/>
      <c r="L3911" s="18"/>
      <c r="M3911" s="18"/>
      <c r="N3911" s="18"/>
      <c r="O3911" s="18"/>
      <c r="P3911" s="19"/>
      <c r="Q3911" s="19"/>
      <c r="R3911" s="19"/>
      <c r="S3911" s="19"/>
      <c r="T3911" s="19"/>
      <c r="U3911" s="19"/>
      <c r="V3911" s="19"/>
      <c r="W3911" s="19"/>
      <c r="X3911" s="19"/>
      <c r="Y3911" s="19"/>
      <c r="Z3911" s="19"/>
      <c r="AA3911" s="19"/>
    </row>
    <row r="3912" spans="1:27" s="1" customFormat="1" ht="11.1" customHeight="1" outlineLevel="2" x14ac:dyDescent="0.2">
      <c r="A3912" s="17">
        <v>1614</v>
      </c>
      <c r="B3912" s="17"/>
      <c r="C3912" s="17"/>
      <c r="D3912" s="18" t="s">
        <v>1957</v>
      </c>
      <c r="E3912" s="18"/>
      <c r="F3912" s="18"/>
      <c r="G3912" s="18"/>
      <c r="H3912" s="18"/>
      <c r="I3912" s="18"/>
      <c r="J3912" s="18"/>
      <c r="K3912" s="18"/>
      <c r="L3912" s="18"/>
      <c r="M3912" s="18"/>
      <c r="N3912" s="18"/>
      <c r="O3912" s="18"/>
      <c r="P3912" s="19">
        <v>50</v>
      </c>
      <c r="Q3912" s="19"/>
      <c r="R3912" s="19"/>
      <c r="S3912" s="19"/>
      <c r="T3912" s="19">
        <v>30</v>
      </c>
      <c r="U3912" s="19"/>
      <c r="V3912" s="19"/>
      <c r="W3912" s="19"/>
      <c r="X3912" s="19">
        <v>2</v>
      </c>
      <c r="Y3912" s="19"/>
      <c r="Z3912" s="19"/>
      <c r="AA3912" s="19"/>
    </row>
    <row r="3913" spans="1:27" s="1" customFormat="1" ht="11.1" customHeight="1" outlineLevel="2" x14ac:dyDescent="0.2">
      <c r="A3913" s="17"/>
      <c r="B3913" s="17"/>
      <c r="C3913" s="17"/>
      <c r="D3913" s="18"/>
      <c r="E3913" s="18"/>
      <c r="F3913" s="18"/>
      <c r="G3913" s="18"/>
      <c r="H3913" s="18"/>
      <c r="I3913" s="18"/>
      <c r="J3913" s="18"/>
      <c r="K3913" s="18"/>
      <c r="L3913" s="18"/>
      <c r="M3913" s="18"/>
      <c r="N3913" s="18"/>
      <c r="O3913" s="18"/>
      <c r="P3913" s="19"/>
      <c r="Q3913" s="19"/>
      <c r="R3913" s="19"/>
      <c r="S3913" s="19"/>
      <c r="T3913" s="19"/>
      <c r="U3913" s="19"/>
      <c r="V3913" s="19"/>
      <c r="W3913" s="19"/>
      <c r="X3913" s="19"/>
      <c r="Y3913" s="19"/>
      <c r="Z3913" s="19"/>
      <c r="AA3913" s="19"/>
    </row>
    <row r="3914" spans="1:27" s="1" customFormat="1" ht="14.1" customHeight="1" outlineLevel="2" x14ac:dyDescent="0.2">
      <c r="A3914" s="17">
        <v>1617</v>
      </c>
      <c r="B3914" s="17"/>
      <c r="C3914" s="17"/>
      <c r="D3914" s="18" t="s">
        <v>1958</v>
      </c>
      <c r="E3914" s="18"/>
      <c r="F3914" s="18"/>
      <c r="G3914" s="18"/>
      <c r="H3914" s="18"/>
      <c r="I3914" s="18"/>
      <c r="J3914" s="18"/>
      <c r="K3914" s="18"/>
      <c r="L3914" s="18"/>
      <c r="M3914" s="18"/>
      <c r="N3914" s="18"/>
      <c r="O3914" s="18"/>
      <c r="P3914" s="19">
        <v>50</v>
      </c>
      <c r="Q3914" s="19"/>
      <c r="R3914" s="19"/>
      <c r="S3914" s="19"/>
      <c r="T3914" s="19">
        <v>30</v>
      </c>
      <c r="U3914" s="19"/>
      <c r="V3914" s="19"/>
      <c r="W3914" s="19"/>
      <c r="X3914" s="19">
        <v>2</v>
      </c>
      <c r="Y3914" s="19"/>
      <c r="Z3914" s="19"/>
      <c r="AA3914" s="19"/>
    </row>
    <row r="3915" spans="1:27" s="1" customFormat="1" ht="14.1" customHeight="1" outlineLevel="2" x14ac:dyDescent="0.2">
      <c r="A3915" s="17"/>
      <c r="B3915" s="17"/>
      <c r="C3915" s="17"/>
      <c r="D3915" s="18"/>
      <c r="E3915" s="18"/>
      <c r="F3915" s="18"/>
      <c r="G3915" s="18"/>
      <c r="H3915" s="18"/>
      <c r="I3915" s="18"/>
      <c r="J3915" s="18"/>
      <c r="K3915" s="18"/>
      <c r="L3915" s="18"/>
      <c r="M3915" s="18"/>
      <c r="N3915" s="18"/>
      <c r="O3915" s="18"/>
      <c r="P3915" s="19"/>
      <c r="Q3915" s="19"/>
      <c r="R3915" s="19"/>
      <c r="S3915" s="19"/>
      <c r="T3915" s="19"/>
      <c r="U3915" s="19"/>
      <c r="V3915" s="19"/>
      <c r="W3915" s="19"/>
      <c r="X3915" s="19"/>
      <c r="Y3915" s="19"/>
      <c r="Z3915" s="19"/>
      <c r="AA3915" s="19"/>
    </row>
    <row r="3916" spans="1:27" s="1" customFormat="1" ht="14.1" customHeight="1" outlineLevel="2" x14ac:dyDescent="0.2">
      <c r="A3916" s="17">
        <v>1615</v>
      </c>
      <c r="B3916" s="17"/>
      <c r="C3916" s="17"/>
      <c r="D3916" s="18" t="s">
        <v>1959</v>
      </c>
      <c r="E3916" s="18"/>
      <c r="F3916" s="18"/>
      <c r="G3916" s="18"/>
      <c r="H3916" s="18"/>
      <c r="I3916" s="18"/>
      <c r="J3916" s="18"/>
      <c r="K3916" s="18"/>
      <c r="L3916" s="18"/>
      <c r="M3916" s="18"/>
      <c r="N3916" s="18"/>
      <c r="O3916" s="18"/>
      <c r="P3916" s="19">
        <v>50</v>
      </c>
      <c r="Q3916" s="19"/>
      <c r="R3916" s="19"/>
      <c r="S3916" s="19"/>
      <c r="T3916" s="19">
        <v>30</v>
      </c>
      <c r="U3916" s="19"/>
      <c r="V3916" s="19"/>
      <c r="W3916" s="19"/>
      <c r="X3916" s="19">
        <v>7</v>
      </c>
      <c r="Y3916" s="19"/>
      <c r="Z3916" s="19"/>
      <c r="AA3916" s="19"/>
    </row>
    <row r="3917" spans="1:27" s="1" customFormat="1" ht="14.1" customHeight="1" outlineLevel="2" x14ac:dyDescent="0.2">
      <c r="A3917" s="17"/>
      <c r="B3917" s="17"/>
      <c r="C3917" s="17"/>
      <c r="D3917" s="18"/>
      <c r="E3917" s="18"/>
      <c r="F3917" s="18"/>
      <c r="G3917" s="18"/>
      <c r="H3917" s="18"/>
      <c r="I3917" s="18"/>
      <c r="J3917" s="18"/>
      <c r="K3917" s="18"/>
      <c r="L3917" s="18"/>
      <c r="M3917" s="18"/>
      <c r="N3917" s="18"/>
      <c r="O3917" s="18"/>
      <c r="P3917" s="19"/>
      <c r="Q3917" s="19"/>
      <c r="R3917" s="19"/>
      <c r="S3917" s="19"/>
      <c r="T3917" s="19"/>
      <c r="U3917" s="19"/>
      <c r="V3917" s="19"/>
      <c r="W3917" s="19"/>
      <c r="X3917" s="19"/>
      <c r="Y3917" s="19"/>
      <c r="Z3917" s="19"/>
      <c r="AA3917" s="19"/>
    </row>
    <row r="3918" spans="1:27" s="1" customFormat="1" ht="11.1" customHeight="1" outlineLevel="2" x14ac:dyDescent="0.2">
      <c r="A3918" s="17">
        <v>1256</v>
      </c>
      <c r="B3918" s="17"/>
      <c r="C3918" s="17"/>
      <c r="D3918" s="18" t="s">
        <v>1960</v>
      </c>
      <c r="E3918" s="18"/>
      <c r="F3918" s="18"/>
      <c r="G3918" s="18"/>
      <c r="H3918" s="18"/>
      <c r="I3918" s="18"/>
      <c r="J3918" s="18"/>
      <c r="K3918" s="18"/>
      <c r="L3918" s="18"/>
      <c r="M3918" s="18"/>
      <c r="N3918" s="18"/>
      <c r="O3918" s="18"/>
      <c r="P3918" s="19">
        <v>400</v>
      </c>
      <c r="Q3918" s="19"/>
      <c r="R3918" s="19"/>
      <c r="S3918" s="19"/>
      <c r="T3918" s="19">
        <v>350</v>
      </c>
      <c r="U3918" s="19"/>
      <c r="V3918" s="19"/>
      <c r="W3918" s="19"/>
      <c r="X3918" s="19">
        <v>1</v>
      </c>
      <c r="Y3918" s="19"/>
      <c r="Z3918" s="19"/>
      <c r="AA3918" s="19"/>
    </row>
    <row r="3919" spans="1:27" s="1" customFormat="1" ht="11.1" customHeight="1" outlineLevel="2" x14ac:dyDescent="0.2">
      <c r="A3919" s="17"/>
      <c r="B3919" s="17"/>
      <c r="C3919" s="17"/>
      <c r="D3919" s="18"/>
      <c r="E3919" s="18"/>
      <c r="F3919" s="18"/>
      <c r="G3919" s="18"/>
      <c r="H3919" s="18"/>
      <c r="I3919" s="18"/>
      <c r="J3919" s="18"/>
      <c r="K3919" s="18"/>
      <c r="L3919" s="18"/>
      <c r="M3919" s="18"/>
      <c r="N3919" s="18"/>
      <c r="O3919" s="18"/>
      <c r="P3919" s="19"/>
      <c r="Q3919" s="19"/>
      <c r="R3919" s="19"/>
      <c r="S3919" s="19"/>
      <c r="T3919" s="19"/>
      <c r="U3919" s="19"/>
      <c r="V3919" s="19"/>
      <c r="W3919" s="19"/>
      <c r="X3919" s="19"/>
      <c r="Y3919" s="19"/>
      <c r="Z3919" s="19"/>
      <c r="AA3919" s="19"/>
    </row>
    <row r="3920" spans="1:27" s="1" customFormat="1" ht="14.1" customHeight="1" outlineLevel="2" x14ac:dyDescent="0.2">
      <c r="A3920" s="17">
        <v>5893</v>
      </c>
      <c r="B3920" s="17"/>
      <c r="C3920" s="17"/>
      <c r="D3920" s="18" t="s">
        <v>1961</v>
      </c>
      <c r="E3920" s="18"/>
      <c r="F3920" s="18"/>
      <c r="G3920" s="18"/>
      <c r="H3920" s="18"/>
      <c r="I3920" s="18"/>
      <c r="J3920" s="18"/>
      <c r="K3920" s="18"/>
      <c r="L3920" s="18"/>
      <c r="M3920" s="18"/>
      <c r="N3920" s="18"/>
      <c r="O3920" s="18"/>
      <c r="P3920" s="20">
        <v>1480</v>
      </c>
      <c r="Q3920" s="20"/>
      <c r="R3920" s="20"/>
      <c r="S3920" s="20"/>
      <c r="T3920" s="20">
        <v>1410</v>
      </c>
      <c r="U3920" s="20"/>
      <c r="V3920" s="20"/>
      <c r="W3920" s="20"/>
      <c r="X3920" s="19">
        <v>1</v>
      </c>
      <c r="Y3920" s="19"/>
      <c r="Z3920" s="19"/>
      <c r="AA3920" s="19"/>
    </row>
    <row r="3921" spans="1:27" s="1" customFormat="1" ht="14.1" customHeight="1" outlineLevel="2" x14ac:dyDescent="0.2">
      <c r="A3921" s="17"/>
      <c r="B3921" s="17"/>
      <c r="C3921" s="17"/>
      <c r="D3921" s="18"/>
      <c r="E3921" s="18"/>
      <c r="F3921" s="18"/>
      <c r="G3921" s="18"/>
      <c r="H3921" s="18"/>
      <c r="I3921" s="18"/>
      <c r="J3921" s="18"/>
      <c r="K3921" s="18"/>
      <c r="L3921" s="18"/>
      <c r="M3921" s="18"/>
      <c r="N3921" s="18"/>
      <c r="O3921" s="18"/>
      <c r="P3921" s="20"/>
      <c r="Q3921" s="20"/>
      <c r="R3921" s="20"/>
      <c r="S3921" s="20"/>
      <c r="T3921" s="20"/>
      <c r="U3921" s="20"/>
      <c r="V3921" s="20"/>
      <c r="W3921" s="20"/>
      <c r="X3921" s="19"/>
      <c r="Y3921" s="19"/>
      <c r="Z3921" s="19"/>
      <c r="AA3921" s="19"/>
    </row>
    <row r="3922" spans="1:27" s="1" customFormat="1" ht="11.1" customHeight="1" outlineLevel="2" x14ac:dyDescent="0.2">
      <c r="A3922" s="17">
        <v>1247</v>
      </c>
      <c r="B3922" s="17"/>
      <c r="C3922" s="17"/>
      <c r="D3922" s="18" t="s">
        <v>1962</v>
      </c>
      <c r="E3922" s="18"/>
      <c r="F3922" s="18"/>
      <c r="G3922" s="18"/>
      <c r="H3922" s="18"/>
      <c r="I3922" s="18"/>
      <c r="J3922" s="18"/>
      <c r="K3922" s="18"/>
      <c r="L3922" s="18"/>
      <c r="M3922" s="18"/>
      <c r="N3922" s="18"/>
      <c r="O3922" s="18"/>
      <c r="P3922" s="20">
        <v>1300</v>
      </c>
      <c r="Q3922" s="20"/>
      <c r="R3922" s="20"/>
      <c r="S3922" s="20"/>
      <c r="T3922" s="20">
        <v>1220</v>
      </c>
      <c r="U3922" s="20"/>
      <c r="V3922" s="20"/>
      <c r="W3922" s="20"/>
      <c r="X3922" s="19">
        <v>1</v>
      </c>
      <c r="Y3922" s="19"/>
      <c r="Z3922" s="19"/>
      <c r="AA3922" s="19"/>
    </row>
    <row r="3923" spans="1:27" s="1" customFormat="1" ht="11.1" customHeight="1" outlineLevel="2" x14ac:dyDescent="0.2">
      <c r="A3923" s="17"/>
      <c r="B3923" s="17"/>
      <c r="C3923" s="17"/>
      <c r="D3923" s="18"/>
      <c r="E3923" s="18"/>
      <c r="F3923" s="18"/>
      <c r="G3923" s="18"/>
      <c r="H3923" s="18"/>
      <c r="I3923" s="18"/>
      <c r="J3923" s="18"/>
      <c r="K3923" s="18"/>
      <c r="L3923" s="18"/>
      <c r="M3923" s="18"/>
      <c r="N3923" s="18"/>
      <c r="O3923" s="18"/>
      <c r="P3923" s="20"/>
      <c r="Q3923" s="20"/>
      <c r="R3923" s="20"/>
      <c r="S3923" s="20"/>
      <c r="T3923" s="20"/>
      <c r="U3923" s="20"/>
      <c r="V3923" s="20"/>
      <c r="W3923" s="20"/>
      <c r="X3923" s="19"/>
      <c r="Y3923" s="19"/>
      <c r="Z3923" s="19"/>
      <c r="AA3923" s="19"/>
    </row>
    <row r="3924" spans="1:27" s="1" customFormat="1" ht="14.1" customHeight="1" outlineLevel="2" x14ac:dyDescent="0.2">
      <c r="A3924" s="17">
        <v>1245</v>
      </c>
      <c r="B3924" s="17"/>
      <c r="C3924" s="17"/>
      <c r="D3924" s="18" t="s">
        <v>1963</v>
      </c>
      <c r="E3924" s="18"/>
      <c r="F3924" s="18"/>
      <c r="G3924" s="18"/>
      <c r="H3924" s="18"/>
      <c r="I3924" s="18"/>
      <c r="J3924" s="18"/>
      <c r="K3924" s="18"/>
      <c r="L3924" s="18"/>
      <c r="M3924" s="18"/>
      <c r="N3924" s="18"/>
      <c r="O3924" s="18"/>
      <c r="P3924" s="20">
        <v>2000</v>
      </c>
      <c r="Q3924" s="20"/>
      <c r="R3924" s="20"/>
      <c r="S3924" s="20"/>
      <c r="T3924" s="20">
        <v>1900</v>
      </c>
      <c r="U3924" s="20"/>
      <c r="V3924" s="20"/>
      <c r="W3924" s="20"/>
      <c r="X3924" s="19">
        <v>1</v>
      </c>
      <c r="Y3924" s="19"/>
      <c r="Z3924" s="19"/>
      <c r="AA3924" s="19"/>
    </row>
    <row r="3925" spans="1:27" s="1" customFormat="1" ht="14.1" customHeight="1" outlineLevel="2" x14ac:dyDescent="0.2">
      <c r="A3925" s="17"/>
      <c r="B3925" s="17"/>
      <c r="C3925" s="17"/>
      <c r="D3925" s="18"/>
      <c r="E3925" s="18"/>
      <c r="F3925" s="18"/>
      <c r="G3925" s="18"/>
      <c r="H3925" s="18"/>
      <c r="I3925" s="18"/>
      <c r="J3925" s="18"/>
      <c r="K3925" s="18"/>
      <c r="L3925" s="18"/>
      <c r="M3925" s="18"/>
      <c r="N3925" s="18"/>
      <c r="O3925" s="18"/>
      <c r="P3925" s="20"/>
      <c r="Q3925" s="20"/>
      <c r="R3925" s="20"/>
      <c r="S3925" s="20"/>
      <c r="T3925" s="20"/>
      <c r="U3925" s="20"/>
      <c r="V3925" s="20"/>
      <c r="W3925" s="20"/>
      <c r="X3925" s="19"/>
      <c r="Y3925" s="19"/>
      <c r="Z3925" s="19"/>
      <c r="AA3925" s="19"/>
    </row>
    <row r="3926" spans="1:27" s="1" customFormat="1" ht="11.1" customHeight="1" outlineLevel="2" x14ac:dyDescent="0.2">
      <c r="A3926" s="17">
        <v>1212</v>
      </c>
      <c r="B3926" s="17"/>
      <c r="C3926" s="17"/>
      <c r="D3926" s="18" t="s">
        <v>1964</v>
      </c>
      <c r="E3926" s="18"/>
      <c r="F3926" s="18"/>
      <c r="G3926" s="18"/>
      <c r="H3926" s="18"/>
      <c r="I3926" s="18"/>
      <c r="J3926" s="18"/>
      <c r="K3926" s="18"/>
      <c r="L3926" s="18"/>
      <c r="M3926" s="18"/>
      <c r="N3926" s="18"/>
      <c r="O3926" s="18"/>
      <c r="P3926" s="19">
        <v>550</v>
      </c>
      <c r="Q3926" s="19"/>
      <c r="R3926" s="19"/>
      <c r="S3926" s="19"/>
      <c r="T3926" s="19">
        <v>500</v>
      </c>
      <c r="U3926" s="19"/>
      <c r="V3926" s="19"/>
      <c r="W3926" s="19"/>
      <c r="X3926" s="19">
        <v>1</v>
      </c>
      <c r="Y3926" s="19"/>
      <c r="Z3926" s="19"/>
      <c r="AA3926" s="19"/>
    </row>
    <row r="3927" spans="1:27" s="1" customFormat="1" ht="11.1" customHeight="1" outlineLevel="2" x14ac:dyDescent="0.2">
      <c r="A3927" s="17"/>
      <c r="B3927" s="17"/>
      <c r="C3927" s="17"/>
      <c r="D3927" s="18"/>
      <c r="E3927" s="18"/>
      <c r="F3927" s="18"/>
      <c r="G3927" s="18"/>
      <c r="H3927" s="18"/>
      <c r="I3927" s="18"/>
      <c r="J3927" s="18"/>
      <c r="K3927" s="18"/>
      <c r="L3927" s="18"/>
      <c r="M3927" s="18"/>
      <c r="N3927" s="18"/>
      <c r="O3927" s="18"/>
      <c r="P3927" s="19"/>
      <c r="Q3927" s="19"/>
      <c r="R3927" s="19"/>
      <c r="S3927" s="19"/>
      <c r="T3927" s="19"/>
      <c r="U3927" s="19"/>
      <c r="V3927" s="19"/>
      <c r="W3927" s="19"/>
      <c r="X3927" s="19"/>
      <c r="Y3927" s="19"/>
      <c r="Z3927" s="19"/>
      <c r="AA3927" s="19"/>
    </row>
    <row r="3928" spans="1:27" s="1" customFormat="1" ht="11.1" customHeight="1" outlineLevel="2" x14ac:dyDescent="0.2">
      <c r="A3928" s="17">
        <v>4622</v>
      </c>
      <c r="B3928" s="17"/>
      <c r="C3928" s="17"/>
      <c r="D3928" s="18" t="s">
        <v>1965</v>
      </c>
      <c r="E3928" s="18"/>
      <c r="F3928" s="18"/>
      <c r="G3928" s="18"/>
      <c r="H3928" s="18"/>
      <c r="I3928" s="18"/>
      <c r="J3928" s="18"/>
      <c r="K3928" s="18"/>
      <c r="L3928" s="18"/>
      <c r="M3928" s="18"/>
      <c r="N3928" s="18"/>
      <c r="O3928" s="18"/>
      <c r="P3928" s="20">
        <v>1300</v>
      </c>
      <c r="Q3928" s="20"/>
      <c r="R3928" s="20"/>
      <c r="S3928" s="20"/>
      <c r="T3928" s="20">
        <v>1240</v>
      </c>
      <c r="U3928" s="20"/>
      <c r="V3928" s="20"/>
      <c r="W3928" s="20"/>
      <c r="X3928" s="19">
        <v>1</v>
      </c>
      <c r="Y3928" s="19"/>
      <c r="Z3928" s="19"/>
      <c r="AA3928" s="19"/>
    </row>
    <row r="3929" spans="1:27" s="1" customFormat="1" ht="11.1" customHeight="1" outlineLevel="2" x14ac:dyDescent="0.2">
      <c r="A3929" s="17"/>
      <c r="B3929" s="17"/>
      <c r="C3929" s="17"/>
      <c r="D3929" s="18"/>
      <c r="E3929" s="18"/>
      <c r="F3929" s="18"/>
      <c r="G3929" s="18"/>
      <c r="H3929" s="18"/>
      <c r="I3929" s="18"/>
      <c r="J3929" s="18"/>
      <c r="K3929" s="18"/>
      <c r="L3929" s="18"/>
      <c r="M3929" s="18"/>
      <c r="N3929" s="18"/>
      <c r="O3929" s="18"/>
      <c r="P3929" s="20"/>
      <c r="Q3929" s="20"/>
      <c r="R3929" s="20"/>
      <c r="S3929" s="20"/>
      <c r="T3929" s="20"/>
      <c r="U3929" s="20"/>
      <c r="V3929" s="20"/>
      <c r="W3929" s="20"/>
      <c r="X3929" s="19"/>
      <c r="Y3929" s="19"/>
      <c r="Z3929" s="19"/>
      <c r="AA3929" s="19"/>
    </row>
    <row r="3930" spans="1:27" s="1" customFormat="1" ht="11.1" customHeight="1" outlineLevel="2" x14ac:dyDescent="0.2">
      <c r="A3930" s="17">
        <v>1232</v>
      </c>
      <c r="B3930" s="17"/>
      <c r="C3930" s="17"/>
      <c r="D3930" s="18" t="s">
        <v>1966</v>
      </c>
      <c r="E3930" s="18"/>
      <c r="F3930" s="18"/>
      <c r="G3930" s="18"/>
      <c r="H3930" s="18"/>
      <c r="I3930" s="18"/>
      <c r="J3930" s="18"/>
      <c r="K3930" s="18"/>
      <c r="L3930" s="18"/>
      <c r="M3930" s="18"/>
      <c r="N3930" s="18"/>
      <c r="O3930" s="18"/>
      <c r="P3930" s="19">
        <v>500</v>
      </c>
      <c r="Q3930" s="19"/>
      <c r="R3930" s="19"/>
      <c r="S3930" s="19"/>
      <c r="T3930" s="19">
        <v>450</v>
      </c>
      <c r="U3930" s="19"/>
      <c r="V3930" s="19"/>
      <c r="W3930" s="19"/>
      <c r="X3930" s="19">
        <v>1</v>
      </c>
      <c r="Y3930" s="19"/>
      <c r="Z3930" s="19"/>
      <c r="AA3930" s="19"/>
    </row>
    <row r="3931" spans="1:27" s="1" customFormat="1" ht="11.1" customHeight="1" outlineLevel="2" x14ac:dyDescent="0.2">
      <c r="A3931" s="17"/>
      <c r="B3931" s="17"/>
      <c r="C3931" s="17"/>
      <c r="D3931" s="18"/>
      <c r="E3931" s="18"/>
      <c r="F3931" s="18"/>
      <c r="G3931" s="18"/>
      <c r="H3931" s="18"/>
      <c r="I3931" s="18"/>
      <c r="J3931" s="18"/>
      <c r="K3931" s="18"/>
      <c r="L3931" s="18"/>
      <c r="M3931" s="18"/>
      <c r="N3931" s="18"/>
      <c r="O3931" s="18"/>
      <c r="P3931" s="19"/>
      <c r="Q3931" s="19"/>
      <c r="R3931" s="19"/>
      <c r="S3931" s="19"/>
      <c r="T3931" s="19"/>
      <c r="U3931" s="19"/>
      <c r="V3931" s="19"/>
      <c r="W3931" s="19"/>
      <c r="X3931" s="19"/>
      <c r="Y3931" s="19"/>
      <c r="Z3931" s="19"/>
      <c r="AA3931" s="19"/>
    </row>
    <row r="3932" spans="1:27" s="1" customFormat="1" ht="11.1" customHeight="1" outlineLevel="2" x14ac:dyDescent="0.2">
      <c r="A3932" s="17">
        <v>1255</v>
      </c>
      <c r="B3932" s="17"/>
      <c r="C3932" s="17"/>
      <c r="D3932" s="18" t="s">
        <v>1967</v>
      </c>
      <c r="E3932" s="18"/>
      <c r="F3932" s="18"/>
      <c r="G3932" s="18"/>
      <c r="H3932" s="18"/>
      <c r="I3932" s="18"/>
      <c r="J3932" s="18"/>
      <c r="K3932" s="18"/>
      <c r="L3932" s="18"/>
      <c r="M3932" s="18"/>
      <c r="N3932" s="18"/>
      <c r="O3932" s="18"/>
      <c r="P3932" s="19">
        <v>680</v>
      </c>
      <c r="Q3932" s="19"/>
      <c r="R3932" s="19"/>
      <c r="S3932" s="19"/>
      <c r="T3932" s="19">
        <v>625</v>
      </c>
      <c r="U3932" s="19"/>
      <c r="V3932" s="19"/>
      <c r="W3932" s="19"/>
      <c r="X3932" s="19">
        <v>2</v>
      </c>
      <c r="Y3932" s="19"/>
      <c r="Z3932" s="19"/>
      <c r="AA3932" s="19"/>
    </row>
    <row r="3933" spans="1:27" s="1" customFormat="1" ht="11.1" customHeight="1" outlineLevel="2" x14ac:dyDescent="0.2">
      <c r="A3933" s="17"/>
      <c r="B3933" s="17"/>
      <c r="C3933" s="17"/>
      <c r="D3933" s="18"/>
      <c r="E3933" s="18"/>
      <c r="F3933" s="18"/>
      <c r="G3933" s="18"/>
      <c r="H3933" s="18"/>
      <c r="I3933" s="18"/>
      <c r="J3933" s="18"/>
      <c r="K3933" s="18"/>
      <c r="L3933" s="18"/>
      <c r="M3933" s="18"/>
      <c r="N3933" s="18"/>
      <c r="O3933" s="18"/>
      <c r="P3933" s="19"/>
      <c r="Q3933" s="19"/>
      <c r="R3933" s="19"/>
      <c r="S3933" s="19"/>
      <c r="T3933" s="19"/>
      <c r="U3933" s="19"/>
      <c r="V3933" s="19"/>
      <c r="W3933" s="19"/>
      <c r="X3933" s="19"/>
      <c r="Y3933" s="19"/>
      <c r="Z3933" s="19"/>
      <c r="AA3933" s="19"/>
    </row>
    <row r="3934" spans="1:27" s="1" customFormat="1" ht="11.1" customHeight="1" outlineLevel="2" x14ac:dyDescent="0.2">
      <c r="A3934" s="17">
        <v>1231</v>
      </c>
      <c r="B3934" s="17"/>
      <c r="C3934" s="17"/>
      <c r="D3934" s="18" t="s">
        <v>1968</v>
      </c>
      <c r="E3934" s="18"/>
      <c r="F3934" s="18"/>
      <c r="G3934" s="18"/>
      <c r="H3934" s="18"/>
      <c r="I3934" s="18"/>
      <c r="J3934" s="18"/>
      <c r="K3934" s="18"/>
      <c r="L3934" s="18"/>
      <c r="M3934" s="18"/>
      <c r="N3934" s="18"/>
      <c r="O3934" s="18"/>
      <c r="P3934" s="20">
        <v>1600</v>
      </c>
      <c r="Q3934" s="20"/>
      <c r="R3934" s="20"/>
      <c r="S3934" s="20"/>
      <c r="T3934" s="20">
        <v>1450</v>
      </c>
      <c r="U3934" s="20"/>
      <c r="V3934" s="20"/>
      <c r="W3934" s="20"/>
      <c r="X3934" s="19">
        <v>2</v>
      </c>
      <c r="Y3934" s="19"/>
      <c r="Z3934" s="19"/>
      <c r="AA3934" s="19"/>
    </row>
    <row r="3935" spans="1:27" s="1" customFormat="1" ht="11.1" customHeight="1" outlineLevel="2" x14ac:dyDescent="0.2">
      <c r="A3935" s="17"/>
      <c r="B3935" s="17"/>
      <c r="C3935" s="17"/>
      <c r="D3935" s="18"/>
      <c r="E3935" s="18"/>
      <c r="F3935" s="18"/>
      <c r="G3935" s="18"/>
      <c r="H3935" s="18"/>
      <c r="I3935" s="18"/>
      <c r="J3935" s="18"/>
      <c r="K3935" s="18"/>
      <c r="L3935" s="18"/>
      <c r="M3935" s="18"/>
      <c r="N3935" s="18"/>
      <c r="O3935" s="18"/>
      <c r="P3935" s="20"/>
      <c r="Q3935" s="20"/>
      <c r="R3935" s="20"/>
      <c r="S3935" s="20"/>
      <c r="T3935" s="20"/>
      <c r="U3935" s="20"/>
      <c r="V3935" s="20"/>
      <c r="W3935" s="20"/>
      <c r="X3935" s="19"/>
      <c r="Y3935" s="19"/>
      <c r="Z3935" s="19"/>
      <c r="AA3935" s="19"/>
    </row>
    <row r="3936" spans="1:27" s="1" customFormat="1" ht="14.1" customHeight="1" outlineLevel="2" x14ac:dyDescent="0.2">
      <c r="A3936" s="17">
        <v>1246</v>
      </c>
      <c r="B3936" s="17"/>
      <c r="C3936" s="17"/>
      <c r="D3936" s="18" t="s">
        <v>1969</v>
      </c>
      <c r="E3936" s="18"/>
      <c r="F3936" s="18"/>
      <c r="G3936" s="18"/>
      <c r="H3936" s="18"/>
      <c r="I3936" s="18"/>
      <c r="J3936" s="18"/>
      <c r="K3936" s="18"/>
      <c r="L3936" s="18"/>
      <c r="M3936" s="18"/>
      <c r="N3936" s="18"/>
      <c r="O3936" s="18"/>
      <c r="P3936" s="20">
        <v>1300</v>
      </c>
      <c r="Q3936" s="20"/>
      <c r="R3936" s="20"/>
      <c r="S3936" s="20"/>
      <c r="T3936" s="20">
        <v>1220</v>
      </c>
      <c r="U3936" s="20"/>
      <c r="V3936" s="20"/>
      <c r="W3936" s="20"/>
      <c r="X3936" s="19">
        <v>1</v>
      </c>
      <c r="Y3936" s="19"/>
      <c r="Z3936" s="19"/>
      <c r="AA3936" s="19"/>
    </row>
    <row r="3937" spans="1:27" s="1" customFormat="1" ht="14.1" customHeight="1" outlineLevel="2" x14ac:dyDescent="0.2">
      <c r="A3937" s="17"/>
      <c r="B3937" s="17"/>
      <c r="C3937" s="17"/>
      <c r="D3937" s="18"/>
      <c r="E3937" s="18"/>
      <c r="F3937" s="18"/>
      <c r="G3937" s="18"/>
      <c r="H3937" s="18"/>
      <c r="I3937" s="18"/>
      <c r="J3937" s="18"/>
      <c r="K3937" s="18"/>
      <c r="L3937" s="18"/>
      <c r="M3937" s="18"/>
      <c r="N3937" s="18"/>
      <c r="O3937" s="18"/>
      <c r="P3937" s="20"/>
      <c r="Q3937" s="20"/>
      <c r="R3937" s="20"/>
      <c r="S3937" s="20"/>
      <c r="T3937" s="20"/>
      <c r="U3937" s="20"/>
      <c r="V3937" s="20"/>
      <c r="W3937" s="20"/>
      <c r="X3937" s="19"/>
      <c r="Y3937" s="19"/>
      <c r="Z3937" s="19"/>
      <c r="AA3937" s="19"/>
    </row>
    <row r="3938" spans="1:27" s="1" customFormat="1" ht="11.1" customHeight="1" outlineLevel="2" x14ac:dyDescent="0.2">
      <c r="A3938" s="17">
        <v>1257</v>
      </c>
      <c r="B3938" s="17"/>
      <c r="C3938" s="17"/>
      <c r="D3938" s="18" t="s">
        <v>1970</v>
      </c>
      <c r="E3938" s="18"/>
      <c r="F3938" s="18"/>
      <c r="G3938" s="18"/>
      <c r="H3938" s="18"/>
      <c r="I3938" s="18"/>
      <c r="J3938" s="18"/>
      <c r="K3938" s="18"/>
      <c r="L3938" s="18"/>
      <c r="M3938" s="18"/>
      <c r="N3938" s="18"/>
      <c r="O3938" s="18"/>
      <c r="P3938" s="19">
        <v>630</v>
      </c>
      <c r="Q3938" s="19"/>
      <c r="R3938" s="19"/>
      <c r="S3938" s="19"/>
      <c r="T3938" s="19">
        <v>580</v>
      </c>
      <c r="U3938" s="19"/>
      <c r="V3938" s="19"/>
      <c r="W3938" s="19"/>
      <c r="X3938" s="19">
        <v>1</v>
      </c>
      <c r="Y3938" s="19"/>
      <c r="Z3938" s="19"/>
      <c r="AA3938" s="19"/>
    </row>
    <row r="3939" spans="1:27" s="1" customFormat="1" ht="11.1" customHeight="1" outlineLevel="2" x14ac:dyDescent="0.2">
      <c r="A3939" s="17"/>
      <c r="B3939" s="17"/>
      <c r="C3939" s="17"/>
      <c r="D3939" s="18"/>
      <c r="E3939" s="18"/>
      <c r="F3939" s="18"/>
      <c r="G3939" s="18"/>
      <c r="H3939" s="18"/>
      <c r="I3939" s="18"/>
      <c r="J3939" s="18"/>
      <c r="K3939" s="18"/>
      <c r="L3939" s="18"/>
      <c r="M3939" s="18"/>
      <c r="N3939" s="18"/>
      <c r="O3939" s="18"/>
      <c r="P3939" s="19"/>
      <c r="Q3939" s="19"/>
      <c r="R3939" s="19"/>
      <c r="S3939" s="19"/>
      <c r="T3939" s="19"/>
      <c r="U3939" s="19"/>
      <c r="V3939" s="19"/>
      <c r="W3939" s="19"/>
      <c r="X3939" s="19"/>
      <c r="Y3939" s="19"/>
      <c r="Z3939" s="19"/>
      <c r="AA3939" s="19"/>
    </row>
    <row r="3940" spans="1:27" s="1" customFormat="1" ht="14.1" customHeight="1" outlineLevel="2" x14ac:dyDescent="0.2">
      <c r="A3940" s="17">
        <v>1236</v>
      </c>
      <c r="B3940" s="17"/>
      <c r="C3940" s="17"/>
      <c r="D3940" s="18" t="s">
        <v>1971</v>
      </c>
      <c r="E3940" s="18"/>
      <c r="F3940" s="18"/>
      <c r="G3940" s="18"/>
      <c r="H3940" s="18"/>
      <c r="I3940" s="18"/>
      <c r="J3940" s="18"/>
      <c r="K3940" s="18"/>
      <c r="L3940" s="18"/>
      <c r="M3940" s="18"/>
      <c r="N3940" s="18"/>
      <c r="O3940" s="18"/>
      <c r="P3940" s="20">
        <v>1800</v>
      </c>
      <c r="Q3940" s="20"/>
      <c r="R3940" s="20"/>
      <c r="S3940" s="20"/>
      <c r="T3940" s="20">
        <v>1710</v>
      </c>
      <c r="U3940" s="20"/>
      <c r="V3940" s="20"/>
      <c r="W3940" s="20"/>
      <c r="X3940" s="19">
        <v>1</v>
      </c>
      <c r="Y3940" s="19"/>
      <c r="Z3940" s="19"/>
      <c r="AA3940" s="19"/>
    </row>
    <row r="3941" spans="1:27" s="1" customFormat="1" ht="14.1" customHeight="1" outlineLevel="2" x14ac:dyDescent="0.2">
      <c r="A3941" s="17"/>
      <c r="B3941" s="17"/>
      <c r="C3941" s="17"/>
      <c r="D3941" s="18"/>
      <c r="E3941" s="18"/>
      <c r="F3941" s="18"/>
      <c r="G3941" s="18"/>
      <c r="H3941" s="18"/>
      <c r="I3941" s="18"/>
      <c r="J3941" s="18"/>
      <c r="K3941" s="18"/>
      <c r="L3941" s="18"/>
      <c r="M3941" s="18"/>
      <c r="N3941" s="18"/>
      <c r="O3941" s="18"/>
      <c r="P3941" s="20"/>
      <c r="Q3941" s="20"/>
      <c r="R3941" s="20"/>
      <c r="S3941" s="20"/>
      <c r="T3941" s="20"/>
      <c r="U3941" s="20"/>
      <c r="V3941" s="20"/>
      <c r="W3941" s="20"/>
      <c r="X3941" s="19"/>
      <c r="Y3941" s="19"/>
      <c r="Z3941" s="19"/>
      <c r="AA3941" s="19"/>
    </row>
    <row r="3942" spans="1:27" s="1" customFormat="1" ht="14.1" customHeight="1" outlineLevel="2" x14ac:dyDescent="0.2">
      <c r="A3942" s="17">
        <v>12134</v>
      </c>
      <c r="B3942" s="17"/>
      <c r="C3942" s="17"/>
      <c r="D3942" s="18" t="s">
        <v>1972</v>
      </c>
      <c r="E3942" s="18"/>
      <c r="F3942" s="18"/>
      <c r="G3942" s="18"/>
      <c r="H3942" s="18"/>
      <c r="I3942" s="18"/>
      <c r="J3942" s="18"/>
      <c r="K3942" s="18"/>
      <c r="L3942" s="18"/>
      <c r="M3942" s="18"/>
      <c r="N3942" s="18"/>
      <c r="O3942" s="18"/>
      <c r="P3942" s="20">
        <v>3490</v>
      </c>
      <c r="Q3942" s="20"/>
      <c r="R3942" s="20"/>
      <c r="S3942" s="20"/>
      <c r="T3942" s="20">
        <v>3200</v>
      </c>
      <c r="U3942" s="20"/>
      <c r="V3942" s="20"/>
      <c r="W3942" s="20"/>
      <c r="X3942" s="19">
        <v>1</v>
      </c>
      <c r="Y3942" s="19"/>
      <c r="Z3942" s="19"/>
      <c r="AA3942" s="19"/>
    </row>
    <row r="3943" spans="1:27" s="1" customFormat="1" ht="14.1" customHeight="1" outlineLevel="2" x14ac:dyDescent="0.2">
      <c r="A3943" s="17"/>
      <c r="B3943" s="17"/>
      <c r="C3943" s="17"/>
      <c r="D3943" s="18"/>
      <c r="E3943" s="18"/>
      <c r="F3943" s="18"/>
      <c r="G3943" s="18"/>
      <c r="H3943" s="18"/>
      <c r="I3943" s="18"/>
      <c r="J3943" s="18"/>
      <c r="K3943" s="18"/>
      <c r="L3943" s="18"/>
      <c r="M3943" s="18"/>
      <c r="N3943" s="18"/>
      <c r="O3943" s="18"/>
      <c r="P3943" s="20"/>
      <c r="Q3943" s="20"/>
      <c r="R3943" s="20"/>
      <c r="S3943" s="20"/>
      <c r="T3943" s="20"/>
      <c r="U3943" s="20"/>
      <c r="V3943" s="20"/>
      <c r="W3943" s="20"/>
      <c r="X3943" s="19"/>
      <c r="Y3943" s="19"/>
      <c r="Z3943" s="19"/>
      <c r="AA3943" s="19"/>
    </row>
    <row r="3944" spans="1:27" s="1" customFormat="1" ht="11.1" customHeight="1" outlineLevel="2" x14ac:dyDescent="0.2">
      <c r="A3944" s="17">
        <v>1154</v>
      </c>
      <c r="B3944" s="17"/>
      <c r="C3944" s="17"/>
      <c r="D3944" s="18" t="s">
        <v>1973</v>
      </c>
      <c r="E3944" s="18"/>
      <c r="F3944" s="18"/>
      <c r="G3944" s="18"/>
      <c r="H3944" s="18"/>
      <c r="I3944" s="18"/>
      <c r="J3944" s="18"/>
      <c r="K3944" s="18"/>
      <c r="L3944" s="18"/>
      <c r="M3944" s="18"/>
      <c r="N3944" s="18"/>
      <c r="O3944" s="18"/>
      <c r="P3944" s="19">
        <v>100</v>
      </c>
      <c r="Q3944" s="19"/>
      <c r="R3944" s="19"/>
      <c r="S3944" s="19"/>
      <c r="T3944" s="19">
        <v>50</v>
      </c>
      <c r="U3944" s="19"/>
      <c r="V3944" s="19"/>
      <c r="W3944" s="19"/>
      <c r="X3944" s="19">
        <v>1</v>
      </c>
      <c r="Y3944" s="19"/>
      <c r="Z3944" s="19"/>
      <c r="AA3944" s="19"/>
    </row>
    <row r="3945" spans="1:27" s="1" customFormat="1" ht="11.1" customHeight="1" outlineLevel="2" x14ac:dyDescent="0.2">
      <c r="A3945" s="17"/>
      <c r="B3945" s="17"/>
      <c r="C3945" s="17"/>
      <c r="D3945" s="18"/>
      <c r="E3945" s="18"/>
      <c r="F3945" s="18"/>
      <c r="G3945" s="18"/>
      <c r="H3945" s="18"/>
      <c r="I3945" s="18"/>
      <c r="J3945" s="18"/>
      <c r="K3945" s="18"/>
      <c r="L3945" s="18"/>
      <c r="M3945" s="18"/>
      <c r="N3945" s="18"/>
      <c r="O3945" s="18"/>
      <c r="P3945" s="19"/>
      <c r="Q3945" s="19"/>
      <c r="R3945" s="19"/>
      <c r="S3945" s="19"/>
      <c r="T3945" s="19"/>
      <c r="U3945" s="19"/>
      <c r="V3945" s="19"/>
      <c r="W3945" s="19"/>
      <c r="X3945" s="19"/>
      <c r="Y3945" s="19"/>
      <c r="Z3945" s="19"/>
      <c r="AA3945" s="19"/>
    </row>
    <row r="3946" spans="1:27" s="1" customFormat="1" ht="11.1" customHeight="1" outlineLevel="2" x14ac:dyDescent="0.2">
      <c r="A3946" s="17">
        <v>1155</v>
      </c>
      <c r="B3946" s="17"/>
      <c r="C3946" s="17"/>
      <c r="D3946" s="18" t="s">
        <v>1974</v>
      </c>
      <c r="E3946" s="18"/>
      <c r="F3946" s="18"/>
      <c r="G3946" s="18"/>
      <c r="H3946" s="18"/>
      <c r="I3946" s="18"/>
      <c r="J3946" s="18"/>
      <c r="K3946" s="18"/>
      <c r="L3946" s="18"/>
      <c r="M3946" s="18"/>
      <c r="N3946" s="18"/>
      <c r="O3946" s="18"/>
      <c r="P3946" s="19">
        <v>20</v>
      </c>
      <c r="Q3946" s="19"/>
      <c r="R3946" s="19"/>
      <c r="S3946" s="19"/>
      <c r="T3946" s="19">
        <v>20</v>
      </c>
      <c r="U3946" s="19"/>
      <c r="V3946" s="19"/>
      <c r="W3946" s="19"/>
      <c r="X3946" s="19">
        <v>1</v>
      </c>
      <c r="Y3946" s="19"/>
      <c r="Z3946" s="19"/>
      <c r="AA3946" s="19"/>
    </row>
    <row r="3947" spans="1:27" s="1" customFormat="1" ht="11.1" customHeight="1" outlineLevel="2" x14ac:dyDescent="0.2">
      <c r="A3947" s="17"/>
      <c r="B3947" s="17"/>
      <c r="C3947" s="17"/>
      <c r="D3947" s="18"/>
      <c r="E3947" s="18"/>
      <c r="F3947" s="18"/>
      <c r="G3947" s="18"/>
      <c r="H3947" s="18"/>
      <c r="I3947" s="18"/>
      <c r="J3947" s="18"/>
      <c r="K3947" s="18"/>
      <c r="L3947" s="18"/>
      <c r="M3947" s="18"/>
      <c r="N3947" s="18"/>
      <c r="O3947" s="18"/>
      <c r="P3947" s="19"/>
      <c r="Q3947" s="19"/>
      <c r="R3947" s="19"/>
      <c r="S3947" s="19"/>
      <c r="T3947" s="19"/>
      <c r="U3947" s="19"/>
      <c r="V3947" s="19"/>
      <c r="W3947" s="19"/>
      <c r="X3947" s="19"/>
      <c r="Y3947" s="19"/>
      <c r="Z3947" s="19"/>
      <c r="AA3947" s="19"/>
    </row>
    <row r="3948" spans="1:27" s="1" customFormat="1" ht="11.1" customHeight="1" outlineLevel="2" x14ac:dyDescent="0.2">
      <c r="A3948" s="17">
        <v>1157</v>
      </c>
      <c r="B3948" s="17"/>
      <c r="C3948" s="17"/>
      <c r="D3948" s="18" t="s">
        <v>1975</v>
      </c>
      <c r="E3948" s="18"/>
      <c r="F3948" s="18"/>
      <c r="G3948" s="18"/>
      <c r="H3948" s="18"/>
      <c r="I3948" s="18"/>
      <c r="J3948" s="18"/>
      <c r="K3948" s="18"/>
      <c r="L3948" s="18"/>
      <c r="M3948" s="18"/>
      <c r="N3948" s="18"/>
      <c r="O3948" s="18"/>
      <c r="P3948" s="19">
        <v>20</v>
      </c>
      <c r="Q3948" s="19"/>
      <c r="R3948" s="19"/>
      <c r="S3948" s="19"/>
      <c r="T3948" s="19">
        <v>20</v>
      </c>
      <c r="U3948" s="19"/>
      <c r="V3948" s="19"/>
      <c r="W3948" s="19"/>
      <c r="X3948" s="19">
        <v>3</v>
      </c>
      <c r="Y3948" s="19"/>
      <c r="Z3948" s="19"/>
      <c r="AA3948" s="19"/>
    </row>
    <row r="3949" spans="1:27" s="1" customFormat="1" ht="11.1" customHeight="1" outlineLevel="2" x14ac:dyDescent="0.2">
      <c r="A3949" s="17"/>
      <c r="B3949" s="17"/>
      <c r="C3949" s="17"/>
      <c r="D3949" s="18"/>
      <c r="E3949" s="18"/>
      <c r="F3949" s="18"/>
      <c r="G3949" s="18"/>
      <c r="H3949" s="18"/>
      <c r="I3949" s="18"/>
      <c r="J3949" s="18"/>
      <c r="K3949" s="18"/>
      <c r="L3949" s="18"/>
      <c r="M3949" s="18"/>
      <c r="N3949" s="18"/>
      <c r="O3949" s="18"/>
      <c r="P3949" s="19"/>
      <c r="Q3949" s="19"/>
      <c r="R3949" s="19"/>
      <c r="S3949" s="19"/>
      <c r="T3949" s="19"/>
      <c r="U3949" s="19"/>
      <c r="V3949" s="19"/>
      <c r="W3949" s="19"/>
      <c r="X3949" s="19"/>
      <c r="Y3949" s="19"/>
      <c r="Z3949" s="19"/>
      <c r="AA3949" s="19"/>
    </row>
    <row r="3950" spans="1:27" s="1" customFormat="1" ht="11.1" customHeight="1" outlineLevel="1" x14ac:dyDescent="0.2">
      <c r="A3950" s="16" t="s">
        <v>1976</v>
      </c>
      <c r="B3950" s="16"/>
      <c r="C3950" s="16"/>
      <c r="D3950" s="16"/>
      <c r="E3950" s="16"/>
      <c r="F3950" s="16"/>
      <c r="G3950" s="16"/>
      <c r="H3950" s="16"/>
      <c r="I3950" s="16"/>
      <c r="J3950" s="16"/>
      <c r="K3950" s="16"/>
      <c r="L3950" s="16"/>
      <c r="M3950" s="16"/>
      <c r="N3950" s="16"/>
      <c r="O3950" s="16"/>
      <c r="P3950" s="16"/>
      <c r="Q3950" s="16"/>
      <c r="R3950" s="16"/>
      <c r="S3950" s="16"/>
      <c r="T3950" s="16"/>
      <c r="U3950" s="16"/>
      <c r="V3950" s="16"/>
      <c r="W3950" s="16"/>
      <c r="X3950" s="16"/>
      <c r="Y3950" s="16"/>
      <c r="Z3950" s="16"/>
      <c r="AA3950" s="16"/>
    </row>
    <row r="3951" spans="1:27" s="1" customFormat="1" ht="11.1" customHeight="1" outlineLevel="1" x14ac:dyDescent="0.2">
      <c r="A3951" s="16"/>
      <c r="B3951" s="16"/>
      <c r="C3951" s="16"/>
      <c r="D3951" s="16"/>
      <c r="E3951" s="16"/>
      <c r="F3951" s="16"/>
      <c r="G3951" s="16"/>
      <c r="H3951" s="16"/>
      <c r="I3951" s="16"/>
      <c r="J3951" s="16"/>
      <c r="K3951" s="16"/>
      <c r="L3951" s="16"/>
      <c r="M3951" s="16"/>
      <c r="N3951" s="16"/>
      <c r="O3951" s="16"/>
      <c r="P3951" s="16"/>
      <c r="Q3951" s="16"/>
      <c r="R3951" s="16"/>
      <c r="S3951" s="16"/>
      <c r="T3951" s="16"/>
      <c r="U3951" s="16"/>
      <c r="V3951" s="16"/>
      <c r="W3951" s="16"/>
      <c r="X3951" s="16"/>
      <c r="Y3951" s="16"/>
      <c r="Z3951" s="16"/>
      <c r="AA3951" s="16"/>
    </row>
    <row r="3952" spans="1:27" s="1" customFormat="1" ht="14.1" customHeight="1" outlineLevel="2" x14ac:dyDescent="0.2">
      <c r="A3952" s="17">
        <v>18269</v>
      </c>
      <c r="B3952" s="17"/>
      <c r="C3952" s="17"/>
      <c r="D3952" s="18" t="s">
        <v>1977</v>
      </c>
      <c r="E3952" s="18"/>
      <c r="F3952" s="18"/>
      <c r="G3952" s="18"/>
      <c r="H3952" s="18"/>
      <c r="I3952" s="18"/>
      <c r="J3952" s="18"/>
      <c r="K3952" s="18"/>
      <c r="L3952" s="18"/>
      <c r="M3952" s="18"/>
      <c r="N3952" s="18"/>
      <c r="O3952" s="18"/>
      <c r="P3952" s="20">
        <v>2000</v>
      </c>
      <c r="Q3952" s="20"/>
      <c r="R3952" s="20"/>
      <c r="S3952" s="20"/>
      <c r="T3952" s="20">
        <v>1550</v>
      </c>
      <c r="U3952" s="20"/>
      <c r="V3952" s="20"/>
      <c r="W3952" s="20"/>
      <c r="X3952" s="19">
        <v>10</v>
      </c>
      <c r="Y3952" s="19"/>
      <c r="Z3952" s="19"/>
      <c r="AA3952" s="19"/>
    </row>
    <row r="3953" spans="1:27" s="1" customFormat="1" ht="14.1" customHeight="1" outlineLevel="2" x14ac:dyDescent="0.2">
      <c r="A3953" s="17"/>
      <c r="B3953" s="17"/>
      <c r="C3953" s="17"/>
      <c r="D3953" s="18"/>
      <c r="E3953" s="18"/>
      <c r="F3953" s="18"/>
      <c r="G3953" s="18"/>
      <c r="H3953" s="18"/>
      <c r="I3953" s="18"/>
      <c r="J3953" s="18"/>
      <c r="K3953" s="18"/>
      <c r="L3953" s="18"/>
      <c r="M3953" s="18"/>
      <c r="N3953" s="18"/>
      <c r="O3953" s="18"/>
      <c r="P3953" s="20"/>
      <c r="Q3953" s="20"/>
      <c r="R3953" s="20"/>
      <c r="S3953" s="20"/>
      <c r="T3953" s="20"/>
      <c r="U3953" s="20"/>
      <c r="V3953" s="20"/>
      <c r="W3953" s="20"/>
      <c r="X3953" s="19"/>
      <c r="Y3953" s="19"/>
      <c r="Z3953" s="19"/>
      <c r="AA3953" s="19"/>
    </row>
    <row r="3954" spans="1:27" s="1" customFormat="1" ht="14.1" customHeight="1" outlineLevel="2" x14ac:dyDescent="0.2">
      <c r="A3954" s="17">
        <v>18268</v>
      </c>
      <c r="B3954" s="17"/>
      <c r="C3954" s="17"/>
      <c r="D3954" s="18" t="s">
        <v>1978</v>
      </c>
      <c r="E3954" s="18"/>
      <c r="F3954" s="18"/>
      <c r="G3954" s="18"/>
      <c r="H3954" s="18"/>
      <c r="I3954" s="18"/>
      <c r="J3954" s="18"/>
      <c r="K3954" s="18"/>
      <c r="L3954" s="18"/>
      <c r="M3954" s="18"/>
      <c r="N3954" s="18"/>
      <c r="O3954" s="18"/>
      <c r="P3954" s="20">
        <v>2300</v>
      </c>
      <c r="Q3954" s="20"/>
      <c r="R3954" s="20"/>
      <c r="S3954" s="20"/>
      <c r="T3954" s="20">
        <v>1750</v>
      </c>
      <c r="U3954" s="20"/>
      <c r="V3954" s="20"/>
      <c r="W3954" s="20"/>
      <c r="X3954" s="19">
        <v>10</v>
      </c>
      <c r="Y3954" s="19"/>
      <c r="Z3954" s="19"/>
      <c r="AA3954" s="19"/>
    </row>
    <row r="3955" spans="1:27" s="1" customFormat="1" ht="14.1" customHeight="1" outlineLevel="2" x14ac:dyDescent="0.2">
      <c r="A3955" s="17"/>
      <c r="B3955" s="17"/>
      <c r="C3955" s="17"/>
      <c r="D3955" s="18"/>
      <c r="E3955" s="18"/>
      <c r="F3955" s="18"/>
      <c r="G3955" s="18"/>
      <c r="H3955" s="18"/>
      <c r="I3955" s="18"/>
      <c r="J3955" s="18"/>
      <c r="K3955" s="18"/>
      <c r="L3955" s="18"/>
      <c r="M3955" s="18"/>
      <c r="N3955" s="18"/>
      <c r="O3955" s="18"/>
      <c r="P3955" s="20"/>
      <c r="Q3955" s="20"/>
      <c r="R3955" s="20"/>
      <c r="S3955" s="20"/>
      <c r="T3955" s="20"/>
      <c r="U3955" s="20"/>
      <c r="V3955" s="20"/>
      <c r="W3955" s="20"/>
      <c r="X3955" s="19"/>
      <c r="Y3955" s="19"/>
      <c r="Z3955" s="19"/>
      <c r="AA3955" s="19"/>
    </row>
    <row r="3956" spans="1:27" s="1" customFormat="1" ht="14.1" customHeight="1" outlineLevel="2" x14ac:dyDescent="0.2">
      <c r="A3956" s="17">
        <v>18264</v>
      </c>
      <c r="B3956" s="17"/>
      <c r="C3956" s="17"/>
      <c r="D3956" s="18" t="s">
        <v>1979</v>
      </c>
      <c r="E3956" s="18"/>
      <c r="F3956" s="18"/>
      <c r="G3956" s="18"/>
      <c r="H3956" s="18"/>
      <c r="I3956" s="18"/>
      <c r="J3956" s="18"/>
      <c r="K3956" s="18"/>
      <c r="L3956" s="18"/>
      <c r="M3956" s="18"/>
      <c r="N3956" s="18"/>
      <c r="O3956" s="18"/>
      <c r="P3956" s="20">
        <v>2900</v>
      </c>
      <c r="Q3956" s="20"/>
      <c r="R3956" s="20"/>
      <c r="S3956" s="20"/>
      <c r="T3956" s="20">
        <v>2500</v>
      </c>
      <c r="U3956" s="20"/>
      <c r="V3956" s="20"/>
      <c r="W3956" s="20"/>
      <c r="X3956" s="19">
        <v>10</v>
      </c>
      <c r="Y3956" s="19"/>
      <c r="Z3956" s="19"/>
      <c r="AA3956" s="19"/>
    </row>
    <row r="3957" spans="1:27" s="1" customFormat="1" ht="14.1" customHeight="1" outlineLevel="2" x14ac:dyDescent="0.2">
      <c r="A3957" s="17"/>
      <c r="B3957" s="17"/>
      <c r="C3957" s="17"/>
      <c r="D3957" s="18"/>
      <c r="E3957" s="18"/>
      <c r="F3957" s="18"/>
      <c r="G3957" s="18"/>
      <c r="H3957" s="18"/>
      <c r="I3957" s="18"/>
      <c r="J3957" s="18"/>
      <c r="K3957" s="18"/>
      <c r="L3957" s="18"/>
      <c r="M3957" s="18"/>
      <c r="N3957" s="18"/>
      <c r="O3957" s="18"/>
      <c r="P3957" s="20"/>
      <c r="Q3957" s="20"/>
      <c r="R3957" s="20"/>
      <c r="S3957" s="20"/>
      <c r="T3957" s="20"/>
      <c r="U3957" s="20"/>
      <c r="V3957" s="20"/>
      <c r="W3957" s="20"/>
      <c r="X3957" s="19"/>
      <c r="Y3957" s="19"/>
      <c r="Z3957" s="19"/>
      <c r="AA3957" s="19"/>
    </row>
    <row r="3958" spans="1:27" s="1" customFormat="1" ht="14.1" customHeight="1" outlineLevel="2" x14ac:dyDescent="0.2">
      <c r="A3958" s="17">
        <v>18265</v>
      </c>
      <c r="B3958" s="17"/>
      <c r="C3958" s="17"/>
      <c r="D3958" s="18" t="s">
        <v>1980</v>
      </c>
      <c r="E3958" s="18"/>
      <c r="F3958" s="18"/>
      <c r="G3958" s="18"/>
      <c r="H3958" s="18"/>
      <c r="I3958" s="18"/>
      <c r="J3958" s="18"/>
      <c r="K3958" s="18"/>
      <c r="L3958" s="18"/>
      <c r="M3958" s="18"/>
      <c r="N3958" s="18"/>
      <c r="O3958" s="18"/>
      <c r="P3958" s="20">
        <v>5200</v>
      </c>
      <c r="Q3958" s="20"/>
      <c r="R3958" s="20"/>
      <c r="S3958" s="20"/>
      <c r="T3958" s="20">
        <v>4400</v>
      </c>
      <c r="U3958" s="20"/>
      <c r="V3958" s="20"/>
      <c r="W3958" s="20"/>
      <c r="X3958" s="19">
        <v>10</v>
      </c>
      <c r="Y3958" s="19"/>
      <c r="Z3958" s="19"/>
      <c r="AA3958" s="19"/>
    </row>
    <row r="3959" spans="1:27" s="1" customFormat="1" ht="14.1" customHeight="1" outlineLevel="2" x14ac:dyDescent="0.2">
      <c r="A3959" s="17"/>
      <c r="B3959" s="17"/>
      <c r="C3959" s="17"/>
      <c r="D3959" s="18"/>
      <c r="E3959" s="18"/>
      <c r="F3959" s="18"/>
      <c r="G3959" s="18"/>
      <c r="H3959" s="18"/>
      <c r="I3959" s="18"/>
      <c r="J3959" s="18"/>
      <c r="K3959" s="18"/>
      <c r="L3959" s="18"/>
      <c r="M3959" s="18"/>
      <c r="N3959" s="18"/>
      <c r="O3959" s="18"/>
      <c r="P3959" s="20"/>
      <c r="Q3959" s="20"/>
      <c r="R3959" s="20"/>
      <c r="S3959" s="20"/>
      <c r="T3959" s="20"/>
      <c r="U3959" s="20"/>
      <c r="V3959" s="20"/>
      <c r="W3959" s="20"/>
      <c r="X3959" s="19"/>
      <c r="Y3959" s="19"/>
      <c r="Z3959" s="19"/>
      <c r="AA3959" s="19"/>
    </row>
    <row r="3960" spans="1:27" s="1" customFormat="1" ht="14.1" customHeight="1" outlineLevel="2" x14ac:dyDescent="0.2">
      <c r="A3960" s="17">
        <v>18254</v>
      </c>
      <c r="B3960" s="17"/>
      <c r="C3960" s="17"/>
      <c r="D3960" s="18" t="s">
        <v>1981</v>
      </c>
      <c r="E3960" s="18"/>
      <c r="F3960" s="18"/>
      <c r="G3960" s="18"/>
      <c r="H3960" s="18"/>
      <c r="I3960" s="18"/>
      <c r="J3960" s="18"/>
      <c r="K3960" s="18"/>
      <c r="L3960" s="18"/>
      <c r="M3960" s="18"/>
      <c r="N3960" s="18"/>
      <c r="O3960" s="18"/>
      <c r="P3960" s="20">
        <v>1700</v>
      </c>
      <c r="Q3960" s="20"/>
      <c r="R3960" s="20"/>
      <c r="S3960" s="20"/>
      <c r="T3960" s="20">
        <v>1350</v>
      </c>
      <c r="U3960" s="20"/>
      <c r="V3960" s="20"/>
      <c r="W3960" s="20"/>
      <c r="X3960" s="19">
        <v>25</v>
      </c>
      <c r="Y3960" s="19"/>
      <c r="Z3960" s="19"/>
      <c r="AA3960" s="19"/>
    </row>
    <row r="3961" spans="1:27" s="1" customFormat="1" ht="14.1" customHeight="1" outlineLevel="2" x14ac:dyDescent="0.2">
      <c r="A3961" s="17"/>
      <c r="B3961" s="17"/>
      <c r="C3961" s="17"/>
      <c r="D3961" s="18"/>
      <c r="E3961" s="18"/>
      <c r="F3961" s="18"/>
      <c r="G3961" s="18"/>
      <c r="H3961" s="18"/>
      <c r="I3961" s="18"/>
      <c r="J3961" s="18"/>
      <c r="K3961" s="18"/>
      <c r="L3961" s="18"/>
      <c r="M3961" s="18"/>
      <c r="N3961" s="18"/>
      <c r="O3961" s="18"/>
      <c r="P3961" s="20"/>
      <c r="Q3961" s="20"/>
      <c r="R3961" s="20"/>
      <c r="S3961" s="20"/>
      <c r="T3961" s="20"/>
      <c r="U3961" s="20"/>
      <c r="V3961" s="20"/>
      <c r="W3961" s="20"/>
      <c r="X3961" s="19"/>
      <c r="Y3961" s="19"/>
      <c r="Z3961" s="19"/>
      <c r="AA3961" s="19"/>
    </row>
    <row r="3962" spans="1:27" s="1" customFormat="1" ht="14.1" customHeight="1" outlineLevel="2" x14ac:dyDescent="0.2">
      <c r="A3962" s="17">
        <v>15131</v>
      </c>
      <c r="B3962" s="17"/>
      <c r="C3962" s="17"/>
      <c r="D3962" s="18" t="s">
        <v>1982</v>
      </c>
      <c r="E3962" s="18"/>
      <c r="F3962" s="18"/>
      <c r="G3962" s="18"/>
      <c r="H3962" s="18"/>
      <c r="I3962" s="18"/>
      <c r="J3962" s="18"/>
      <c r="K3962" s="18"/>
      <c r="L3962" s="18"/>
      <c r="M3962" s="18"/>
      <c r="N3962" s="18"/>
      <c r="O3962" s="18"/>
      <c r="P3962" s="20">
        <v>1030</v>
      </c>
      <c r="Q3962" s="20"/>
      <c r="R3962" s="20"/>
      <c r="S3962" s="20"/>
      <c r="T3962" s="19">
        <v>930</v>
      </c>
      <c r="U3962" s="19"/>
      <c r="V3962" s="19"/>
      <c r="W3962" s="19"/>
      <c r="X3962" s="19">
        <v>3</v>
      </c>
      <c r="Y3962" s="19"/>
      <c r="Z3962" s="19"/>
      <c r="AA3962" s="19"/>
    </row>
    <row r="3963" spans="1:27" s="1" customFormat="1" ht="14.1" customHeight="1" outlineLevel="2" x14ac:dyDescent="0.2">
      <c r="A3963" s="17"/>
      <c r="B3963" s="17"/>
      <c r="C3963" s="17"/>
      <c r="D3963" s="18"/>
      <c r="E3963" s="18"/>
      <c r="F3963" s="18"/>
      <c r="G3963" s="18"/>
      <c r="H3963" s="18"/>
      <c r="I3963" s="18"/>
      <c r="J3963" s="18"/>
      <c r="K3963" s="18"/>
      <c r="L3963" s="18"/>
      <c r="M3963" s="18"/>
      <c r="N3963" s="18"/>
      <c r="O3963" s="18"/>
      <c r="P3963" s="20"/>
      <c r="Q3963" s="20"/>
      <c r="R3963" s="20"/>
      <c r="S3963" s="20"/>
      <c r="T3963" s="19"/>
      <c r="U3963" s="19"/>
      <c r="V3963" s="19"/>
      <c r="W3963" s="19"/>
      <c r="X3963" s="19"/>
      <c r="Y3963" s="19"/>
      <c r="Z3963" s="19"/>
      <c r="AA3963" s="19"/>
    </row>
    <row r="3964" spans="1:27" s="1" customFormat="1" ht="11.1" customHeight="1" outlineLevel="2" x14ac:dyDescent="0.2">
      <c r="A3964" s="17">
        <v>18282</v>
      </c>
      <c r="B3964" s="17"/>
      <c r="C3964" s="17"/>
      <c r="D3964" s="18" t="s">
        <v>1983</v>
      </c>
      <c r="E3964" s="18"/>
      <c r="F3964" s="18"/>
      <c r="G3964" s="18"/>
      <c r="H3964" s="18"/>
      <c r="I3964" s="18"/>
      <c r="J3964" s="18"/>
      <c r="K3964" s="18"/>
      <c r="L3964" s="18"/>
      <c r="M3964" s="18"/>
      <c r="N3964" s="18"/>
      <c r="O3964" s="18"/>
      <c r="P3964" s="20">
        <v>1400</v>
      </c>
      <c r="Q3964" s="20"/>
      <c r="R3964" s="20"/>
      <c r="S3964" s="20"/>
      <c r="T3964" s="19">
        <v>990</v>
      </c>
      <c r="U3964" s="19"/>
      <c r="V3964" s="19"/>
      <c r="W3964" s="19"/>
      <c r="X3964" s="19">
        <v>10</v>
      </c>
      <c r="Y3964" s="19"/>
      <c r="Z3964" s="19"/>
      <c r="AA3964" s="19"/>
    </row>
    <row r="3965" spans="1:27" s="1" customFormat="1" ht="11.1" customHeight="1" outlineLevel="2" x14ac:dyDescent="0.2">
      <c r="A3965" s="17"/>
      <c r="B3965" s="17"/>
      <c r="C3965" s="17"/>
      <c r="D3965" s="18"/>
      <c r="E3965" s="18"/>
      <c r="F3965" s="18"/>
      <c r="G3965" s="18"/>
      <c r="H3965" s="18"/>
      <c r="I3965" s="18"/>
      <c r="J3965" s="18"/>
      <c r="K3965" s="18"/>
      <c r="L3965" s="18"/>
      <c r="M3965" s="18"/>
      <c r="N3965" s="18"/>
      <c r="O3965" s="18"/>
      <c r="P3965" s="20"/>
      <c r="Q3965" s="20"/>
      <c r="R3965" s="20"/>
      <c r="S3965" s="20"/>
      <c r="T3965" s="19"/>
      <c r="U3965" s="19"/>
      <c r="V3965" s="19"/>
      <c r="W3965" s="19"/>
      <c r="X3965" s="19"/>
      <c r="Y3965" s="19"/>
      <c r="Z3965" s="19"/>
      <c r="AA3965" s="19"/>
    </row>
    <row r="3966" spans="1:27" s="1" customFormat="1" ht="14.1" customHeight="1" outlineLevel="2" x14ac:dyDescent="0.2">
      <c r="A3966" s="17">
        <v>15132</v>
      </c>
      <c r="B3966" s="17"/>
      <c r="C3966" s="17"/>
      <c r="D3966" s="18" t="s">
        <v>1984</v>
      </c>
      <c r="E3966" s="18"/>
      <c r="F3966" s="18"/>
      <c r="G3966" s="18"/>
      <c r="H3966" s="18"/>
      <c r="I3966" s="18"/>
      <c r="J3966" s="18"/>
      <c r="K3966" s="18"/>
      <c r="L3966" s="18"/>
      <c r="M3966" s="18"/>
      <c r="N3966" s="18"/>
      <c r="O3966" s="18"/>
      <c r="P3966" s="20">
        <v>1350</v>
      </c>
      <c r="Q3966" s="20"/>
      <c r="R3966" s="20"/>
      <c r="S3966" s="20"/>
      <c r="T3966" s="20">
        <v>1100</v>
      </c>
      <c r="U3966" s="20"/>
      <c r="V3966" s="20"/>
      <c r="W3966" s="20"/>
      <c r="X3966" s="19">
        <v>17</v>
      </c>
      <c r="Y3966" s="19"/>
      <c r="Z3966" s="19"/>
      <c r="AA3966" s="19"/>
    </row>
    <row r="3967" spans="1:27" s="1" customFormat="1" ht="14.1" customHeight="1" outlineLevel="2" x14ac:dyDescent="0.2">
      <c r="A3967" s="17"/>
      <c r="B3967" s="17"/>
      <c r="C3967" s="17"/>
      <c r="D3967" s="18"/>
      <c r="E3967" s="18"/>
      <c r="F3967" s="18"/>
      <c r="G3967" s="18"/>
      <c r="H3967" s="18"/>
      <c r="I3967" s="18"/>
      <c r="J3967" s="18"/>
      <c r="K3967" s="18"/>
      <c r="L3967" s="18"/>
      <c r="M3967" s="18"/>
      <c r="N3967" s="18"/>
      <c r="O3967" s="18"/>
      <c r="P3967" s="20"/>
      <c r="Q3967" s="20"/>
      <c r="R3967" s="20"/>
      <c r="S3967" s="20"/>
      <c r="T3967" s="20"/>
      <c r="U3967" s="20"/>
      <c r="V3967" s="20"/>
      <c r="W3967" s="20"/>
      <c r="X3967" s="19"/>
      <c r="Y3967" s="19"/>
      <c r="Z3967" s="19"/>
      <c r="AA3967" s="19"/>
    </row>
    <row r="3968" spans="1:27" s="1" customFormat="1" ht="11.1" customHeight="1" outlineLevel="2" x14ac:dyDescent="0.2">
      <c r="A3968" s="17">
        <v>15133</v>
      </c>
      <c r="B3968" s="17"/>
      <c r="C3968" s="17"/>
      <c r="D3968" s="18" t="s">
        <v>1985</v>
      </c>
      <c r="E3968" s="18"/>
      <c r="F3968" s="18"/>
      <c r="G3968" s="18"/>
      <c r="H3968" s="18"/>
      <c r="I3968" s="18"/>
      <c r="J3968" s="18"/>
      <c r="K3968" s="18"/>
      <c r="L3968" s="18"/>
      <c r="M3968" s="18"/>
      <c r="N3968" s="18"/>
      <c r="O3968" s="18"/>
      <c r="P3968" s="20">
        <v>1160</v>
      </c>
      <c r="Q3968" s="20"/>
      <c r="R3968" s="20"/>
      <c r="S3968" s="20"/>
      <c r="T3968" s="20">
        <v>1060</v>
      </c>
      <c r="U3968" s="20"/>
      <c r="V3968" s="20"/>
      <c r="W3968" s="20"/>
      <c r="X3968" s="19">
        <v>5</v>
      </c>
      <c r="Y3968" s="19"/>
      <c r="Z3968" s="19"/>
      <c r="AA3968" s="19"/>
    </row>
    <row r="3969" spans="1:27" s="1" customFormat="1" ht="11.1" customHeight="1" outlineLevel="2" x14ac:dyDescent="0.2">
      <c r="A3969" s="17"/>
      <c r="B3969" s="17"/>
      <c r="C3969" s="17"/>
      <c r="D3969" s="18"/>
      <c r="E3969" s="18"/>
      <c r="F3969" s="18"/>
      <c r="G3969" s="18"/>
      <c r="H3969" s="18"/>
      <c r="I3969" s="18"/>
      <c r="J3969" s="18"/>
      <c r="K3969" s="18"/>
      <c r="L3969" s="18"/>
      <c r="M3969" s="18"/>
      <c r="N3969" s="18"/>
      <c r="O3969" s="18"/>
      <c r="P3969" s="20"/>
      <c r="Q3969" s="20"/>
      <c r="R3969" s="20"/>
      <c r="S3969" s="20"/>
      <c r="T3969" s="20"/>
      <c r="U3969" s="20"/>
      <c r="V3969" s="20"/>
      <c r="W3969" s="20"/>
      <c r="X3969" s="19"/>
      <c r="Y3969" s="19"/>
      <c r="Z3969" s="19"/>
      <c r="AA3969" s="19"/>
    </row>
    <row r="3970" spans="1:27" s="1" customFormat="1" ht="11.1" customHeight="1" outlineLevel="2" x14ac:dyDescent="0.2">
      <c r="A3970" s="17">
        <v>18277</v>
      </c>
      <c r="B3970" s="17"/>
      <c r="C3970" s="17"/>
      <c r="D3970" s="18" t="s">
        <v>1986</v>
      </c>
      <c r="E3970" s="18"/>
      <c r="F3970" s="18"/>
      <c r="G3970" s="18"/>
      <c r="H3970" s="18"/>
      <c r="I3970" s="18"/>
      <c r="J3970" s="18"/>
      <c r="K3970" s="18"/>
      <c r="L3970" s="18"/>
      <c r="M3970" s="18"/>
      <c r="N3970" s="18"/>
      <c r="O3970" s="18"/>
      <c r="P3970" s="20">
        <v>1400</v>
      </c>
      <c r="Q3970" s="20"/>
      <c r="R3970" s="20"/>
      <c r="S3970" s="20"/>
      <c r="T3970" s="20">
        <v>1050</v>
      </c>
      <c r="U3970" s="20"/>
      <c r="V3970" s="20"/>
      <c r="W3970" s="20"/>
      <c r="X3970" s="19">
        <v>20</v>
      </c>
      <c r="Y3970" s="19"/>
      <c r="Z3970" s="19"/>
      <c r="AA3970" s="19"/>
    </row>
    <row r="3971" spans="1:27" s="1" customFormat="1" ht="11.1" customHeight="1" outlineLevel="2" x14ac:dyDescent="0.2">
      <c r="A3971" s="17"/>
      <c r="B3971" s="17"/>
      <c r="C3971" s="17"/>
      <c r="D3971" s="18"/>
      <c r="E3971" s="18"/>
      <c r="F3971" s="18"/>
      <c r="G3971" s="18"/>
      <c r="H3971" s="18"/>
      <c r="I3971" s="18"/>
      <c r="J3971" s="18"/>
      <c r="K3971" s="18"/>
      <c r="L3971" s="18"/>
      <c r="M3971" s="18"/>
      <c r="N3971" s="18"/>
      <c r="O3971" s="18"/>
      <c r="P3971" s="20"/>
      <c r="Q3971" s="20"/>
      <c r="R3971" s="20"/>
      <c r="S3971" s="20"/>
      <c r="T3971" s="20"/>
      <c r="U3971" s="20"/>
      <c r="V3971" s="20"/>
      <c r="W3971" s="20"/>
      <c r="X3971" s="19"/>
      <c r="Y3971" s="19"/>
      <c r="Z3971" s="19"/>
      <c r="AA3971" s="19"/>
    </row>
    <row r="3972" spans="1:27" s="1" customFormat="1" ht="14.1" customHeight="1" outlineLevel="2" x14ac:dyDescent="0.2">
      <c r="A3972" s="17">
        <v>17715</v>
      </c>
      <c r="B3972" s="17"/>
      <c r="C3972" s="17"/>
      <c r="D3972" s="18" t="s">
        <v>1987</v>
      </c>
      <c r="E3972" s="18"/>
      <c r="F3972" s="18"/>
      <c r="G3972" s="18"/>
      <c r="H3972" s="18"/>
      <c r="I3972" s="18"/>
      <c r="J3972" s="18"/>
      <c r="K3972" s="18"/>
      <c r="L3972" s="18"/>
      <c r="M3972" s="18"/>
      <c r="N3972" s="18"/>
      <c r="O3972" s="18"/>
      <c r="P3972" s="20">
        <v>1400</v>
      </c>
      <c r="Q3972" s="20"/>
      <c r="R3972" s="20"/>
      <c r="S3972" s="20"/>
      <c r="T3972" s="19">
        <v>980</v>
      </c>
      <c r="U3972" s="19"/>
      <c r="V3972" s="19"/>
      <c r="W3972" s="19"/>
      <c r="X3972" s="19">
        <v>27</v>
      </c>
      <c r="Y3972" s="19"/>
      <c r="Z3972" s="19"/>
      <c r="AA3972" s="19"/>
    </row>
    <row r="3973" spans="1:27" s="1" customFormat="1" ht="14.1" customHeight="1" outlineLevel="2" x14ac:dyDescent="0.2">
      <c r="A3973" s="17"/>
      <c r="B3973" s="17"/>
      <c r="C3973" s="17"/>
      <c r="D3973" s="18"/>
      <c r="E3973" s="18"/>
      <c r="F3973" s="18"/>
      <c r="G3973" s="18"/>
      <c r="H3973" s="18"/>
      <c r="I3973" s="18"/>
      <c r="J3973" s="18"/>
      <c r="K3973" s="18"/>
      <c r="L3973" s="18"/>
      <c r="M3973" s="18"/>
      <c r="N3973" s="18"/>
      <c r="O3973" s="18"/>
      <c r="P3973" s="20"/>
      <c r="Q3973" s="20"/>
      <c r="R3973" s="20"/>
      <c r="S3973" s="20"/>
      <c r="T3973" s="19"/>
      <c r="U3973" s="19"/>
      <c r="V3973" s="19"/>
      <c r="W3973" s="19"/>
      <c r="X3973" s="19"/>
      <c r="Y3973" s="19"/>
      <c r="Z3973" s="19"/>
      <c r="AA3973" s="19"/>
    </row>
    <row r="3974" spans="1:27" s="1" customFormat="1" ht="14.1" customHeight="1" outlineLevel="2" x14ac:dyDescent="0.2">
      <c r="A3974" s="17">
        <v>17110</v>
      </c>
      <c r="B3974" s="17"/>
      <c r="C3974" s="17"/>
      <c r="D3974" s="18" t="s">
        <v>1988</v>
      </c>
      <c r="E3974" s="18"/>
      <c r="F3974" s="18"/>
      <c r="G3974" s="18"/>
      <c r="H3974" s="18"/>
      <c r="I3974" s="18"/>
      <c r="J3974" s="18"/>
      <c r="K3974" s="18"/>
      <c r="L3974" s="18"/>
      <c r="M3974" s="18"/>
      <c r="N3974" s="18"/>
      <c r="O3974" s="18"/>
      <c r="P3974" s="20">
        <v>2990</v>
      </c>
      <c r="Q3974" s="20"/>
      <c r="R3974" s="20"/>
      <c r="S3974" s="20"/>
      <c r="T3974" s="20">
        <v>2670</v>
      </c>
      <c r="U3974" s="20"/>
      <c r="V3974" s="20"/>
      <c r="W3974" s="20"/>
      <c r="X3974" s="19">
        <v>4</v>
      </c>
      <c r="Y3974" s="19"/>
      <c r="Z3974" s="19"/>
      <c r="AA3974" s="19"/>
    </row>
    <row r="3975" spans="1:27" s="1" customFormat="1" ht="14.1" customHeight="1" outlineLevel="2" x14ac:dyDescent="0.2">
      <c r="A3975" s="17"/>
      <c r="B3975" s="17"/>
      <c r="C3975" s="17"/>
      <c r="D3975" s="18"/>
      <c r="E3975" s="18"/>
      <c r="F3975" s="18"/>
      <c r="G3975" s="18"/>
      <c r="H3975" s="18"/>
      <c r="I3975" s="18"/>
      <c r="J3975" s="18"/>
      <c r="K3975" s="18"/>
      <c r="L3975" s="18"/>
      <c r="M3975" s="18"/>
      <c r="N3975" s="18"/>
      <c r="O3975" s="18"/>
      <c r="P3975" s="20"/>
      <c r="Q3975" s="20"/>
      <c r="R3975" s="20"/>
      <c r="S3975" s="20"/>
      <c r="T3975" s="20"/>
      <c r="U3975" s="20"/>
      <c r="V3975" s="20"/>
      <c r="W3975" s="20"/>
      <c r="X3975" s="19"/>
      <c r="Y3975" s="19"/>
      <c r="Z3975" s="19"/>
      <c r="AA3975" s="19"/>
    </row>
    <row r="3976" spans="1:27" s="1" customFormat="1" ht="14.1" customHeight="1" outlineLevel="2" x14ac:dyDescent="0.2">
      <c r="A3976" s="17">
        <v>17111</v>
      </c>
      <c r="B3976" s="17"/>
      <c r="C3976" s="17"/>
      <c r="D3976" s="18" t="s">
        <v>1989</v>
      </c>
      <c r="E3976" s="18"/>
      <c r="F3976" s="18"/>
      <c r="G3976" s="18"/>
      <c r="H3976" s="18"/>
      <c r="I3976" s="18"/>
      <c r="J3976" s="18"/>
      <c r="K3976" s="18"/>
      <c r="L3976" s="18"/>
      <c r="M3976" s="18"/>
      <c r="N3976" s="18"/>
      <c r="O3976" s="18"/>
      <c r="P3976" s="20">
        <v>1450</v>
      </c>
      <c r="Q3976" s="20"/>
      <c r="R3976" s="20"/>
      <c r="S3976" s="20"/>
      <c r="T3976" s="20">
        <v>1200</v>
      </c>
      <c r="U3976" s="20"/>
      <c r="V3976" s="20"/>
      <c r="W3976" s="20"/>
      <c r="X3976" s="19">
        <v>10</v>
      </c>
      <c r="Y3976" s="19"/>
      <c r="Z3976" s="19"/>
      <c r="AA3976" s="19"/>
    </row>
    <row r="3977" spans="1:27" s="1" customFormat="1" ht="14.1" customHeight="1" outlineLevel="2" x14ac:dyDescent="0.2">
      <c r="A3977" s="17"/>
      <c r="B3977" s="17"/>
      <c r="C3977" s="17"/>
      <c r="D3977" s="18"/>
      <c r="E3977" s="18"/>
      <c r="F3977" s="18"/>
      <c r="G3977" s="18"/>
      <c r="H3977" s="18"/>
      <c r="I3977" s="18"/>
      <c r="J3977" s="18"/>
      <c r="K3977" s="18"/>
      <c r="L3977" s="18"/>
      <c r="M3977" s="18"/>
      <c r="N3977" s="18"/>
      <c r="O3977" s="18"/>
      <c r="P3977" s="20"/>
      <c r="Q3977" s="20"/>
      <c r="R3977" s="20"/>
      <c r="S3977" s="20"/>
      <c r="T3977" s="20"/>
      <c r="U3977" s="20"/>
      <c r="V3977" s="20"/>
      <c r="W3977" s="20"/>
      <c r="X3977" s="19"/>
      <c r="Y3977" s="19"/>
      <c r="Z3977" s="19"/>
      <c r="AA3977" s="19"/>
    </row>
    <row r="3978" spans="1:27" s="1" customFormat="1" ht="14.1" customHeight="1" outlineLevel="2" x14ac:dyDescent="0.2">
      <c r="A3978" s="17">
        <v>18243</v>
      </c>
      <c r="B3978" s="17"/>
      <c r="C3978" s="17"/>
      <c r="D3978" s="18" t="s">
        <v>1990</v>
      </c>
      <c r="E3978" s="18"/>
      <c r="F3978" s="18"/>
      <c r="G3978" s="18"/>
      <c r="H3978" s="18"/>
      <c r="I3978" s="18"/>
      <c r="J3978" s="18"/>
      <c r="K3978" s="18"/>
      <c r="L3978" s="18"/>
      <c r="M3978" s="18"/>
      <c r="N3978" s="18"/>
      <c r="O3978" s="18"/>
      <c r="P3978" s="20">
        <v>3000</v>
      </c>
      <c r="Q3978" s="20"/>
      <c r="R3978" s="20"/>
      <c r="S3978" s="20"/>
      <c r="T3978" s="20">
        <v>2620</v>
      </c>
      <c r="U3978" s="20"/>
      <c r="V3978" s="20"/>
      <c r="W3978" s="20"/>
      <c r="X3978" s="19">
        <v>5</v>
      </c>
      <c r="Y3978" s="19"/>
      <c r="Z3978" s="19"/>
      <c r="AA3978" s="19"/>
    </row>
    <row r="3979" spans="1:27" s="1" customFormat="1" ht="14.1" customHeight="1" outlineLevel="2" x14ac:dyDescent="0.2">
      <c r="A3979" s="17"/>
      <c r="B3979" s="17"/>
      <c r="C3979" s="17"/>
      <c r="D3979" s="18"/>
      <c r="E3979" s="18"/>
      <c r="F3979" s="18"/>
      <c r="G3979" s="18"/>
      <c r="H3979" s="18"/>
      <c r="I3979" s="18"/>
      <c r="J3979" s="18"/>
      <c r="K3979" s="18"/>
      <c r="L3979" s="18"/>
      <c r="M3979" s="18"/>
      <c r="N3979" s="18"/>
      <c r="O3979" s="18"/>
      <c r="P3979" s="20"/>
      <c r="Q3979" s="20"/>
      <c r="R3979" s="20"/>
      <c r="S3979" s="20"/>
      <c r="T3979" s="20"/>
      <c r="U3979" s="20"/>
      <c r="V3979" s="20"/>
      <c r="W3979" s="20"/>
      <c r="X3979" s="19"/>
      <c r="Y3979" s="19"/>
      <c r="Z3979" s="19"/>
      <c r="AA3979" s="19"/>
    </row>
    <row r="3980" spans="1:27" s="1" customFormat="1" ht="14.1" customHeight="1" outlineLevel="2" x14ac:dyDescent="0.2">
      <c r="A3980" s="17">
        <v>18244</v>
      </c>
      <c r="B3980" s="17"/>
      <c r="C3980" s="17"/>
      <c r="D3980" s="18" t="s">
        <v>1991</v>
      </c>
      <c r="E3980" s="18"/>
      <c r="F3980" s="18"/>
      <c r="G3980" s="18"/>
      <c r="H3980" s="18"/>
      <c r="I3980" s="18"/>
      <c r="J3980" s="18"/>
      <c r="K3980" s="18"/>
      <c r="L3980" s="18"/>
      <c r="M3980" s="18"/>
      <c r="N3980" s="18"/>
      <c r="O3980" s="18"/>
      <c r="P3980" s="20">
        <v>1400</v>
      </c>
      <c r="Q3980" s="20"/>
      <c r="R3980" s="20"/>
      <c r="S3980" s="20"/>
      <c r="T3980" s="20">
        <v>1100</v>
      </c>
      <c r="U3980" s="20"/>
      <c r="V3980" s="20"/>
      <c r="W3980" s="20"/>
      <c r="X3980" s="19">
        <v>5</v>
      </c>
      <c r="Y3980" s="19"/>
      <c r="Z3980" s="19"/>
      <c r="AA3980" s="19"/>
    </row>
    <row r="3981" spans="1:27" s="1" customFormat="1" ht="14.1" customHeight="1" outlineLevel="2" x14ac:dyDescent="0.2">
      <c r="A3981" s="17"/>
      <c r="B3981" s="17"/>
      <c r="C3981" s="17"/>
      <c r="D3981" s="18"/>
      <c r="E3981" s="18"/>
      <c r="F3981" s="18"/>
      <c r="G3981" s="18"/>
      <c r="H3981" s="18"/>
      <c r="I3981" s="18"/>
      <c r="J3981" s="18"/>
      <c r="K3981" s="18"/>
      <c r="L3981" s="18"/>
      <c r="M3981" s="18"/>
      <c r="N3981" s="18"/>
      <c r="O3981" s="18"/>
      <c r="P3981" s="20"/>
      <c r="Q3981" s="20"/>
      <c r="R3981" s="20"/>
      <c r="S3981" s="20"/>
      <c r="T3981" s="20"/>
      <c r="U3981" s="20"/>
      <c r="V3981" s="20"/>
      <c r="W3981" s="20"/>
      <c r="X3981" s="19"/>
      <c r="Y3981" s="19"/>
      <c r="Z3981" s="19"/>
      <c r="AA3981" s="19"/>
    </row>
    <row r="3982" spans="1:27" s="1" customFormat="1" ht="14.1" customHeight="1" outlineLevel="2" x14ac:dyDescent="0.2">
      <c r="A3982" s="17">
        <v>17829</v>
      </c>
      <c r="B3982" s="17"/>
      <c r="C3982" s="17"/>
      <c r="D3982" s="18" t="s">
        <v>1992</v>
      </c>
      <c r="E3982" s="18"/>
      <c r="F3982" s="18"/>
      <c r="G3982" s="18"/>
      <c r="H3982" s="18"/>
      <c r="I3982" s="18"/>
      <c r="J3982" s="18"/>
      <c r="K3982" s="18"/>
      <c r="L3982" s="18"/>
      <c r="M3982" s="18"/>
      <c r="N3982" s="18"/>
      <c r="O3982" s="18"/>
      <c r="P3982" s="20">
        <v>12500</v>
      </c>
      <c r="Q3982" s="20"/>
      <c r="R3982" s="20"/>
      <c r="S3982" s="20"/>
      <c r="T3982" s="20">
        <v>11500</v>
      </c>
      <c r="U3982" s="20"/>
      <c r="V3982" s="20"/>
      <c r="W3982" s="20"/>
      <c r="X3982" s="19">
        <v>1</v>
      </c>
      <c r="Y3982" s="19"/>
      <c r="Z3982" s="19"/>
      <c r="AA3982" s="19"/>
    </row>
    <row r="3983" spans="1:27" s="1" customFormat="1" ht="14.1" customHeight="1" outlineLevel="2" x14ac:dyDescent="0.2">
      <c r="A3983" s="17"/>
      <c r="B3983" s="17"/>
      <c r="C3983" s="17"/>
      <c r="D3983" s="18"/>
      <c r="E3983" s="18"/>
      <c r="F3983" s="18"/>
      <c r="G3983" s="18"/>
      <c r="H3983" s="18"/>
      <c r="I3983" s="18"/>
      <c r="J3983" s="18"/>
      <c r="K3983" s="18"/>
      <c r="L3983" s="18"/>
      <c r="M3983" s="18"/>
      <c r="N3983" s="18"/>
      <c r="O3983" s="18"/>
      <c r="P3983" s="20"/>
      <c r="Q3983" s="20"/>
      <c r="R3983" s="20"/>
      <c r="S3983" s="20"/>
      <c r="T3983" s="20"/>
      <c r="U3983" s="20"/>
      <c r="V3983" s="20"/>
      <c r="W3983" s="20"/>
      <c r="X3983" s="19"/>
      <c r="Y3983" s="19"/>
      <c r="Z3983" s="19"/>
      <c r="AA3983" s="19"/>
    </row>
    <row r="3984" spans="1:27" s="1" customFormat="1" ht="11.1" customHeight="1" outlineLevel="2" x14ac:dyDescent="0.2">
      <c r="A3984" s="17">
        <v>14032</v>
      </c>
      <c r="B3984" s="17"/>
      <c r="C3984" s="17"/>
      <c r="D3984" s="18" t="s">
        <v>1993</v>
      </c>
      <c r="E3984" s="18"/>
      <c r="F3984" s="18"/>
      <c r="G3984" s="18"/>
      <c r="H3984" s="18"/>
      <c r="I3984" s="18"/>
      <c r="J3984" s="18"/>
      <c r="K3984" s="18"/>
      <c r="L3984" s="18"/>
      <c r="M3984" s="18"/>
      <c r="N3984" s="18"/>
      <c r="O3984" s="18"/>
      <c r="P3984" s="20">
        <v>1100</v>
      </c>
      <c r="Q3984" s="20"/>
      <c r="R3984" s="20"/>
      <c r="S3984" s="20"/>
      <c r="T3984" s="20">
        <v>1020</v>
      </c>
      <c r="U3984" s="20"/>
      <c r="V3984" s="20"/>
      <c r="W3984" s="20"/>
      <c r="X3984" s="19">
        <v>5</v>
      </c>
      <c r="Y3984" s="19"/>
      <c r="Z3984" s="19"/>
      <c r="AA3984" s="19"/>
    </row>
    <row r="3985" spans="1:27" s="1" customFormat="1" ht="11.1" customHeight="1" outlineLevel="2" x14ac:dyDescent="0.2">
      <c r="A3985" s="17"/>
      <c r="B3985" s="17"/>
      <c r="C3985" s="17"/>
      <c r="D3985" s="18"/>
      <c r="E3985" s="18"/>
      <c r="F3985" s="18"/>
      <c r="G3985" s="18"/>
      <c r="H3985" s="18"/>
      <c r="I3985" s="18"/>
      <c r="J3985" s="18"/>
      <c r="K3985" s="18"/>
      <c r="L3985" s="18"/>
      <c r="M3985" s="18"/>
      <c r="N3985" s="18"/>
      <c r="O3985" s="18"/>
      <c r="P3985" s="20"/>
      <c r="Q3985" s="20"/>
      <c r="R3985" s="20"/>
      <c r="S3985" s="20"/>
      <c r="T3985" s="20"/>
      <c r="U3985" s="20"/>
      <c r="V3985" s="20"/>
      <c r="W3985" s="20"/>
      <c r="X3985" s="19"/>
      <c r="Y3985" s="19"/>
      <c r="Z3985" s="19"/>
      <c r="AA3985" s="19"/>
    </row>
    <row r="3986" spans="1:27" s="1" customFormat="1" ht="11.1" customHeight="1" outlineLevel="2" x14ac:dyDescent="0.2">
      <c r="A3986" s="17">
        <v>14034</v>
      </c>
      <c r="B3986" s="17"/>
      <c r="C3986" s="17"/>
      <c r="D3986" s="18" t="s">
        <v>1994</v>
      </c>
      <c r="E3986" s="18"/>
      <c r="F3986" s="18"/>
      <c r="G3986" s="18"/>
      <c r="H3986" s="18"/>
      <c r="I3986" s="18"/>
      <c r="J3986" s="18"/>
      <c r="K3986" s="18"/>
      <c r="L3986" s="18"/>
      <c r="M3986" s="18"/>
      <c r="N3986" s="18"/>
      <c r="O3986" s="18"/>
      <c r="P3986" s="20">
        <v>1100</v>
      </c>
      <c r="Q3986" s="20"/>
      <c r="R3986" s="20"/>
      <c r="S3986" s="20"/>
      <c r="T3986" s="20">
        <v>1020</v>
      </c>
      <c r="U3986" s="20"/>
      <c r="V3986" s="20"/>
      <c r="W3986" s="20"/>
      <c r="X3986" s="19">
        <v>4</v>
      </c>
      <c r="Y3986" s="19"/>
      <c r="Z3986" s="19"/>
      <c r="AA3986" s="19"/>
    </row>
    <row r="3987" spans="1:27" s="1" customFormat="1" ht="11.1" customHeight="1" outlineLevel="2" x14ac:dyDescent="0.2">
      <c r="A3987" s="17"/>
      <c r="B3987" s="17"/>
      <c r="C3987" s="17"/>
      <c r="D3987" s="18"/>
      <c r="E3987" s="18"/>
      <c r="F3987" s="18"/>
      <c r="G3987" s="18"/>
      <c r="H3987" s="18"/>
      <c r="I3987" s="18"/>
      <c r="J3987" s="18"/>
      <c r="K3987" s="18"/>
      <c r="L3987" s="18"/>
      <c r="M3987" s="18"/>
      <c r="N3987" s="18"/>
      <c r="O3987" s="18"/>
      <c r="P3987" s="20"/>
      <c r="Q3987" s="20"/>
      <c r="R3987" s="20"/>
      <c r="S3987" s="20"/>
      <c r="T3987" s="20"/>
      <c r="U3987" s="20"/>
      <c r="V3987" s="20"/>
      <c r="W3987" s="20"/>
      <c r="X3987" s="19"/>
      <c r="Y3987" s="19"/>
      <c r="Z3987" s="19"/>
      <c r="AA3987" s="19"/>
    </row>
    <row r="3988" spans="1:27" s="1" customFormat="1" ht="11.1" customHeight="1" outlineLevel="2" x14ac:dyDescent="0.2">
      <c r="A3988" s="17">
        <v>14033</v>
      </c>
      <c r="B3988" s="17"/>
      <c r="C3988" s="17"/>
      <c r="D3988" s="18" t="s">
        <v>1995</v>
      </c>
      <c r="E3988" s="18"/>
      <c r="F3988" s="18"/>
      <c r="G3988" s="18"/>
      <c r="H3988" s="18"/>
      <c r="I3988" s="18"/>
      <c r="J3988" s="18"/>
      <c r="K3988" s="18"/>
      <c r="L3988" s="18"/>
      <c r="M3988" s="18"/>
      <c r="N3988" s="18"/>
      <c r="O3988" s="18"/>
      <c r="P3988" s="20">
        <v>1100</v>
      </c>
      <c r="Q3988" s="20"/>
      <c r="R3988" s="20"/>
      <c r="S3988" s="20"/>
      <c r="T3988" s="20">
        <v>1020</v>
      </c>
      <c r="U3988" s="20"/>
      <c r="V3988" s="20"/>
      <c r="W3988" s="20"/>
      <c r="X3988" s="19">
        <v>4</v>
      </c>
      <c r="Y3988" s="19"/>
      <c r="Z3988" s="19"/>
      <c r="AA3988" s="19"/>
    </row>
    <row r="3989" spans="1:27" s="1" customFormat="1" ht="11.1" customHeight="1" outlineLevel="2" x14ac:dyDescent="0.2">
      <c r="A3989" s="17"/>
      <c r="B3989" s="17"/>
      <c r="C3989" s="17"/>
      <c r="D3989" s="18"/>
      <c r="E3989" s="18"/>
      <c r="F3989" s="18"/>
      <c r="G3989" s="18"/>
      <c r="H3989" s="18"/>
      <c r="I3989" s="18"/>
      <c r="J3989" s="18"/>
      <c r="K3989" s="18"/>
      <c r="L3989" s="18"/>
      <c r="M3989" s="18"/>
      <c r="N3989" s="18"/>
      <c r="O3989" s="18"/>
      <c r="P3989" s="20"/>
      <c r="Q3989" s="20"/>
      <c r="R3989" s="20"/>
      <c r="S3989" s="20"/>
      <c r="T3989" s="20"/>
      <c r="U3989" s="20"/>
      <c r="V3989" s="20"/>
      <c r="W3989" s="20"/>
      <c r="X3989" s="19"/>
      <c r="Y3989" s="19"/>
      <c r="Z3989" s="19"/>
      <c r="AA3989" s="19"/>
    </row>
    <row r="3990" spans="1:27" s="1" customFormat="1" ht="11.1" customHeight="1" outlineLevel="2" x14ac:dyDescent="0.2">
      <c r="A3990" s="17">
        <v>14035</v>
      </c>
      <c r="B3990" s="17"/>
      <c r="C3990" s="17"/>
      <c r="D3990" s="18" t="s">
        <v>1996</v>
      </c>
      <c r="E3990" s="18"/>
      <c r="F3990" s="18"/>
      <c r="G3990" s="18"/>
      <c r="H3990" s="18"/>
      <c r="I3990" s="18"/>
      <c r="J3990" s="18"/>
      <c r="K3990" s="18"/>
      <c r="L3990" s="18"/>
      <c r="M3990" s="18"/>
      <c r="N3990" s="18"/>
      <c r="O3990" s="18"/>
      <c r="P3990" s="20">
        <v>1420</v>
      </c>
      <c r="Q3990" s="20"/>
      <c r="R3990" s="20"/>
      <c r="S3990" s="20"/>
      <c r="T3990" s="20">
        <v>1300</v>
      </c>
      <c r="U3990" s="20"/>
      <c r="V3990" s="20"/>
      <c r="W3990" s="20"/>
      <c r="X3990" s="19">
        <v>14</v>
      </c>
      <c r="Y3990" s="19"/>
      <c r="Z3990" s="19"/>
      <c r="AA3990" s="19"/>
    </row>
    <row r="3991" spans="1:27" s="1" customFormat="1" ht="11.1" customHeight="1" outlineLevel="2" x14ac:dyDescent="0.2">
      <c r="A3991" s="17"/>
      <c r="B3991" s="17"/>
      <c r="C3991" s="17"/>
      <c r="D3991" s="18"/>
      <c r="E3991" s="18"/>
      <c r="F3991" s="18"/>
      <c r="G3991" s="18"/>
      <c r="H3991" s="18"/>
      <c r="I3991" s="18"/>
      <c r="J3991" s="18"/>
      <c r="K3991" s="18"/>
      <c r="L3991" s="18"/>
      <c r="M3991" s="18"/>
      <c r="N3991" s="18"/>
      <c r="O3991" s="18"/>
      <c r="P3991" s="20"/>
      <c r="Q3991" s="20"/>
      <c r="R3991" s="20"/>
      <c r="S3991" s="20"/>
      <c r="T3991" s="20"/>
      <c r="U3991" s="20"/>
      <c r="V3991" s="20"/>
      <c r="W3991" s="20"/>
      <c r="X3991" s="19"/>
      <c r="Y3991" s="19"/>
      <c r="Z3991" s="19"/>
      <c r="AA3991" s="19"/>
    </row>
    <row r="3992" spans="1:27" s="1" customFormat="1" ht="14.1" customHeight="1" outlineLevel="2" x14ac:dyDescent="0.2">
      <c r="A3992" s="17">
        <v>14738</v>
      </c>
      <c r="B3992" s="17"/>
      <c r="C3992" s="17"/>
      <c r="D3992" s="18" t="s">
        <v>1997</v>
      </c>
      <c r="E3992" s="18"/>
      <c r="F3992" s="18"/>
      <c r="G3992" s="18"/>
      <c r="H3992" s="18"/>
      <c r="I3992" s="18"/>
      <c r="J3992" s="18"/>
      <c r="K3992" s="18"/>
      <c r="L3992" s="18"/>
      <c r="M3992" s="18"/>
      <c r="N3992" s="18"/>
      <c r="O3992" s="18"/>
      <c r="P3992" s="20">
        <v>1250</v>
      </c>
      <c r="Q3992" s="20"/>
      <c r="R3992" s="20"/>
      <c r="S3992" s="20"/>
      <c r="T3992" s="20">
        <v>1150</v>
      </c>
      <c r="U3992" s="20"/>
      <c r="V3992" s="20"/>
      <c r="W3992" s="20"/>
      <c r="X3992" s="19">
        <v>6</v>
      </c>
      <c r="Y3992" s="19"/>
      <c r="Z3992" s="19"/>
      <c r="AA3992" s="19"/>
    </row>
    <row r="3993" spans="1:27" s="1" customFormat="1" ht="14.1" customHeight="1" outlineLevel="2" x14ac:dyDescent="0.2">
      <c r="A3993" s="17"/>
      <c r="B3993" s="17"/>
      <c r="C3993" s="17"/>
      <c r="D3993" s="18"/>
      <c r="E3993" s="18"/>
      <c r="F3993" s="18"/>
      <c r="G3993" s="18"/>
      <c r="H3993" s="18"/>
      <c r="I3993" s="18"/>
      <c r="J3993" s="18"/>
      <c r="K3993" s="18"/>
      <c r="L3993" s="18"/>
      <c r="M3993" s="18"/>
      <c r="N3993" s="18"/>
      <c r="O3993" s="18"/>
      <c r="P3993" s="20"/>
      <c r="Q3993" s="20"/>
      <c r="R3993" s="20"/>
      <c r="S3993" s="20"/>
      <c r="T3993" s="20"/>
      <c r="U3993" s="20"/>
      <c r="V3993" s="20"/>
      <c r="W3993" s="20"/>
      <c r="X3993" s="19"/>
      <c r="Y3993" s="19"/>
      <c r="Z3993" s="19"/>
      <c r="AA3993" s="19"/>
    </row>
    <row r="3994" spans="1:27" s="1" customFormat="1" ht="14.1" customHeight="1" outlineLevel="2" x14ac:dyDescent="0.2">
      <c r="A3994" s="17">
        <v>17359</v>
      </c>
      <c r="B3994" s="17"/>
      <c r="C3994" s="17"/>
      <c r="D3994" s="18" t="s">
        <v>1998</v>
      </c>
      <c r="E3994" s="18"/>
      <c r="F3994" s="18"/>
      <c r="G3994" s="18"/>
      <c r="H3994" s="18"/>
      <c r="I3994" s="18"/>
      <c r="J3994" s="18"/>
      <c r="K3994" s="18"/>
      <c r="L3994" s="18"/>
      <c r="M3994" s="18"/>
      <c r="N3994" s="18"/>
      <c r="O3994" s="18"/>
      <c r="P3994" s="20">
        <v>1700</v>
      </c>
      <c r="Q3994" s="20"/>
      <c r="R3994" s="20"/>
      <c r="S3994" s="20"/>
      <c r="T3994" s="20">
        <v>1400</v>
      </c>
      <c r="U3994" s="20"/>
      <c r="V3994" s="20"/>
      <c r="W3994" s="20"/>
      <c r="X3994" s="19">
        <v>1</v>
      </c>
      <c r="Y3994" s="19"/>
      <c r="Z3994" s="19"/>
      <c r="AA3994" s="19"/>
    </row>
    <row r="3995" spans="1:27" s="1" customFormat="1" ht="14.1" customHeight="1" outlineLevel="2" x14ac:dyDescent="0.2">
      <c r="A3995" s="17"/>
      <c r="B3995" s="17"/>
      <c r="C3995" s="17"/>
      <c r="D3995" s="18"/>
      <c r="E3995" s="18"/>
      <c r="F3995" s="18"/>
      <c r="G3995" s="18"/>
      <c r="H3995" s="18"/>
      <c r="I3995" s="18"/>
      <c r="J3995" s="18"/>
      <c r="K3995" s="18"/>
      <c r="L3995" s="18"/>
      <c r="M3995" s="18"/>
      <c r="N3995" s="18"/>
      <c r="O3995" s="18"/>
      <c r="P3995" s="20"/>
      <c r="Q3995" s="20"/>
      <c r="R3995" s="20"/>
      <c r="S3995" s="20"/>
      <c r="T3995" s="20"/>
      <c r="U3995" s="20"/>
      <c r="V3995" s="20"/>
      <c r="W3995" s="20"/>
      <c r="X3995" s="19"/>
      <c r="Y3995" s="19"/>
      <c r="Z3995" s="19"/>
      <c r="AA3995" s="19"/>
    </row>
    <row r="3996" spans="1:27" s="1" customFormat="1" ht="14.1" customHeight="1" outlineLevel="2" x14ac:dyDescent="0.2">
      <c r="A3996" s="17">
        <v>17718</v>
      </c>
      <c r="B3996" s="17"/>
      <c r="C3996" s="17"/>
      <c r="D3996" s="18" t="s">
        <v>1999</v>
      </c>
      <c r="E3996" s="18"/>
      <c r="F3996" s="18"/>
      <c r="G3996" s="18"/>
      <c r="H3996" s="18"/>
      <c r="I3996" s="18"/>
      <c r="J3996" s="18"/>
      <c r="K3996" s="18"/>
      <c r="L3996" s="18"/>
      <c r="M3996" s="18"/>
      <c r="N3996" s="18"/>
      <c r="O3996" s="18"/>
      <c r="P3996" s="20">
        <v>1700</v>
      </c>
      <c r="Q3996" s="20"/>
      <c r="R3996" s="20"/>
      <c r="S3996" s="20"/>
      <c r="T3996" s="20">
        <v>1500</v>
      </c>
      <c r="U3996" s="20"/>
      <c r="V3996" s="20"/>
      <c r="W3996" s="20"/>
      <c r="X3996" s="19">
        <v>20</v>
      </c>
      <c r="Y3996" s="19"/>
      <c r="Z3996" s="19"/>
      <c r="AA3996" s="19"/>
    </row>
    <row r="3997" spans="1:27" s="1" customFormat="1" ht="14.1" customHeight="1" outlineLevel="2" x14ac:dyDescent="0.2">
      <c r="A3997" s="17"/>
      <c r="B3997" s="17"/>
      <c r="C3997" s="17"/>
      <c r="D3997" s="18"/>
      <c r="E3997" s="18"/>
      <c r="F3997" s="18"/>
      <c r="G3997" s="18"/>
      <c r="H3997" s="18"/>
      <c r="I3997" s="18"/>
      <c r="J3997" s="18"/>
      <c r="K3997" s="18"/>
      <c r="L3997" s="18"/>
      <c r="M3997" s="18"/>
      <c r="N3997" s="18"/>
      <c r="O3997" s="18"/>
      <c r="P3997" s="20"/>
      <c r="Q3997" s="20"/>
      <c r="R3997" s="20"/>
      <c r="S3997" s="20"/>
      <c r="T3997" s="20"/>
      <c r="U3997" s="20"/>
      <c r="V3997" s="20"/>
      <c r="W3997" s="20"/>
      <c r="X3997" s="19"/>
      <c r="Y3997" s="19"/>
      <c r="Z3997" s="19"/>
      <c r="AA3997" s="19"/>
    </row>
    <row r="3998" spans="1:27" s="1" customFormat="1" ht="14.1" customHeight="1" outlineLevel="2" x14ac:dyDescent="0.2">
      <c r="A3998" s="17">
        <v>17097</v>
      </c>
      <c r="B3998" s="17"/>
      <c r="C3998" s="17"/>
      <c r="D3998" s="18" t="s">
        <v>2000</v>
      </c>
      <c r="E3998" s="18"/>
      <c r="F3998" s="18"/>
      <c r="G3998" s="18"/>
      <c r="H3998" s="18"/>
      <c r="I3998" s="18"/>
      <c r="J3998" s="18"/>
      <c r="K3998" s="18"/>
      <c r="L3998" s="18"/>
      <c r="M3998" s="18"/>
      <c r="N3998" s="18"/>
      <c r="O3998" s="18"/>
      <c r="P3998" s="20">
        <v>1250</v>
      </c>
      <c r="Q3998" s="20"/>
      <c r="R3998" s="20"/>
      <c r="S3998" s="20"/>
      <c r="T3998" s="19">
        <v>950</v>
      </c>
      <c r="U3998" s="19"/>
      <c r="V3998" s="19"/>
      <c r="W3998" s="19"/>
      <c r="X3998" s="19">
        <v>15</v>
      </c>
      <c r="Y3998" s="19"/>
      <c r="Z3998" s="19"/>
      <c r="AA3998" s="19"/>
    </row>
    <row r="3999" spans="1:27" s="1" customFormat="1" ht="14.1" customHeight="1" outlineLevel="2" x14ac:dyDescent="0.2">
      <c r="A3999" s="17"/>
      <c r="B3999" s="17"/>
      <c r="C3999" s="17"/>
      <c r="D3999" s="18"/>
      <c r="E3999" s="18"/>
      <c r="F3999" s="18"/>
      <c r="G3999" s="18"/>
      <c r="H3999" s="18"/>
      <c r="I3999" s="18"/>
      <c r="J3999" s="18"/>
      <c r="K3999" s="18"/>
      <c r="L3999" s="18"/>
      <c r="M3999" s="18"/>
      <c r="N3999" s="18"/>
      <c r="O3999" s="18"/>
      <c r="P3999" s="20"/>
      <c r="Q3999" s="20"/>
      <c r="R3999" s="20"/>
      <c r="S3999" s="20"/>
      <c r="T3999" s="19"/>
      <c r="U3999" s="19"/>
      <c r="V3999" s="19"/>
      <c r="W3999" s="19"/>
      <c r="X3999" s="19"/>
      <c r="Y3999" s="19"/>
      <c r="Z3999" s="19"/>
      <c r="AA3999" s="19"/>
    </row>
    <row r="4000" spans="1:27" s="1" customFormat="1" ht="11.1" customHeight="1" outlineLevel="2" x14ac:dyDescent="0.2">
      <c r="A4000" s="17">
        <v>14036</v>
      </c>
      <c r="B4000" s="17"/>
      <c r="C4000" s="17"/>
      <c r="D4000" s="18" t="s">
        <v>2001</v>
      </c>
      <c r="E4000" s="18"/>
      <c r="F4000" s="18"/>
      <c r="G4000" s="18"/>
      <c r="H4000" s="18"/>
      <c r="I4000" s="18"/>
      <c r="J4000" s="18"/>
      <c r="K4000" s="18"/>
      <c r="L4000" s="18"/>
      <c r="M4000" s="18"/>
      <c r="N4000" s="18"/>
      <c r="O4000" s="18"/>
      <c r="P4000" s="20">
        <v>1300</v>
      </c>
      <c r="Q4000" s="20"/>
      <c r="R4000" s="20"/>
      <c r="S4000" s="20"/>
      <c r="T4000" s="20">
        <v>1210</v>
      </c>
      <c r="U4000" s="20"/>
      <c r="V4000" s="20"/>
      <c r="W4000" s="20"/>
      <c r="X4000" s="19">
        <v>4</v>
      </c>
      <c r="Y4000" s="19"/>
      <c r="Z4000" s="19"/>
      <c r="AA4000" s="19"/>
    </row>
    <row r="4001" spans="1:27" s="1" customFormat="1" ht="11.1" customHeight="1" outlineLevel="2" x14ac:dyDescent="0.2">
      <c r="A4001" s="17"/>
      <c r="B4001" s="17"/>
      <c r="C4001" s="17"/>
      <c r="D4001" s="18"/>
      <c r="E4001" s="18"/>
      <c r="F4001" s="18"/>
      <c r="G4001" s="18"/>
      <c r="H4001" s="18"/>
      <c r="I4001" s="18"/>
      <c r="J4001" s="18"/>
      <c r="K4001" s="18"/>
      <c r="L4001" s="18"/>
      <c r="M4001" s="18"/>
      <c r="N4001" s="18"/>
      <c r="O4001" s="18"/>
      <c r="P4001" s="20"/>
      <c r="Q4001" s="20"/>
      <c r="R4001" s="20"/>
      <c r="S4001" s="20"/>
      <c r="T4001" s="20"/>
      <c r="U4001" s="20"/>
      <c r="V4001" s="20"/>
      <c r="W4001" s="20"/>
      <c r="X4001" s="19"/>
      <c r="Y4001" s="19"/>
      <c r="Z4001" s="19"/>
      <c r="AA4001" s="19"/>
    </row>
    <row r="4002" spans="1:27" s="1" customFormat="1" ht="14.1" customHeight="1" outlineLevel="2" x14ac:dyDescent="0.2">
      <c r="A4002" s="17">
        <v>14740</v>
      </c>
      <c r="B4002" s="17"/>
      <c r="C4002" s="17"/>
      <c r="D4002" s="18" t="s">
        <v>2002</v>
      </c>
      <c r="E4002" s="18"/>
      <c r="F4002" s="18"/>
      <c r="G4002" s="18"/>
      <c r="H4002" s="18"/>
      <c r="I4002" s="18"/>
      <c r="J4002" s="18"/>
      <c r="K4002" s="18"/>
      <c r="L4002" s="18"/>
      <c r="M4002" s="18"/>
      <c r="N4002" s="18"/>
      <c r="O4002" s="18"/>
      <c r="P4002" s="20">
        <v>1350</v>
      </c>
      <c r="Q4002" s="20"/>
      <c r="R4002" s="20"/>
      <c r="S4002" s="20"/>
      <c r="T4002" s="19">
        <v>990</v>
      </c>
      <c r="U4002" s="19"/>
      <c r="V4002" s="19"/>
      <c r="W4002" s="19"/>
      <c r="X4002" s="19">
        <v>10</v>
      </c>
      <c r="Y4002" s="19"/>
      <c r="Z4002" s="19"/>
      <c r="AA4002" s="19"/>
    </row>
    <row r="4003" spans="1:27" s="1" customFormat="1" ht="14.1" customHeight="1" outlineLevel="2" x14ac:dyDescent="0.2">
      <c r="A4003" s="17"/>
      <c r="B4003" s="17"/>
      <c r="C4003" s="17"/>
      <c r="D4003" s="18"/>
      <c r="E4003" s="18"/>
      <c r="F4003" s="18"/>
      <c r="G4003" s="18"/>
      <c r="H4003" s="18"/>
      <c r="I4003" s="18"/>
      <c r="J4003" s="18"/>
      <c r="K4003" s="18"/>
      <c r="L4003" s="18"/>
      <c r="M4003" s="18"/>
      <c r="N4003" s="18"/>
      <c r="O4003" s="18"/>
      <c r="P4003" s="20"/>
      <c r="Q4003" s="20"/>
      <c r="R4003" s="20"/>
      <c r="S4003" s="20"/>
      <c r="T4003" s="19"/>
      <c r="U4003" s="19"/>
      <c r="V4003" s="19"/>
      <c r="W4003" s="19"/>
      <c r="X4003" s="19"/>
      <c r="Y4003" s="19"/>
      <c r="Z4003" s="19"/>
      <c r="AA4003" s="19"/>
    </row>
    <row r="4004" spans="1:27" s="1" customFormat="1" ht="14.1" customHeight="1" outlineLevel="2" x14ac:dyDescent="0.2">
      <c r="A4004" s="17">
        <v>16398</v>
      </c>
      <c r="B4004" s="17"/>
      <c r="C4004" s="17"/>
      <c r="D4004" s="18" t="s">
        <v>2003</v>
      </c>
      <c r="E4004" s="18"/>
      <c r="F4004" s="18"/>
      <c r="G4004" s="18"/>
      <c r="H4004" s="18"/>
      <c r="I4004" s="18"/>
      <c r="J4004" s="18"/>
      <c r="K4004" s="18"/>
      <c r="L4004" s="18"/>
      <c r="M4004" s="18"/>
      <c r="N4004" s="18"/>
      <c r="O4004" s="18"/>
      <c r="P4004" s="20">
        <v>1550</v>
      </c>
      <c r="Q4004" s="20"/>
      <c r="R4004" s="20"/>
      <c r="S4004" s="20"/>
      <c r="T4004" s="20">
        <v>1250</v>
      </c>
      <c r="U4004" s="20"/>
      <c r="V4004" s="20"/>
      <c r="W4004" s="20"/>
      <c r="X4004" s="19">
        <v>23</v>
      </c>
      <c r="Y4004" s="19"/>
      <c r="Z4004" s="19"/>
      <c r="AA4004" s="19"/>
    </row>
    <row r="4005" spans="1:27" s="1" customFormat="1" ht="14.1" customHeight="1" outlineLevel="2" x14ac:dyDescent="0.2">
      <c r="A4005" s="17"/>
      <c r="B4005" s="17"/>
      <c r="C4005" s="17"/>
      <c r="D4005" s="18"/>
      <c r="E4005" s="18"/>
      <c r="F4005" s="18"/>
      <c r="G4005" s="18"/>
      <c r="H4005" s="18"/>
      <c r="I4005" s="18"/>
      <c r="J4005" s="18"/>
      <c r="K4005" s="18"/>
      <c r="L4005" s="18"/>
      <c r="M4005" s="18"/>
      <c r="N4005" s="18"/>
      <c r="O4005" s="18"/>
      <c r="P4005" s="20"/>
      <c r="Q4005" s="20"/>
      <c r="R4005" s="20"/>
      <c r="S4005" s="20"/>
      <c r="T4005" s="20"/>
      <c r="U4005" s="20"/>
      <c r="V4005" s="20"/>
      <c r="W4005" s="20"/>
      <c r="X4005" s="19"/>
      <c r="Y4005" s="19"/>
      <c r="Z4005" s="19"/>
      <c r="AA4005" s="19"/>
    </row>
    <row r="4006" spans="1:27" s="1" customFormat="1" ht="14.1" customHeight="1" outlineLevel="2" x14ac:dyDescent="0.2">
      <c r="A4006" s="17">
        <v>18116</v>
      </c>
      <c r="B4006" s="17"/>
      <c r="C4006" s="17"/>
      <c r="D4006" s="18" t="s">
        <v>2004</v>
      </c>
      <c r="E4006" s="18"/>
      <c r="F4006" s="18"/>
      <c r="G4006" s="18"/>
      <c r="H4006" s="18"/>
      <c r="I4006" s="18"/>
      <c r="J4006" s="18"/>
      <c r="K4006" s="18"/>
      <c r="L4006" s="18"/>
      <c r="M4006" s="18"/>
      <c r="N4006" s="18"/>
      <c r="O4006" s="18"/>
      <c r="P4006" s="20">
        <v>3300</v>
      </c>
      <c r="Q4006" s="20"/>
      <c r="R4006" s="20"/>
      <c r="S4006" s="20"/>
      <c r="T4006" s="20">
        <v>3000</v>
      </c>
      <c r="U4006" s="20"/>
      <c r="V4006" s="20"/>
      <c r="W4006" s="20"/>
      <c r="X4006" s="19">
        <v>1</v>
      </c>
      <c r="Y4006" s="19"/>
      <c r="Z4006" s="19"/>
      <c r="AA4006" s="19"/>
    </row>
    <row r="4007" spans="1:27" s="1" customFormat="1" ht="14.1" customHeight="1" outlineLevel="2" x14ac:dyDescent="0.2">
      <c r="A4007" s="17"/>
      <c r="B4007" s="17"/>
      <c r="C4007" s="17"/>
      <c r="D4007" s="18"/>
      <c r="E4007" s="18"/>
      <c r="F4007" s="18"/>
      <c r="G4007" s="18"/>
      <c r="H4007" s="18"/>
      <c r="I4007" s="18"/>
      <c r="J4007" s="18"/>
      <c r="K4007" s="18"/>
      <c r="L4007" s="18"/>
      <c r="M4007" s="18"/>
      <c r="N4007" s="18"/>
      <c r="O4007" s="18"/>
      <c r="P4007" s="20"/>
      <c r="Q4007" s="20"/>
      <c r="R4007" s="20"/>
      <c r="S4007" s="20"/>
      <c r="T4007" s="20"/>
      <c r="U4007" s="20"/>
      <c r="V4007" s="20"/>
      <c r="W4007" s="20"/>
      <c r="X4007" s="19"/>
      <c r="Y4007" s="19"/>
      <c r="Z4007" s="19"/>
      <c r="AA4007" s="19"/>
    </row>
    <row r="4008" spans="1:27" s="1" customFormat="1" ht="11.1" customHeight="1" outlineLevel="2" x14ac:dyDescent="0.2">
      <c r="A4008" s="17">
        <v>14037</v>
      </c>
      <c r="B4008" s="17"/>
      <c r="C4008" s="17"/>
      <c r="D4008" s="18" t="s">
        <v>2005</v>
      </c>
      <c r="E4008" s="18"/>
      <c r="F4008" s="18"/>
      <c r="G4008" s="18"/>
      <c r="H4008" s="18"/>
      <c r="I4008" s="18"/>
      <c r="J4008" s="18"/>
      <c r="K4008" s="18"/>
      <c r="L4008" s="18"/>
      <c r="M4008" s="18"/>
      <c r="N4008" s="18"/>
      <c r="O4008" s="18"/>
      <c r="P4008" s="19">
        <v>990</v>
      </c>
      <c r="Q4008" s="19"/>
      <c r="R4008" s="19"/>
      <c r="S4008" s="19"/>
      <c r="T4008" s="19">
        <v>900</v>
      </c>
      <c r="U4008" s="19"/>
      <c r="V4008" s="19"/>
      <c r="W4008" s="19"/>
      <c r="X4008" s="19">
        <v>5</v>
      </c>
      <c r="Y4008" s="19"/>
      <c r="Z4008" s="19"/>
      <c r="AA4008" s="19"/>
    </row>
    <row r="4009" spans="1:27" s="1" customFormat="1" ht="11.1" customHeight="1" outlineLevel="2" x14ac:dyDescent="0.2">
      <c r="A4009" s="17"/>
      <c r="B4009" s="17"/>
      <c r="C4009" s="17"/>
      <c r="D4009" s="18"/>
      <c r="E4009" s="18"/>
      <c r="F4009" s="18"/>
      <c r="G4009" s="18"/>
      <c r="H4009" s="18"/>
      <c r="I4009" s="18"/>
      <c r="J4009" s="18"/>
      <c r="K4009" s="18"/>
      <c r="L4009" s="18"/>
      <c r="M4009" s="18"/>
      <c r="N4009" s="18"/>
      <c r="O4009" s="18"/>
      <c r="P4009" s="19"/>
      <c r="Q4009" s="19"/>
      <c r="R4009" s="19"/>
      <c r="S4009" s="19"/>
      <c r="T4009" s="19"/>
      <c r="U4009" s="19"/>
      <c r="V4009" s="19"/>
      <c r="W4009" s="19"/>
      <c r="X4009" s="19"/>
      <c r="Y4009" s="19"/>
      <c r="Z4009" s="19"/>
      <c r="AA4009" s="19"/>
    </row>
    <row r="4010" spans="1:27" s="1" customFormat="1" ht="11.1" customHeight="1" outlineLevel="2" x14ac:dyDescent="0.2">
      <c r="A4010" s="17">
        <v>14039</v>
      </c>
      <c r="B4010" s="17"/>
      <c r="C4010" s="17"/>
      <c r="D4010" s="18" t="s">
        <v>2006</v>
      </c>
      <c r="E4010" s="18"/>
      <c r="F4010" s="18"/>
      <c r="G4010" s="18"/>
      <c r="H4010" s="18"/>
      <c r="I4010" s="18"/>
      <c r="J4010" s="18"/>
      <c r="K4010" s="18"/>
      <c r="L4010" s="18"/>
      <c r="M4010" s="18"/>
      <c r="N4010" s="18"/>
      <c r="O4010" s="18"/>
      <c r="P4010" s="20">
        <v>1100</v>
      </c>
      <c r="Q4010" s="20"/>
      <c r="R4010" s="20"/>
      <c r="S4010" s="20"/>
      <c r="T4010" s="20">
        <v>1020</v>
      </c>
      <c r="U4010" s="20"/>
      <c r="V4010" s="20"/>
      <c r="W4010" s="20"/>
      <c r="X4010" s="19">
        <v>4</v>
      </c>
      <c r="Y4010" s="19"/>
      <c r="Z4010" s="19"/>
      <c r="AA4010" s="19"/>
    </row>
    <row r="4011" spans="1:27" s="1" customFormat="1" ht="11.1" customHeight="1" outlineLevel="2" x14ac:dyDescent="0.2">
      <c r="A4011" s="17"/>
      <c r="B4011" s="17"/>
      <c r="C4011" s="17"/>
      <c r="D4011" s="18"/>
      <c r="E4011" s="18"/>
      <c r="F4011" s="18"/>
      <c r="G4011" s="18"/>
      <c r="H4011" s="18"/>
      <c r="I4011" s="18"/>
      <c r="J4011" s="18"/>
      <c r="K4011" s="18"/>
      <c r="L4011" s="18"/>
      <c r="M4011" s="18"/>
      <c r="N4011" s="18"/>
      <c r="O4011" s="18"/>
      <c r="P4011" s="20"/>
      <c r="Q4011" s="20"/>
      <c r="R4011" s="20"/>
      <c r="S4011" s="20"/>
      <c r="T4011" s="20"/>
      <c r="U4011" s="20"/>
      <c r="V4011" s="20"/>
      <c r="W4011" s="20"/>
      <c r="X4011" s="19"/>
      <c r="Y4011" s="19"/>
      <c r="Z4011" s="19"/>
      <c r="AA4011" s="19"/>
    </row>
    <row r="4012" spans="1:27" s="1" customFormat="1" ht="11.1" customHeight="1" outlineLevel="2" x14ac:dyDescent="0.2">
      <c r="A4012" s="17">
        <v>14038</v>
      </c>
      <c r="B4012" s="17"/>
      <c r="C4012" s="17"/>
      <c r="D4012" s="18" t="s">
        <v>2007</v>
      </c>
      <c r="E4012" s="18"/>
      <c r="F4012" s="18"/>
      <c r="G4012" s="18"/>
      <c r="H4012" s="18"/>
      <c r="I4012" s="18"/>
      <c r="J4012" s="18"/>
      <c r="K4012" s="18"/>
      <c r="L4012" s="18"/>
      <c r="M4012" s="18"/>
      <c r="N4012" s="18"/>
      <c r="O4012" s="18"/>
      <c r="P4012" s="20">
        <v>1230</v>
      </c>
      <c r="Q4012" s="20"/>
      <c r="R4012" s="20"/>
      <c r="S4012" s="20"/>
      <c r="T4012" s="20">
        <v>1120</v>
      </c>
      <c r="U4012" s="20"/>
      <c r="V4012" s="20"/>
      <c r="W4012" s="20"/>
      <c r="X4012" s="19">
        <v>2</v>
      </c>
      <c r="Y4012" s="19"/>
      <c r="Z4012" s="19"/>
      <c r="AA4012" s="19"/>
    </row>
    <row r="4013" spans="1:27" s="1" customFormat="1" ht="11.1" customHeight="1" outlineLevel="2" x14ac:dyDescent="0.2">
      <c r="A4013" s="17"/>
      <c r="B4013" s="17"/>
      <c r="C4013" s="17"/>
      <c r="D4013" s="18"/>
      <c r="E4013" s="18"/>
      <c r="F4013" s="18"/>
      <c r="G4013" s="18"/>
      <c r="H4013" s="18"/>
      <c r="I4013" s="18"/>
      <c r="J4013" s="18"/>
      <c r="K4013" s="18"/>
      <c r="L4013" s="18"/>
      <c r="M4013" s="18"/>
      <c r="N4013" s="18"/>
      <c r="O4013" s="18"/>
      <c r="P4013" s="20"/>
      <c r="Q4013" s="20"/>
      <c r="R4013" s="20"/>
      <c r="S4013" s="20"/>
      <c r="T4013" s="20"/>
      <c r="U4013" s="20"/>
      <c r="V4013" s="20"/>
      <c r="W4013" s="20"/>
      <c r="X4013" s="19"/>
      <c r="Y4013" s="19"/>
      <c r="Z4013" s="19"/>
      <c r="AA4013" s="19"/>
    </row>
    <row r="4014" spans="1:27" s="1" customFormat="1" ht="14.1" customHeight="1" outlineLevel="2" x14ac:dyDescent="0.2">
      <c r="A4014" s="17">
        <v>14040</v>
      </c>
      <c r="B4014" s="17"/>
      <c r="C4014" s="17"/>
      <c r="D4014" s="18" t="s">
        <v>2008</v>
      </c>
      <c r="E4014" s="18"/>
      <c r="F4014" s="18"/>
      <c r="G4014" s="18"/>
      <c r="H4014" s="18"/>
      <c r="I4014" s="18"/>
      <c r="J4014" s="18"/>
      <c r="K4014" s="18"/>
      <c r="L4014" s="18"/>
      <c r="M4014" s="18"/>
      <c r="N4014" s="18"/>
      <c r="O4014" s="18"/>
      <c r="P4014" s="19">
        <v>920</v>
      </c>
      <c r="Q4014" s="19"/>
      <c r="R4014" s="19"/>
      <c r="S4014" s="19"/>
      <c r="T4014" s="19">
        <v>830</v>
      </c>
      <c r="U4014" s="19"/>
      <c r="V4014" s="19"/>
      <c r="W4014" s="19"/>
      <c r="X4014" s="19">
        <v>10</v>
      </c>
      <c r="Y4014" s="19"/>
      <c r="Z4014" s="19"/>
      <c r="AA4014" s="19"/>
    </row>
    <row r="4015" spans="1:27" s="1" customFormat="1" ht="14.1" customHeight="1" outlineLevel="2" x14ac:dyDescent="0.2">
      <c r="A4015" s="17"/>
      <c r="B4015" s="17"/>
      <c r="C4015" s="17"/>
      <c r="D4015" s="18"/>
      <c r="E4015" s="18"/>
      <c r="F4015" s="18"/>
      <c r="G4015" s="18"/>
      <c r="H4015" s="18"/>
      <c r="I4015" s="18"/>
      <c r="J4015" s="18"/>
      <c r="K4015" s="18"/>
      <c r="L4015" s="18"/>
      <c r="M4015" s="18"/>
      <c r="N4015" s="18"/>
      <c r="O4015" s="18"/>
      <c r="P4015" s="19"/>
      <c r="Q4015" s="19"/>
      <c r="R4015" s="19"/>
      <c r="S4015" s="19"/>
      <c r="T4015" s="19"/>
      <c r="U4015" s="19"/>
      <c r="V4015" s="19"/>
      <c r="W4015" s="19"/>
      <c r="X4015" s="19"/>
      <c r="Y4015" s="19"/>
      <c r="Z4015" s="19"/>
      <c r="AA4015" s="19"/>
    </row>
    <row r="4016" spans="1:27" s="1" customFormat="1" ht="11.1" customHeight="1" outlineLevel="2" x14ac:dyDescent="0.2">
      <c r="A4016" s="17">
        <v>14041</v>
      </c>
      <c r="B4016" s="17"/>
      <c r="C4016" s="17"/>
      <c r="D4016" s="18" t="s">
        <v>2009</v>
      </c>
      <c r="E4016" s="18"/>
      <c r="F4016" s="18"/>
      <c r="G4016" s="18"/>
      <c r="H4016" s="18"/>
      <c r="I4016" s="18"/>
      <c r="J4016" s="18"/>
      <c r="K4016" s="18"/>
      <c r="L4016" s="18"/>
      <c r="M4016" s="18"/>
      <c r="N4016" s="18"/>
      <c r="O4016" s="18"/>
      <c r="P4016" s="20">
        <v>1030</v>
      </c>
      <c r="Q4016" s="20"/>
      <c r="R4016" s="20"/>
      <c r="S4016" s="20"/>
      <c r="T4016" s="19">
        <v>930</v>
      </c>
      <c r="U4016" s="19"/>
      <c r="V4016" s="19"/>
      <c r="W4016" s="19"/>
      <c r="X4016" s="19">
        <v>2</v>
      </c>
      <c r="Y4016" s="19"/>
      <c r="Z4016" s="19"/>
      <c r="AA4016" s="19"/>
    </row>
    <row r="4017" spans="1:27" s="1" customFormat="1" ht="11.1" customHeight="1" outlineLevel="2" x14ac:dyDescent="0.2">
      <c r="A4017" s="17"/>
      <c r="B4017" s="17"/>
      <c r="C4017" s="17"/>
      <c r="D4017" s="18"/>
      <c r="E4017" s="18"/>
      <c r="F4017" s="18"/>
      <c r="G4017" s="18"/>
      <c r="H4017" s="18"/>
      <c r="I4017" s="18"/>
      <c r="J4017" s="18"/>
      <c r="K4017" s="18"/>
      <c r="L4017" s="18"/>
      <c r="M4017" s="18"/>
      <c r="N4017" s="18"/>
      <c r="O4017" s="18"/>
      <c r="P4017" s="20"/>
      <c r="Q4017" s="20"/>
      <c r="R4017" s="20"/>
      <c r="S4017" s="20"/>
      <c r="T4017" s="19"/>
      <c r="U4017" s="19"/>
      <c r="V4017" s="19"/>
      <c r="W4017" s="19"/>
      <c r="X4017" s="19"/>
      <c r="Y4017" s="19"/>
      <c r="Z4017" s="19"/>
      <c r="AA4017" s="19"/>
    </row>
    <row r="4018" spans="1:27" s="1" customFormat="1" ht="11.1" customHeight="1" outlineLevel="2" x14ac:dyDescent="0.2">
      <c r="A4018" s="17">
        <v>15683</v>
      </c>
      <c r="B4018" s="17"/>
      <c r="C4018" s="17"/>
      <c r="D4018" s="18" t="s">
        <v>2010</v>
      </c>
      <c r="E4018" s="18"/>
      <c r="F4018" s="18"/>
      <c r="G4018" s="18"/>
      <c r="H4018" s="18"/>
      <c r="I4018" s="18"/>
      <c r="J4018" s="18"/>
      <c r="K4018" s="18"/>
      <c r="L4018" s="18"/>
      <c r="M4018" s="18"/>
      <c r="N4018" s="18"/>
      <c r="O4018" s="18"/>
      <c r="P4018" s="20">
        <v>1050</v>
      </c>
      <c r="Q4018" s="20"/>
      <c r="R4018" s="20"/>
      <c r="S4018" s="20"/>
      <c r="T4018" s="19">
        <v>850</v>
      </c>
      <c r="U4018" s="19"/>
      <c r="V4018" s="19"/>
      <c r="W4018" s="19"/>
      <c r="X4018" s="19">
        <v>24</v>
      </c>
      <c r="Y4018" s="19"/>
      <c r="Z4018" s="19"/>
      <c r="AA4018" s="19"/>
    </row>
    <row r="4019" spans="1:27" s="1" customFormat="1" ht="11.1" customHeight="1" outlineLevel="2" x14ac:dyDescent="0.2">
      <c r="A4019" s="17"/>
      <c r="B4019" s="17"/>
      <c r="C4019" s="17"/>
      <c r="D4019" s="18"/>
      <c r="E4019" s="18"/>
      <c r="F4019" s="18"/>
      <c r="G4019" s="18"/>
      <c r="H4019" s="18"/>
      <c r="I4019" s="18"/>
      <c r="J4019" s="18"/>
      <c r="K4019" s="18"/>
      <c r="L4019" s="18"/>
      <c r="M4019" s="18"/>
      <c r="N4019" s="18"/>
      <c r="O4019" s="18"/>
      <c r="P4019" s="20"/>
      <c r="Q4019" s="20"/>
      <c r="R4019" s="20"/>
      <c r="S4019" s="20"/>
      <c r="T4019" s="19"/>
      <c r="U4019" s="19"/>
      <c r="V4019" s="19"/>
      <c r="W4019" s="19"/>
      <c r="X4019" s="19"/>
      <c r="Y4019" s="19"/>
      <c r="Z4019" s="19"/>
      <c r="AA4019" s="19"/>
    </row>
    <row r="4020" spans="1:27" s="1" customFormat="1" ht="14.1" customHeight="1" outlineLevel="2" x14ac:dyDescent="0.2">
      <c r="A4020" s="17">
        <v>16397</v>
      </c>
      <c r="B4020" s="17"/>
      <c r="C4020" s="17"/>
      <c r="D4020" s="18" t="s">
        <v>2011</v>
      </c>
      <c r="E4020" s="18"/>
      <c r="F4020" s="18"/>
      <c r="G4020" s="18"/>
      <c r="H4020" s="18"/>
      <c r="I4020" s="18"/>
      <c r="J4020" s="18"/>
      <c r="K4020" s="18"/>
      <c r="L4020" s="18"/>
      <c r="M4020" s="18"/>
      <c r="N4020" s="18"/>
      <c r="O4020" s="18"/>
      <c r="P4020" s="20">
        <v>1200</v>
      </c>
      <c r="Q4020" s="20"/>
      <c r="R4020" s="20"/>
      <c r="S4020" s="20"/>
      <c r="T4020" s="19">
        <v>890</v>
      </c>
      <c r="U4020" s="19"/>
      <c r="V4020" s="19"/>
      <c r="W4020" s="19"/>
      <c r="X4020" s="19">
        <v>29</v>
      </c>
      <c r="Y4020" s="19"/>
      <c r="Z4020" s="19"/>
      <c r="AA4020" s="19"/>
    </row>
    <row r="4021" spans="1:27" s="1" customFormat="1" ht="14.1" customHeight="1" outlineLevel="2" x14ac:dyDescent="0.2">
      <c r="A4021" s="17"/>
      <c r="B4021" s="17"/>
      <c r="C4021" s="17"/>
      <c r="D4021" s="18"/>
      <c r="E4021" s="18"/>
      <c r="F4021" s="18"/>
      <c r="G4021" s="18"/>
      <c r="H4021" s="18"/>
      <c r="I4021" s="18"/>
      <c r="J4021" s="18"/>
      <c r="K4021" s="18"/>
      <c r="L4021" s="18"/>
      <c r="M4021" s="18"/>
      <c r="N4021" s="18"/>
      <c r="O4021" s="18"/>
      <c r="P4021" s="20"/>
      <c r="Q4021" s="20"/>
      <c r="R4021" s="20"/>
      <c r="S4021" s="20"/>
      <c r="T4021" s="19"/>
      <c r="U4021" s="19"/>
      <c r="V4021" s="19"/>
      <c r="W4021" s="19"/>
      <c r="X4021" s="19"/>
      <c r="Y4021" s="19"/>
      <c r="Z4021" s="19"/>
      <c r="AA4021" s="19"/>
    </row>
    <row r="4022" spans="1:27" s="1" customFormat="1" ht="14.1" customHeight="1" outlineLevel="2" x14ac:dyDescent="0.2">
      <c r="A4022" s="17">
        <v>17706</v>
      </c>
      <c r="B4022" s="17"/>
      <c r="C4022" s="17"/>
      <c r="D4022" s="18" t="s">
        <v>2012</v>
      </c>
      <c r="E4022" s="18"/>
      <c r="F4022" s="18"/>
      <c r="G4022" s="18"/>
      <c r="H4022" s="18"/>
      <c r="I4022" s="18"/>
      <c r="J4022" s="18"/>
      <c r="K4022" s="18"/>
      <c r="L4022" s="18"/>
      <c r="M4022" s="18"/>
      <c r="N4022" s="18"/>
      <c r="O4022" s="18"/>
      <c r="P4022" s="20">
        <v>1200</v>
      </c>
      <c r="Q4022" s="20"/>
      <c r="R4022" s="20"/>
      <c r="S4022" s="20"/>
      <c r="T4022" s="20">
        <v>1000</v>
      </c>
      <c r="U4022" s="20"/>
      <c r="V4022" s="20"/>
      <c r="W4022" s="20"/>
      <c r="X4022" s="19">
        <v>13</v>
      </c>
      <c r="Y4022" s="19"/>
      <c r="Z4022" s="19"/>
      <c r="AA4022" s="19"/>
    </row>
    <row r="4023" spans="1:27" s="1" customFormat="1" ht="14.1" customHeight="1" outlineLevel="2" x14ac:dyDescent="0.2">
      <c r="A4023" s="17"/>
      <c r="B4023" s="17"/>
      <c r="C4023" s="17"/>
      <c r="D4023" s="18"/>
      <c r="E4023" s="18"/>
      <c r="F4023" s="18"/>
      <c r="G4023" s="18"/>
      <c r="H4023" s="18"/>
      <c r="I4023" s="18"/>
      <c r="J4023" s="18"/>
      <c r="K4023" s="18"/>
      <c r="L4023" s="18"/>
      <c r="M4023" s="18"/>
      <c r="N4023" s="18"/>
      <c r="O4023" s="18"/>
      <c r="P4023" s="20"/>
      <c r="Q4023" s="20"/>
      <c r="R4023" s="20"/>
      <c r="S4023" s="20"/>
      <c r="T4023" s="20"/>
      <c r="U4023" s="20"/>
      <c r="V4023" s="20"/>
      <c r="W4023" s="20"/>
      <c r="X4023" s="19"/>
      <c r="Y4023" s="19"/>
      <c r="Z4023" s="19"/>
      <c r="AA4023" s="19"/>
    </row>
    <row r="4024" spans="1:27" s="1" customFormat="1" ht="14.1" customHeight="1" outlineLevel="2" x14ac:dyDescent="0.2">
      <c r="A4024" s="17">
        <v>17917</v>
      </c>
      <c r="B4024" s="17"/>
      <c r="C4024" s="17"/>
      <c r="D4024" s="18" t="s">
        <v>2013</v>
      </c>
      <c r="E4024" s="18"/>
      <c r="F4024" s="18"/>
      <c r="G4024" s="18"/>
      <c r="H4024" s="18"/>
      <c r="I4024" s="18"/>
      <c r="J4024" s="18"/>
      <c r="K4024" s="18"/>
      <c r="L4024" s="18"/>
      <c r="M4024" s="18"/>
      <c r="N4024" s="18"/>
      <c r="O4024" s="18"/>
      <c r="P4024" s="20">
        <v>2300</v>
      </c>
      <c r="Q4024" s="20"/>
      <c r="R4024" s="20"/>
      <c r="S4024" s="20"/>
      <c r="T4024" s="20">
        <v>2000</v>
      </c>
      <c r="U4024" s="20"/>
      <c r="V4024" s="20"/>
      <c r="W4024" s="20"/>
      <c r="X4024" s="19">
        <v>1</v>
      </c>
      <c r="Y4024" s="19"/>
      <c r="Z4024" s="19"/>
      <c r="AA4024" s="19"/>
    </row>
    <row r="4025" spans="1:27" s="1" customFormat="1" ht="14.1" customHeight="1" outlineLevel="2" x14ac:dyDescent="0.2">
      <c r="A4025" s="17"/>
      <c r="B4025" s="17"/>
      <c r="C4025" s="17"/>
      <c r="D4025" s="18"/>
      <c r="E4025" s="18"/>
      <c r="F4025" s="18"/>
      <c r="G4025" s="18"/>
      <c r="H4025" s="18"/>
      <c r="I4025" s="18"/>
      <c r="J4025" s="18"/>
      <c r="K4025" s="18"/>
      <c r="L4025" s="18"/>
      <c r="M4025" s="18"/>
      <c r="N4025" s="18"/>
      <c r="O4025" s="18"/>
      <c r="P4025" s="20"/>
      <c r="Q4025" s="20"/>
      <c r="R4025" s="20"/>
      <c r="S4025" s="20"/>
      <c r="T4025" s="20"/>
      <c r="U4025" s="20"/>
      <c r="V4025" s="20"/>
      <c r="W4025" s="20"/>
      <c r="X4025" s="19"/>
      <c r="Y4025" s="19"/>
      <c r="Z4025" s="19"/>
      <c r="AA4025" s="19"/>
    </row>
    <row r="4026" spans="1:27" s="1" customFormat="1" ht="14.1" customHeight="1" outlineLevel="2" x14ac:dyDescent="0.2">
      <c r="A4026" s="17">
        <v>17686</v>
      </c>
      <c r="B4026" s="17"/>
      <c r="C4026" s="17"/>
      <c r="D4026" s="18" t="s">
        <v>2014</v>
      </c>
      <c r="E4026" s="18"/>
      <c r="F4026" s="18"/>
      <c r="G4026" s="18"/>
      <c r="H4026" s="18"/>
      <c r="I4026" s="18"/>
      <c r="J4026" s="18"/>
      <c r="K4026" s="18"/>
      <c r="L4026" s="18"/>
      <c r="M4026" s="18"/>
      <c r="N4026" s="18"/>
      <c r="O4026" s="18"/>
      <c r="P4026" s="20">
        <v>1300</v>
      </c>
      <c r="Q4026" s="20"/>
      <c r="R4026" s="20"/>
      <c r="S4026" s="20"/>
      <c r="T4026" s="20">
        <v>1090</v>
      </c>
      <c r="U4026" s="20"/>
      <c r="V4026" s="20"/>
      <c r="W4026" s="20"/>
      <c r="X4026" s="19">
        <v>1</v>
      </c>
      <c r="Y4026" s="19"/>
      <c r="Z4026" s="19"/>
      <c r="AA4026" s="19"/>
    </row>
    <row r="4027" spans="1:27" s="1" customFormat="1" ht="14.1" customHeight="1" outlineLevel="2" x14ac:dyDescent="0.2">
      <c r="A4027" s="17"/>
      <c r="B4027" s="17"/>
      <c r="C4027" s="17"/>
      <c r="D4027" s="18"/>
      <c r="E4027" s="18"/>
      <c r="F4027" s="18"/>
      <c r="G4027" s="18"/>
      <c r="H4027" s="18"/>
      <c r="I4027" s="18"/>
      <c r="J4027" s="18"/>
      <c r="K4027" s="18"/>
      <c r="L4027" s="18"/>
      <c r="M4027" s="18"/>
      <c r="N4027" s="18"/>
      <c r="O4027" s="18"/>
      <c r="P4027" s="20"/>
      <c r="Q4027" s="20"/>
      <c r="R4027" s="20"/>
      <c r="S4027" s="20"/>
      <c r="T4027" s="20"/>
      <c r="U4027" s="20"/>
      <c r="V4027" s="20"/>
      <c r="W4027" s="20"/>
      <c r="X4027" s="19"/>
      <c r="Y4027" s="19"/>
      <c r="Z4027" s="19"/>
      <c r="AA4027" s="19"/>
    </row>
    <row r="4028" spans="1:27" s="1" customFormat="1" ht="14.1" customHeight="1" outlineLevel="2" x14ac:dyDescent="0.2">
      <c r="A4028" s="17">
        <v>17712</v>
      </c>
      <c r="B4028" s="17"/>
      <c r="C4028" s="17"/>
      <c r="D4028" s="18" t="s">
        <v>2015</v>
      </c>
      <c r="E4028" s="18"/>
      <c r="F4028" s="18"/>
      <c r="G4028" s="18"/>
      <c r="H4028" s="18"/>
      <c r="I4028" s="18"/>
      <c r="J4028" s="18"/>
      <c r="K4028" s="18"/>
      <c r="L4028" s="18"/>
      <c r="M4028" s="18"/>
      <c r="N4028" s="18"/>
      <c r="O4028" s="18"/>
      <c r="P4028" s="20">
        <v>1050</v>
      </c>
      <c r="Q4028" s="20"/>
      <c r="R4028" s="20"/>
      <c r="S4028" s="20"/>
      <c r="T4028" s="19">
        <v>890</v>
      </c>
      <c r="U4028" s="19"/>
      <c r="V4028" s="19"/>
      <c r="W4028" s="19"/>
      <c r="X4028" s="19">
        <v>18</v>
      </c>
      <c r="Y4028" s="19"/>
      <c r="Z4028" s="19"/>
      <c r="AA4028" s="19"/>
    </row>
    <row r="4029" spans="1:27" s="1" customFormat="1" ht="14.1" customHeight="1" outlineLevel="2" x14ac:dyDescent="0.2">
      <c r="A4029" s="17"/>
      <c r="B4029" s="17"/>
      <c r="C4029" s="17"/>
      <c r="D4029" s="18"/>
      <c r="E4029" s="18"/>
      <c r="F4029" s="18"/>
      <c r="G4029" s="18"/>
      <c r="H4029" s="18"/>
      <c r="I4029" s="18"/>
      <c r="J4029" s="18"/>
      <c r="K4029" s="18"/>
      <c r="L4029" s="18"/>
      <c r="M4029" s="18"/>
      <c r="N4029" s="18"/>
      <c r="O4029" s="18"/>
      <c r="P4029" s="20"/>
      <c r="Q4029" s="20"/>
      <c r="R4029" s="20"/>
      <c r="S4029" s="20"/>
      <c r="T4029" s="19"/>
      <c r="U4029" s="19"/>
      <c r="V4029" s="19"/>
      <c r="W4029" s="19"/>
      <c r="X4029" s="19"/>
      <c r="Y4029" s="19"/>
      <c r="Z4029" s="19"/>
      <c r="AA4029" s="19"/>
    </row>
    <row r="4030" spans="1:27" s="1" customFormat="1" ht="14.1" customHeight="1" outlineLevel="2" x14ac:dyDescent="0.2">
      <c r="A4030" s="17">
        <v>17713</v>
      </c>
      <c r="B4030" s="17"/>
      <c r="C4030" s="17"/>
      <c r="D4030" s="18" t="s">
        <v>2016</v>
      </c>
      <c r="E4030" s="18"/>
      <c r="F4030" s="18"/>
      <c r="G4030" s="18"/>
      <c r="H4030" s="18"/>
      <c r="I4030" s="18"/>
      <c r="J4030" s="18"/>
      <c r="K4030" s="18"/>
      <c r="L4030" s="18"/>
      <c r="M4030" s="18"/>
      <c r="N4030" s="18"/>
      <c r="O4030" s="18"/>
      <c r="P4030" s="20">
        <v>1090</v>
      </c>
      <c r="Q4030" s="20"/>
      <c r="R4030" s="20"/>
      <c r="S4030" s="20"/>
      <c r="T4030" s="19">
        <v>780</v>
      </c>
      <c r="U4030" s="19"/>
      <c r="V4030" s="19"/>
      <c r="W4030" s="19"/>
      <c r="X4030" s="19">
        <v>14</v>
      </c>
      <c r="Y4030" s="19"/>
      <c r="Z4030" s="19"/>
      <c r="AA4030" s="19"/>
    </row>
    <row r="4031" spans="1:27" s="1" customFormat="1" ht="14.1" customHeight="1" outlineLevel="2" x14ac:dyDescent="0.2">
      <c r="A4031" s="17"/>
      <c r="B4031" s="17"/>
      <c r="C4031" s="17"/>
      <c r="D4031" s="18"/>
      <c r="E4031" s="18"/>
      <c r="F4031" s="18"/>
      <c r="G4031" s="18"/>
      <c r="H4031" s="18"/>
      <c r="I4031" s="18"/>
      <c r="J4031" s="18"/>
      <c r="K4031" s="18"/>
      <c r="L4031" s="18"/>
      <c r="M4031" s="18"/>
      <c r="N4031" s="18"/>
      <c r="O4031" s="18"/>
      <c r="P4031" s="20"/>
      <c r="Q4031" s="20"/>
      <c r="R4031" s="20"/>
      <c r="S4031" s="20"/>
      <c r="T4031" s="19"/>
      <c r="U4031" s="19"/>
      <c r="V4031" s="19"/>
      <c r="W4031" s="19"/>
      <c r="X4031" s="19"/>
      <c r="Y4031" s="19"/>
      <c r="Z4031" s="19"/>
      <c r="AA4031" s="19"/>
    </row>
    <row r="4032" spans="1:27" s="1" customFormat="1" ht="14.1" customHeight="1" outlineLevel="2" x14ac:dyDescent="0.2">
      <c r="A4032" s="17">
        <v>18245</v>
      </c>
      <c r="B4032" s="17"/>
      <c r="C4032" s="17"/>
      <c r="D4032" s="18" t="s">
        <v>2017</v>
      </c>
      <c r="E4032" s="18"/>
      <c r="F4032" s="18"/>
      <c r="G4032" s="18"/>
      <c r="H4032" s="18"/>
      <c r="I4032" s="18"/>
      <c r="J4032" s="18"/>
      <c r="K4032" s="18"/>
      <c r="L4032" s="18"/>
      <c r="M4032" s="18"/>
      <c r="N4032" s="18"/>
      <c r="O4032" s="18"/>
      <c r="P4032" s="20">
        <v>1190</v>
      </c>
      <c r="Q4032" s="20"/>
      <c r="R4032" s="20"/>
      <c r="S4032" s="20"/>
      <c r="T4032" s="19">
        <v>880</v>
      </c>
      <c r="U4032" s="19"/>
      <c r="V4032" s="19"/>
      <c r="W4032" s="19"/>
      <c r="X4032" s="19">
        <v>10</v>
      </c>
      <c r="Y4032" s="19"/>
      <c r="Z4032" s="19"/>
      <c r="AA4032" s="19"/>
    </row>
    <row r="4033" spans="1:27" s="1" customFormat="1" ht="14.1" customHeight="1" outlineLevel="2" x14ac:dyDescent="0.2">
      <c r="A4033" s="17"/>
      <c r="B4033" s="17"/>
      <c r="C4033" s="17"/>
      <c r="D4033" s="18"/>
      <c r="E4033" s="18"/>
      <c r="F4033" s="18"/>
      <c r="G4033" s="18"/>
      <c r="H4033" s="18"/>
      <c r="I4033" s="18"/>
      <c r="J4033" s="18"/>
      <c r="K4033" s="18"/>
      <c r="L4033" s="18"/>
      <c r="M4033" s="18"/>
      <c r="N4033" s="18"/>
      <c r="O4033" s="18"/>
      <c r="P4033" s="20"/>
      <c r="Q4033" s="20"/>
      <c r="R4033" s="20"/>
      <c r="S4033" s="20"/>
      <c r="T4033" s="19"/>
      <c r="U4033" s="19"/>
      <c r="V4033" s="19"/>
      <c r="W4033" s="19"/>
      <c r="X4033" s="19"/>
      <c r="Y4033" s="19"/>
      <c r="Z4033" s="19"/>
      <c r="AA4033" s="19"/>
    </row>
    <row r="4034" spans="1:27" s="1" customFormat="1" ht="14.1" customHeight="1" outlineLevel="2" x14ac:dyDescent="0.2">
      <c r="A4034" s="17">
        <v>17714</v>
      </c>
      <c r="B4034" s="17"/>
      <c r="C4034" s="17"/>
      <c r="D4034" s="18" t="s">
        <v>2018</v>
      </c>
      <c r="E4034" s="18"/>
      <c r="F4034" s="18"/>
      <c r="G4034" s="18"/>
      <c r="H4034" s="18"/>
      <c r="I4034" s="18"/>
      <c r="J4034" s="18"/>
      <c r="K4034" s="18"/>
      <c r="L4034" s="18"/>
      <c r="M4034" s="18"/>
      <c r="N4034" s="18"/>
      <c r="O4034" s="18"/>
      <c r="P4034" s="20">
        <v>1500</v>
      </c>
      <c r="Q4034" s="20"/>
      <c r="R4034" s="20"/>
      <c r="S4034" s="20"/>
      <c r="T4034" s="20">
        <v>1200</v>
      </c>
      <c r="U4034" s="20"/>
      <c r="V4034" s="20"/>
      <c r="W4034" s="20"/>
      <c r="X4034" s="19">
        <v>25</v>
      </c>
      <c r="Y4034" s="19"/>
      <c r="Z4034" s="19"/>
      <c r="AA4034" s="19"/>
    </row>
    <row r="4035" spans="1:27" s="1" customFormat="1" ht="14.1" customHeight="1" outlineLevel="2" x14ac:dyDescent="0.2">
      <c r="A4035" s="17"/>
      <c r="B4035" s="17"/>
      <c r="C4035" s="17"/>
      <c r="D4035" s="18"/>
      <c r="E4035" s="18"/>
      <c r="F4035" s="18"/>
      <c r="G4035" s="18"/>
      <c r="H4035" s="18"/>
      <c r="I4035" s="18"/>
      <c r="J4035" s="18"/>
      <c r="K4035" s="18"/>
      <c r="L4035" s="18"/>
      <c r="M4035" s="18"/>
      <c r="N4035" s="18"/>
      <c r="O4035" s="18"/>
      <c r="P4035" s="20"/>
      <c r="Q4035" s="20"/>
      <c r="R4035" s="20"/>
      <c r="S4035" s="20"/>
      <c r="T4035" s="20"/>
      <c r="U4035" s="20"/>
      <c r="V4035" s="20"/>
      <c r="W4035" s="20"/>
      <c r="X4035" s="19"/>
      <c r="Y4035" s="19"/>
      <c r="Z4035" s="19"/>
      <c r="AA4035" s="19"/>
    </row>
    <row r="4036" spans="1:27" s="1" customFormat="1" ht="11.1" customHeight="1" outlineLevel="1" x14ac:dyDescent="0.2">
      <c r="A4036" s="16" t="s">
        <v>2019</v>
      </c>
      <c r="B4036" s="16"/>
      <c r="C4036" s="16"/>
      <c r="D4036" s="16"/>
      <c r="E4036" s="16"/>
      <c r="F4036" s="16"/>
      <c r="G4036" s="16"/>
      <c r="H4036" s="16"/>
      <c r="I4036" s="16"/>
      <c r="J4036" s="16"/>
      <c r="K4036" s="16"/>
      <c r="L4036" s="16"/>
      <c r="M4036" s="16"/>
      <c r="N4036" s="16"/>
      <c r="O4036" s="16"/>
      <c r="P4036" s="16"/>
      <c r="Q4036" s="16"/>
      <c r="R4036" s="16"/>
      <c r="S4036" s="16"/>
      <c r="T4036" s="16"/>
      <c r="U4036" s="16"/>
      <c r="V4036" s="16"/>
      <c r="W4036" s="16"/>
      <c r="X4036" s="16"/>
      <c r="Y4036" s="16"/>
      <c r="Z4036" s="16"/>
      <c r="AA4036" s="16"/>
    </row>
    <row r="4037" spans="1:27" s="1" customFormat="1" ht="11.1" customHeight="1" outlineLevel="1" x14ac:dyDescent="0.2">
      <c r="A4037" s="16"/>
      <c r="B4037" s="16"/>
      <c r="C4037" s="16"/>
      <c r="D4037" s="16"/>
      <c r="E4037" s="16"/>
      <c r="F4037" s="16"/>
      <c r="G4037" s="16"/>
      <c r="H4037" s="16"/>
      <c r="I4037" s="16"/>
      <c r="J4037" s="16"/>
      <c r="K4037" s="16"/>
      <c r="L4037" s="16"/>
      <c r="M4037" s="16"/>
      <c r="N4037" s="16"/>
      <c r="O4037" s="16"/>
      <c r="P4037" s="16"/>
      <c r="Q4037" s="16"/>
      <c r="R4037" s="16"/>
      <c r="S4037" s="16"/>
      <c r="T4037" s="16"/>
      <c r="U4037" s="16"/>
      <c r="V4037" s="16"/>
      <c r="W4037" s="16"/>
      <c r="X4037" s="16"/>
      <c r="Y4037" s="16"/>
      <c r="Z4037" s="16"/>
      <c r="AA4037" s="16"/>
    </row>
    <row r="4038" spans="1:27" s="1" customFormat="1" ht="11.1" customHeight="1" outlineLevel="2" x14ac:dyDescent="0.2">
      <c r="A4038" s="17">
        <v>17707</v>
      </c>
      <c r="B4038" s="17"/>
      <c r="C4038" s="17"/>
      <c r="D4038" s="18" t="s">
        <v>2020</v>
      </c>
      <c r="E4038" s="18"/>
      <c r="F4038" s="18"/>
      <c r="G4038" s="18"/>
      <c r="H4038" s="18"/>
      <c r="I4038" s="18"/>
      <c r="J4038" s="18"/>
      <c r="K4038" s="18"/>
      <c r="L4038" s="18"/>
      <c r="M4038" s="18"/>
      <c r="N4038" s="18"/>
      <c r="O4038" s="18"/>
      <c r="P4038" s="20">
        <v>2600</v>
      </c>
      <c r="Q4038" s="20"/>
      <c r="R4038" s="20"/>
      <c r="S4038" s="20"/>
      <c r="T4038" s="20">
        <v>2400</v>
      </c>
      <c r="U4038" s="20"/>
      <c r="V4038" s="20"/>
      <c r="W4038" s="20"/>
      <c r="X4038" s="19">
        <v>9</v>
      </c>
      <c r="Y4038" s="19"/>
      <c r="Z4038" s="19"/>
      <c r="AA4038" s="19"/>
    </row>
    <row r="4039" spans="1:27" s="1" customFormat="1" ht="11.1" customHeight="1" outlineLevel="2" x14ac:dyDescent="0.2">
      <c r="A4039" s="17"/>
      <c r="B4039" s="17"/>
      <c r="C4039" s="17"/>
      <c r="D4039" s="18"/>
      <c r="E4039" s="18"/>
      <c r="F4039" s="18"/>
      <c r="G4039" s="18"/>
      <c r="H4039" s="18"/>
      <c r="I4039" s="18"/>
      <c r="J4039" s="18"/>
      <c r="K4039" s="18"/>
      <c r="L4039" s="18"/>
      <c r="M4039" s="18"/>
      <c r="N4039" s="18"/>
      <c r="O4039" s="18"/>
      <c r="P4039" s="20"/>
      <c r="Q4039" s="20"/>
      <c r="R4039" s="20"/>
      <c r="S4039" s="20"/>
      <c r="T4039" s="20"/>
      <c r="U4039" s="20"/>
      <c r="V4039" s="20"/>
      <c r="W4039" s="20"/>
      <c r="X4039" s="19"/>
      <c r="Y4039" s="19"/>
      <c r="Z4039" s="19"/>
      <c r="AA4039" s="19"/>
    </row>
    <row r="4040" spans="1:27" s="1" customFormat="1" ht="14.1" customHeight="1" outlineLevel="2" x14ac:dyDescent="0.2">
      <c r="A4040" s="17">
        <v>13696</v>
      </c>
      <c r="B4040" s="17"/>
      <c r="C4040" s="17"/>
      <c r="D4040" s="18" t="s">
        <v>2021</v>
      </c>
      <c r="E4040" s="18"/>
      <c r="F4040" s="18"/>
      <c r="G4040" s="18"/>
      <c r="H4040" s="18"/>
      <c r="I4040" s="18"/>
      <c r="J4040" s="18"/>
      <c r="K4040" s="18"/>
      <c r="L4040" s="18"/>
      <c r="M4040" s="18"/>
      <c r="N4040" s="18"/>
      <c r="O4040" s="18"/>
      <c r="P4040" s="20">
        <v>1150</v>
      </c>
      <c r="Q4040" s="20"/>
      <c r="R4040" s="20"/>
      <c r="S4040" s="20"/>
      <c r="T4040" s="20">
        <v>1050</v>
      </c>
      <c r="U4040" s="20"/>
      <c r="V4040" s="20"/>
      <c r="W4040" s="20"/>
      <c r="X4040" s="19">
        <v>25</v>
      </c>
      <c r="Y4040" s="19"/>
      <c r="Z4040" s="19"/>
      <c r="AA4040" s="19"/>
    </row>
    <row r="4041" spans="1:27" s="1" customFormat="1" ht="14.1" customHeight="1" outlineLevel="2" x14ac:dyDescent="0.2">
      <c r="A4041" s="17"/>
      <c r="B4041" s="17"/>
      <c r="C4041" s="17"/>
      <c r="D4041" s="18"/>
      <c r="E4041" s="18"/>
      <c r="F4041" s="18"/>
      <c r="G4041" s="18"/>
      <c r="H4041" s="18"/>
      <c r="I4041" s="18"/>
      <c r="J4041" s="18"/>
      <c r="K4041" s="18"/>
      <c r="L4041" s="18"/>
      <c r="M4041" s="18"/>
      <c r="N4041" s="18"/>
      <c r="O4041" s="18"/>
      <c r="P4041" s="20"/>
      <c r="Q4041" s="20"/>
      <c r="R4041" s="20"/>
      <c r="S4041" s="20"/>
      <c r="T4041" s="20"/>
      <c r="U4041" s="20"/>
      <c r="V4041" s="20"/>
      <c r="W4041" s="20"/>
      <c r="X4041" s="19"/>
      <c r="Y4041" s="19"/>
      <c r="Z4041" s="19"/>
      <c r="AA4041" s="19"/>
    </row>
    <row r="4042" spans="1:27" s="1" customFormat="1" ht="14.1" customHeight="1" outlineLevel="2" x14ac:dyDescent="0.2">
      <c r="A4042" s="17">
        <v>17106</v>
      </c>
      <c r="B4042" s="17"/>
      <c r="C4042" s="17"/>
      <c r="D4042" s="18" t="s">
        <v>2022</v>
      </c>
      <c r="E4042" s="18"/>
      <c r="F4042" s="18"/>
      <c r="G4042" s="18"/>
      <c r="H4042" s="18"/>
      <c r="I4042" s="18"/>
      <c r="J4042" s="18"/>
      <c r="K4042" s="18"/>
      <c r="L4042" s="18"/>
      <c r="M4042" s="18"/>
      <c r="N4042" s="18"/>
      <c r="O4042" s="18"/>
      <c r="P4042" s="20">
        <v>1100</v>
      </c>
      <c r="Q4042" s="20"/>
      <c r="R4042" s="20"/>
      <c r="S4042" s="20"/>
      <c r="T4042" s="19">
        <v>950</v>
      </c>
      <c r="U4042" s="19"/>
      <c r="V4042" s="19"/>
      <c r="W4042" s="19"/>
      <c r="X4042" s="19">
        <v>20</v>
      </c>
      <c r="Y4042" s="19"/>
      <c r="Z4042" s="19"/>
      <c r="AA4042" s="19"/>
    </row>
    <row r="4043" spans="1:27" s="1" customFormat="1" ht="14.1" customHeight="1" outlineLevel="2" x14ac:dyDescent="0.2">
      <c r="A4043" s="17"/>
      <c r="B4043" s="17"/>
      <c r="C4043" s="17"/>
      <c r="D4043" s="18"/>
      <c r="E4043" s="18"/>
      <c r="F4043" s="18"/>
      <c r="G4043" s="18"/>
      <c r="H4043" s="18"/>
      <c r="I4043" s="18"/>
      <c r="J4043" s="18"/>
      <c r="K4043" s="18"/>
      <c r="L4043" s="18"/>
      <c r="M4043" s="18"/>
      <c r="N4043" s="18"/>
      <c r="O4043" s="18"/>
      <c r="P4043" s="20"/>
      <c r="Q4043" s="20"/>
      <c r="R4043" s="20"/>
      <c r="S4043" s="20"/>
      <c r="T4043" s="19"/>
      <c r="U4043" s="19"/>
      <c r="V4043" s="19"/>
      <c r="W4043" s="19"/>
      <c r="X4043" s="19"/>
      <c r="Y4043" s="19"/>
      <c r="Z4043" s="19"/>
      <c r="AA4043" s="19"/>
    </row>
    <row r="4044" spans="1:27" s="1" customFormat="1" ht="11.1" customHeight="1" outlineLevel="2" x14ac:dyDescent="0.2">
      <c r="A4044" s="17">
        <v>18275</v>
      </c>
      <c r="B4044" s="17"/>
      <c r="C4044" s="17"/>
      <c r="D4044" s="18" t="s">
        <v>2023</v>
      </c>
      <c r="E4044" s="18"/>
      <c r="F4044" s="18"/>
      <c r="G4044" s="18"/>
      <c r="H4044" s="18"/>
      <c r="I4044" s="18"/>
      <c r="J4044" s="18"/>
      <c r="K4044" s="18"/>
      <c r="L4044" s="18"/>
      <c r="M4044" s="18"/>
      <c r="N4044" s="18"/>
      <c r="O4044" s="18"/>
      <c r="P4044" s="20">
        <v>1390</v>
      </c>
      <c r="Q4044" s="20"/>
      <c r="R4044" s="20"/>
      <c r="S4044" s="20"/>
      <c r="T4044" s="20">
        <v>1000</v>
      </c>
      <c r="U4044" s="20"/>
      <c r="V4044" s="20"/>
      <c r="W4044" s="20"/>
      <c r="X4044" s="19">
        <v>10</v>
      </c>
      <c r="Y4044" s="19"/>
      <c r="Z4044" s="19"/>
      <c r="AA4044" s="19"/>
    </row>
    <row r="4045" spans="1:27" s="1" customFormat="1" ht="11.1" customHeight="1" outlineLevel="2" x14ac:dyDescent="0.2">
      <c r="A4045" s="17"/>
      <c r="B4045" s="17"/>
      <c r="C4045" s="17"/>
      <c r="D4045" s="18"/>
      <c r="E4045" s="18"/>
      <c r="F4045" s="18"/>
      <c r="G4045" s="18"/>
      <c r="H4045" s="18"/>
      <c r="I4045" s="18"/>
      <c r="J4045" s="18"/>
      <c r="K4045" s="18"/>
      <c r="L4045" s="18"/>
      <c r="M4045" s="18"/>
      <c r="N4045" s="18"/>
      <c r="O4045" s="18"/>
      <c r="P4045" s="20"/>
      <c r="Q4045" s="20"/>
      <c r="R4045" s="20"/>
      <c r="S4045" s="20"/>
      <c r="T4045" s="20"/>
      <c r="U4045" s="20"/>
      <c r="V4045" s="20"/>
      <c r="W4045" s="20"/>
      <c r="X4045" s="19"/>
      <c r="Y4045" s="19"/>
      <c r="Z4045" s="19"/>
      <c r="AA4045" s="19"/>
    </row>
    <row r="4046" spans="1:27" s="1" customFormat="1" ht="11.1" customHeight="1" outlineLevel="2" x14ac:dyDescent="0.2">
      <c r="A4046" s="17">
        <v>18276</v>
      </c>
      <c r="B4046" s="17"/>
      <c r="C4046" s="17"/>
      <c r="D4046" s="18" t="s">
        <v>2024</v>
      </c>
      <c r="E4046" s="18"/>
      <c r="F4046" s="18"/>
      <c r="G4046" s="18"/>
      <c r="H4046" s="18"/>
      <c r="I4046" s="18"/>
      <c r="J4046" s="18"/>
      <c r="K4046" s="18"/>
      <c r="L4046" s="18"/>
      <c r="M4046" s="18"/>
      <c r="N4046" s="18"/>
      <c r="O4046" s="18"/>
      <c r="P4046" s="20">
        <v>1590</v>
      </c>
      <c r="Q4046" s="20"/>
      <c r="R4046" s="20"/>
      <c r="S4046" s="20"/>
      <c r="T4046" s="20">
        <v>1200</v>
      </c>
      <c r="U4046" s="20"/>
      <c r="V4046" s="20"/>
      <c r="W4046" s="20"/>
      <c r="X4046" s="19">
        <v>10</v>
      </c>
      <c r="Y4046" s="19"/>
      <c r="Z4046" s="19"/>
      <c r="AA4046" s="19"/>
    </row>
    <row r="4047" spans="1:27" s="1" customFormat="1" ht="11.1" customHeight="1" outlineLevel="2" x14ac:dyDescent="0.2">
      <c r="A4047" s="17"/>
      <c r="B4047" s="17"/>
      <c r="C4047" s="17"/>
      <c r="D4047" s="18"/>
      <c r="E4047" s="18"/>
      <c r="F4047" s="18"/>
      <c r="G4047" s="18"/>
      <c r="H4047" s="18"/>
      <c r="I4047" s="18"/>
      <c r="J4047" s="18"/>
      <c r="K4047" s="18"/>
      <c r="L4047" s="18"/>
      <c r="M4047" s="18"/>
      <c r="N4047" s="18"/>
      <c r="O4047" s="18"/>
      <c r="P4047" s="20"/>
      <c r="Q4047" s="20"/>
      <c r="R4047" s="20"/>
      <c r="S4047" s="20"/>
      <c r="T4047" s="20"/>
      <c r="U4047" s="20"/>
      <c r="V4047" s="20"/>
      <c r="W4047" s="20"/>
      <c r="X4047" s="19"/>
      <c r="Y4047" s="19"/>
      <c r="Z4047" s="19"/>
      <c r="AA4047" s="19"/>
    </row>
    <row r="4048" spans="1:27" s="1" customFormat="1" ht="14.1" customHeight="1" outlineLevel="2" x14ac:dyDescent="0.2">
      <c r="A4048" s="17">
        <v>8010</v>
      </c>
      <c r="B4048" s="17"/>
      <c r="C4048" s="17"/>
      <c r="D4048" s="18" t="s">
        <v>2025</v>
      </c>
      <c r="E4048" s="18"/>
      <c r="F4048" s="18"/>
      <c r="G4048" s="18"/>
      <c r="H4048" s="18"/>
      <c r="I4048" s="18"/>
      <c r="J4048" s="18"/>
      <c r="K4048" s="18"/>
      <c r="L4048" s="18"/>
      <c r="M4048" s="18"/>
      <c r="N4048" s="18"/>
      <c r="O4048" s="18"/>
      <c r="P4048" s="19">
        <v>950</v>
      </c>
      <c r="Q4048" s="19"/>
      <c r="R4048" s="19"/>
      <c r="S4048" s="19"/>
      <c r="T4048" s="19">
        <v>850</v>
      </c>
      <c r="U4048" s="19"/>
      <c r="V4048" s="19"/>
      <c r="W4048" s="19"/>
      <c r="X4048" s="19">
        <v>16</v>
      </c>
      <c r="Y4048" s="19"/>
      <c r="Z4048" s="19"/>
      <c r="AA4048" s="19"/>
    </row>
    <row r="4049" spans="1:27" s="1" customFormat="1" ht="14.1" customHeight="1" outlineLevel="2" x14ac:dyDescent="0.2">
      <c r="A4049" s="17"/>
      <c r="B4049" s="17"/>
      <c r="C4049" s="17"/>
      <c r="D4049" s="18"/>
      <c r="E4049" s="18"/>
      <c r="F4049" s="18"/>
      <c r="G4049" s="18"/>
      <c r="H4049" s="18"/>
      <c r="I4049" s="18"/>
      <c r="J4049" s="18"/>
      <c r="K4049" s="18"/>
      <c r="L4049" s="18"/>
      <c r="M4049" s="18"/>
      <c r="N4049" s="18"/>
      <c r="O4049" s="18"/>
      <c r="P4049" s="19"/>
      <c r="Q4049" s="19"/>
      <c r="R4049" s="19"/>
      <c r="S4049" s="19"/>
      <c r="T4049" s="19"/>
      <c r="U4049" s="19"/>
      <c r="V4049" s="19"/>
      <c r="W4049" s="19"/>
      <c r="X4049" s="19"/>
      <c r="Y4049" s="19"/>
      <c r="Z4049" s="19"/>
      <c r="AA4049" s="19"/>
    </row>
    <row r="4050" spans="1:27" s="1" customFormat="1" ht="11.1" customHeight="1" outlineLevel="1" x14ac:dyDescent="0.2">
      <c r="A4050" s="16" t="s">
        <v>1298</v>
      </c>
      <c r="B4050" s="16"/>
      <c r="C4050" s="16"/>
      <c r="D4050" s="16"/>
      <c r="E4050" s="16"/>
      <c r="F4050" s="16"/>
      <c r="G4050" s="16"/>
      <c r="H4050" s="16"/>
      <c r="I4050" s="16"/>
      <c r="J4050" s="16"/>
      <c r="K4050" s="16"/>
      <c r="L4050" s="16"/>
      <c r="M4050" s="16"/>
      <c r="N4050" s="16"/>
      <c r="O4050" s="16"/>
      <c r="P4050" s="16"/>
      <c r="Q4050" s="16"/>
      <c r="R4050" s="16"/>
      <c r="S4050" s="16"/>
      <c r="T4050" s="16"/>
      <c r="U4050" s="16"/>
      <c r="V4050" s="16"/>
      <c r="W4050" s="16"/>
      <c r="X4050" s="16"/>
      <c r="Y4050" s="16"/>
      <c r="Z4050" s="16"/>
      <c r="AA4050" s="16"/>
    </row>
    <row r="4051" spans="1:27" s="1" customFormat="1" ht="11.1" customHeight="1" outlineLevel="1" x14ac:dyDescent="0.2">
      <c r="A4051" s="16"/>
      <c r="B4051" s="16"/>
      <c r="C4051" s="16"/>
      <c r="D4051" s="16"/>
      <c r="E4051" s="16"/>
      <c r="F4051" s="16"/>
      <c r="G4051" s="16"/>
      <c r="H4051" s="16"/>
      <c r="I4051" s="16"/>
      <c r="J4051" s="16"/>
      <c r="K4051" s="16"/>
      <c r="L4051" s="16"/>
      <c r="M4051" s="16"/>
      <c r="N4051" s="16"/>
      <c r="O4051" s="16"/>
      <c r="P4051" s="16"/>
      <c r="Q4051" s="16"/>
      <c r="R4051" s="16"/>
      <c r="S4051" s="16"/>
      <c r="T4051" s="16"/>
      <c r="U4051" s="16"/>
      <c r="V4051" s="16"/>
      <c r="W4051" s="16"/>
      <c r="X4051" s="16"/>
      <c r="Y4051" s="16"/>
      <c r="Z4051" s="16"/>
      <c r="AA4051" s="16"/>
    </row>
    <row r="4052" spans="1:27" s="1" customFormat="1" ht="14.1" customHeight="1" outlineLevel="2" x14ac:dyDescent="0.2">
      <c r="A4052" s="17">
        <v>17105</v>
      </c>
      <c r="B4052" s="17"/>
      <c r="C4052" s="17"/>
      <c r="D4052" s="18" t="s">
        <v>2026</v>
      </c>
      <c r="E4052" s="18"/>
      <c r="F4052" s="18"/>
      <c r="G4052" s="18"/>
      <c r="H4052" s="18"/>
      <c r="I4052" s="18"/>
      <c r="J4052" s="18"/>
      <c r="K4052" s="18"/>
      <c r="L4052" s="18"/>
      <c r="M4052" s="18"/>
      <c r="N4052" s="18"/>
      <c r="O4052" s="18"/>
      <c r="P4052" s="20">
        <v>1150</v>
      </c>
      <c r="Q4052" s="20"/>
      <c r="R4052" s="20"/>
      <c r="S4052" s="20"/>
      <c r="T4052" s="20">
        <v>1000</v>
      </c>
      <c r="U4052" s="20"/>
      <c r="V4052" s="20"/>
      <c r="W4052" s="20"/>
      <c r="X4052" s="19">
        <v>12</v>
      </c>
      <c r="Y4052" s="19"/>
      <c r="Z4052" s="19"/>
      <c r="AA4052" s="19"/>
    </row>
    <row r="4053" spans="1:27" s="1" customFormat="1" ht="14.1" customHeight="1" outlineLevel="2" x14ac:dyDescent="0.2">
      <c r="A4053" s="17"/>
      <c r="B4053" s="17"/>
      <c r="C4053" s="17"/>
      <c r="D4053" s="18"/>
      <c r="E4053" s="18"/>
      <c r="F4053" s="18"/>
      <c r="G4053" s="18"/>
      <c r="H4053" s="18"/>
      <c r="I4053" s="18"/>
      <c r="J4053" s="18"/>
      <c r="K4053" s="18"/>
      <c r="L4053" s="18"/>
      <c r="M4053" s="18"/>
      <c r="N4053" s="18"/>
      <c r="O4053" s="18"/>
      <c r="P4053" s="20"/>
      <c r="Q4053" s="20"/>
      <c r="R4053" s="20"/>
      <c r="S4053" s="20"/>
      <c r="T4053" s="20"/>
      <c r="U4053" s="20"/>
      <c r="V4053" s="20"/>
      <c r="W4053" s="20"/>
      <c r="X4053" s="19"/>
      <c r="Y4053" s="19"/>
      <c r="Z4053" s="19"/>
      <c r="AA4053" s="19"/>
    </row>
    <row r="4054" spans="1:27" s="1" customFormat="1" ht="14.1" customHeight="1" outlineLevel="2" x14ac:dyDescent="0.2">
      <c r="A4054" s="17">
        <v>15921</v>
      </c>
      <c r="B4054" s="17"/>
      <c r="C4054" s="17"/>
      <c r="D4054" s="18" t="s">
        <v>2027</v>
      </c>
      <c r="E4054" s="18"/>
      <c r="F4054" s="18"/>
      <c r="G4054" s="18"/>
      <c r="H4054" s="18"/>
      <c r="I4054" s="18"/>
      <c r="J4054" s="18"/>
      <c r="K4054" s="18"/>
      <c r="L4054" s="18"/>
      <c r="M4054" s="18"/>
      <c r="N4054" s="18"/>
      <c r="O4054" s="18"/>
      <c r="P4054" s="20">
        <v>4000</v>
      </c>
      <c r="Q4054" s="20"/>
      <c r="R4054" s="20"/>
      <c r="S4054" s="20"/>
      <c r="T4054" s="20">
        <v>3500</v>
      </c>
      <c r="U4054" s="20"/>
      <c r="V4054" s="20"/>
      <c r="W4054" s="20"/>
      <c r="X4054" s="19">
        <v>1</v>
      </c>
      <c r="Y4054" s="19"/>
      <c r="Z4054" s="19"/>
      <c r="AA4054" s="19"/>
    </row>
    <row r="4055" spans="1:27" s="1" customFormat="1" ht="14.1" customHeight="1" outlineLevel="2" x14ac:dyDescent="0.2">
      <c r="A4055" s="17"/>
      <c r="B4055" s="17"/>
      <c r="C4055" s="17"/>
      <c r="D4055" s="18"/>
      <c r="E4055" s="18"/>
      <c r="F4055" s="18"/>
      <c r="G4055" s="18"/>
      <c r="H4055" s="18"/>
      <c r="I4055" s="18"/>
      <c r="J4055" s="18"/>
      <c r="K4055" s="18"/>
      <c r="L4055" s="18"/>
      <c r="M4055" s="18"/>
      <c r="N4055" s="18"/>
      <c r="O4055" s="18"/>
      <c r="P4055" s="20"/>
      <c r="Q4055" s="20"/>
      <c r="R4055" s="20"/>
      <c r="S4055" s="20"/>
      <c r="T4055" s="20"/>
      <c r="U4055" s="20"/>
      <c r="V4055" s="20"/>
      <c r="W4055" s="20"/>
      <c r="X4055" s="19"/>
      <c r="Y4055" s="19"/>
      <c r="Z4055" s="19"/>
      <c r="AA4055" s="19"/>
    </row>
    <row r="4056" spans="1:27" s="1" customFormat="1" ht="14.1" customHeight="1" outlineLevel="2" x14ac:dyDescent="0.2">
      <c r="A4056" s="17">
        <v>13524</v>
      </c>
      <c r="B4056" s="17"/>
      <c r="C4056" s="17"/>
      <c r="D4056" s="18" t="s">
        <v>2028</v>
      </c>
      <c r="E4056" s="18"/>
      <c r="F4056" s="18"/>
      <c r="G4056" s="18"/>
      <c r="H4056" s="18"/>
      <c r="I4056" s="18"/>
      <c r="J4056" s="18"/>
      <c r="K4056" s="18"/>
      <c r="L4056" s="18"/>
      <c r="M4056" s="18"/>
      <c r="N4056" s="18"/>
      <c r="O4056" s="18"/>
      <c r="P4056" s="20">
        <v>5100</v>
      </c>
      <c r="Q4056" s="20"/>
      <c r="R4056" s="20"/>
      <c r="S4056" s="20"/>
      <c r="T4056" s="20">
        <v>4700</v>
      </c>
      <c r="U4056" s="20"/>
      <c r="V4056" s="20"/>
      <c r="W4056" s="20"/>
      <c r="X4056" s="19">
        <v>7</v>
      </c>
      <c r="Y4056" s="19"/>
      <c r="Z4056" s="19"/>
      <c r="AA4056" s="19"/>
    </row>
    <row r="4057" spans="1:27" s="1" customFormat="1" ht="14.1" customHeight="1" outlineLevel="2" x14ac:dyDescent="0.2">
      <c r="A4057" s="17"/>
      <c r="B4057" s="17"/>
      <c r="C4057" s="17"/>
      <c r="D4057" s="18"/>
      <c r="E4057" s="18"/>
      <c r="F4057" s="18"/>
      <c r="G4057" s="18"/>
      <c r="H4057" s="18"/>
      <c r="I4057" s="18"/>
      <c r="J4057" s="18"/>
      <c r="K4057" s="18"/>
      <c r="L4057" s="18"/>
      <c r="M4057" s="18"/>
      <c r="N4057" s="18"/>
      <c r="O4057" s="18"/>
      <c r="P4057" s="20"/>
      <c r="Q4057" s="20"/>
      <c r="R4057" s="20"/>
      <c r="S4057" s="20"/>
      <c r="T4057" s="20"/>
      <c r="U4057" s="20"/>
      <c r="V4057" s="20"/>
      <c r="W4057" s="20"/>
      <c r="X4057" s="19"/>
      <c r="Y4057" s="19"/>
      <c r="Z4057" s="19"/>
      <c r="AA4057" s="19"/>
    </row>
    <row r="4058" spans="1:27" s="1" customFormat="1" ht="11.1" customHeight="1" outlineLevel="2" x14ac:dyDescent="0.2">
      <c r="A4058" s="17">
        <v>13523</v>
      </c>
      <c r="B4058" s="17"/>
      <c r="C4058" s="17"/>
      <c r="D4058" s="18" t="s">
        <v>2029</v>
      </c>
      <c r="E4058" s="18"/>
      <c r="F4058" s="18"/>
      <c r="G4058" s="18"/>
      <c r="H4058" s="18"/>
      <c r="I4058" s="18"/>
      <c r="J4058" s="18"/>
      <c r="K4058" s="18"/>
      <c r="L4058" s="18"/>
      <c r="M4058" s="18"/>
      <c r="N4058" s="18"/>
      <c r="O4058" s="18"/>
      <c r="P4058" s="20">
        <v>4900</v>
      </c>
      <c r="Q4058" s="20"/>
      <c r="R4058" s="20"/>
      <c r="S4058" s="20"/>
      <c r="T4058" s="20">
        <v>4500</v>
      </c>
      <c r="U4058" s="20"/>
      <c r="V4058" s="20"/>
      <c r="W4058" s="20"/>
      <c r="X4058" s="19">
        <v>6</v>
      </c>
      <c r="Y4058" s="19"/>
      <c r="Z4058" s="19"/>
      <c r="AA4058" s="19"/>
    </row>
    <row r="4059" spans="1:27" s="1" customFormat="1" ht="11.1" customHeight="1" outlineLevel="2" x14ac:dyDescent="0.2">
      <c r="A4059" s="17"/>
      <c r="B4059" s="17"/>
      <c r="C4059" s="17"/>
      <c r="D4059" s="18"/>
      <c r="E4059" s="18"/>
      <c r="F4059" s="18"/>
      <c r="G4059" s="18"/>
      <c r="H4059" s="18"/>
      <c r="I4059" s="18"/>
      <c r="J4059" s="18"/>
      <c r="K4059" s="18"/>
      <c r="L4059" s="18"/>
      <c r="M4059" s="18"/>
      <c r="N4059" s="18"/>
      <c r="O4059" s="18"/>
      <c r="P4059" s="20"/>
      <c r="Q4059" s="20"/>
      <c r="R4059" s="20"/>
      <c r="S4059" s="20"/>
      <c r="T4059" s="20"/>
      <c r="U4059" s="20"/>
      <c r="V4059" s="20"/>
      <c r="W4059" s="20"/>
      <c r="X4059" s="19"/>
      <c r="Y4059" s="19"/>
      <c r="Z4059" s="19"/>
      <c r="AA4059" s="19"/>
    </row>
    <row r="4060" spans="1:27" s="1" customFormat="1" ht="14.1" customHeight="1" outlineLevel="2" x14ac:dyDescent="0.2">
      <c r="A4060" s="17">
        <v>18194</v>
      </c>
      <c r="B4060" s="17"/>
      <c r="C4060" s="17"/>
      <c r="D4060" s="18" t="s">
        <v>2030</v>
      </c>
      <c r="E4060" s="18"/>
      <c r="F4060" s="18"/>
      <c r="G4060" s="18"/>
      <c r="H4060" s="18"/>
      <c r="I4060" s="18"/>
      <c r="J4060" s="18"/>
      <c r="K4060" s="18"/>
      <c r="L4060" s="18"/>
      <c r="M4060" s="18"/>
      <c r="N4060" s="18"/>
      <c r="O4060" s="18"/>
      <c r="P4060" s="20">
        <v>7500</v>
      </c>
      <c r="Q4060" s="20"/>
      <c r="R4060" s="20"/>
      <c r="S4060" s="20"/>
      <c r="T4060" s="20">
        <v>7000</v>
      </c>
      <c r="U4060" s="20"/>
      <c r="V4060" s="20"/>
      <c r="W4060" s="20"/>
      <c r="X4060" s="19">
        <v>1</v>
      </c>
      <c r="Y4060" s="19"/>
      <c r="Z4060" s="19"/>
      <c r="AA4060" s="19"/>
    </row>
    <row r="4061" spans="1:27" s="1" customFormat="1" ht="14.1" customHeight="1" outlineLevel="2" x14ac:dyDescent="0.2">
      <c r="A4061" s="17"/>
      <c r="B4061" s="17"/>
      <c r="C4061" s="17"/>
      <c r="D4061" s="18"/>
      <c r="E4061" s="18"/>
      <c r="F4061" s="18"/>
      <c r="G4061" s="18"/>
      <c r="H4061" s="18"/>
      <c r="I4061" s="18"/>
      <c r="J4061" s="18"/>
      <c r="K4061" s="18"/>
      <c r="L4061" s="18"/>
      <c r="M4061" s="18"/>
      <c r="N4061" s="18"/>
      <c r="O4061" s="18"/>
      <c r="P4061" s="20"/>
      <c r="Q4061" s="20"/>
      <c r="R4061" s="20"/>
      <c r="S4061" s="20"/>
      <c r="T4061" s="20"/>
      <c r="U4061" s="20"/>
      <c r="V4061" s="20"/>
      <c r="W4061" s="20"/>
      <c r="X4061" s="19"/>
      <c r="Y4061" s="19"/>
      <c r="Z4061" s="19"/>
      <c r="AA4061" s="19"/>
    </row>
    <row r="4062" spans="1:27" s="1" customFormat="1" ht="14.1" customHeight="1" outlineLevel="2" x14ac:dyDescent="0.2">
      <c r="A4062" s="17">
        <v>16045</v>
      </c>
      <c r="B4062" s="17"/>
      <c r="C4062" s="17"/>
      <c r="D4062" s="18" t="s">
        <v>2031</v>
      </c>
      <c r="E4062" s="18"/>
      <c r="F4062" s="18"/>
      <c r="G4062" s="18"/>
      <c r="H4062" s="18"/>
      <c r="I4062" s="18"/>
      <c r="J4062" s="18"/>
      <c r="K4062" s="18"/>
      <c r="L4062" s="18"/>
      <c r="M4062" s="18"/>
      <c r="N4062" s="18"/>
      <c r="O4062" s="18"/>
      <c r="P4062" s="20">
        <v>10000</v>
      </c>
      <c r="Q4062" s="20"/>
      <c r="R4062" s="20"/>
      <c r="S4062" s="20"/>
      <c r="T4062" s="20">
        <v>9200</v>
      </c>
      <c r="U4062" s="20"/>
      <c r="V4062" s="20"/>
      <c r="W4062" s="20"/>
      <c r="X4062" s="19">
        <v>1</v>
      </c>
      <c r="Y4062" s="19"/>
      <c r="Z4062" s="19"/>
      <c r="AA4062" s="19"/>
    </row>
    <row r="4063" spans="1:27" s="1" customFormat="1" ht="14.1" customHeight="1" outlineLevel="2" x14ac:dyDescent="0.2">
      <c r="A4063" s="17"/>
      <c r="B4063" s="17"/>
      <c r="C4063" s="17"/>
      <c r="D4063" s="18"/>
      <c r="E4063" s="18"/>
      <c r="F4063" s="18"/>
      <c r="G4063" s="18"/>
      <c r="H4063" s="18"/>
      <c r="I4063" s="18"/>
      <c r="J4063" s="18"/>
      <c r="K4063" s="18"/>
      <c r="L4063" s="18"/>
      <c r="M4063" s="18"/>
      <c r="N4063" s="18"/>
      <c r="O4063" s="18"/>
      <c r="P4063" s="20"/>
      <c r="Q4063" s="20"/>
      <c r="R4063" s="20"/>
      <c r="S4063" s="20"/>
      <c r="T4063" s="20"/>
      <c r="U4063" s="20"/>
      <c r="V4063" s="20"/>
      <c r="W4063" s="20"/>
      <c r="X4063" s="19"/>
      <c r="Y4063" s="19"/>
      <c r="Z4063" s="19"/>
      <c r="AA4063" s="19"/>
    </row>
    <row r="4064" spans="1:27" s="1" customFormat="1" ht="14.1" customHeight="1" outlineLevel="2" x14ac:dyDescent="0.2">
      <c r="A4064" s="17">
        <v>17124</v>
      </c>
      <c r="B4064" s="17"/>
      <c r="C4064" s="17"/>
      <c r="D4064" s="18" t="s">
        <v>2032</v>
      </c>
      <c r="E4064" s="18"/>
      <c r="F4064" s="18"/>
      <c r="G4064" s="18"/>
      <c r="H4064" s="18"/>
      <c r="I4064" s="18"/>
      <c r="J4064" s="18"/>
      <c r="K4064" s="18"/>
      <c r="L4064" s="18"/>
      <c r="M4064" s="18"/>
      <c r="N4064" s="18"/>
      <c r="O4064" s="18"/>
      <c r="P4064" s="20">
        <v>4800</v>
      </c>
      <c r="Q4064" s="20"/>
      <c r="R4064" s="20"/>
      <c r="S4064" s="20"/>
      <c r="T4064" s="20">
        <v>4300</v>
      </c>
      <c r="U4064" s="20"/>
      <c r="V4064" s="20"/>
      <c r="W4064" s="20"/>
      <c r="X4064" s="19">
        <v>3</v>
      </c>
      <c r="Y4064" s="19"/>
      <c r="Z4064" s="19"/>
      <c r="AA4064" s="19"/>
    </row>
    <row r="4065" spans="1:27" s="1" customFormat="1" ht="14.1" customHeight="1" outlineLevel="2" x14ac:dyDescent="0.2">
      <c r="A4065" s="17"/>
      <c r="B4065" s="17"/>
      <c r="C4065" s="17"/>
      <c r="D4065" s="18"/>
      <c r="E4065" s="18"/>
      <c r="F4065" s="18"/>
      <c r="G4065" s="18"/>
      <c r="H4065" s="18"/>
      <c r="I4065" s="18"/>
      <c r="J4065" s="18"/>
      <c r="K4065" s="18"/>
      <c r="L4065" s="18"/>
      <c r="M4065" s="18"/>
      <c r="N4065" s="18"/>
      <c r="O4065" s="18"/>
      <c r="P4065" s="20"/>
      <c r="Q4065" s="20"/>
      <c r="R4065" s="20"/>
      <c r="S4065" s="20"/>
      <c r="T4065" s="20"/>
      <c r="U4065" s="20"/>
      <c r="V4065" s="20"/>
      <c r="W4065" s="20"/>
      <c r="X4065" s="19"/>
      <c r="Y4065" s="19"/>
      <c r="Z4065" s="19"/>
      <c r="AA4065" s="19"/>
    </row>
    <row r="4066" spans="1:27" s="1" customFormat="1" ht="14.1" customHeight="1" outlineLevel="2" x14ac:dyDescent="0.2">
      <c r="A4066" s="17">
        <v>13171</v>
      </c>
      <c r="B4066" s="17"/>
      <c r="C4066" s="17"/>
      <c r="D4066" s="18" t="s">
        <v>2033</v>
      </c>
      <c r="E4066" s="18"/>
      <c r="F4066" s="18"/>
      <c r="G4066" s="18"/>
      <c r="H4066" s="18"/>
      <c r="I4066" s="18"/>
      <c r="J4066" s="18"/>
      <c r="K4066" s="18"/>
      <c r="L4066" s="18"/>
      <c r="M4066" s="18"/>
      <c r="N4066" s="18"/>
      <c r="O4066" s="18"/>
      <c r="P4066" s="20">
        <v>2480</v>
      </c>
      <c r="Q4066" s="20"/>
      <c r="R4066" s="20"/>
      <c r="S4066" s="20"/>
      <c r="T4066" s="20">
        <v>2350</v>
      </c>
      <c r="U4066" s="20"/>
      <c r="V4066" s="20"/>
      <c r="W4066" s="20"/>
      <c r="X4066" s="19">
        <v>5</v>
      </c>
      <c r="Y4066" s="19"/>
      <c r="Z4066" s="19"/>
      <c r="AA4066" s="19"/>
    </row>
    <row r="4067" spans="1:27" s="1" customFormat="1" ht="14.1" customHeight="1" outlineLevel="2" x14ac:dyDescent="0.2">
      <c r="A4067" s="17"/>
      <c r="B4067" s="17"/>
      <c r="C4067" s="17"/>
      <c r="D4067" s="18"/>
      <c r="E4067" s="18"/>
      <c r="F4067" s="18"/>
      <c r="G4067" s="18"/>
      <c r="H4067" s="18"/>
      <c r="I4067" s="18"/>
      <c r="J4067" s="18"/>
      <c r="K4067" s="18"/>
      <c r="L4067" s="18"/>
      <c r="M4067" s="18"/>
      <c r="N4067" s="18"/>
      <c r="O4067" s="18"/>
      <c r="P4067" s="20"/>
      <c r="Q4067" s="20"/>
      <c r="R4067" s="20"/>
      <c r="S4067" s="20"/>
      <c r="T4067" s="20"/>
      <c r="U4067" s="20"/>
      <c r="V4067" s="20"/>
      <c r="W4067" s="20"/>
      <c r="X4067" s="19"/>
      <c r="Y4067" s="19"/>
      <c r="Z4067" s="19"/>
      <c r="AA4067" s="19"/>
    </row>
    <row r="4068" spans="1:27" s="1" customFormat="1" ht="14.1" customHeight="1" outlineLevel="2" x14ac:dyDescent="0.2">
      <c r="A4068" s="17">
        <v>13172</v>
      </c>
      <c r="B4068" s="17"/>
      <c r="C4068" s="17"/>
      <c r="D4068" s="18" t="s">
        <v>2034</v>
      </c>
      <c r="E4068" s="18"/>
      <c r="F4068" s="18"/>
      <c r="G4068" s="18"/>
      <c r="H4068" s="18"/>
      <c r="I4068" s="18"/>
      <c r="J4068" s="18"/>
      <c r="K4068" s="18"/>
      <c r="L4068" s="18"/>
      <c r="M4068" s="18"/>
      <c r="N4068" s="18"/>
      <c r="O4068" s="18"/>
      <c r="P4068" s="20">
        <v>2480</v>
      </c>
      <c r="Q4068" s="20"/>
      <c r="R4068" s="20"/>
      <c r="S4068" s="20"/>
      <c r="T4068" s="20">
        <v>2350</v>
      </c>
      <c r="U4068" s="20"/>
      <c r="V4068" s="20"/>
      <c r="W4068" s="20"/>
      <c r="X4068" s="19">
        <v>3</v>
      </c>
      <c r="Y4068" s="19"/>
      <c r="Z4068" s="19"/>
      <c r="AA4068" s="19"/>
    </row>
    <row r="4069" spans="1:27" s="1" customFormat="1" ht="14.1" customHeight="1" outlineLevel="2" x14ac:dyDescent="0.2">
      <c r="A4069" s="17"/>
      <c r="B4069" s="17"/>
      <c r="C4069" s="17"/>
      <c r="D4069" s="18"/>
      <c r="E4069" s="18"/>
      <c r="F4069" s="18"/>
      <c r="G4069" s="18"/>
      <c r="H4069" s="18"/>
      <c r="I4069" s="18"/>
      <c r="J4069" s="18"/>
      <c r="K4069" s="18"/>
      <c r="L4069" s="18"/>
      <c r="M4069" s="18"/>
      <c r="N4069" s="18"/>
      <c r="O4069" s="18"/>
      <c r="P4069" s="20"/>
      <c r="Q4069" s="20"/>
      <c r="R4069" s="20"/>
      <c r="S4069" s="20"/>
      <c r="T4069" s="20"/>
      <c r="U4069" s="20"/>
      <c r="V4069" s="20"/>
      <c r="W4069" s="20"/>
      <c r="X4069" s="19"/>
      <c r="Y4069" s="19"/>
      <c r="Z4069" s="19"/>
      <c r="AA4069" s="19"/>
    </row>
    <row r="4070" spans="1:27" s="1" customFormat="1" ht="11.1" customHeight="1" outlineLevel="2" x14ac:dyDescent="0.2">
      <c r="A4070" s="17">
        <v>13526</v>
      </c>
      <c r="B4070" s="17"/>
      <c r="C4070" s="17"/>
      <c r="D4070" s="18" t="s">
        <v>2035</v>
      </c>
      <c r="E4070" s="18"/>
      <c r="F4070" s="18"/>
      <c r="G4070" s="18"/>
      <c r="H4070" s="18"/>
      <c r="I4070" s="18"/>
      <c r="J4070" s="18"/>
      <c r="K4070" s="18"/>
      <c r="L4070" s="18"/>
      <c r="M4070" s="18"/>
      <c r="N4070" s="18"/>
      <c r="O4070" s="18"/>
      <c r="P4070" s="20">
        <v>2150</v>
      </c>
      <c r="Q4070" s="20"/>
      <c r="R4070" s="20"/>
      <c r="S4070" s="20"/>
      <c r="T4070" s="20">
        <v>1900</v>
      </c>
      <c r="U4070" s="20"/>
      <c r="V4070" s="20"/>
      <c r="W4070" s="20"/>
      <c r="X4070" s="19">
        <v>5</v>
      </c>
      <c r="Y4070" s="19"/>
      <c r="Z4070" s="19"/>
      <c r="AA4070" s="19"/>
    </row>
    <row r="4071" spans="1:27" s="1" customFormat="1" ht="11.1" customHeight="1" outlineLevel="2" x14ac:dyDescent="0.2">
      <c r="A4071" s="17"/>
      <c r="B4071" s="17"/>
      <c r="C4071" s="17"/>
      <c r="D4071" s="18"/>
      <c r="E4071" s="18"/>
      <c r="F4071" s="18"/>
      <c r="G4071" s="18"/>
      <c r="H4071" s="18"/>
      <c r="I4071" s="18"/>
      <c r="J4071" s="18"/>
      <c r="K4071" s="18"/>
      <c r="L4071" s="18"/>
      <c r="M4071" s="18"/>
      <c r="N4071" s="18"/>
      <c r="O4071" s="18"/>
      <c r="P4071" s="20"/>
      <c r="Q4071" s="20"/>
      <c r="R4071" s="20"/>
      <c r="S4071" s="20"/>
      <c r="T4071" s="20"/>
      <c r="U4071" s="20"/>
      <c r="V4071" s="20"/>
      <c r="W4071" s="20"/>
      <c r="X4071" s="19"/>
      <c r="Y4071" s="19"/>
      <c r="Z4071" s="19"/>
      <c r="AA4071" s="19"/>
    </row>
    <row r="4072" spans="1:27" s="1" customFormat="1" ht="11.1" customHeight="1" outlineLevel="2" x14ac:dyDescent="0.2">
      <c r="A4072" s="17">
        <v>10815</v>
      </c>
      <c r="B4072" s="17"/>
      <c r="C4072" s="17"/>
      <c r="D4072" s="18" t="s">
        <v>2036</v>
      </c>
      <c r="E4072" s="18"/>
      <c r="F4072" s="18"/>
      <c r="G4072" s="18"/>
      <c r="H4072" s="18"/>
      <c r="I4072" s="18"/>
      <c r="J4072" s="18"/>
      <c r="K4072" s="18"/>
      <c r="L4072" s="18"/>
      <c r="M4072" s="18"/>
      <c r="N4072" s="18"/>
      <c r="O4072" s="18"/>
      <c r="P4072" s="20">
        <v>2350</v>
      </c>
      <c r="Q4072" s="20"/>
      <c r="R4072" s="20"/>
      <c r="S4072" s="20"/>
      <c r="T4072" s="20">
        <v>2150</v>
      </c>
      <c r="U4072" s="20"/>
      <c r="V4072" s="20"/>
      <c r="W4072" s="20"/>
      <c r="X4072" s="19">
        <v>1</v>
      </c>
      <c r="Y4072" s="19"/>
      <c r="Z4072" s="19"/>
      <c r="AA4072" s="19"/>
    </row>
    <row r="4073" spans="1:27" s="1" customFormat="1" ht="11.1" customHeight="1" outlineLevel="2" x14ac:dyDescent="0.2">
      <c r="A4073" s="17"/>
      <c r="B4073" s="17"/>
      <c r="C4073" s="17"/>
      <c r="D4073" s="18"/>
      <c r="E4073" s="18"/>
      <c r="F4073" s="18"/>
      <c r="G4073" s="18"/>
      <c r="H4073" s="18"/>
      <c r="I4073" s="18"/>
      <c r="J4073" s="18"/>
      <c r="K4073" s="18"/>
      <c r="L4073" s="18"/>
      <c r="M4073" s="18"/>
      <c r="N4073" s="18"/>
      <c r="O4073" s="18"/>
      <c r="P4073" s="20"/>
      <c r="Q4073" s="20"/>
      <c r="R4073" s="20"/>
      <c r="S4073" s="20"/>
      <c r="T4073" s="20"/>
      <c r="U4073" s="20"/>
      <c r="V4073" s="20"/>
      <c r="W4073" s="20"/>
      <c r="X4073" s="19"/>
      <c r="Y4073" s="19"/>
      <c r="Z4073" s="19"/>
      <c r="AA4073" s="19"/>
    </row>
    <row r="4074" spans="1:27" s="1" customFormat="1" ht="11.1" customHeight="1" outlineLevel="2" x14ac:dyDescent="0.2">
      <c r="A4074" s="17">
        <v>10397</v>
      </c>
      <c r="B4074" s="17"/>
      <c r="C4074" s="17"/>
      <c r="D4074" s="18" t="s">
        <v>2037</v>
      </c>
      <c r="E4074" s="18"/>
      <c r="F4074" s="18"/>
      <c r="G4074" s="18"/>
      <c r="H4074" s="18"/>
      <c r="I4074" s="18"/>
      <c r="J4074" s="18"/>
      <c r="K4074" s="18"/>
      <c r="L4074" s="18"/>
      <c r="M4074" s="18"/>
      <c r="N4074" s="18"/>
      <c r="O4074" s="18"/>
      <c r="P4074" s="20">
        <v>3500</v>
      </c>
      <c r="Q4074" s="20"/>
      <c r="R4074" s="20"/>
      <c r="S4074" s="20"/>
      <c r="T4074" s="20">
        <v>2700</v>
      </c>
      <c r="U4074" s="20"/>
      <c r="V4074" s="20"/>
      <c r="W4074" s="20"/>
      <c r="X4074" s="19">
        <v>1</v>
      </c>
      <c r="Y4074" s="19"/>
      <c r="Z4074" s="19"/>
      <c r="AA4074" s="19"/>
    </row>
    <row r="4075" spans="1:27" s="1" customFormat="1" ht="11.1" customHeight="1" outlineLevel="2" x14ac:dyDescent="0.2">
      <c r="A4075" s="17"/>
      <c r="B4075" s="17"/>
      <c r="C4075" s="17"/>
      <c r="D4075" s="18"/>
      <c r="E4075" s="18"/>
      <c r="F4075" s="18"/>
      <c r="G4075" s="18"/>
      <c r="H4075" s="18"/>
      <c r="I4075" s="18"/>
      <c r="J4075" s="18"/>
      <c r="K4075" s="18"/>
      <c r="L4075" s="18"/>
      <c r="M4075" s="18"/>
      <c r="N4075" s="18"/>
      <c r="O4075" s="18"/>
      <c r="P4075" s="20"/>
      <c r="Q4075" s="20"/>
      <c r="R4075" s="20"/>
      <c r="S4075" s="20"/>
      <c r="T4075" s="20"/>
      <c r="U4075" s="20"/>
      <c r="V4075" s="20"/>
      <c r="W4075" s="20"/>
      <c r="X4075" s="19"/>
      <c r="Y4075" s="19"/>
      <c r="Z4075" s="19"/>
      <c r="AA4075" s="19"/>
    </row>
    <row r="4076" spans="1:27" s="1" customFormat="1" ht="11.1" customHeight="1" outlineLevel="2" x14ac:dyDescent="0.2">
      <c r="A4076" s="17">
        <v>9383</v>
      </c>
      <c r="B4076" s="17"/>
      <c r="C4076" s="17"/>
      <c r="D4076" s="18" t="s">
        <v>2038</v>
      </c>
      <c r="E4076" s="18"/>
      <c r="F4076" s="18"/>
      <c r="G4076" s="18"/>
      <c r="H4076" s="18"/>
      <c r="I4076" s="18"/>
      <c r="J4076" s="18"/>
      <c r="K4076" s="18"/>
      <c r="L4076" s="18"/>
      <c r="M4076" s="18"/>
      <c r="N4076" s="18"/>
      <c r="O4076" s="18"/>
      <c r="P4076" s="20">
        <v>1490</v>
      </c>
      <c r="Q4076" s="20"/>
      <c r="R4076" s="20"/>
      <c r="S4076" s="20"/>
      <c r="T4076" s="20">
        <v>1300</v>
      </c>
      <c r="U4076" s="20"/>
      <c r="V4076" s="20"/>
      <c r="W4076" s="20"/>
      <c r="X4076" s="19">
        <v>1</v>
      </c>
      <c r="Y4076" s="19"/>
      <c r="Z4076" s="19"/>
      <c r="AA4076" s="19"/>
    </row>
    <row r="4077" spans="1:27" s="1" customFormat="1" ht="11.1" customHeight="1" outlineLevel="2" x14ac:dyDescent="0.2">
      <c r="A4077" s="17"/>
      <c r="B4077" s="17"/>
      <c r="C4077" s="17"/>
      <c r="D4077" s="18"/>
      <c r="E4077" s="18"/>
      <c r="F4077" s="18"/>
      <c r="G4077" s="18"/>
      <c r="H4077" s="18"/>
      <c r="I4077" s="18"/>
      <c r="J4077" s="18"/>
      <c r="K4077" s="18"/>
      <c r="L4077" s="18"/>
      <c r="M4077" s="18"/>
      <c r="N4077" s="18"/>
      <c r="O4077" s="18"/>
      <c r="P4077" s="20"/>
      <c r="Q4077" s="20"/>
      <c r="R4077" s="20"/>
      <c r="S4077" s="20"/>
      <c r="T4077" s="20"/>
      <c r="U4077" s="20"/>
      <c r="V4077" s="20"/>
      <c r="W4077" s="20"/>
      <c r="X4077" s="19"/>
      <c r="Y4077" s="19"/>
      <c r="Z4077" s="19"/>
      <c r="AA4077" s="19"/>
    </row>
    <row r="4078" spans="1:27" s="1" customFormat="1" ht="11.1" customHeight="1" outlineLevel="2" x14ac:dyDescent="0.2">
      <c r="A4078" s="17">
        <v>15845</v>
      </c>
      <c r="B4078" s="17"/>
      <c r="C4078" s="17"/>
      <c r="D4078" s="18" t="s">
        <v>2039</v>
      </c>
      <c r="E4078" s="18"/>
      <c r="F4078" s="18"/>
      <c r="G4078" s="18"/>
      <c r="H4078" s="18"/>
      <c r="I4078" s="18"/>
      <c r="J4078" s="18"/>
      <c r="K4078" s="18"/>
      <c r="L4078" s="18"/>
      <c r="M4078" s="18"/>
      <c r="N4078" s="18"/>
      <c r="O4078" s="18"/>
      <c r="P4078" s="20">
        <v>2700</v>
      </c>
      <c r="Q4078" s="20"/>
      <c r="R4078" s="20"/>
      <c r="S4078" s="20"/>
      <c r="T4078" s="20">
        <v>2500</v>
      </c>
      <c r="U4078" s="20"/>
      <c r="V4078" s="20"/>
      <c r="W4078" s="20"/>
      <c r="X4078" s="19">
        <v>4</v>
      </c>
      <c r="Y4078" s="19"/>
      <c r="Z4078" s="19"/>
      <c r="AA4078" s="19"/>
    </row>
    <row r="4079" spans="1:27" s="1" customFormat="1" ht="11.1" customHeight="1" outlineLevel="2" x14ac:dyDescent="0.2">
      <c r="A4079" s="17"/>
      <c r="B4079" s="17"/>
      <c r="C4079" s="17"/>
      <c r="D4079" s="18"/>
      <c r="E4079" s="18"/>
      <c r="F4079" s="18"/>
      <c r="G4079" s="18"/>
      <c r="H4079" s="18"/>
      <c r="I4079" s="18"/>
      <c r="J4079" s="18"/>
      <c r="K4079" s="18"/>
      <c r="L4079" s="18"/>
      <c r="M4079" s="18"/>
      <c r="N4079" s="18"/>
      <c r="O4079" s="18"/>
      <c r="P4079" s="20"/>
      <c r="Q4079" s="20"/>
      <c r="R4079" s="20"/>
      <c r="S4079" s="20"/>
      <c r="T4079" s="20"/>
      <c r="U4079" s="20"/>
      <c r="V4079" s="20"/>
      <c r="W4079" s="20"/>
      <c r="X4079" s="19"/>
      <c r="Y4079" s="19"/>
      <c r="Z4079" s="19"/>
      <c r="AA4079" s="19"/>
    </row>
    <row r="4080" spans="1:27" s="1" customFormat="1" ht="11.1" customHeight="1" outlineLevel="2" x14ac:dyDescent="0.2">
      <c r="A4080" s="17">
        <v>13525</v>
      </c>
      <c r="B4080" s="17"/>
      <c r="C4080" s="17"/>
      <c r="D4080" s="18" t="s">
        <v>2040</v>
      </c>
      <c r="E4080" s="18"/>
      <c r="F4080" s="18"/>
      <c r="G4080" s="18"/>
      <c r="H4080" s="18"/>
      <c r="I4080" s="18"/>
      <c r="J4080" s="18"/>
      <c r="K4080" s="18"/>
      <c r="L4080" s="18"/>
      <c r="M4080" s="18"/>
      <c r="N4080" s="18"/>
      <c r="O4080" s="18"/>
      <c r="P4080" s="20">
        <v>7000</v>
      </c>
      <c r="Q4080" s="20"/>
      <c r="R4080" s="20"/>
      <c r="S4080" s="20"/>
      <c r="T4080" s="20">
        <v>6000</v>
      </c>
      <c r="U4080" s="20"/>
      <c r="V4080" s="20"/>
      <c r="W4080" s="20"/>
      <c r="X4080" s="19">
        <v>2</v>
      </c>
      <c r="Y4080" s="19"/>
      <c r="Z4080" s="19"/>
      <c r="AA4080" s="19"/>
    </row>
    <row r="4081" spans="1:27" s="1" customFormat="1" ht="11.1" customHeight="1" outlineLevel="2" x14ac:dyDescent="0.2">
      <c r="A4081" s="17"/>
      <c r="B4081" s="17"/>
      <c r="C4081" s="17"/>
      <c r="D4081" s="18"/>
      <c r="E4081" s="18"/>
      <c r="F4081" s="18"/>
      <c r="G4081" s="18"/>
      <c r="H4081" s="18"/>
      <c r="I4081" s="18"/>
      <c r="J4081" s="18"/>
      <c r="K4081" s="18"/>
      <c r="L4081" s="18"/>
      <c r="M4081" s="18"/>
      <c r="N4081" s="18"/>
      <c r="O4081" s="18"/>
      <c r="P4081" s="20"/>
      <c r="Q4081" s="20"/>
      <c r="R4081" s="20"/>
      <c r="S4081" s="20"/>
      <c r="T4081" s="20"/>
      <c r="U4081" s="20"/>
      <c r="V4081" s="20"/>
      <c r="W4081" s="20"/>
      <c r="X4081" s="19"/>
      <c r="Y4081" s="19"/>
      <c r="Z4081" s="19"/>
      <c r="AA4081" s="19"/>
    </row>
    <row r="4082" spans="1:27" s="1" customFormat="1" ht="14.1" customHeight="1" outlineLevel="2" x14ac:dyDescent="0.2">
      <c r="A4082" s="17">
        <v>9279</v>
      </c>
      <c r="B4082" s="17"/>
      <c r="C4082" s="17"/>
      <c r="D4082" s="18" t="s">
        <v>2041</v>
      </c>
      <c r="E4082" s="18"/>
      <c r="F4082" s="18"/>
      <c r="G4082" s="18"/>
      <c r="H4082" s="18"/>
      <c r="I4082" s="18"/>
      <c r="J4082" s="18"/>
      <c r="K4082" s="18"/>
      <c r="L4082" s="18"/>
      <c r="M4082" s="18"/>
      <c r="N4082" s="18"/>
      <c r="O4082" s="18"/>
      <c r="P4082" s="20">
        <v>4500</v>
      </c>
      <c r="Q4082" s="20"/>
      <c r="R4082" s="20"/>
      <c r="S4082" s="20"/>
      <c r="T4082" s="20">
        <v>3000</v>
      </c>
      <c r="U4082" s="20"/>
      <c r="V4082" s="20"/>
      <c r="W4082" s="20"/>
      <c r="X4082" s="19">
        <v>3</v>
      </c>
      <c r="Y4082" s="19"/>
      <c r="Z4082" s="19"/>
      <c r="AA4082" s="19"/>
    </row>
    <row r="4083" spans="1:27" s="1" customFormat="1" ht="14.1" customHeight="1" outlineLevel="2" x14ac:dyDescent="0.2">
      <c r="A4083" s="17"/>
      <c r="B4083" s="17"/>
      <c r="C4083" s="17"/>
      <c r="D4083" s="18"/>
      <c r="E4083" s="18"/>
      <c r="F4083" s="18"/>
      <c r="G4083" s="18"/>
      <c r="H4083" s="18"/>
      <c r="I4083" s="18"/>
      <c r="J4083" s="18"/>
      <c r="K4083" s="18"/>
      <c r="L4083" s="18"/>
      <c r="M4083" s="18"/>
      <c r="N4083" s="18"/>
      <c r="O4083" s="18"/>
      <c r="P4083" s="20"/>
      <c r="Q4083" s="20"/>
      <c r="R4083" s="20"/>
      <c r="S4083" s="20"/>
      <c r="T4083" s="20"/>
      <c r="U4083" s="20"/>
      <c r="V4083" s="20"/>
      <c r="W4083" s="20"/>
      <c r="X4083" s="19"/>
      <c r="Y4083" s="19"/>
      <c r="Z4083" s="19"/>
      <c r="AA4083" s="19"/>
    </row>
    <row r="4084" spans="1:27" s="1" customFormat="1" ht="14.1" customHeight="1" outlineLevel="2" x14ac:dyDescent="0.2">
      <c r="A4084" s="17">
        <v>13169</v>
      </c>
      <c r="B4084" s="17"/>
      <c r="C4084" s="17"/>
      <c r="D4084" s="18" t="s">
        <v>2042</v>
      </c>
      <c r="E4084" s="18"/>
      <c r="F4084" s="18"/>
      <c r="G4084" s="18"/>
      <c r="H4084" s="18"/>
      <c r="I4084" s="18"/>
      <c r="J4084" s="18"/>
      <c r="K4084" s="18"/>
      <c r="L4084" s="18"/>
      <c r="M4084" s="18"/>
      <c r="N4084" s="18"/>
      <c r="O4084" s="18"/>
      <c r="P4084" s="20">
        <v>1490</v>
      </c>
      <c r="Q4084" s="20"/>
      <c r="R4084" s="20"/>
      <c r="S4084" s="20"/>
      <c r="T4084" s="20">
        <v>1410</v>
      </c>
      <c r="U4084" s="20"/>
      <c r="V4084" s="20"/>
      <c r="W4084" s="20"/>
      <c r="X4084" s="19">
        <v>2</v>
      </c>
      <c r="Y4084" s="19"/>
      <c r="Z4084" s="19"/>
      <c r="AA4084" s="19"/>
    </row>
    <row r="4085" spans="1:27" s="1" customFormat="1" ht="14.1" customHeight="1" outlineLevel="2" x14ac:dyDescent="0.2">
      <c r="A4085" s="17"/>
      <c r="B4085" s="17"/>
      <c r="C4085" s="17"/>
      <c r="D4085" s="18"/>
      <c r="E4085" s="18"/>
      <c r="F4085" s="18"/>
      <c r="G4085" s="18"/>
      <c r="H4085" s="18"/>
      <c r="I4085" s="18"/>
      <c r="J4085" s="18"/>
      <c r="K4085" s="18"/>
      <c r="L4085" s="18"/>
      <c r="M4085" s="18"/>
      <c r="N4085" s="18"/>
      <c r="O4085" s="18"/>
      <c r="P4085" s="20"/>
      <c r="Q4085" s="20"/>
      <c r="R4085" s="20"/>
      <c r="S4085" s="20"/>
      <c r="T4085" s="20"/>
      <c r="U4085" s="20"/>
      <c r="V4085" s="20"/>
      <c r="W4085" s="20"/>
      <c r="X4085" s="19"/>
      <c r="Y4085" s="19"/>
      <c r="Z4085" s="19"/>
      <c r="AA4085" s="19"/>
    </row>
    <row r="4086" spans="1:27" s="1" customFormat="1" ht="14.1" customHeight="1" outlineLevel="2" x14ac:dyDescent="0.2">
      <c r="A4086" s="17">
        <v>9135</v>
      </c>
      <c r="B4086" s="17"/>
      <c r="C4086" s="17"/>
      <c r="D4086" s="18" t="s">
        <v>2043</v>
      </c>
      <c r="E4086" s="18"/>
      <c r="F4086" s="18"/>
      <c r="G4086" s="18"/>
      <c r="H4086" s="18"/>
      <c r="I4086" s="18"/>
      <c r="J4086" s="18"/>
      <c r="K4086" s="18"/>
      <c r="L4086" s="18"/>
      <c r="M4086" s="18"/>
      <c r="N4086" s="18"/>
      <c r="O4086" s="18"/>
      <c r="P4086" s="20">
        <v>1490</v>
      </c>
      <c r="Q4086" s="20"/>
      <c r="R4086" s="20"/>
      <c r="S4086" s="20"/>
      <c r="T4086" s="20">
        <v>1410</v>
      </c>
      <c r="U4086" s="20"/>
      <c r="V4086" s="20"/>
      <c r="W4086" s="20"/>
      <c r="X4086" s="19">
        <v>1</v>
      </c>
      <c r="Y4086" s="19"/>
      <c r="Z4086" s="19"/>
      <c r="AA4086" s="19"/>
    </row>
    <row r="4087" spans="1:27" s="1" customFormat="1" ht="14.1" customHeight="1" outlineLevel="2" x14ac:dyDescent="0.2">
      <c r="A4087" s="17"/>
      <c r="B4087" s="17"/>
      <c r="C4087" s="17"/>
      <c r="D4087" s="18"/>
      <c r="E4087" s="18"/>
      <c r="F4087" s="18"/>
      <c r="G4087" s="18"/>
      <c r="H4087" s="18"/>
      <c r="I4087" s="18"/>
      <c r="J4087" s="18"/>
      <c r="K4087" s="18"/>
      <c r="L4087" s="18"/>
      <c r="M4087" s="18"/>
      <c r="N4087" s="18"/>
      <c r="O4087" s="18"/>
      <c r="P4087" s="20"/>
      <c r="Q4087" s="20"/>
      <c r="R4087" s="20"/>
      <c r="S4087" s="20"/>
      <c r="T4087" s="20"/>
      <c r="U4087" s="20"/>
      <c r="V4087" s="20"/>
      <c r="W4087" s="20"/>
      <c r="X4087" s="19"/>
      <c r="Y4087" s="19"/>
      <c r="Z4087" s="19"/>
      <c r="AA4087" s="19"/>
    </row>
    <row r="4088" spans="1:27" s="1" customFormat="1" ht="14.1" customHeight="1" outlineLevel="2" x14ac:dyDescent="0.2">
      <c r="A4088" s="17">
        <v>13527</v>
      </c>
      <c r="B4088" s="17"/>
      <c r="C4088" s="17"/>
      <c r="D4088" s="18" t="s">
        <v>2044</v>
      </c>
      <c r="E4088" s="18"/>
      <c r="F4088" s="18"/>
      <c r="G4088" s="18"/>
      <c r="H4088" s="18"/>
      <c r="I4088" s="18"/>
      <c r="J4088" s="18"/>
      <c r="K4088" s="18"/>
      <c r="L4088" s="18"/>
      <c r="M4088" s="18"/>
      <c r="N4088" s="18"/>
      <c r="O4088" s="18"/>
      <c r="P4088" s="20">
        <v>3300</v>
      </c>
      <c r="Q4088" s="20"/>
      <c r="R4088" s="20"/>
      <c r="S4088" s="20"/>
      <c r="T4088" s="20">
        <v>3000</v>
      </c>
      <c r="U4088" s="20"/>
      <c r="V4088" s="20"/>
      <c r="W4088" s="20"/>
      <c r="X4088" s="19">
        <v>5</v>
      </c>
      <c r="Y4088" s="19"/>
      <c r="Z4088" s="19"/>
      <c r="AA4088" s="19"/>
    </row>
    <row r="4089" spans="1:27" s="1" customFormat="1" ht="14.1" customHeight="1" outlineLevel="2" x14ac:dyDescent="0.2">
      <c r="A4089" s="17"/>
      <c r="B4089" s="17"/>
      <c r="C4089" s="17"/>
      <c r="D4089" s="18"/>
      <c r="E4089" s="18"/>
      <c r="F4089" s="18"/>
      <c r="G4089" s="18"/>
      <c r="H4089" s="18"/>
      <c r="I4089" s="18"/>
      <c r="J4089" s="18"/>
      <c r="K4089" s="18"/>
      <c r="L4089" s="18"/>
      <c r="M4089" s="18"/>
      <c r="N4089" s="18"/>
      <c r="O4089" s="18"/>
      <c r="P4089" s="20"/>
      <c r="Q4089" s="20"/>
      <c r="R4089" s="20"/>
      <c r="S4089" s="20"/>
      <c r="T4089" s="20"/>
      <c r="U4089" s="20"/>
      <c r="V4089" s="20"/>
      <c r="W4089" s="20"/>
      <c r="X4089" s="19"/>
      <c r="Y4089" s="19"/>
      <c r="Z4089" s="19"/>
      <c r="AA4089" s="19"/>
    </row>
    <row r="4090" spans="1:27" s="1" customFormat="1" ht="14.1" customHeight="1" outlineLevel="2" x14ac:dyDescent="0.2">
      <c r="A4090" s="17">
        <v>9224</v>
      </c>
      <c r="B4090" s="17"/>
      <c r="C4090" s="17"/>
      <c r="D4090" s="18" t="s">
        <v>2045</v>
      </c>
      <c r="E4090" s="18"/>
      <c r="F4090" s="18"/>
      <c r="G4090" s="18"/>
      <c r="H4090" s="18"/>
      <c r="I4090" s="18"/>
      <c r="J4090" s="18"/>
      <c r="K4090" s="18"/>
      <c r="L4090" s="18"/>
      <c r="M4090" s="18"/>
      <c r="N4090" s="18"/>
      <c r="O4090" s="18"/>
      <c r="P4090" s="20">
        <v>1300</v>
      </c>
      <c r="Q4090" s="20"/>
      <c r="R4090" s="20"/>
      <c r="S4090" s="20"/>
      <c r="T4090" s="20">
        <v>1200</v>
      </c>
      <c r="U4090" s="20"/>
      <c r="V4090" s="20"/>
      <c r="W4090" s="20"/>
      <c r="X4090" s="19">
        <v>2</v>
      </c>
      <c r="Y4090" s="19"/>
      <c r="Z4090" s="19"/>
      <c r="AA4090" s="19"/>
    </row>
    <row r="4091" spans="1:27" s="1" customFormat="1" ht="14.1" customHeight="1" outlineLevel="2" x14ac:dyDescent="0.2">
      <c r="A4091" s="17"/>
      <c r="B4091" s="17"/>
      <c r="C4091" s="17"/>
      <c r="D4091" s="18"/>
      <c r="E4091" s="18"/>
      <c r="F4091" s="18"/>
      <c r="G4091" s="18"/>
      <c r="H4091" s="18"/>
      <c r="I4091" s="18"/>
      <c r="J4091" s="18"/>
      <c r="K4091" s="18"/>
      <c r="L4091" s="18"/>
      <c r="M4091" s="18"/>
      <c r="N4091" s="18"/>
      <c r="O4091" s="18"/>
      <c r="P4091" s="20"/>
      <c r="Q4091" s="20"/>
      <c r="R4091" s="20"/>
      <c r="S4091" s="20"/>
      <c r="T4091" s="20"/>
      <c r="U4091" s="20"/>
      <c r="V4091" s="20"/>
      <c r="W4091" s="20"/>
      <c r="X4091" s="19"/>
      <c r="Y4091" s="19"/>
      <c r="Z4091" s="19"/>
      <c r="AA4091" s="19"/>
    </row>
    <row r="4092" spans="1:27" s="1" customFormat="1" ht="14.1" customHeight="1" outlineLevel="2" x14ac:dyDescent="0.2">
      <c r="A4092" s="17">
        <v>9903</v>
      </c>
      <c r="B4092" s="17"/>
      <c r="C4092" s="17"/>
      <c r="D4092" s="18" t="s">
        <v>2046</v>
      </c>
      <c r="E4092" s="18"/>
      <c r="F4092" s="18"/>
      <c r="G4092" s="18"/>
      <c r="H4092" s="18"/>
      <c r="I4092" s="18"/>
      <c r="J4092" s="18"/>
      <c r="K4092" s="18"/>
      <c r="L4092" s="18"/>
      <c r="M4092" s="18"/>
      <c r="N4092" s="18"/>
      <c r="O4092" s="18"/>
      <c r="P4092" s="20">
        <v>3500</v>
      </c>
      <c r="Q4092" s="20"/>
      <c r="R4092" s="20"/>
      <c r="S4092" s="20"/>
      <c r="T4092" s="20">
        <v>3300</v>
      </c>
      <c r="U4092" s="20"/>
      <c r="V4092" s="20"/>
      <c r="W4092" s="20"/>
      <c r="X4092" s="19">
        <v>1</v>
      </c>
      <c r="Y4092" s="19"/>
      <c r="Z4092" s="19"/>
      <c r="AA4092" s="19"/>
    </row>
    <row r="4093" spans="1:27" s="1" customFormat="1" ht="14.1" customHeight="1" outlineLevel="2" x14ac:dyDescent="0.2">
      <c r="A4093" s="17"/>
      <c r="B4093" s="17"/>
      <c r="C4093" s="17"/>
      <c r="D4093" s="18"/>
      <c r="E4093" s="18"/>
      <c r="F4093" s="18"/>
      <c r="G4093" s="18"/>
      <c r="H4093" s="18"/>
      <c r="I4093" s="18"/>
      <c r="J4093" s="18"/>
      <c r="K4093" s="18"/>
      <c r="L4093" s="18"/>
      <c r="M4093" s="18"/>
      <c r="N4093" s="18"/>
      <c r="O4093" s="18"/>
      <c r="P4093" s="20"/>
      <c r="Q4093" s="20"/>
      <c r="R4093" s="20"/>
      <c r="S4093" s="20"/>
      <c r="T4093" s="20"/>
      <c r="U4093" s="20"/>
      <c r="V4093" s="20"/>
      <c r="W4093" s="20"/>
      <c r="X4093" s="19"/>
      <c r="Y4093" s="19"/>
      <c r="Z4093" s="19"/>
      <c r="AA4093" s="19"/>
    </row>
    <row r="4094" spans="1:27" s="1" customFormat="1" ht="11.1" customHeight="1" outlineLevel="2" x14ac:dyDescent="0.2">
      <c r="A4094" s="17">
        <v>8396</v>
      </c>
      <c r="B4094" s="17"/>
      <c r="C4094" s="17"/>
      <c r="D4094" s="18" t="s">
        <v>2047</v>
      </c>
      <c r="E4094" s="18"/>
      <c r="F4094" s="18"/>
      <c r="G4094" s="18"/>
      <c r="H4094" s="18"/>
      <c r="I4094" s="18"/>
      <c r="J4094" s="18"/>
      <c r="K4094" s="18"/>
      <c r="L4094" s="18"/>
      <c r="M4094" s="18"/>
      <c r="N4094" s="18"/>
      <c r="O4094" s="18"/>
      <c r="P4094" s="20">
        <v>2200</v>
      </c>
      <c r="Q4094" s="20"/>
      <c r="R4094" s="20"/>
      <c r="S4094" s="20"/>
      <c r="T4094" s="20">
        <v>2100</v>
      </c>
      <c r="U4094" s="20"/>
      <c r="V4094" s="20"/>
      <c r="W4094" s="20"/>
      <c r="X4094" s="19">
        <v>2</v>
      </c>
      <c r="Y4094" s="19"/>
      <c r="Z4094" s="19"/>
      <c r="AA4094" s="19"/>
    </row>
    <row r="4095" spans="1:27" s="1" customFormat="1" ht="11.1" customHeight="1" outlineLevel="2" x14ac:dyDescent="0.2">
      <c r="A4095" s="17"/>
      <c r="B4095" s="17"/>
      <c r="C4095" s="17"/>
      <c r="D4095" s="18"/>
      <c r="E4095" s="18"/>
      <c r="F4095" s="18"/>
      <c r="G4095" s="18"/>
      <c r="H4095" s="18"/>
      <c r="I4095" s="18"/>
      <c r="J4095" s="18"/>
      <c r="K4095" s="18"/>
      <c r="L4095" s="18"/>
      <c r="M4095" s="18"/>
      <c r="N4095" s="18"/>
      <c r="O4095" s="18"/>
      <c r="P4095" s="20"/>
      <c r="Q4095" s="20"/>
      <c r="R4095" s="20"/>
      <c r="S4095" s="20"/>
      <c r="T4095" s="20"/>
      <c r="U4095" s="20"/>
      <c r="V4095" s="20"/>
      <c r="W4095" s="20"/>
      <c r="X4095" s="19"/>
      <c r="Y4095" s="19"/>
      <c r="Z4095" s="19"/>
      <c r="AA4095" s="19"/>
    </row>
    <row r="4096" spans="1:27" s="1" customFormat="1" ht="11.1" customHeight="1" outlineLevel="2" x14ac:dyDescent="0.2">
      <c r="A4096" s="17">
        <v>10401</v>
      </c>
      <c r="B4096" s="17"/>
      <c r="C4096" s="17"/>
      <c r="D4096" s="18" t="s">
        <v>2048</v>
      </c>
      <c r="E4096" s="18"/>
      <c r="F4096" s="18"/>
      <c r="G4096" s="18"/>
      <c r="H4096" s="18"/>
      <c r="I4096" s="18"/>
      <c r="J4096" s="18"/>
      <c r="K4096" s="18"/>
      <c r="L4096" s="18"/>
      <c r="M4096" s="18"/>
      <c r="N4096" s="18"/>
      <c r="O4096" s="18"/>
      <c r="P4096" s="20">
        <v>2200</v>
      </c>
      <c r="Q4096" s="20"/>
      <c r="R4096" s="20"/>
      <c r="S4096" s="20"/>
      <c r="T4096" s="20">
        <v>2100</v>
      </c>
      <c r="U4096" s="20"/>
      <c r="V4096" s="20"/>
      <c r="W4096" s="20"/>
      <c r="X4096" s="19">
        <v>1</v>
      </c>
      <c r="Y4096" s="19"/>
      <c r="Z4096" s="19"/>
      <c r="AA4096" s="19"/>
    </row>
    <row r="4097" spans="1:27" s="1" customFormat="1" ht="11.1" customHeight="1" outlineLevel="2" x14ac:dyDescent="0.2">
      <c r="A4097" s="17"/>
      <c r="B4097" s="17"/>
      <c r="C4097" s="17"/>
      <c r="D4097" s="18"/>
      <c r="E4097" s="18"/>
      <c r="F4097" s="18"/>
      <c r="G4097" s="18"/>
      <c r="H4097" s="18"/>
      <c r="I4097" s="18"/>
      <c r="J4097" s="18"/>
      <c r="K4097" s="18"/>
      <c r="L4097" s="18"/>
      <c r="M4097" s="18"/>
      <c r="N4097" s="18"/>
      <c r="O4097" s="18"/>
      <c r="P4097" s="20"/>
      <c r="Q4097" s="20"/>
      <c r="R4097" s="20"/>
      <c r="S4097" s="20"/>
      <c r="T4097" s="20"/>
      <c r="U4097" s="20"/>
      <c r="V4097" s="20"/>
      <c r="W4097" s="20"/>
      <c r="X4097" s="19"/>
      <c r="Y4097" s="19"/>
      <c r="Z4097" s="19"/>
      <c r="AA4097" s="19"/>
    </row>
    <row r="4098" spans="1:27" s="1" customFormat="1" ht="11.1" customHeight="1" outlineLevel="2" x14ac:dyDescent="0.2">
      <c r="A4098" s="17">
        <v>9904</v>
      </c>
      <c r="B4098" s="17"/>
      <c r="C4098" s="17"/>
      <c r="D4098" s="18" t="s">
        <v>2049</v>
      </c>
      <c r="E4098" s="18"/>
      <c r="F4098" s="18"/>
      <c r="G4098" s="18"/>
      <c r="H4098" s="18"/>
      <c r="I4098" s="18"/>
      <c r="J4098" s="18"/>
      <c r="K4098" s="18"/>
      <c r="L4098" s="18"/>
      <c r="M4098" s="18"/>
      <c r="N4098" s="18"/>
      <c r="O4098" s="18"/>
      <c r="P4098" s="20">
        <v>2100</v>
      </c>
      <c r="Q4098" s="20"/>
      <c r="R4098" s="20"/>
      <c r="S4098" s="20"/>
      <c r="T4098" s="20">
        <v>1900</v>
      </c>
      <c r="U4098" s="20"/>
      <c r="V4098" s="20"/>
      <c r="W4098" s="20"/>
      <c r="X4098" s="19">
        <v>10</v>
      </c>
      <c r="Y4098" s="19"/>
      <c r="Z4098" s="19"/>
      <c r="AA4098" s="19"/>
    </row>
    <row r="4099" spans="1:27" s="1" customFormat="1" ht="11.1" customHeight="1" outlineLevel="2" x14ac:dyDescent="0.2">
      <c r="A4099" s="17"/>
      <c r="B4099" s="17"/>
      <c r="C4099" s="17"/>
      <c r="D4099" s="18"/>
      <c r="E4099" s="18"/>
      <c r="F4099" s="18"/>
      <c r="G4099" s="18"/>
      <c r="H4099" s="18"/>
      <c r="I4099" s="18"/>
      <c r="J4099" s="18"/>
      <c r="K4099" s="18"/>
      <c r="L4099" s="18"/>
      <c r="M4099" s="18"/>
      <c r="N4099" s="18"/>
      <c r="O4099" s="18"/>
      <c r="P4099" s="20"/>
      <c r="Q4099" s="20"/>
      <c r="R4099" s="20"/>
      <c r="S4099" s="20"/>
      <c r="T4099" s="20"/>
      <c r="U4099" s="20"/>
      <c r="V4099" s="20"/>
      <c r="W4099" s="20"/>
      <c r="X4099" s="19"/>
      <c r="Y4099" s="19"/>
      <c r="Z4099" s="19"/>
      <c r="AA4099" s="19"/>
    </row>
    <row r="4100" spans="1:27" s="1" customFormat="1" ht="11.1" customHeight="1" outlineLevel="2" x14ac:dyDescent="0.2">
      <c r="A4100" s="17">
        <v>9905</v>
      </c>
      <c r="B4100" s="17"/>
      <c r="C4100" s="17"/>
      <c r="D4100" s="18" t="s">
        <v>2050</v>
      </c>
      <c r="E4100" s="18"/>
      <c r="F4100" s="18"/>
      <c r="G4100" s="18"/>
      <c r="H4100" s="18"/>
      <c r="I4100" s="18"/>
      <c r="J4100" s="18"/>
      <c r="K4100" s="18"/>
      <c r="L4100" s="18"/>
      <c r="M4100" s="18"/>
      <c r="N4100" s="18"/>
      <c r="O4100" s="18"/>
      <c r="P4100" s="20">
        <v>2100</v>
      </c>
      <c r="Q4100" s="20"/>
      <c r="R4100" s="20"/>
      <c r="S4100" s="20"/>
      <c r="T4100" s="20">
        <v>1900</v>
      </c>
      <c r="U4100" s="20"/>
      <c r="V4100" s="20"/>
      <c r="W4100" s="20"/>
      <c r="X4100" s="19">
        <v>9</v>
      </c>
      <c r="Y4100" s="19"/>
      <c r="Z4100" s="19"/>
      <c r="AA4100" s="19"/>
    </row>
    <row r="4101" spans="1:27" s="1" customFormat="1" ht="11.1" customHeight="1" outlineLevel="2" x14ac:dyDescent="0.2">
      <c r="A4101" s="17"/>
      <c r="B4101" s="17"/>
      <c r="C4101" s="17"/>
      <c r="D4101" s="18"/>
      <c r="E4101" s="18"/>
      <c r="F4101" s="18"/>
      <c r="G4101" s="18"/>
      <c r="H4101" s="18"/>
      <c r="I4101" s="18"/>
      <c r="J4101" s="18"/>
      <c r="K4101" s="18"/>
      <c r="L4101" s="18"/>
      <c r="M4101" s="18"/>
      <c r="N4101" s="18"/>
      <c r="O4101" s="18"/>
      <c r="P4101" s="20"/>
      <c r="Q4101" s="20"/>
      <c r="R4101" s="20"/>
      <c r="S4101" s="20"/>
      <c r="T4101" s="20"/>
      <c r="U4101" s="20"/>
      <c r="V4101" s="20"/>
      <c r="W4101" s="20"/>
      <c r="X4101" s="19"/>
      <c r="Y4101" s="19"/>
      <c r="Z4101" s="19"/>
      <c r="AA4101" s="19"/>
    </row>
    <row r="4102" spans="1:27" s="1" customFormat="1" ht="11.1" customHeight="1" outlineLevel="2" x14ac:dyDescent="0.2">
      <c r="A4102" s="17">
        <v>9906</v>
      </c>
      <c r="B4102" s="17"/>
      <c r="C4102" s="17"/>
      <c r="D4102" s="18" t="s">
        <v>2051</v>
      </c>
      <c r="E4102" s="18"/>
      <c r="F4102" s="18"/>
      <c r="G4102" s="18"/>
      <c r="H4102" s="18"/>
      <c r="I4102" s="18"/>
      <c r="J4102" s="18"/>
      <c r="K4102" s="18"/>
      <c r="L4102" s="18"/>
      <c r="M4102" s="18"/>
      <c r="N4102" s="18"/>
      <c r="O4102" s="18"/>
      <c r="P4102" s="20">
        <v>2100</v>
      </c>
      <c r="Q4102" s="20"/>
      <c r="R4102" s="20"/>
      <c r="S4102" s="20"/>
      <c r="T4102" s="20">
        <v>1950</v>
      </c>
      <c r="U4102" s="20"/>
      <c r="V4102" s="20"/>
      <c r="W4102" s="20"/>
      <c r="X4102" s="19">
        <v>1</v>
      </c>
      <c r="Y4102" s="19"/>
      <c r="Z4102" s="19"/>
      <c r="AA4102" s="19"/>
    </row>
    <row r="4103" spans="1:27" s="1" customFormat="1" ht="11.1" customHeight="1" outlineLevel="2" x14ac:dyDescent="0.2">
      <c r="A4103" s="17"/>
      <c r="B4103" s="17"/>
      <c r="C4103" s="17"/>
      <c r="D4103" s="18"/>
      <c r="E4103" s="18"/>
      <c r="F4103" s="18"/>
      <c r="G4103" s="18"/>
      <c r="H4103" s="18"/>
      <c r="I4103" s="18"/>
      <c r="J4103" s="18"/>
      <c r="K4103" s="18"/>
      <c r="L4103" s="18"/>
      <c r="M4103" s="18"/>
      <c r="N4103" s="18"/>
      <c r="O4103" s="18"/>
      <c r="P4103" s="20"/>
      <c r="Q4103" s="20"/>
      <c r="R4103" s="20"/>
      <c r="S4103" s="20"/>
      <c r="T4103" s="20"/>
      <c r="U4103" s="20"/>
      <c r="V4103" s="20"/>
      <c r="W4103" s="20"/>
      <c r="X4103" s="19"/>
      <c r="Y4103" s="19"/>
      <c r="Z4103" s="19"/>
      <c r="AA4103" s="19"/>
    </row>
    <row r="4104" spans="1:27" s="1" customFormat="1" ht="11.1" customHeight="1" outlineLevel="2" x14ac:dyDescent="0.2">
      <c r="A4104" s="17">
        <v>9907</v>
      </c>
      <c r="B4104" s="17"/>
      <c r="C4104" s="17"/>
      <c r="D4104" s="18" t="s">
        <v>2052</v>
      </c>
      <c r="E4104" s="18"/>
      <c r="F4104" s="18"/>
      <c r="G4104" s="18"/>
      <c r="H4104" s="18"/>
      <c r="I4104" s="18"/>
      <c r="J4104" s="18"/>
      <c r="K4104" s="18"/>
      <c r="L4104" s="18"/>
      <c r="M4104" s="18"/>
      <c r="N4104" s="18"/>
      <c r="O4104" s="18"/>
      <c r="P4104" s="20">
        <v>2300</v>
      </c>
      <c r="Q4104" s="20"/>
      <c r="R4104" s="20"/>
      <c r="S4104" s="20"/>
      <c r="T4104" s="20">
        <v>2100</v>
      </c>
      <c r="U4104" s="20"/>
      <c r="V4104" s="20"/>
      <c r="W4104" s="20"/>
      <c r="X4104" s="19">
        <v>3</v>
      </c>
      <c r="Y4104" s="19"/>
      <c r="Z4104" s="19"/>
      <c r="AA4104" s="19"/>
    </row>
    <row r="4105" spans="1:27" s="1" customFormat="1" ht="11.1" customHeight="1" outlineLevel="2" x14ac:dyDescent="0.2">
      <c r="A4105" s="17"/>
      <c r="B4105" s="17"/>
      <c r="C4105" s="17"/>
      <c r="D4105" s="18"/>
      <c r="E4105" s="18"/>
      <c r="F4105" s="18"/>
      <c r="G4105" s="18"/>
      <c r="H4105" s="18"/>
      <c r="I4105" s="18"/>
      <c r="J4105" s="18"/>
      <c r="K4105" s="18"/>
      <c r="L4105" s="18"/>
      <c r="M4105" s="18"/>
      <c r="N4105" s="18"/>
      <c r="O4105" s="18"/>
      <c r="P4105" s="20"/>
      <c r="Q4105" s="20"/>
      <c r="R4105" s="20"/>
      <c r="S4105" s="20"/>
      <c r="T4105" s="20"/>
      <c r="U4105" s="20"/>
      <c r="V4105" s="20"/>
      <c r="W4105" s="20"/>
      <c r="X4105" s="19"/>
      <c r="Y4105" s="19"/>
      <c r="Z4105" s="19"/>
      <c r="AA4105" s="19"/>
    </row>
    <row r="4106" spans="1:27" s="1" customFormat="1" ht="14.1" customHeight="1" outlineLevel="2" x14ac:dyDescent="0.2">
      <c r="A4106" s="17">
        <v>18283</v>
      </c>
      <c r="B4106" s="17"/>
      <c r="C4106" s="17"/>
      <c r="D4106" s="18" t="s">
        <v>2053</v>
      </c>
      <c r="E4106" s="18"/>
      <c r="F4106" s="18"/>
      <c r="G4106" s="18"/>
      <c r="H4106" s="18"/>
      <c r="I4106" s="18"/>
      <c r="J4106" s="18"/>
      <c r="K4106" s="18"/>
      <c r="L4106" s="18"/>
      <c r="M4106" s="18"/>
      <c r="N4106" s="18"/>
      <c r="O4106" s="18"/>
      <c r="P4106" s="20">
        <v>2700</v>
      </c>
      <c r="Q4106" s="20"/>
      <c r="R4106" s="20"/>
      <c r="S4106" s="20"/>
      <c r="T4106" s="20">
        <v>1999</v>
      </c>
      <c r="U4106" s="20"/>
      <c r="V4106" s="20"/>
      <c r="W4106" s="20"/>
      <c r="X4106" s="19">
        <v>5</v>
      </c>
      <c r="Y4106" s="19"/>
      <c r="Z4106" s="19"/>
      <c r="AA4106" s="19"/>
    </row>
    <row r="4107" spans="1:27" s="1" customFormat="1" ht="14.1" customHeight="1" outlineLevel="2" x14ac:dyDescent="0.2">
      <c r="A4107" s="17"/>
      <c r="B4107" s="17"/>
      <c r="C4107" s="17"/>
      <c r="D4107" s="18"/>
      <c r="E4107" s="18"/>
      <c r="F4107" s="18"/>
      <c r="G4107" s="18"/>
      <c r="H4107" s="18"/>
      <c r="I4107" s="18"/>
      <c r="J4107" s="18"/>
      <c r="K4107" s="18"/>
      <c r="L4107" s="18"/>
      <c r="M4107" s="18"/>
      <c r="N4107" s="18"/>
      <c r="O4107" s="18"/>
      <c r="P4107" s="20"/>
      <c r="Q4107" s="20"/>
      <c r="R4107" s="20"/>
      <c r="S4107" s="20"/>
      <c r="T4107" s="20"/>
      <c r="U4107" s="20"/>
      <c r="V4107" s="20"/>
      <c r="W4107" s="20"/>
      <c r="X4107" s="19"/>
      <c r="Y4107" s="19"/>
      <c r="Z4107" s="19"/>
      <c r="AA4107" s="19"/>
    </row>
    <row r="4108" spans="1:27" s="1" customFormat="1" ht="11.1" customHeight="1" outlineLevel="2" x14ac:dyDescent="0.2">
      <c r="A4108" s="17">
        <v>13170</v>
      </c>
      <c r="B4108" s="17"/>
      <c r="C4108" s="17"/>
      <c r="D4108" s="18" t="s">
        <v>2054</v>
      </c>
      <c r="E4108" s="18"/>
      <c r="F4108" s="18"/>
      <c r="G4108" s="18"/>
      <c r="H4108" s="18"/>
      <c r="I4108" s="18"/>
      <c r="J4108" s="18"/>
      <c r="K4108" s="18"/>
      <c r="L4108" s="18"/>
      <c r="M4108" s="18"/>
      <c r="N4108" s="18"/>
      <c r="O4108" s="18"/>
      <c r="P4108" s="20">
        <v>1070</v>
      </c>
      <c r="Q4108" s="20"/>
      <c r="R4108" s="20"/>
      <c r="S4108" s="20"/>
      <c r="T4108" s="19">
        <v>980</v>
      </c>
      <c r="U4108" s="19"/>
      <c r="V4108" s="19"/>
      <c r="W4108" s="19"/>
      <c r="X4108" s="19">
        <v>24</v>
      </c>
      <c r="Y4108" s="19"/>
      <c r="Z4108" s="19"/>
      <c r="AA4108" s="19"/>
    </row>
    <row r="4109" spans="1:27" s="1" customFormat="1" ht="11.1" customHeight="1" outlineLevel="2" x14ac:dyDescent="0.2">
      <c r="A4109" s="17"/>
      <c r="B4109" s="17"/>
      <c r="C4109" s="17"/>
      <c r="D4109" s="18"/>
      <c r="E4109" s="18"/>
      <c r="F4109" s="18"/>
      <c r="G4109" s="18"/>
      <c r="H4109" s="18"/>
      <c r="I4109" s="18"/>
      <c r="J4109" s="18"/>
      <c r="K4109" s="18"/>
      <c r="L4109" s="18"/>
      <c r="M4109" s="18"/>
      <c r="N4109" s="18"/>
      <c r="O4109" s="18"/>
      <c r="P4109" s="20"/>
      <c r="Q4109" s="20"/>
      <c r="R4109" s="20"/>
      <c r="S4109" s="20"/>
      <c r="T4109" s="19"/>
      <c r="U4109" s="19"/>
      <c r="V4109" s="19"/>
      <c r="W4109" s="19"/>
      <c r="X4109" s="19"/>
      <c r="Y4109" s="19"/>
      <c r="Z4109" s="19"/>
      <c r="AA4109" s="19"/>
    </row>
    <row r="4110" spans="1:27" s="1" customFormat="1" ht="11.1" customHeight="1" outlineLevel="2" x14ac:dyDescent="0.2">
      <c r="A4110" s="17">
        <v>13173</v>
      </c>
      <c r="B4110" s="17"/>
      <c r="C4110" s="17"/>
      <c r="D4110" s="18" t="s">
        <v>2055</v>
      </c>
      <c r="E4110" s="18"/>
      <c r="F4110" s="18"/>
      <c r="G4110" s="18"/>
      <c r="H4110" s="18"/>
      <c r="I4110" s="18"/>
      <c r="J4110" s="18"/>
      <c r="K4110" s="18"/>
      <c r="L4110" s="18"/>
      <c r="M4110" s="18"/>
      <c r="N4110" s="18"/>
      <c r="O4110" s="18"/>
      <c r="P4110" s="20">
        <v>2260</v>
      </c>
      <c r="Q4110" s="20"/>
      <c r="R4110" s="20"/>
      <c r="S4110" s="20"/>
      <c r="T4110" s="20">
        <v>2050</v>
      </c>
      <c r="U4110" s="20"/>
      <c r="V4110" s="20"/>
      <c r="W4110" s="20"/>
      <c r="X4110" s="19">
        <v>9</v>
      </c>
      <c r="Y4110" s="19"/>
      <c r="Z4110" s="19"/>
      <c r="AA4110" s="19"/>
    </row>
    <row r="4111" spans="1:27" s="1" customFormat="1" ht="11.1" customHeight="1" outlineLevel="2" x14ac:dyDescent="0.2">
      <c r="A4111" s="17"/>
      <c r="B4111" s="17"/>
      <c r="C4111" s="17"/>
      <c r="D4111" s="18"/>
      <c r="E4111" s="18"/>
      <c r="F4111" s="18"/>
      <c r="G4111" s="18"/>
      <c r="H4111" s="18"/>
      <c r="I4111" s="18"/>
      <c r="J4111" s="18"/>
      <c r="K4111" s="18"/>
      <c r="L4111" s="18"/>
      <c r="M4111" s="18"/>
      <c r="N4111" s="18"/>
      <c r="O4111" s="18"/>
      <c r="P4111" s="20"/>
      <c r="Q4111" s="20"/>
      <c r="R4111" s="20"/>
      <c r="S4111" s="20"/>
      <c r="T4111" s="20"/>
      <c r="U4111" s="20"/>
      <c r="V4111" s="20"/>
      <c r="W4111" s="20"/>
      <c r="X4111" s="19"/>
      <c r="Y4111" s="19"/>
      <c r="Z4111" s="19"/>
      <c r="AA4111" s="19"/>
    </row>
    <row r="4112" spans="1:27" s="1" customFormat="1" ht="14.1" customHeight="1" outlineLevel="2" x14ac:dyDescent="0.2">
      <c r="A4112" s="17">
        <v>17358</v>
      </c>
      <c r="B4112" s="17"/>
      <c r="C4112" s="17"/>
      <c r="D4112" s="18" t="s">
        <v>2056</v>
      </c>
      <c r="E4112" s="18"/>
      <c r="F4112" s="18"/>
      <c r="G4112" s="18"/>
      <c r="H4112" s="18"/>
      <c r="I4112" s="18"/>
      <c r="J4112" s="18"/>
      <c r="K4112" s="18"/>
      <c r="L4112" s="18"/>
      <c r="M4112" s="18"/>
      <c r="N4112" s="18"/>
      <c r="O4112" s="18"/>
      <c r="P4112" s="20">
        <v>3700</v>
      </c>
      <c r="Q4112" s="20"/>
      <c r="R4112" s="20"/>
      <c r="S4112" s="20"/>
      <c r="T4112" s="20">
        <v>3400</v>
      </c>
      <c r="U4112" s="20"/>
      <c r="V4112" s="20"/>
      <c r="W4112" s="20"/>
      <c r="X4112" s="19">
        <v>1</v>
      </c>
      <c r="Y4112" s="19"/>
      <c r="Z4112" s="19"/>
      <c r="AA4112" s="19"/>
    </row>
    <row r="4113" spans="1:27" s="1" customFormat="1" ht="14.1" customHeight="1" outlineLevel="2" x14ac:dyDescent="0.2">
      <c r="A4113" s="17"/>
      <c r="B4113" s="17"/>
      <c r="C4113" s="17"/>
      <c r="D4113" s="18"/>
      <c r="E4113" s="18"/>
      <c r="F4113" s="18"/>
      <c r="G4113" s="18"/>
      <c r="H4113" s="18"/>
      <c r="I4113" s="18"/>
      <c r="J4113" s="18"/>
      <c r="K4113" s="18"/>
      <c r="L4113" s="18"/>
      <c r="M4113" s="18"/>
      <c r="N4113" s="18"/>
      <c r="O4113" s="18"/>
      <c r="P4113" s="20"/>
      <c r="Q4113" s="20"/>
      <c r="R4113" s="20"/>
      <c r="S4113" s="20"/>
      <c r="T4113" s="20"/>
      <c r="U4113" s="20"/>
      <c r="V4113" s="20"/>
      <c r="W4113" s="20"/>
      <c r="X4113" s="19"/>
      <c r="Y4113" s="19"/>
      <c r="Z4113" s="19"/>
      <c r="AA4113" s="19"/>
    </row>
    <row r="4114" spans="1:27" s="1" customFormat="1" ht="14.1" customHeight="1" outlineLevel="2" x14ac:dyDescent="0.2">
      <c r="A4114" s="17">
        <v>17716</v>
      </c>
      <c r="B4114" s="17"/>
      <c r="C4114" s="17"/>
      <c r="D4114" s="18" t="s">
        <v>2057</v>
      </c>
      <c r="E4114" s="18"/>
      <c r="F4114" s="18"/>
      <c r="G4114" s="18"/>
      <c r="H4114" s="18"/>
      <c r="I4114" s="18"/>
      <c r="J4114" s="18"/>
      <c r="K4114" s="18"/>
      <c r="L4114" s="18"/>
      <c r="M4114" s="18"/>
      <c r="N4114" s="18"/>
      <c r="O4114" s="18"/>
      <c r="P4114" s="20">
        <v>1350</v>
      </c>
      <c r="Q4114" s="20"/>
      <c r="R4114" s="20"/>
      <c r="S4114" s="20"/>
      <c r="T4114" s="20">
        <v>1150</v>
      </c>
      <c r="U4114" s="20"/>
      <c r="V4114" s="20"/>
      <c r="W4114" s="20"/>
      <c r="X4114" s="19">
        <v>15</v>
      </c>
      <c r="Y4114" s="19"/>
      <c r="Z4114" s="19"/>
      <c r="AA4114" s="19"/>
    </row>
    <row r="4115" spans="1:27" s="1" customFormat="1" ht="14.1" customHeight="1" outlineLevel="2" x14ac:dyDescent="0.2">
      <c r="A4115" s="17"/>
      <c r="B4115" s="17"/>
      <c r="C4115" s="17"/>
      <c r="D4115" s="18"/>
      <c r="E4115" s="18"/>
      <c r="F4115" s="18"/>
      <c r="G4115" s="18"/>
      <c r="H4115" s="18"/>
      <c r="I4115" s="18"/>
      <c r="J4115" s="18"/>
      <c r="K4115" s="18"/>
      <c r="L4115" s="18"/>
      <c r="M4115" s="18"/>
      <c r="N4115" s="18"/>
      <c r="O4115" s="18"/>
      <c r="P4115" s="20"/>
      <c r="Q4115" s="20"/>
      <c r="R4115" s="20"/>
      <c r="S4115" s="20"/>
      <c r="T4115" s="20"/>
      <c r="U4115" s="20"/>
      <c r="V4115" s="20"/>
      <c r="W4115" s="20"/>
      <c r="X4115" s="19"/>
      <c r="Y4115" s="19"/>
      <c r="Z4115" s="19"/>
      <c r="AA4115" s="19"/>
    </row>
    <row r="4116" spans="1:27" s="1" customFormat="1" ht="14.1" customHeight="1" outlineLevel="2" x14ac:dyDescent="0.2">
      <c r="A4116" s="17">
        <v>17390</v>
      </c>
      <c r="B4116" s="17"/>
      <c r="C4116" s="17"/>
      <c r="D4116" s="18" t="s">
        <v>2058</v>
      </c>
      <c r="E4116" s="18"/>
      <c r="F4116" s="18"/>
      <c r="G4116" s="18"/>
      <c r="H4116" s="18"/>
      <c r="I4116" s="18"/>
      <c r="J4116" s="18"/>
      <c r="K4116" s="18"/>
      <c r="L4116" s="18"/>
      <c r="M4116" s="18"/>
      <c r="N4116" s="18"/>
      <c r="O4116" s="18"/>
      <c r="P4116" s="20">
        <v>2900</v>
      </c>
      <c r="Q4116" s="20"/>
      <c r="R4116" s="20"/>
      <c r="S4116" s="20"/>
      <c r="T4116" s="20">
        <v>2500</v>
      </c>
      <c r="U4116" s="20"/>
      <c r="V4116" s="20"/>
      <c r="W4116" s="20"/>
      <c r="X4116" s="19">
        <v>1</v>
      </c>
      <c r="Y4116" s="19"/>
      <c r="Z4116" s="19"/>
      <c r="AA4116" s="19"/>
    </row>
    <row r="4117" spans="1:27" s="1" customFormat="1" ht="14.1" customHeight="1" outlineLevel="2" x14ac:dyDescent="0.2">
      <c r="A4117" s="17"/>
      <c r="B4117" s="17"/>
      <c r="C4117" s="17"/>
      <c r="D4117" s="18"/>
      <c r="E4117" s="18"/>
      <c r="F4117" s="18"/>
      <c r="G4117" s="18"/>
      <c r="H4117" s="18"/>
      <c r="I4117" s="18"/>
      <c r="J4117" s="18"/>
      <c r="K4117" s="18"/>
      <c r="L4117" s="18"/>
      <c r="M4117" s="18"/>
      <c r="N4117" s="18"/>
      <c r="O4117" s="18"/>
      <c r="P4117" s="20"/>
      <c r="Q4117" s="20"/>
      <c r="R4117" s="20"/>
      <c r="S4117" s="20"/>
      <c r="T4117" s="20"/>
      <c r="U4117" s="20"/>
      <c r="V4117" s="20"/>
      <c r="W4117" s="20"/>
      <c r="X4117" s="19"/>
      <c r="Y4117" s="19"/>
      <c r="Z4117" s="19"/>
      <c r="AA4117" s="19"/>
    </row>
    <row r="4118" spans="1:27" s="1" customFormat="1" ht="14.1" customHeight="1" outlineLevel="2" x14ac:dyDescent="0.2">
      <c r="A4118" s="17">
        <v>16922</v>
      </c>
      <c r="B4118" s="17"/>
      <c r="C4118" s="17"/>
      <c r="D4118" s="18" t="s">
        <v>2059</v>
      </c>
      <c r="E4118" s="18"/>
      <c r="F4118" s="18"/>
      <c r="G4118" s="18"/>
      <c r="H4118" s="18"/>
      <c r="I4118" s="18"/>
      <c r="J4118" s="18"/>
      <c r="K4118" s="18"/>
      <c r="L4118" s="18"/>
      <c r="M4118" s="18"/>
      <c r="N4118" s="18"/>
      <c r="O4118" s="18"/>
      <c r="P4118" s="20">
        <v>2500</v>
      </c>
      <c r="Q4118" s="20"/>
      <c r="R4118" s="20"/>
      <c r="S4118" s="20"/>
      <c r="T4118" s="20">
        <v>2200</v>
      </c>
      <c r="U4118" s="20"/>
      <c r="V4118" s="20"/>
      <c r="W4118" s="20"/>
      <c r="X4118" s="19">
        <v>2</v>
      </c>
      <c r="Y4118" s="19"/>
      <c r="Z4118" s="19"/>
      <c r="AA4118" s="19"/>
    </row>
    <row r="4119" spans="1:27" s="1" customFormat="1" ht="14.1" customHeight="1" outlineLevel="2" x14ac:dyDescent="0.2">
      <c r="A4119" s="17"/>
      <c r="B4119" s="17"/>
      <c r="C4119" s="17"/>
      <c r="D4119" s="18"/>
      <c r="E4119" s="18"/>
      <c r="F4119" s="18"/>
      <c r="G4119" s="18"/>
      <c r="H4119" s="18"/>
      <c r="I4119" s="18"/>
      <c r="J4119" s="18"/>
      <c r="K4119" s="18"/>
      <c r="L4119" s="18"/>
      <c r="M4119" s="18"/>
      <c r="N4119" s="18"/>
      <c r="O4119" s="18"/>
      <c r="P4119" s="20"/>
      <c r="Q4119" s="20"/>
      <c r="R4119" s="20"/>
      <c r="S4119" s="20"/>
      <c r="T4119" s="20"/>
      <c r="U4119" s="20"/>
      <c r="V4119" s="20"/>
      <c r="W4119" s="20"/>
      <c r="X4119" s="19"/>
      <c r="Y4119" s="19"/>
      <c r="Z4119" s="19"/>
      <c r="AA4119" s="19"/>
    </row>
    <row r="4120" spans="1:27" s="1" customFormat="1" ht="14.1" customHeight="1" outlineLevel="2" x14ac:dyDescent="0.2">
      <c r="A4120" s="17">
        <v>13174</v>
      </c>
      <c r="B4120" s="17"/>
      <c r="C4120" s="17"/>
      <c r="D4120" s="18" t="s">
        <v>2060</v>
      </c>
      <c r="E4120" s="18"/>
      <c r="F4120" s="18"/>
      <c r="G4120" s="18"/>
      <c r="H4120" s="18"/>
      <c r="I4120" s="18"/>
      <c r="J4120" s="18"/>
      <c r="K4120" s="18"/>
      <c r="L4120" s="18"/>
      <c r="M4120" s="18"/>
      <c r="N4120" s="18"/>
      <c r="O4120" s="18"/>
      <c r="P4120" s="20">
        <v>1500</v>
      </c>
      <c r="Q4120" s="20"/>
      <c r="R4120" s="20"/>
      <c r="S4120" s="20"/>
      <c r="T4120" s="20">
        <v>1200</v>
      </c>
      <c r="U4120" s="20"/>
      <c r="V4120" s="20"/>
      <c r="W4120" s="20"/>
      <c r="X4120" s="19">
        <v>18</v>
      </c>
      <c r="Y4120" s="19"/>
      <c r="Z4120" s="19"/>
      <c r="AA4120" s="19"/>
    </row>
    <row r="4121" spans="1:27" s="1" customFormat="1" ht="14.1" customHeight="1" outlineLevel="2" x14ac:dyDescent="0.2">
      <c r="A4121" s="17"/>
      <c r="B4121" s="17"/>
      <c r="C4121" s="17"/>
      <c r="D4121" s="18"/>
      <c r="E4121" s="18"/>
      <c r="F4121" s="18"/>
      <c r="G4121" s="18"/>
      <c r="H4121" s="18"/>
      <c r="I4121" s="18"/>
      <c r="J4121" s="18"/>
      <c r="K4121" s="18"/>
      <c r="L4121" s="18"/>
      <c r="M4121" s="18"/>
      <c r="N4121" s="18"/>
      <c r="O4121" s="18"/>
      <c r="P4121" s="20"/>
      <c r="Q4121" s="20"/>
      <c r="R4121" s="20"/>
      <c r="S4121" s="20"/>
      <c r="T4121" s="20"/>
      <c r="U4121" s="20"/>
      <c r="V4121" s="20"/>
      <c r="W4121" s="20"/>
      <c r="X4121" s="19"/>
      <c r="Y4121" s="19"/>
      <c r="Z4121" s="19"/>
      <c r="AA4121" s="19"/>
    </row>
    <row r="4122" spans="1:27" s="1" customFormat="1" ht="14.1" customHeight="1" outlineLevel="2" x14ac:dyDescent="0.2">
      <c r="A4122" s="17">
        <v>15784</v>
      </c>
      <c r="B4122" s="17"/>
      <c r="C4122" s="17"/>
      <c r="D4122" s="18" t="s">
        <v>2061</v>
      </c>
      <c r="E4122" s="18"/>
      <c r="F4122" s="18"/>
      <c r="G4122" s="18"/>
      <c r="H4122" s="18"/>
      <c r="I4122" s="18"/>
      <c r="J4122" s="18"/>
      <c r="K4122" s="18"/>
      <c r="L4122" s="18"/>
      <c r="M4122" s="18"/>
      <c r="N4122" s="18"/>
      <c r="O4122" s="18"/>
      <c r="P4122" s="20">
        <v>2200</v>
      </c>
      <c r="Q4122" s="20"/>
      <c r="R4122" s="20"/>
      <c r="S4122" s="20"/>
      <c r="T4122" s="20">
        <v>2000</v>
      </c>
      <c r="U4122" s="20"/>
      <c r="V4122" s="20"/>
      <c r="W4122" s="20"/>
      <c r="X4122" s="19">
        <v>1</v>
      </c>
      <c r="Y4122" s="19"/>
      <c r="Z4122" s="19"/>
      <c r="AA4122" s="19"/>
    </row>
    <row r="4123" spans="1:27" s="1" customFormat="1" ht="14.1" customHeight="1" outlineLevel="2" x14ac:dyDescent="0.2">
      <c r="A4123" s="17"/>
      <c r="B4123" s="17"/>
      <c r="C4123" s="17"/>
      <c r="D4123" s="18"/>
      <c r="E4123" s="18"/>
      <c r="F4123" s="18"/>
      <c r="G4123" s="18"/>
      <c r="H4123" s="18"/>
      <c r="I4123" s="18"/>
      <c r="J4123" s="18"/>
      <c r="K4123" s="18"/>
      <c r="L4123" s="18"/>
      <c r="M4123" s="18"/>
      <c r="N4123" s="18"/>
      <c r="O4123" s="18"/>
      <c r="P4123" s="20"/>
      <c r="Q4123" s="20"/>
      <c r="R4123" s="20"/>
      <c r="S4123" s="20"/>
      <c r="T4123" s="20"/>
      <c r="U4123" s="20"/>
      <c r="V4123" s="20"/>
      <c r="W4123" s="20"/>
      <c r="X4123" s="19"/>
      <c r="Y4123" s="19"/>
      <c r="Z4123" s="19"/>
      <c r="AA4123" s="19"/>
    </row>
    <row r="4124" spans="1:27" s="1" customFormat="1" ht="14.1" customHeight="1" outlineLevel="2" x14ac:dyDescent="0.2">
      <c r="A4124" s="17">
        <v>15027</v>
      </c>
      <c r="B4124" s="17"/>
      <c r="C4124" s="17"/>
      <c r="D4124" s="18" t="s">
        <v>2062</v>
      </c>
      <c r="E4124" s="18"/>
      <c r="F4124" s="18"/>
      <c r="G4124" s="18"/>
      <c r="H4124" s="18"/>
      <c r="I4124" s="18"/>
      <c r="J4124" s="18"/>
      <c r="K4124" s="18"/>
      <c r="L4124" s="18"/>
      <c r="M4124" s="18"/>
      <c r="N4124" s="18"/>
      <c r="O4124" s="18"/>
      <c r="P4124" s="20">
        <v>1300</v>
      </c>
      <c r="Q4124" s="20"/>
      <c r="R4124" s="20"/>
      <c r="S4124" s="20"/>
      <c r="T4124" s="19">
        <v>990</v>
      </c>
      <c r="U4124" s="19"/>
      <c r="V4124" s="19"/>
      <c r="W4124" s="19"/>
      <c r="X4124" s="19">
        <v>7</v>
      </c>
      <c r="Y4124" s="19"/>
      <c r="Z4124" s="19"/>
      <c r="AA4124" s="19"/>
    </row>
    <row r="4125" spans="1:27" s="1" customFormat="1" ht="14.1" customHeight="1" outlineLevel="2" x14ac:dyDescent="0.2">
      <c r="A4125" s="17"/>
      <c r="B4125" s="17"/>
      <c r="C4125" s="17"/>
      <c r="D4125" s="18"/>
      <c r="E4125" s="18"/>
      <c r="F4125" s="18"/>
      <c r="G4125" s="18"/>
      <c r="H4125" s="18"/>
      <c r="I4125" s="18"/>
      <c r="J4125" s="18"/>
      <c r="K4125" s="18"/>
      <c r="L4125" s="18"/>
      <c r="M4125" s="18"/>
      <c r="N4125" s="18"/>
      <c r="O4125" s="18"/>
      <c r="P4125" s="20"/>
      <c r="Q4125" s="20"/>
      <c r="R4125" s="20"/>
      <c r="S4125" s="20"/>
      <c r="T4125" s="19"/>
      <c r="U4125" s="19"/>
      <c r="V4125" s="19"/>
      <c r="W4125" s="19"/>
      <c r="X4125" s="19"/>
      <c r="Y4125" s="19"/>
      <c r="Z4125" s="19"/>
      <c r="AA4125" s="19"/>
    </row>
    <row r="4126" spans="1:27" s="1" customFormat="1" ht="14.1" customHeight="1" outlineLevel="2" x14ac:dyDescent="0.2">
      <c r="A4126" s="17">
        <v>17711</v>
      </c>
      <c r="B4126" s="17"/>
      <c r="C4126" s="17"/>
      <c r="D4126" s="18" t="s">
        <v>2063</v>
      </c>
      <c r="E4126" s="18"/>
      <c r="F4126" s="18"/>
      <c r="G4126" s="18"/>
      <c r="H4126" s="18"/>
      <c r="I4126" s="18"/>
      <c r="J4126" s="18"/>
      <c r="K4126" s="18"/>
      <c r="L4126" s="18"/>
      <c r="M4126" s="18"/>
      <c r="N4126" s="18"/>
      <c r="O4126" s="18"/>
      <c r="P4126" s="20">
        <v>1700</v>
      </c>
      <c r="Q4126" s="20"/>
      <c r="R4126" s="20"/>
      <c r="S4126" s="20"/>
      <c r="T4126" s="20">
        <v>1450</v>
      </c>
      <c r="U4126" s="20"/>
      <c r="V4126" s="20"/>
      <c r="W4126" s="20"/>
      <c r="X4126" s="19">
        <v>31</v>
      </c>
      <c r="Y4126" s="19"/>
      <c r="Z4126" s="19"/>
      <c r="AA4126" s="19"/>
    </row>
    <row r="4127" spans="1:27" s="1" customFormat="1" ht="14.1" customHeight="1" outlineLevel="2" x14ac:dyDescent="0.2">
      <c r="A4127" s="17"/>
      <c r="B4127" s="17"/>
      <c r="C4127" s="17"/>
      <c r="D4127" s="18"/>
      <c r="E4127" s="18"/>
      <c r="F4127" s="18"/>
      <c r="G4127" s="18"/>
      <c r="H4127" s="18"/>
      <c r="I4127" s="18"/>
      <c r="J4127" s="18"/>
      <c r="K4127" s="18"/>
      <c r="L4127" s="18"/>
      <c r="M4127" s="18"/>
      <c r="N4127" s="18"/>
      <c r="O4127" s="18"/>
      <c r="P4127" s="20"/>
      <c r="Q4127" s="20"/>
      <c r="R4127" s="20"/>
      <c r="S4127" s="20"/>
      <c r="T4127" s="20"/>
      <c r="U4127" s="20"/>
      <c r="V4127" s="20"/>
      <c r="W4127" s="20"/>
      <c r="X4127" s="19"/>
      <c r="Y4127" s="19"/>
      <c r="Z4127" s="19"/>
      <c r="AA4127" s="19"/>
    </row>
    <row r="4128" spans="1:27" s="1" customFormat="1" ht="11.1" customHeight="1" outlineLevel="2" x14ac:dyDescent="0.2">
      <c r="A4128" s="17">
        <v>16141</v>
      </c>
      <c r="B4128" s="17"/>
      <c r="C4128" s="17"/>
      <c r="D4128" s="18" t="s">
        <v>2064</v>
      </c>
      <c r="E4128" s="18"/>
      <c r="F4128" s="18"/>
      <c r="G4128" s="18"/>
      <c r="H4128" s="18"/>
      <c r="I4128" s="18"/>
      <c r="J4128" s="18"/>
      <c r="K4128" s="18"/>
      <c r="L4128" s="18"/>
      <c r="M4128" s="18"/>
      <c r="N4128" s="18"/>
      <c r="O4128" s="18"/>
      <c r="P4128" s="20">
        <v>1300</v>
      </c>
      <c r="Q4128" s="20"/>
      <c r="R4128" s="20"/>
      <c r="S4128" s="20"/>
      <c r="T4128" s="20">
        <v>1200</v>
      </c>
      <c r="U4128" s="20"/>
      <c r="V4128" s="20"/>
      <c r="W4128" s="20"/>
      <c r="X4128" s="19">
        <v>4</v>
      </c>
      <c r="Y4128" s="19"/>
      <c r="Z4128" s="19"/>
      <c r="AA4128" s="19"/>
    </row>
    <row r="4129" spans="1:27" s="1" customFormat="1" ht="11.1" customHeight="1" outlineLevel="2" x14ac:dyDescent="0.2">
      <c r="A4129" s="17"/>
      <c r="B4129" s="17"/>
      <c r="C4129" s="17"/>
      <c r="D4129" s="18"/>
      <c r="E4129" s="18"/>
      <c r="F4129" s="18"/>
      <c r="G4129" s="18"/>
      <c r="H4129" s="18"/>
      <c r="I4129" s="18"/>
      <c r="J4129" s="18"/>
      <c r="K4129" s="18"/>
      <c r="L4129" s="18"/>
      <c r="M4129" s="18"/>
      <c r="N4129" s="18"/>
      <c r="O4129" s="18"/>
      <c r="P4129" s="20"/>
      <c r="Q4129" s="20"/>
      <c r="R4129" s="20"/>
      <c r="S4129" s="20"/>
      <c r="T4129" s="20"/>
      <c r="U4129" s="20"/>
      <c r="V4129" s="20"/>
      <c r="W4129" s="20"/>
      <c r="X4129" s="19"/>
      <c r="Y4129" s="19"/>
      <c r="Z4129" s="19"/>
      <c r="AA4129" s="19"/>
    </row>
    <row r="4130" spans="1:27" s="1" customFormat="1" ht="11.1" customHeight="1" outlineLevel="2" x14ac:dyDescent="0.2">
      <c r="A4130" s="17">
        <v>7356</v>
      </c>
      <c r="B4130" s="17"/>
      <c r="C4130" s="17"/>
      <c r="D4130" s="18" t="s">
        <v>2065</v>
      </c>
      <c r="E4130" s="18"/>
      <c r="F4130" s="18"/>
      <c r="G4130" s="18"/>
      <c r="H4130" s="18"/>
      <c r="I4130" s="18"/>
      <c r="J4130" s="18"/>
      <c r="K4130" s="18"/>
      <c r="L4130" s="18"/>
      <c r="M4130" s="18"/>
      <c r="N4130" s="18"/>
      <c r="O4130" s="18"/>
      <c r="P4130" s="19">
        <v>800</v>
      </c>
      <c r="Q4130" s="19"/>
      <c r="R4130" s="19"/>
      <c r="S4130" s="19"/>
      <c r="T4130" s="19">
        <v>630</v>
      </c>
      <c r="U4130" s="19"/>
      <c r="V4130" s="19"/>
      <c r="W4130" s="19"/>
      <c r="X4130" s="19">
        <v>10</v>
      </c>
      <c r="Y4130" s="19"/>
      <c r="Z4130" s="19"/>
      <c r="AA4130" s="19"/>
    </row>
    <row r="4131" spans="1:27" s="1" customFormat="1" ht="11.1" customHeight="1" outlineLevel="2" x14ac:dyDescent="0.2">
      <c r="A4131" s="17"/>
      <c r="B4131" s="17"/>
      <c r="C4131" s="17"/>
      <c r="D4131" s="18"/>
      <c r="E4131" s="18"/>
      <c r="F4131" s="18"/>
      <c r="G4131" s="18"/>
      <c r="H4131" s="18"/>
      <c r="I4131" s="18"/>
      <c r="J4131" s="18"/>
      <c r="K4131" s="18"/>
      <c r="L4131" s="18"/>
      <c r="M4131" s="18"/>
      <c r="N4131" s="18"/>
      <c r="O4131" s="18"/>
      <c r="P4131" s="19"/>
      <c r="Q4131" s="19"/>
      <c r="R4131" s="19"/>
      <c r="S4131" s="19"/>
      <c r="T4131" s="19"/>
      <c r="U4131" s="19"/>
      <c r="V4131" s="19"/>
      <c r="W4131" s="19"/>
      <c r="X4131" s="19"/>
      <c r="Y4131" s="19"/>
      <c r="Z4131" s="19"/>
      <c r="AA4131" s="19"/>
    </row>
    <row r="4132" spans="1:27" s="1" customFormat="1" ht="11.1" customHeight="1" outlineLevel="2" x14ac:dyDescent="0.2">
      <c r="A4132" s="17">
        <v>6308</v>
      </c>
      <c r="B4132" s="17"/>
      <c r="C4132" s="17"/>
      <c r="D4132" s="18" t="s">
        <v>2066</v>
      </c>
      <c r="E4132" s="18"/>
      <c r="F4132" s="18"/>
      <c r="G4132" s="18"/>
      <c r="H4132" s="18"/>
      <c r="I4132" s="18"/>
      <c r="J4132" s="18"/>
      <c r="K4132" s="18"/>
      <c r="L4132" s="18"/>
      <c r="M4132" s="18"/>
      <c r="N4132" s="18"/>
      <c r="O4132" s="18"/>
      <c r="P4132" s="19">
        <v>810</v>
      </c>
      <c r="Q4132" s="19"/>
      <c r="R4132" s="19"/>
      <c r="S4132" s="19"/>
      <c r="T4132" s="19">
        <v>720</v>
      </c>
      <c r="U4132" s="19"/>
      <c r="V4132" s="19"/>
      <c r="W4132" s="19"/>
      <c r="X4132" s="19">
        <v>6</v>
      </c>
      <c r="Y4132" s="19"/>
      <c r="Z4132" s="19"/>
      <c r="AA4132" s="19"/>
    </row>
    <row r="4133" spans="1:27" s="1" customFormat="1" ht="11.1" customHeight="1" outlineLevel="2" x14ac:dyDescent="0.2">
      <c r="A4133" s="17"/>
      <c r="B4133" s="17"/>
      <c r="C4133" s="17"/>
      <c r="D4133" s="18"/>
      <c r="E4133" s="18"/>
      <c r="F4133" s="18"/>
      <c r="G4133" s="18"/>
      <c r="H4133" s="18"/>
      <c r="I4133" s="18"/>
      <c r="J4133" s="18"/>
      <c r="K4133" s="18"/>
      <c r="L4133" s="18"/>
      <c r="M4133" s="18"/>
      <c r="N4133" s="18"/>
      <c r="O4133" s="18"/>
      <c r="P4133" s="19"/>
      <c r="Q4133" s="19"/>
      <c r="R4133" s="19"/>
      <c r="S4133" s="19"/>
      <c r="T4133" s="19"/>
      <c r="U4133" s="19"/>
      <c r="V4133" s="19"/>
      <c r="W4133" s="19"/>
      <c r="X4133" s="19"/>
      <c r="Y4133" s="19"/>
      <c r="Z4133" s="19"/>
      <c r="AA4133" s="19"/>
    </row>
    <row r="4134" spans="1:27" s="1" customFormat="1" ht="11.1" customHeight="1" outlineLevel="2" x14ac:dyDescent="0.2">
      <c r="A4134" s="17">
        <v>6161</v>
      </c>
      <c r="B4134" s="17"/>
      <c r="C4134" s="17"/>
      <c r="D4134" s="18" t="s">
        <v>2067</v>
      </c>
      <c r="E4134" s="18"/>
      <c r="F4134" s="18"/>
      <c r="G4134" s="18"/>
      <c r="H4134" s="18"/>
      <c r="I4134" s="18"/>
      <c r="J4134" s="18"/>
      <c r="K4134" s="18"/>
      <c r="L4134" s="18"/>
      <c r="M4134" s="18"/>
      <c r="N4134" s="18"/>
      <c r="O4134" s="18"/>
      <c r="P4134" s="19">
        <v>810</v>
      </c>
      <c r="Q4134" s="19"/>
      <c r="R4134" s="19"/>
      <c r="S4134" s="19"/>
      <c r="T4134" s="19">
        <v>720</v>
      </c>
      <c r="U4134" s="19"/>
      <c r="V4134" s="19"/>
      <c r="W4134" s="19"/>
      <c r="X4134" s="19">
        <v>4</v>
      </c>
      <c r="Y4134" s="19"/>
      <c r="Z4134" s="19"/>
      <c r="AA4134" s="19"/>
    </row>
    <row r="4135" spans="1:27" s="1" customFormat="1" ht="11.1" customHeight="1" outlineLevel="2" x14ac:dyDescent="0.2">
      <c r="A4135" s="17"/>
      <c r="B4135" s="17"/>
      <c r="C4135" s="17"/>
      <c r="D4135" s="18"/>
      <c r="E4135" s="18"/>
      <c r="F4135" s="18"/>
      <c r="G4135" s="18"/>
      <c r="H4135" s="18"/>
      <c r="I4135" s="18"/>
      <c r="J4135" s="18"/>
      <c r="K4135" s="18"/>
      <c r="L4135" s="18"/>
      <c r="M4135" s="18"/>
      <c r="N4135" s="18"/>
      <c r="O4135" s="18"/>
      <c r="P4135" s="19"/>
      <c r="Q4135" s="19"/>
      <c r="R4135" s="19"/>
      <c r="S4135" s="19"/>
      <c r="T4135" s="19"/>
      <c r="U4135" s="19"/>
      <c r="V4135" s="19"/>
      <c r="W4135" s="19"/>
      <c r="X4135" s="19"/>
      <c r="Y4135" s="19"/>
      <c r="Z4135" s="19"/>
      <c r="AA4135" s="19"/>
    </row>
    <row r="4136" spans="1:27" s="1" customFormat="1" ht="11.1" customHeight="1" outlineLevel="2" x14ac:dyDescent="0.2">
      <c r="A4136" s="17">
        <v>8310</v>
      </c>
      <c r="B4136" s="17"/>
      <c r="C4136" s="17"/>
      <c r="D4136" s="18" t="s">
        <v>2068</v>
      </c>
      <c r="E4136" s="18"/>
      <c r="F4136" s="18"/>
      <c r="G4136" s="18"/>
      <c r="H4136" s="18"/>
      <c r="I4136" s="18"/>
      <c r="J4136" s="18"/>
      <c r="K4136" s="18"/>
      <c r="L4136" s="18"/>
      <c r="M4136" s="18"/>
      <c r="N4136" s="18"/>
      <c r="O4136" s="18"/>
      <c r="P4136" s="19">
        <v>940</v>
      </c>
      <c r="Q4136" s="19"/>
      <c r="R4136" s="19"/>
      <c r="S4136" s="19"/>
      <c r="T4136" s="19">
        <v>860</v>
      </c>
      <c r="U4136" s="19"/>
      <c r="V4136" s="19"/>
      <c r="W4136" s="19"/>
      <c r="X4136" s="19">
        <v>4</v>
      </c>
      <c r="Y4136" s="19"/>
      <c r="Z4136" s="19"/>
      <c r="AA4136" s="19"/>
    </row>
    <row r="4137" spans="1:27" s="1" customFormat="1" ht="11.1" customHeight="1" outlineLevel="2" x14ac:dyDescent="0.2">
      <c r="A4137" s="17"/>
      <c r="B4137" s="17"/>
      <c r="C4137" s="17"/>
      <c r="D4137" s="18"/>
      <c r="E4137" s="18"/>
      <c r="F4137" s="18"/>
      <c r="G4137" s="18"/>
      <c r="H4137" s="18"/>
      <c r="I4137" s="18"/>
      <c r="J4137" s="18"/>
      <c r="K4137" s="18"/>
      <c r="L4137" s="18"/>
      <c r="M4137" s="18"/>
      <c r="N4137" s="18"/>
      <c r="O4137" s="18"/>
      <c r="P4137" s="19"/>
      <c r="Q4137" s="19"/>
      <c r="R4137" s="19"/>
      <c r="S4137" s="19"/>
      <c r="T4137" s="19"/>
      <c r="U4137" s="19"/>
      <c r="V4137" s="19"/>
      <c r="W4137" s="19"/>
      <c r="X4137" s="19"/>
      <c r="Y4137" s="19"/>
      <c r="Z4137" s="19"/>
      <c r="AA4137" s="19"/>
    </row>
    <row r="4138" spans="1:27" s="1" customFormat="1" ht="11.1" customHeight="1" outlineLevel="2" x14ac:dyDescent="0.2">
      <c r="A4138" s="17">
        <v>13175</v>
      </c>
      <c r="B4138" s="17"/>
      <c r="C4138" s="17"/>
      <c r="D4138" s="18" t="s">
        <v>2069</v>
      </c>
      <c r="E4138" s="18"/>
      <c r="F4138" s="18"/>
      <c r="G4138" s="18"/>
      <c r="H4138" s="18"/>
      <c r="I4138" s="18"/>
      <c r="J4138" s="18"/>
      <c r="K4138" s="18"/>
      <c r="L4138" s="18"/>
      <c r="M4138" s="18"/>
      <c r="N4138" s="18"/>
      <c r="O4138" s="18"/>
      <c r="P4138" s="20">
        <v>1600</v>
      </c>
      <c r="Q4138" s="20"/>
      <c r="R4138" s="20"/>
      <c r="S4138" s="20"/>
      <c r="T4138" s="20">
        <v>1450</v>
      </c>
      <c r="U4138" s="20"/>
      <c r="V4138" s="20"/>
      <c r="W4138" s="20"/>
      <c r="X4138" s="19">
        <v>8</v>
      </c>
      <c r="Y4138" s="19"/>
      <c r="Z4138" s="19"/>
      <c r="AA4138" s="19"/>
    </row>
    <row r="4139" spans="1:27" s="1" customFormat="1" ht="11.1" customHeight="1" outlineLevel="2" x14ac:dyDescent="0.2">
      <c r="A4139" s="17"/>
      <c r="B4139" s="17"/>
      <c r="C4139" s="17"/>
      <c r="D4139" s="18"/>
      <c r="E4139" s="18"/>
      <c r="F4139" s="18"/>
      <c r="G4139" s="18"/>
      <c r="H4139" s="18"/>
      <c r="I4139" s="18"/>
      <c r="J4139" s="18"/>
      <c r="K4139" s="18"/>
      <c r="L4139" s="18"/>
      <c r="M4139" s="18"/>
      <c r="N4139" s="18"/>
      <c r="O4139" s="18"/>
      <c r="P4139" s="20"/>
      <c r="Q4139" s="20"/>
      <c r="R4139" s="20"/>
      <c r="S4139" s="20"/>
      <c r="T4139" s="20"/>
      <c r="U4139" s="20"/>
      <c r="V4139" s="20"/>
      <c r="W4139" s="20"/>
      <c r="X4139" s="19"/>
      <c r="Y4139" s="19"/>
      <c r="Z4139" s="19"/>
      <c r="AA4139" s="19"/>
    </row>
    <row r="4140" spans="1:27" s="1" customFormat="1" ht="11.1" customHeight="1" outlineLevel="2" x14ac:dyDescent="0.2">
      <c r="A4140" s="17">
        <v>13176</v>
      </c>
      <c r="B4140" s="17"/>
      <c r="C4140" s="17"/>
      <c r="D4140" s="18" t="s">
        <v>2070</v>
      </c>
      <c r="E4140" s="18"/>
      <c r="F4140" s="18"/>
      <c r="G4140" s="18"/>
      <c r="H4140" s="18"/>
      <c r="I4140" s="18"/>
      <c r="J4140" s="18"/>
      <c r="K4140" s="18"/>
      <c r="L4140" s="18"/>
      <c r="M4140" s="18"/>
      <c r="N4140" s="18"/>
      <c r="O4140" s="18"/>
      <c r="P4140" s="20">
        <v>1600</v>
      </c>
      <c r="Q4140" s="20"/>
      <c r="R4140" s="20"/>
      <c r="S4140" s="20"/>
      <c r="T4140" s="20">
        <v>1450</v>
      </c>
      <c r="U4140" s="20"/>
      <c r="V4140" s="20"/>
      <c r="W4140" s="20"/>
      <c r="X4140" s="19">
        <v>8</v>
      </c>
      <c r="Y4140" s="19"/>
      <c r="Z4140" s="19"/>
      <c r="AA4140" s="19"/>
    </row>
    <row r="4141" spans="1:27" s="1" customFormat="1" ht="11.1" customHeight="1" outlineLevel="2" x14ac:dyDescent="0.2">
      <c r="A4141" s="17"/>
      <c r="B4141" s="17"/>
      <c r="C4141" s="17"/>
      <c r="D4141" s="18"/>
      <c r="E4141" s="18"/>
      <c r="F4141" s="18"/>
      <c r="G4141" s="18"/>
      <c r="H4141" s="18"/>
      <c r="I4141" s="18"/>
      <c r="J4141" s="18"/>
      <c r="K4141" s="18"/>
      <c r="L4141" s="18"/>
      <c r="M4141" s="18"/>
      <c r="N4141" s="18"/>
      <c r="O4141" s="18"/>
      <c r="P4141" s="20"/>
      <c r="Q4141" s="20"/>
      <c r="R4141" s="20"/>
      <c r="S4141" s="20"/>
      <c r="T4141" s="20"/>
      <c r="U4141" s="20"/>
      <c r="V4141" s="20"/>
      <c r="W4141" s="20"/>
      <c r="X4141" s="19"/>
      <c r="Y4141" s="19"/>
      <c r="Z4141" s="19"/>
      <c r="AA4141" s="19"/>
    </row>
    <row r="4142" spans="1:27" s="1" customFormat="1" ht="11.1" customHeight="1" outlineLevel="2" x14ac:dyDescent="0.2">
      <c r="A4142" s="17">
        <v>7927</v>
      </c>
      <c r="B4142" s="17"/>
      <c r="C4142" s="17"/>
      <c r="D4142" s="18" t="s">
        <v>2071</v>
      </c>
      <c r="E4142" s="18"/>
      <c r="F4142" s="18"/>
      <c r="G4142" s="18"/>
      <c r="H4142" s="18"/>
      <c r="I4142" s="18"/>
      <c r="J4142" s="18"/>
      <c r="K4142" s="18"/>
      <c r="L4142" s="18"/>
      <c r="M4142" s="18"/>
      <c r="N4142" s="18"/>
      <c r="O4142" s="18"/>
      <c r="P4142" s="19">
        <v>990</v>
      </c>
      <c r="Q4142" s="19"/>
      <c r="R4142" s="19"/>
      <c r="S4142" s="19"/>
      <c r="T4142" s="19">
        <v>900</v>
      </c>
      <c r="U4142" s="19"/>
      <c r="V4142" s="19"/>
      <c r="W4142" s="19"/>
      <c r="X4142" s="19">
        <v>8</v>
      </c>
      <c r="Y4142" s="19"/>
      <c r="Z4142" s="19"/>
      <c r="AA4142" s="19"/>
    </row>
    <row r="4143" spans="1:27" s="1" customFormat="1" ht="11.1" customHeight="1" outlineLevel="2" x14ac:dyDescent="0.2">
      <c r="A4143" s="17"/>
      <c r="B4143" s="17"/>
      <c r="C4143" s="17"/>
      <c r="D4143" s="18"/>
      <c r="E4143" s="18"/>
      <c r="F4143" s="18"/>
      <c r="G4143" s="18"/>
      <c r="H4143" s="18"/>
      <c r="I4143" s="18"/>
      <c r="J4143" s="18"/>
      <c r="K4143" s="18"/>
      <c r="L4143" s="18"/>
      <c r="M4143" s="18"/>
      <c r="N4143" s="18"/>
      <c r="O4143" s="18"/>
      <c r="P4143" s="19"/>
      <c r="Q4143" s="19"/>
      <c r="R4143" s="19"/>
      <c r="S4143" s="19"/>
      <c r="T4143" s="19"/>
      <c r="U4143" s="19"/>
      <c r="V4143" s="19"/>
      <c r="W4143" s="19"/>
      <c r="X4143" s="19"/>
      <c r="Y4143" s="19"/>
      <c r="Z4143" s="19"/>
      <c r="AA4143" s="19"/>
    </row>
    <row r="4144" spans="1:27" s="1" customFormat="1" ht="11.1" customHeight="1" outlineLevel="2" x14ac:dyDescent="0.2">
      <c r="A4144" s="17">
        <v>7685</v>
      </c>
      <c r="B4144" s="17"/>
      <c r="C4144" s="17"/>
      <c r="D4144" s="18" t="s">
        <v>2072</v>
      </c>
      <c r="E4144" s="18"/>
      <c r="F4144" s="18"/>
      <c r="G4144" s="18"/>
      <c r="H4144" s="18"/>
      <c r="I4144" s="18"/>
      <c r="J4144" s="18"/>
      <c r="K4144" s="18"/>
      <c r="L4144" s="18"/>
      <c r="M4144" s="18"/>
      <c r="N4144" s="18"/>
      <c r="O4144" s="18"/>
      <c r="P4144" s="19">
        <v>990</v>
      </c>
      <c r="Q4144" s="19"/>
      <c r="R4144" s="19"/>
      <c r="S4144" s="19"/>
      <c r="T4144" s="19">
        <v>900</v>
      </c>
      <c r="U4144" s="19"/>
      <c r="V4144" s="19"/>
      <c r="W4144" s="19"/>
      <c r="X4144" s="19">
        <v>1</v>
      </c>
      <c r="Y4144" s="19"/>
      <c r="Z4144" s="19"/>
      <c r="AA4144" s="19"/>
    </row>
    <row r="4145" spans="1:27" s="1" customFormat="1" ht="11.1" customHeight="1" outlineLevel="2" x14ac:dyDescent="0.2">
      <c r="A4145" s="17"/>
      <c r="B4145" s="17"/>
      <c r="C4145" s="17"/>
      <c r="D4145" s="18"/>
      <c r="E4145" s="18"/>
      <c r="F4145" s="18"/>
      <c r="G4145" s="18"/>
      <c r="H4145" s="18"/>
      <c r="I4145" s="18"/>
      <c r="J4145" s="18"/>
      <c r="K4145" s="18"/>
      <c r="L4145" s="18"/>
      <c r="M4145" s="18"/>
      <c r="N4145" s="18"/>
      <c r="O4145" s="18"/>
      <c r="P4145" s="19"/>
      <c r="Q4145" s="19"/>
      <c r="R4145" s="19"/>
      <c r="S4145" s="19"/>
      <c r="T4145" s="19"/>
      <c r="U4145" s="19"/>
      <c r="V4145" s="19"/>
      <c r="W4145" s="19"/>
      <c r="X4145" s="19"/>
      <c r="Y4145" s="19"/>
      <c r="Z4145" s="19"/>
      <c r="AA4145" s="19"/>
    </row>
    <row r="4146" spans="1:27" s="1" customFormat="1" ht="14.1" customHeight="1" outlineLevel="2" x14ac:dyDescent="0.2">
      <c r="A4146" s="17">
        <v>9153</v>
      </c>
      <c r="B4146" s="17"/>
      <c r="C4146" s="17"/>
      <c r="D4146" s="18" t="s">
        <v>2073</v>
      </c>
      <c r="E4146" s="18"/>
      <c r="F4146" s="18"/>
      <c r="G4146" s="18"/>
      <c r="H4146" s="18"/>
      <c r="I4146" s="18"/>
      <c r="J4146" s="18"/>
      <c r="K4146" s="18"/>
      <c r="L4146" s="18"/>
      <c r="M4146" s="18"/>
      <c r="N4146" s="18"/>
      <c r="O4146" s="18"/>
      <c r="P4146" s="20">
        <v>1190</v>
      </c>
      <c r="Q4146" s="20"/>
      <c r="R4146" s="20"/>
      <c r="S4146" s="20"/>
      <c r="T4146" s="20">
        <v>1120</v>
      </c>
      <c r="U4146" s="20"/>
      <c r="V4146" s="20"/>
      <c r="W4146" s="20"/>
      <c r="X4146" s="19">
        <v>5</v>
      </c>
      <c r="Y4146" s="19"/>
      <c r="Z4146" s="19"/>
      <c r="AA4146" s="19"/>
    </row>
    <row r="4147" spans="1:27" s="1" customFormat="1" ht="14.1" customHeight="1" outlineLevel="2" x14ac:dyDescent="0.2">
      <c r="A4147" s="17"/>
      <c r="B4147" s="17"/>
      <c r="C4147" s="17"/>
      <c r="D4147" s="18"/>
      <c r="E4147" s="18"/>
      <c r="F4147" s="18"/>
      <c r="G4147" s="18"/>
      <c r="H4147" s="18"/>
      <c r="I4147" s="18"/>
      <c r="J4147" s="18"/>
      <c r="K4147" s="18"/>
      <c r="L4147" s="18"/>
      <c r="M4147" s="18"/>
      <c r="N4147" s="18"/>
      <c r="O4147" s="18"/>
      <c r="P4147" s="20"/>
      <c r="Q4147" s="20"/>
      <c r="R4147" s="20"/>
      <c r="S4147" s="20"/>
      <c r="T4147" s="20"/>
      <c r="U4147" s="20"/>
      <c r="V4147" s="20"/>
      <c r="W4147" s="20"/>
      <c r="X4147" s="19"/>
      <c r="Y4147" s="19"/>
      <c r="Z4147" s="19"/>
      <c r="AA4147" s="19"/>
    </row>
    <row r="4148" spans="1:27" s="1" customFormat="1" ht="14.1" customHeight="1" outlineLevel="2" x14ac:dyDescent="0.2">
      <c r="A4148" s="17">
        <v>10738</v>
      </c>
      <c r="B4148" s="17"/>
      <c r="C4148" s="17"/>
      <c r="D4148" s="18" t="s">
        <v>2074</v>
      </c>
      <c r="E4148" s="18"/>
      <c r="F4148" s="18"/>
      <c r="G4148" s="18"/>
      <c r="H4148" s="18"/>
      <c r="I4148" s="18"/>
      <c r="J4148" s="18"/>
      <c r="K4148" s="18"/>
      <c r="L4148" s="18"/>
      <c r="M4148" s="18"/>
      <c r="N4148" s="18"/>
      <c r="O4148" s="18"/>
      <c r="P4148" s="20">
        <v>1390</v>
      </c>
      <c r="Q4148" s="20"/>
      <c r="R4148" s="20"/>
      <c r="S4148" s="20"/>
      <c r="T4148" s="20">
        <v>1300</v>
      </c>
      <c r="U4148" s="20"/>
      <c r="V4148" s="20"/>
      <c r="W4148" s="20"/>
      <c r="X4148" s="19">
        <v>1</v>
      </c>
      <c r="Y4148" s="19"/>
      <c r="Z4148" s="19"/>
      <c r="AA4148" s="19"/>
    </row>
    <row r="4149" spans="1:27" s="1" customFormat="1" ht="14.1" customHeight="1" outlineLevel="2" x14ac:dyDescent="0.2">
      <c r="A4149" s="17"/>
      <c r="B4149" s="17"/>
      <c r="C4149" s="17"/>
      <c r="D4149" s="18"/>
      <c r="E4149" s="18"/>
      <c r="F4149" s="18"/>
      <c r="G4149" s="18"/>
      <c r="H4149" s="18"/>
      <c r="I4149" s="18"/>
      <c r="J4149" s="18"/>
      <c r="K4149" s="18"/>
      <c r="L4149" s="18"/>
      <c r="M4149" s="18"/>
      <c r="N4149" s="18"/>
      <c r="O4149" s="18"/>
      <c r="P4149" s="20"/>
      <c r="Q4149" s="20"/>
      <c r="R4149" s="20"/>
      <c r="S4149" s="20"/>
      <c r="T4149" s="20"/>
      <c r="U4149" s="20"/>
      <c r="V4149" s="20"/>
      <c r="W4149" s="20"/>
      <c r="X4149" s="19"/>
      <c r="Y4149" s="19"/>
      <c r="Z4149" s="19"/>
      <c r="AA4149" s="19"/>
    </row>
    <row r="4150" spans="1:27" s="1" customFormat="1" ht="14.1" customHeight="1" outlineLevel="2" x14ac:dyDescent="0.2">
      <c r="A4150" s="17">
        <v>13178</v>
      </c>
      <c r="B4150" s="17"/>
      <c r="C4150" s="17"/>
      <c r="D4150" s="18" t="s">
        <v>2075</v>
      </c>
      <c r="E4150" s="18"/>
      <c r="F4150" s="18"/>
      <c r="G4150" s="18"/>
      <c r="H4150" s="18"/>
      <c r="I4150" s="18"/>
      <c r="J4150" s="18"/>
      <c r="K4150" s="18"/>
      <c r="L4150" s="18"/>
      <c r="M4150" s="18"/>
      <c r="N4150" s="18"/>
      <c r="O4150" s="18"/>
      <c r="P4150" s="20">
        <v>1190</v>
      </c>
      <c r="Q4150" s="20"/>
      <c r="R4150" s="20"/>
      <c r="S4150" s="20"/>
      <c r="T4150" s="20">
        <v>1120</v>
      </c>
      <c r="U4150" s="20"/>
      <c r="V4150" s="20"/>
      <c r="W4150" s="20"/>
      <c r="X4150" s="19">
        <v>3</v>
      </c>
      <c r="Y4150" s="19"/>
      <c r="Z4150" s="19"/>
      <c r="AA4150" s="19"/>
    </row>
    <row r="4151" spans="1:27" s="1" customFormat="1" ht="14.1" customHeight="1" outlineLevel="2" x14ac:dyDescent="0.2">
      <c r="A4151" s="17"/>
      <c r="B4151" s="17"/>
      <c r="C4151" s="17"/>
      <c r="D4151" s="18"/>
      <c r="E4151" s="18"/>
      <c r="F4151" s="18"/>
      <c r="G4151" s="18"/>
      <c r="H4151" s="18"/>
      <c r="I4151" s="18"/>
      <c r="J4151" s="18"/>
      <c r="K4151" s="18"/>
      <c r="L4151" s="18"/>
      <c r="M4151" s="18"/>
      <c r="N4151" s="18"/>
      <c r="O4151" s="18"/>
      <c r="P4151" s="20"/>
      <c r="Q4151" s="20"/>
      <c r="R4151" s="20"/>
      <c r="S4151" s="20"/>
      <c r="T4151" s="20"/>
      <c r="U4151" s="20"/>
      <c r="V4151" s="20"/>
      <c r="W4151" s="20"/>
      <c r="X4151" s="19"/>
      <c r="Y4151" s="19"/>
      <c r="Z4151" s="19"/>
      <c r="AA4151" s="19"/>
    </row>
    <row r="4152" spans="1:27" s="1" customFormat="1" ht="14.1" customHeight="1" outlineLevel="2" x14ac:dyDescent="0.2">
      <c r="A4152" s="17">
        <v>10739</v>
      </c>
      <c r="B4152" s="17"/>
      <c r="C4152" s="17"/>
      <c r="D4152" s="18" t="s">
        <v>2076</v>
      </c>
      <c r="E4152" s="18"/>
      <c r="F4152" s="18"/>
      <c r="G4152" s="18"/>
      <c r="H4152" s="18"/>
      <c r="I4152" s="18"/>
      <c r="J4152" s="18"/>
      <c r="K4152" s="18"/>
      <c r="L4152" s="18"/>
      <c r="M4152" s="18"/>
      <c r="N4152" s="18"/>
      <c r="O4152" s="18"/>
      <c r="P4152" s="20">
        <v>1500</v>
      </c>
      <c r="Q4152" s="20"/>
      <c r="R4152" s="20"/>
      <c r="S4152" s="20"/>
      <c r="T4152" s="20">
        <v>1400</v>
      </c>
      <c r="U4152" s="20"/>
      <c r="V4152" s="20"/>
      <c r="W4152" s="20"/>
      <c r="X4152" s="19">
        <v>1</v>
      </c>
      <c r="Y4152" s="19"/>
      <c r="Z4152" s="19"/>
      <c r="AA4152" s="19"/>
    </row>
    <row r="4153" spans="1:27" s="1" customFormat="1" ht="14.1" customHeight="1" outlineLevel="2" x14ac:dyDescent="0.2">
      <c r="A4153" s="17"/>
      <c r="B4153" s="17"/>
      <c r="C4153" s="17"/>
      <c r="D4153" s="18"/>
      <c r="E4153" s="18"/>
      <c r="F4153" s="18"/>
      <c r="G4153" s="18"/>
      <c r="H4153" s="18"/>
      <c r="I4153" s="18"/>
      <c r="J4153" s="18"/>
      <c r="K4153" s="18"/>
      <c r="L4153" s="18"/>
      <c r="M4153" s="18"/>
      <c r="N4153" s="18"/>
      <c r="O4153" s="18"/>
      <c r="P4153" s="20"/>
      <c r="Q4153" s="20"/>
      <c r="R4153" s="20"/>
      <c r="S4153" s="20"/>
      <c r="T4153" s="20"/>
      <c r="U4153" s="20"/>
      <c r="V4153" s="20"/>
      <c r="W4153" s="20"/>
      <c r="X4153" s="19"/>
      <c r="Y4153" s="19"/>
      <c r="Z4153" s="19"/>
      <c r="AA4153" s="19"/>
    </row>
    <row r="4154" spans="1:27" s="1" customFormat="1" ht="14.1" customHeight="1" outlineLevel="2" x14ac:dyDescent="0.2">
      <c r="A4154" s="17">
        <v>9507</v>
      </c>
      <c r="B4154" s="17"/>
      <c r="C4154" s="17"/>
      <c r="D4154" s="18" t="s">
        <v>2077</v>
      </c>
      <c r="E4154" s="18"/>
      <c r="F4154" s="18"/>
      <c r="G4154" s="18"/>
      <c r="H4154" s="18"/>
      <c r="I4154" s="18"/>
      <c r="J4154" s="18"/>
      <c r="K4154" s="18"/>
      <c r="L4154" s="18"/>
      <c r="M4154" s="18"/>
      <c r="N4154" s="18"/>
      <c r="O4154" s="18"/>
      <c r="P4154" s="19">
        <v>850</v>
      </c>
      <c r="Q4154" s="19"/>
      <c r="R4154" s="19"/>
      <c r="S4154" s="19"/>
      <c r="T4154" s="19">
        <v>620</v>
      </c>
      <c r="U4154" s="19"/>
      <c r="V4154" s="19"/>
      <c r="W4154" s="19"/>
      <c r="X4154" s="19">
        <v>11</v>
      </c>
      <c r="Y4154" s="19"/>
      <c r="Z4154" s="19"/>
      <c r="AA4154" s="19"/>
    </row>
    <row r="4155" spans="1:27" s="1" customFormat="1" ht="14.1" customHeight="1" outlineLevel="2" x14ac:dyDescent="0.2">
      <c r="A4155" s="17"/>
      <c r="B4155" s="17"/>
      <c r="C4155" s="17"/>
      <c r="D4155" s="18"/>
      <c r="E4155" s="18"/>
      <c r="F4155" s="18"/>
      <c r="G4155" s="18"/>
      <c r="H4155" s="18"/>
      <c r="I4155" s="18"/>
      <c r="J4155" s="18"/>
      <c r="K4155" s="18"/>
      <c r="L4155" s="18"/>
      <c r="M4155" s="18"/>
      <c r="N4155" s="18"/>
      <c r="O4155" s="18"/>
      <c r="P4155" s="19"/>
      <c r="Q4155" s="19"/>
      <c r="R4155" s="19"/>
      <c r="S4155" s="19"/>
      <c r="T4155" s="19"/>
      <c r="U4155" s="19"/>
      <c r="V4155" s="19"/>
      <c r="W4155" s="19"/>
      <c r="X4155" s="19"/>
      <c r="Y4155" s="19"/>
      <c r="Z4155" s="19"/>
      <c r="AA4155" s="19"/>
    </row>
    <row r="4156" spans="1:27" s="1" customFormat="1" ht="14.1" customHeight="1" outlineLevel="2" x14ac:dyDescent="0.2">
      <c r="A4156" s="17">
        <v>12368</v>
      </c>
      <c r="B4156" s="17"/>
      <c r="C4156" s="17"/>
      <c r="D4156" s="18" t="s">
        <v>2078</v>
      </c>
      <c r="E4156" s="18"/>
      <c r="F4156" s="18"/>
      <c r="G4156" s="18"/>
      <c r="H4156" s="18"/>
      <c r="I4156" s="18"/>
      <c r="J4156" s="18"/>
      <c r="K4156" s="18"/>
      <c r="L4156" s="18"/>
      <c r="M4156" s="18"/>
      <c r="N4156" s="18"/>
      <c r="O4156" s="18"/>
      <c r="P4156" s="20">
        <v>1400</v>
      </c>
      <c r="Q4156" s="20"/>
      <c r="R4156" s="20"/>
      <c r="S4156" s="20"/>
      <c r="T4156" s="20">
        <v>1300</v>
      </c>
      <c r="U4156" s="20"/>
      <c r="V4156" s="20"/>
      <c r="W4156" s="20"/>
      <c r="X4156" s="19">
        <v>3</v>
      </c>
      <c r="Y4156" s="19"/>
      <c r="Z4156" s="19"/>
      <c r="AA4156" s="19"/>
    </row>
    <row r="4157" spans="1:27" s="1" customFormat="1" ht="14.1" customHeight="1" outlineLevel="2" x14ac:dyDescent="0.2">
      <c r="A4157" s="17"/>
      <c r="B4157" s="17"/>
      <c r="C4157" s="17"/>
      <c r="D4157" s="18"/>
      <c r="E4157" s="18"/>
      <c r="F4157" s="18"/>
      <c r="G4157" s="18"/>
      <c r="H4157" s="18"/>
      <c r="I4157" s="18"/>
      <c r="J4157" s="18"/>
      <c r="K4157" s="18"/>
      <c r="L4157" s="18"/>
      <c r="M4157" s="18"/>
      <c r="N4157" s="18"/>
      <c r="O4157" s="18"/>
      <c r="P4157" s="20"/>
      <c r="Q4157" s="20"/>
      <c r="R4157" s="20"/>
      <c r="S4157" s="20"/>
      <c r="T4157" s="20"/>
      <c r="U4157" s="20"/>
      <c r="V4157" s="20"/>
      <c r="W4157" s="20"/>
      <c r="X4157" s="19"/>
      <c r="Y4157" s="19"/>
      <c r="Z4157" s="19"/>
      <c r="AA4157" s="19"/>
    </row>
    <row r="4158" spans="1:27" s="1" customFormat="1" ht="14.1" customHeight="1" outlineLevel="2" x14ac:dyDescent="0.2">
      <c r="A4158" s="17">
        <v>9508</v>
      </c>
      <c r="B4158" s="17"/>
      <c r="C4158" s="17"/>
      <c r="D4158" s="18" t="s">
        <v>2079</v>
      </c>
      <c r="E4158" s="18"/>
      <c r="F4158" s="18"/>
      <c r="G4158" s="18"/>
      <c r="H4158" s="18"/>
      <c r="I4158" s="18"/>
      <c r="J4158" s="18"/>
      <c r="K4158" s="18"/>
      <c r="L4158" s="18"/>
      <c r="M4158" s="18"/>
      <c r="N4158" s="18"/>
      <c r="O4158" s="18"/>
      <c r="P4158" s="19">
        <v>850</v>
      </c>
      <c r="Q4158" s="19"/>
      <c r="R4158" s="19"/>
      <c r="S4158" s="19"/>
      <c r="T4158" s="19">
        <v>620</v>
      </c>
      <c r="U4158" s="19"/>
      <c r="V4158" s="19"/>
      <c r="W4158" s="19"/>
      <c r="X4158" s="19">
        <v>9</v>
      </c>
      <c r="Y4158" s="19"/>
      <c r="Z4158" s="19"/>
      <c r="AA4158" s="19"/>
    </row>
    <row r="4159" spans="1:27" s="1" customFormat="1" ht="14.1" customHeight="1" outlineLevel="2" x14ac:dyDescent="0.2">
      <c r="A4159" s="17"/>
      <c r="B4159" s="17"/>
      <c r="C4159" s="17"/>
      <c r="D4159" s="18"/>
      <c r="E4159" s="18"/>
      <c r="F4159" s="18"/>
      <c r="G4159" s="18"/>
      <c r="H4159" s="18"/>
      <c r="I4159" s="18"/>
      <c r="J4159" s="18"/>
      <c r="K4159" s="18"/>
      <c r="L4159" s="18"/>
      <c r="M4159" s="18"/>
      <c r="N4159" s="18"/>
      <c r="O4159" s="18"/>
      <c r="P4159" s="19"/>
      <c r="Q4159" s="19"/>
      <c r="R4159" s="19"/>
      <c r="S4159" s="19"/>
      <c r="T4159" s="19"/>
      <c r="U4159" s="19"/>
      <c r="V4159" s="19"/>
      <c r="W4159" s="19"/>
      <c r="X4159" s="19"/>
      <c r="Y4159" s="19"/>
      <c r="Z4159" s="19"/>
      <c r="AA4159" s="19"/>
    </row>
    <row r="4160" spans="1:27" s="1" customFormat="1" ht="14.1" customHeight="1" outlineLevel="2" x14ac:dyDescent="0.2">
      <c r="A4160" s="17">
        <v>13293</v>
      </c>
      <c r="B4160" s="17"/>
      <c r="C4160" s="17"/>
      <c r="D4160" s="18" t="s">
        <v>2080</v>
      </c>
      <c r="E4160" s="18"/>
      <c r="F4160" s="18"/>
      <c r="G4160" s="18"/>
      <c r="H4160" s="18"/>
      <c r="I4160" s="18"/>
      <c r="J4160" s="18"/>
      <c r="K4160" s="18"/>
      <c r="L4160" s="18"/>
      <c r="M4160" s="18"/>
      <c r="N4160" s="18"/>
      <c r="O4160" s="18"/>
      <c r="P4160" s="20">
        <v>1600</v>
      </c>
      <c r="Q4160" s="20"/>
      <c r="R4160" s="20"/>
      <c r="S4160" s="20"/>
      <c r="T4160" s="20">
        <v>1500</v>
      </c>
      <c r="U4160" s="20"/>
      <c r="V4160" s="20"/>
      <c r="W4160" s="20"/>
      <c r="X4160" s="19">
        <v>1</v>
      </c>
      <c r="Y4160" s="19"/>
      <c r="Z4160" s="19"/>
      <c r="AA4160" s="19"/>
    </row>
    <row r="4161" spans="1:27" s="1" customFormat="1" ht="14.1" customHeight="1" outlineLevel="2" x14ac:dyDescent="0.2">
      <c r="A4161" s="17"/>
      <c r="B4161" s="17"/>
      <c r="C4161" s="17"/>
      <c r="D4161" s="18"/>
      <c r="E4161" s="18"/>
      <c r="F4161" s="18"/>
      <c r="G4161" s="18"/>
      <c r="H4161" s="18"/>
      <c r="I4161" s="18"/>
      <c r="J4161" s="18"/>
      <c r="K4161" s="18"/>
      <c r="L4161" s="18"/>
      <c r="M4161" s="18"/>
      <c r="N4161" s="18"/>
      <c r="O4161" s="18"/>
      <c r="P4161" s="20"/>
      <c r="Q4161" s="20"/>
      <c r="R4161" s="20"/>
      <c r="S4161" s="20"/>
      <c r="T4161" s="20"/>
      <c r="U4161" s="20"/>
      <c r="V4161" s="20"/>
      <c r="W4161" s="20"/>
      <c r="X4161" s="19"/>
      <c r="Y4161" s="19"/>
      <c r="Z4161" s="19"/>
      <c r="AA4161" s="19"/>
    </row>
    <row r="4162" spans="1:27" s="1" customFormat="1" ht="14.1" customHeight="1" outlineLevel="2" x14ac:dyDescent="0.2">
      <c r="A4162" s="17">
        <v>15028</v>
      </c>
      <c r="B4162" s="17"/>
      <c r="C4162" s="17"/>
      <c r="D4162" s="18" t="s">
        <v>2081</v>
      </c>
      <c r="E4162" s="18"/>
      <c r="F4162" s="18"/>
      <c r="G4162" s="18"/>
      <c r="H4162" s="18"/>
      <c r="I4162" s="18"/>
      <c r="J4162" s="18"/>
      <c r="K4162" s="18"/>
      <c r="L4162" s="18"/>
      <c r="M4162" s="18"/>
      <c r="N4162" s="18"/>
      <c r="O4162" s="18"/>
      <c r="P4162" s="20">
        <v>1950</v>
      </c>
      <c r="Q4162" s="20"/>
      <c r="R4162" s="20"/>
      <c r="S4162" s="20"/>
      <c r="T4162" s="20">
        <v>1800</v>
      </c>
      <c r="U4162" s="20"/>
      <c r="V4162" s="20"/>
      <c r="W4162" s="20"/>
      <c r="X4162" s="19">
        <v>1</v>
      </c>
      <c r="Y4162" s="19"/>
      <c r="Z4162" s="19"/>
      <c r="AA4162" s="19"/>
    </row>
    <row r="4163" spans="1:27" s="1" customFormat="1" ht="14.1" customHeight="1" outlineLevel="2" x14ac:dyDescent="0.2">
      <c r="A4163" s="17"/>
      <c r="B4163" s="17"/>
      <c r="C4163" s="17"/>
      <c r="D4163" s="18"/>
      <c r="E4163" s="18"/>
      <c r="F4163" s="18"/>
      <c r="G4163" s="18"/>
      <c r="H4163" s="18"/>
      <c r="I4163" s="18"/>
      <c r="J4163" s="18"/>
      <c r="K4163" s="18"/>
      <c r="L4163" s="18"/>
      <c r="M4163" s="18"/>
      <c r="N4163" s="18"/>
      <c r="O4163" s="18"/>
      <c r="P4163" s="20"/>
      <c r="Q4163" s="20"/>
      <c r="R4163" s="20"/>
      <c r="S4163" s="20"/>
      <c r="T4163" s="20"/>
      <c r="U4163" s="20"/>
      <c r="V4163" s="20"/>
      <c r="W4163" s="20"/>
      <c r="X4163" s="19"/>
      <c r="Y4163" s="19"/>
      <c r="Z4163" s="19"/>
      <c r="AA4163" s="19"/>
    </row>
    <row r="4164" spans="1:27" s="1" customFormat="1" ht="14.1" customHeight="1" outlineLevel="2" x14ac:dyDescent="0.2">
      <c r="A4164" s="17">
        <v>15086</v>
      </c>
      <c r="B4164" s="17"/>
      <c r="C4164" s="17"/>
      <c r="D4164" s="18" t="s">
        <v>2082</v>
      </c>
      <c r="E4164" s="18"/>
      <c r="F4164" s="18"/>
      <c r="G4164" s="18"/>
      <c r="H4164" s="18"/>
      <c r="I4164" s="18"/>
      <c r="J4164" s="18"/>
      <c r="K4164" s="18"/>
      <c r="L4164" s="18"/>
      <c r="M4164" s="18"/>
      <c r="N4164" s="18"/>
      <c r="O4164" s="18"/>
      <c r="P4164" s="20">
        <v>1390</v>
      </c>
      <c r="Q4164" s="20"/>
      <c r="R4164" s="20"/>
      <c r="S4164" s="20"/>
      <c r="T4164" s="20">
        <v>1300</v>
      </c>
      <c r="U4164" s="20"/>
      <c r="V4164" s="20"/>
      <c r="W4164" s="20"/>
      <c r="X4164" s="19">
        <v>1</v>
      </c>
      <c r="Y4164" s="19"/>
      <c r="Z4164" s="19"/>
      <c r="AA4164" s="19"/>
    </row>
    <row r="4165" spans="1:27" s="1" customFormat="1" ht="14.1" customHeight="1" outlineLevel="2" x14ac:dyDescent="0.2">
      <c r="A4165" s="17"/>
      <c r="B4165" s="17"/>
      <c r="C4165" s="17"/>
      <c r="D4165" s="18"/>
      <c r="E4165" s="18"/>
      <c r="F4165" s="18"/>
      <c r="G4165" s="18"/>
      <c r="H4165" s="18"/>
      <c r="I4165" s="18"/>
      <c r="J4165" s="18"/>
      <c r="K4165" s="18"/>
      <c r="L4165" s="18"/>
      <c r="M4165" s="18"/>
      <c r="N4165" s="18"/>
      <c r="O4165" s="18"/>
      <c r="P4165" s="20"/>
      <c r="Q4165" s="20"/>
      <c r="R4165" s="20"/>
      <c r="S4165" s="20"/>
      <c r="T4165" s="20"/>
      <c r="U4165" s="20"/>
      <c r="V4165" s="20"/>
      <c r="W4165" s="20"/>
      <c r="X4165" s="19"/>
      <c r="Y4165" s="19"/>
      <c r="Z4165" s="19"/>
      <c r="AA4165" s="19"/>
    </row>
    <row r="4166" spans="1:27" s="1" customFormat="1" ht="14.1" customHeight="1" outlineLevel="2" x14ac:dyDescent="0.2">
      <c r="A4166" s="17">
        <v>10010</v>
      </c>
      <c r="B4166" s="17"/>
      <c r="C4166" s="17"/>
      <c r="D4166" s="18" t="s">
        <v>2083</v>
      </c>
      <c r="E4166" s="18"/>
      <c r="F4166" s="18"/>
      <c r="G4166" s="18"/>
      <c r="H4166" s="18"/>
      <c r="I4166" s="18"/>
      <c r="J4166" s="18"/>
      <c r="K4166" s="18"/>
      <c r="L4166" s="18"/>
      <c r="M4166" s="18"/>
      <c r="N4166" s="18"/>
      <c r="O4166" s="18"/>
      <c r="P4166" s="20">
        <v>1200</v>
      </c>
      <c r="Q4166" s="20"/>
      <c r="R4166" s="20"/>
      <c r="S4166" s="20"/>
      <c r="T4166" s="20">
        <v>1100</v>
      </c>
      <c r="U4166" s="20"/>
      <c r="V4166" s="20"/>
      <c r="W4166" s="20"/>
      <c r="X4166" s="19">
        <v>1</v>
      </c>
      <c r="Y4166" s="19"/>
      <c r="Z4166" s="19"/>
      <c r="AA4166" s="19"/>
    </row>
    <row r="4167" spans="1:27" s="1" customFormat="1" ht="14.1" customHeight="1" outlineLevel="2" x14ac:dyDescent="0.2">
      <c r="A4167" s="17"/>
      <c r="B4167" s="17"/>
      <c r="C4167" s="17"/>
      <c r="D4167" s="18"/>
      <c r="E4167" s="18"/>
      <c r="F4167" s="18"/>
      <c r="G4167" s="18"/>
      <c r="H4167" s="18"/>
      <c r="I4167" s="18"/>
      <c r="J4167" s="18"/>
      <c r="K4167" s="18"/>
      <c r="L4167" s="18"/>
      <c r="M4167" s="18"/>
      <c r="N4167" s="18"/>
      <c r="O4167" s="18"/>
      <c r="P4167" s="20"/>
      <c r="Q4167" s="20"/>
      <c r="R4167" s="20"/>
      <c r="S4167" s="20"/>
      <c r="T4167" s="20"/>
      <c r="U4167" s="20"/>
      <c r="V4167" s="20"/>
      <c r="W4167" s="20"/>
      <c r="X4167" s="19"/>
      <c r="Y4167" s="19"/>
      <c r="Z4167" s="19"/>
      <c r="AA4167" s="19"/>
    </row>
    <row r="4168" spans="1:27" s="1" customFormat="1" ht="14.1" customHeight="1" outlineLevel="2" x14ac:dyDescent="0.2">
      <c r="A4168" s="17">
        <v>7015</v>
      </c>
      <c r="B4168" s="17"/>
      <c r="C4168" s="17"/>
      <c r="D4168" s="18" t="s">
        <v>2084</v>
      </c>
      <c r="E4168" s="18"/>
      <c r="F4168" s="18"/>
      <c r="G4168" s="18"/>
      <c r="H4168" s="18"/>
      <c r="I4168" s="18"/>
      <c r="J4168" s="18"/>
      <c r="K4168" s="18"/>
      <c r="L4168" s="18"/>
      <c r="M4168" s="18"/>
      <c r="N4168" s="18"/>
      <c r="O4168" s="18"/>
      <c r="P4168" s="20">
        <v>1200</v>
      </c>
      <c r="Q4168" s="20"/>
      <c r="R4168" s="20"/>
      <c r="S4168" s="20"/>
      <c r="T4168" s="20">
        <v>1100</v>
      </c>
      <c r="U4168" s="20"/>
      <c r="V4168" s="20"/>
      <c r="W4168" s="20"/>
      <c r="X4168" s="19">
        <v>1</v>
      </c>
      <c r="Y4168" s="19"/>
      <c r="Z4168" s="19"/>
      <c r="AA4168" s="19"/>
    </row>
    <row r="4169" spans="1:27" s="1" customFormat="1" ht="14.1" customHeight="1" outlineLevel="2" x14ac:dyDescent="0.2">
      <c r="A4169" s="17"/>
      <c r="B4169" s="17"/>
      <c r="C4169" s="17"/>
      <c r="D4169" s="18"/>
      <c r="E4169" s="18"/>
      <c r="F4169" s="18"/>
      <c r="G4169" s="18"/>
      <c r="H4169" s="18"/>
      <c r="I4169" s="18"/>
      <c r="J4169" s="18"/>
      <c r="K4169" s="18"/>
      <c r="L4169" s="18"/>
      <c r="M4169" s="18"/>
      <c r="N4169" s="18"/>
      <c r="O4169" s="18"/>
      <c r="P4169" s="20"/>
      <c r="Q4169" s="20"/>
      <c r="R4169" s="20"/>
      <c r="S4169" s="20"/>
      <c r="T4169" s="20"/>
      <c r="U4169" s="20"/>
      <c r="V4169" s="20"/>
      <c r="W4169" s="20"/>
      <c r="X4169" s="19"/>
      <c r="Y4169" s="19"/>
      <c r="Z4169" s="19"/>
      <c r="AA4169" s="19"/>
    </row>
    <row r="4170" spans="1:27" s="1" customFormat="1" ht="11.1" customHeight="1" outlineLevel="2" x14ac:dyDescent="0.2">
      <c r="A4170" s="17">
        <v>13655</v>
      </c>
      <c r="B4170" s="17"/>
      <c r="C4170" s="17"/>
      <c r="D4170" s="18" t="s">
        <v>2085</v>
      </c>
      <c r="E4170" s="18"/>
      <c r="F4170" s="18"/>
      <c r="G4170" s="18"/>
      <c r="H4170" s="18"/>
      <c r="I4170" s="18"/>
      <c r="J4170" s="18"/>
      <c r="K4170" s="18"/>
      <c r="L4170" s="18"/>
      <c r="M4170" s="18"/>
      <c r="N4170" s="18"/>
      <c r="O4170" s="18"/>
      <c r="P4170" s="19">
        <v>860</v>
      </c>
      <c r="Q4170" s="19"/>
      <c r="R4170" s="19"/>
      <c r="S4170" s="19"/>
      <c r="T4170" s="19">
        <v>780</v>
      </c>
      <c r="U4170" s="19"/>
      <c r="V4170" s="19"/>
      <c r="W4170" s="19"/>
      <c r="X4170" s="19">
        <v>5</v>
      </c>
      <c r="Y4170" s="19"/>
      <c r="Z4170" s="19"/>
      <c r="AA4170" s="19"/>
    </row>
    <row r="4171" spans="1:27" s="1" customFormat="1" ht="11.1" customHeight="1" outlineLevel="2" x14ac:dyDescent="0.2">
      <c r="A4171" s="17"/>
      <c r="B4171" s="17"/>
      <c r="C4171" s="17"/>
      <c r="D4171" s="18"/>
      <c r="E4171" s="18"/>
      <c r="F4171" s="18"/>
      <c r="G4171" s="18"/>
      <c r="H4171" s="18"/>
      <c r="I4171" s="18"/>
      <c r="J4171" s="18"/>
      <c r="K4171" s="18"/>
      <c r="L4171" s="18"/>
      <c r="M4171" s="18"/>
      <c r="N4171" s="18"/>
      <c r="O4171" s="18"/>
      <c r="P4171" s="19"/>
      <c r="Q4171" s="19"/>
      <c r="R4171" s="19"/>
      <c r="S4171" s="19"/>
      <c r="T4171" s="19"/>
      <c r="U4171" s="19"/>
      <c r="V4171" s="19"/>
      <c r="W4171" s="19"/>
      <c r="X4171" s="19"/>
      <c r="Y4171" s="19"/>
      <c r="Z4171" s="19"/>
      <c r="AA4171" s="19"/>
    </row>
    <row r="4172" spans="1:27" s="1" customFormat="1" ht="11.1" customHeight="1" outlineLevel="2" x14ac:dyDescent="0.2">
      <c r="A4172" s="17">
        <v>13179</v>
      </c>
      <c r="B4172" s="17"/>
      <c r="C4172" s="17"/>
      <c r="D4172" s="18" t="s">
        <v>2086</v>
      </c>
      <c r="E4172" s="18"/>
      <c r="F4172" s="18"/>
      <c r="G4172" s="18"/>
      <c r="H4172" s="18"/>
      <c r="I4172" s="18"/>
      <c r="J4172" s="18"/>
      <c r="K4172" s="18"/>
      <c r="L4172" s="18"/>
      <c r="M4172" s="18"/>
      <c r="N4172" s="18"/>
      <c r="O4172" s="18"/>
      <c r="P4172" s="19">
        <v>990</v>
      </c>
      <c r="Q4172" s="19"/>
      <c r="R4172" s="19"/>
      <c r="S4172" s="19"/>
      <c r="T4172" s="19">
        <v>900</v>
      </c>
      <c r="U4172" s="19"/>
      <c r="V4172" s="19"/>
      <c r="W4172" s="19"/>
      <c r="X4172" s="19">
        <v>32</v>
      </c>
      <c r="Y4172" s="19"/>
      <c r="Z4172" s="19"/>
      <c r="AA4172" s="19"/>
    </row>
    <row r="4173" spans="1:27" s="1" customFormat="1" ht="11.1" customHeight="1" outlineLevel="2" x14ac:dyDescent="0.2">
      <c r="A4173" s="17"/>
      <c r="B4173" s="17"/>
      <c r="C4173" s="17"/>
      <c r="D4173" s="18"/>
      <c r="E4173" s="18"/>
      <c r="F4173" s="18"/>
      <c r="G4173" s="18"/>
      <c r="H4173" s="18"/>
      <c r="I4173" s="18"/>
      <c r="J4173" s="18"/>
      <c r="K4173" s="18"/>
      <c r="L4173" s="18"/>
      <c r="M4173" s="18"/>
      <c r="N4173" s="18"/>
      <c r="O4173" s="18"/>
      <c r="P4173" s="19"/>
      <c r="Q4173" s="19"/>
      <c r="R4173" s="19"/>
      <c r="S4173" s="19"/>
      <c r="T4173" s="19"/>
      <c r="U4173" s="19"/>
      <c r="V4173" s="19"/>
      <c r="W4173" s="19"/>
      <c r="X4173" s="19"/>
      <c r="Y4173" s="19"/>
      <c r="Z4173" s="19"/>
      <c r="AA4173" s="19"/>
    </row>
    <row r="4174" spans="1:27" s="1" customFormat="1" ht="14.1" customHeight="1" outlineLevel="2" x14ac:dyDescent="0.2">
      <c r="A4174" s="17">
        <v>10816</v>
      </c>
      <c r="B4174" s="17"/>
      <c r="C4174" s="17"/>
      <c r="D4174" s="18" t="s">
        <v>2087</v>
      </c>
      <c r="E4174" s="18"/>
      <c r="F4174" s="18"/>
      <c r="G4174" s="18"/>
      <c r="H4174" s="18"/>
      <c r="I4174" s="18"/>
      <c r="J4174" s="18"/>
      <c r="K4174" s="18"/>
      <c r="L4174" s="18"/>
      <c r="M4174" s="18"/>
      <c r="N4174" s="18"/>
      <c r="O4174" s="18"/>
      <c r="P4174" s="19">
        <v>900</v>
      </c>
      <c r="Q4174" s="19"/>
      <c r="R4174" s="19"/>
      <c r="S4174" s="19"/>
      <c r="T4174" s="19">
        <v>790</v>
      </c>
      <c r="U4174" s="19"/>
      <c r="V4174" s="19"/>
      <c r="W4174" s="19"/>
      <c r="X4174" s="19">
        <v>39</v>
      </c>
      <c r="Y4174" s="19"/>
      <c r="Z4174" s="19"/>
      <c r="AA4174" s="19"/>
    </row>
    <row r="4175" spans="1:27" s="1" customFormat="1" ht="14.1" customHeight="1" outlineLevel="2" x14ac:dyDescent="0.2">
      <c r="A4175" s="17"/>
      <c r="B4175" s="17"/>
      <c r="C4175" s="17"/>
      <c r="D4175" s="18"/>
      <c r="E4175" s="18"/>
      <c r="F4175" s="18"/>
      <c r="G4175" s="18"/>
      <c r="H4175" s="18"/>
      <c r="I4175" s="18"/>
      <c r="J4175" s="18"/>
      <c r="K4175" s="18"/>
      <c r="L4175" s="18"/>
      <c r="M4175" s="18"/>
      <c r="N4175" s="18"/>
      <c r="O4175" s="18"/>
      <c r="P4175" s="19"/>
      <c r="Q4175" s="19"/>
      <c r="R4175" s="19"/>
      <c r="S4175" s="19"/>
      <c r="T4175" s="19"/>
      <c r="U4175" s="19"/>
      <c r="V4175" s="19"/>
      <c r="W4175" s="19"/>
      <c r="X4175" s="19"/>
      <c r="Y4175" s="19"/>
      <c r="Z4175" s="19"/>
      <c r="AA4175" s="19"/>
    </row>
    <row r="4176" spans="1:27" s="1" customFormat="1" ht="14.1" customHeight="1" outlineLevel="2" x14ac:dyDescent="0.2">
      <c r="A4176" s="17">
        <v>12829</v>
      </c>
      <c r="B4176" s="17"/>
      <c r="C4176" s="17"/>
      <c r="D4176" s="18" t="s">
        <v>2088</v>
      </c>
      <c r="E4176" s="18"/>
      <c r="F4176" s="18"/>
      <c r="G4176" s="18"/>
      <c r="H4176" s="18"/>
      <c r="I4176" s="18"/>
      <c r="J4176" s="18"/>
      <c r="K4176" s="18"/>
      <c r="L4176" s="18"/>
      <c r="M4176" s="18"/>
      <c r="N4176" s="18"/>
      <c r="O4176" s="18"/>
      <c r="P4176" s="20">
        <v>1300</v>
      </c>
      <c r="Q4176" s="20"/>
      <c r="R4176" s="20"/>
      <c r="S4176" s="20"/>
      <c r="T4176" s="20">
        <v>1200</v>
      </c>
      <c r="U4176" s="20"/>
      <c r="V4176" s="20"/>
      <c r="W4176" s="20"/>
      <c r="X4176" s="19">
        <v>2</v>
      </c>
      <c r="Y4176" s="19"/>
      <c r="Z4176" s="19"/>
      <c r="AA4176" s="19"/>
    </row>
    <row r="4177" spans="1:27" s="1" customFormat="1" ht="14.1" customHeight="1" outlineLevel="2" x14ac:dyDescent="0.2">
      <c r="A4177" s="17"/>
      <c r="B4177" s="17"/>
      <c r="C4177" s="17"/>
      <c r="D4177" s="18"/>
      <c r="E4177" s="18"/>
      <c r="F4177" s="18"/>
      <c r="G4177" s="18"/>
      <c r="H4177" s="18"/>
      <c r="I4177" s="18"/>
      <c r="J4177" s="18"/>
      <c r="K4177" s="18"/>
      <c r="L4177" s="18"/>
      <c r="M4177" s="18"/>
      <c r="N4177" s="18"/>
      <c r="O4177" s="18"/>
      <c r="P4177" s="20"/>
      <c r="Q4177" s="20"/>
      <c r="R4177" s="20"/>
      <c r="S4177" s="20"/>
      <c r="T4177" s="20"/>
      <c r="U4177" s="20"/>
      <c r="V4177" s="20"/>
      <c r="W4177" s="20"/>
      <c r="X4177" s="19"/>
      <c r="Y4177" s="19"/>
      <c r="Z4177" s="19"/>
      <c r="AA4177" s="19"/>
    </row>
    <row r="4178" spans="1:27" s="1" customFormat="1" ht="14.1" customHeight="1" outlineLevel="2" x14ac:dyDescent="0.2">
      <c r="A4178" s="17">
        <v>8342</v>
      </c>
      <c r="B4178" s="17"/>
      <c r="C4178" s="17"/>
      <c r="D4178" s="18" t="s">
        <v>2089</v>
      </c>
      <c r="E4178" s="18"/>
      <c r="F4178" s="18"/>
      <c r="G4178" s="18"/>
      <c r="H4178" s="18"/>
      <c r="I4178" s="18"/>
      <c r="J4178" s="18"/>
      <c r="K4178" s="18"/>
      <c r="L4178" s="18"/>
      <c r="M4178" s="18"/>
      <c r="N4178" s="18"/>
      <c r="O4178" s="18"/>
      <c r="P4178" s="20">
        <v>1200</v>
      </c>
      <c r="Q4178" s="20"/>
      <c r="R4178" s="20"/>
      <c r="S4178" s="20"/>
      <c r="T4178" s="20">
        <v>1000</v>
      </c>
      <c r="U4178" s="20"/>
      <c r="V4178" s="20"/>
      <c r="W4178" s="20"/>
      <c r="X4178" s="19">
        <v>21</v>
      </c>
      <c r="Y4178" s="19"/>
      <c r="Z4178" s="19"/>
      <c r="AA4178" s="19"/>
    </row>
    <row r="4179" spans="1:27" s="1" customFormat="1" ht="14.1" customHeight="1" outlineLevel="2" x14ac:dyDescent="0.2">
      <c r="A4179" s="17"/>
      <c r="B4179" s="17"/>
      <c r="C4179" s="17"/>
      <c r="D4179" s="18"/>
      <c r="E4179" s="18"/>
      <c r="F4179" s="18"/>
      <c r="G4179" s="18"/>
      <c r="H4179" s="18"/>
      <c r="I4179" s="18"/>
      <c r="J4179" s="18"/>
      <c r="K4179" s="18"/>
      <c r="L4179" s="18"/>
      <c r="M4179" s="18"/>
      <c r="N4179" s="18"/>
      <c r="O4179" s="18"/>
      <c r="P4179" s="20"/>
      <c r="Q4179" s="20"/>
      <c r="R4179" s="20"/>
      <c r="S4179" s="20"/>
      <c r="T4179" s="20"/>
      <c r="U4179" s="20"/>
      <c r="V4179" s="20"/>
      <c r="W4179" s="20"/>
      <c r="X4179" s="19"/>
      <c r="Y4179" s="19"/>
      <c r="Z4179" s="19"/>
      <c r="AA4179" s="19"/>
    </row>
    <row r="4180" spans="1:27" s="1" customFormat="1" ht="14.1" customHeight="1" outlineLevel="2" x14ac:dyDescent="0.2">
      <c r="A4180" s="17">
        <v>13180</v>
      </c>
      <c r="B4180" s="17"/>
      <c r="C4180" s="17"/>
      <c r="D4180" s="18" t="s">
        <v>2090</v>
      </c>
      <c r="E4180" s="18"/>
      <c r="F4180" s="18"/>
      <c r="G4180" s="18"/>
      <c r="H4180" s="18"/>
      <c r="I4180" s="18"/>
      <c r="J4180" s="18"/>
      <c r="K4180" s="18"/>
      <c r="L4180" s="18"/>
      <c r="M4180" s="18"/>
      <c r="N4180" s="18"/>
      <c r="O4180" s="18"/>
      <c r="P4180" s="20">
        <v>1500</v>
      </c>
      <c r="Q4180" s="20"/>
      <c r="R4180" s="20"/>
      <c r="S4180" s="20"/>
      <c r="T4180" s="20">
        <v>1350</v>
      </c>
      <c r="U4180" s="20"/>
      <c r="V4180" s="20"/>
      <c r="W4180" s="20"/>
      <c r="X4180" s="19">
        <v>7</v>
      </c>
      <c r="Y4180" s="19"/>
      <c r="Z4180" s="19"/>
      <c r="AA4180" s="19"/>
    </row>
    <row r="4181" spans="1:27" s="1" customFormat="1" ht="14.1" customHeight="1" outlineLevel="2" x14ac:dyDescent="0.2">
      <c r="A4181" s="17"/>
      <c r="B4181" s="17"/>
      <c r="C4181" s="17"/>
      <c r="D4181" s="18"/>
      <c r="E4181" s="18"/>
      <c r="F4181" s="18"/>
      <c r="G4181" s="18"/>
      <c r="H4181" s="18"/>
      <c r="I4181" s="18"/>
      <c r="J4181" s="18"/>
      <c r="K4181" s="18"/>
      <c r="L4181" s="18"/>
      <c r="M4181" s="18"/>
      <c r="N4181" s="18"/>
      <c r="O4181" s="18"/>
      <c r="P4181" s="20"/>
      <c r="Q4181" s="20"/>
      <c r="R4181" s="20"/>
      <c r="S4181" s="20"/>
      <c r="T4181" s="20"/>
      <c r="U4181" s="20"/>
      <c r="V4181" s="20"/>
      <c r="W4181" s="20"/>
      <c r="X4181" s="19"/>
      <c r="Y4181" s="19"/>
      <c r="Z4181" s="19"/>
      <c r="AA4181" s="19"/>
    </row>
    <row r="4182" spans="1:27" s="1" customFormat="1" ht="14.1" customHeight="1" outlineLevel="2" x14ac:dyDescent="0.2">
      <c r="A4182" s="17">
        <v>15029</v>
      </c>
      <c r="B4182" s="17"/>
      <c r="C4182" s="17"/>
      <c r="D4182" s="18" t="s">
        <v>2091</v>
      </c>
      <c r="E4182" s="18"/>
      <c r="F4182" s="18"/>
      <c r="G4182" s="18"/>
      <c r="H4182" s="18"/>
      <c r="I4182" s="18"/>
      <c r="J4182" s="18"/>
      <c r="K4182" s="18"/>
      <c r="L4182" s="18"/>
      <c r="M4182" s="18"/>
      <c r="N4182" s="18"/>
      <c r="O4182" s="18"/>
      <c r="P4182" s="20">
        <v>2250</v>
      </c>
      <c r="Q4182" s="20"/>
      <c r="R4182" s="20"/>
      <c r="S4182" s="20"/>
      <c r="T4182" s="20">
        <v>2100</v>
      </c>
      <c r="U4182" s="20"/>
      <c r="V4182" s="20"/>
      <c r="W4182" s="20"/>
      <c r="X4182" s="19">
        <v>2</v>
      </c>
      <c r="Y4182" s="19"/>
      <c r="Z4182" s="19"/>
      <c r="AA4182" s="19"/>
    </row>
    <row r="4183" spans="1:27" s="1" customFormat="1" ht="14.1" customHeight="1" outlineLevel="2" x14ac:dyDescent="0.2">
      <c r="A4183" s="17"/>
      <c r="B4183" s="17"/>
      <c r="C4183" s="17"/>
      <c r="D4183" s="18"/>
      <c r="E4183" s="18"/>
      <c r="F4183" s="18"/>
      <c r="G4183" s="18"/>
      <c r="H4183" s="18"/>
      <c r="I4183" s="18"/>
      <c r="J4183" s="18"/>
      <c r="K4183" s="18"/>
      <c r="L4183" s="18"/>
      <c r="M4183" s="18"/>
      <c r="N4183" s="18"/>
      <c r="O4183" s="18"/>
      <c r="P4183" s="20"/>
      <c r="Q4183" s="20"/>
      <c r="R4183" s="20"/>
      <c r="S4183" s="20"/>
      <c r="T4183" s="20"/>
      <c r="U4183" s="20"/>
      <c r="V4183" s="20"/>
      <c r="W4183" s="20"/>
      <c r="X4183" s="19"/>
      <c r="Y4183" s="19"/>
      <c r="Z4183" s="19"/>
      <c r="AA4183" s="19"/>
    </row>
    <row r="4184" spans="1:27" s="1" customFormat="1" ht="14.1" customHeight="1" outlineLevel="2" x14ac:dyDescent="0.2">
      <c r="A4184" s="17">
        <v>14324</v>
      </c>
      <c r="B4184" s="17"/>
      <c r="C4184" s="17"/>
      <c r="D4184" s="18" t="s">
        <v>2092</v>
      </c>
      <c r="E4184" s="18"/>
      <c r="F4184" s="18"/>
      <c r="G4184" s="18"/>
      <c r="H4184" s="18"/>
      <c r="I4184" s="18"/>
      <c r="J4184" s="18"/>
      <c r="K4184" s="18"/>
      <c r="L4184" s="18"/>
      <c r="M4184" s="18"/>
      <c r="N4184" s="18"/>
      <c r="O4184" s="18"/>
      <c r="P4184" s="20">
        <v>1500</v>
      </c>
      <c r="Q4184" s="20"/>
      <c r="R4184" s="20"/>
      <c r="S4184" s="20"/>
      <c r="T4184" s="20">
        <v>1100</v>
      </c>
      <c r="U4184" s="20"/>
      <c r="V4184" s="20"/>
      <c r="W4184" s="20"/>
      <c r="X4184" s="19">
        <v>10</v>
      </c>
      <c r="Y4184" s="19"/>
      <c r="Z4184" s="19"/>
      <c r="AA4184" s="19"/>
    </row>
    <row r="4185" spans="1:27" s="1" customFormat="1" ht="14.1" customHeight="1" outlineLevel="2" x14ac:dyDescent="0.2">
      <c r="A4185" s="17"/>
      <c r="B4185" s="17"/>
      <c r="C4185" s="17"/>
      <c r="D4185" s="18"/>
      <c r="E4185" s="18"/>
      <c r="F4185" s="18"/>
      <c r="G4185" s="18"/>
      <c r="H4185" s="18"/>
      <c r="I4185" s="18"/>
      <c r="J4185" s="18"/>
      <c r="K4185" s="18"/>
      <c r="L4185" s="18"/>
      <c r="M4185" s="18"/>
      <c r="N4185" s="18"/>
      <c r="O4185" s="18"/>
      <c r="P4185" s="20"/>
      <c r="Q4185" s="20"/>
      <c r="R4185" s="20"/>
      <c r="S4185" s="20"/>
      <c r="T4185" s="20"/>
      <c r="U4185" s="20"/>
      <c r="V4185" s="20"/>
      <c r="W4185" s="20"/>
      <c r="X4185" s="19"/>
      <c r="Y4185" s="19"/>
      <c r="Z4185" s="19"/>
      <c r="AA4185" s="19"/>
    </row>
    <row r="4186" spans="1:27" s="1" customFormat="1" ht="11.1" customHeight="1" outlineLevel="2" x14ac:dyDescent="0.2">
      <c r="A4186" s="17">
        <v>13181</v>
      </c>
      <c r="B4186" s="17"/>
      <c r="C4186" s="17"/>
      <c r="D4186" s="18" t="s">
        <v>2093</v>
      </c>
      <c r="E4186" s="18"/>
      <c r="F4186" s="18"/>
      <c r="G4186" s="18"/>
      <c r="H4186" s="18"/>
      <c r="I4186" s="18"/>
      <c r="J4186" s="18"/>
      <c r="K4186" s="18"/>
      <c r="L4186" s="18"/>
      <c r="M4186" s="18"/>
      <c r="N4186" s="18"/>
      <c r="O4186" s="18"/>
      <c r="P4186" s="20">
        <v>1200</v>
      </c>
      <c r="Q4186" s="20"/>
      <c r="R4186" s="20"/>
      <c r="S4186" s="20"/>
      <c r="T4186" s="20">
        <v>1000</v>
      </c>
      <c r="U4186" s="20"/>
      <c r="V4186" s="20"/>
      <c r="W4186" s="20"/>
      <c r="X4186" s="19">
        <v>17</v>
      </c>
      <c r="Y4186" s="19"/>
      <c r="Z4186" s="19"/>
      <c r="AA4186" s="19"/>
    </row>
    <row r="4187" spans="1:27" s="1" customFormat="1" ht="11.1" customHeight="1" outlineLevel="2" x14ac:dyDescent="0.2">
      <c r="A4187" s="17"/>
      <c r="B4187" s="17"/>
      <c r="C4187" s="17"/>
      <c r="D4187" s="18"/>
      <c r="E4187" s="18"/>
      <c r="F4187" s="18"/>
      <c r="G4187" s="18"/>
      <c r="H4187" s="18"/>
      <c r="I4187" s="18"/>
      <c r="J4187" s="18"/>
      <c r="K4187" s="18"/>
      <c r="L4187" s="18"/>
      <c r="M4187" s="18"/>
      <c r="N4187" s="18"/>
      <c r="O4187" s="18"/>
      <c r="P4187" s="20"/>
      <c r="Q4187" s="20"/>
      <c r="R4187" s="20"/>
      <c r="S4187" s="20"/>
      <c r="T4187" s="20"/>
      <c r="U4187" s="20"/>
      <c r="V4187" s="20"/>
      <c r="W4187" s="20"/>
      <c r="X4187" s="19"/>
      <c r="Y4187" s="19"/>
      <c r="Z4187" s="19"/>
      <c r="AA4187" s="19"/>
    </row>
    <row r="4188" spans="1:27" s="1" customFormat="1" ht="14.1" customHeight="1" outlineLevel="2" x14ac:dyDescent="0.2">
      <c r="A4188" s="17">
        <v>18100</v>
      </c>
      <c r="B4188" s="17"/>
      <c r="C4188" s="17"/>
      <c r="D4188" s="18" t="s">
        <v>2094</v>
      </c>
      <c r="E4188" s="18"/>
      <c r="F4188" s="18"/>
      <c r="G4188" s="18"/>
      <c r="H4188" s="18"/>
      <c r="I4188" s="18"/>
      <c r="J4188" s="18"/>
      <c r="K4188" s="18"/>
      <c r="L4188" s="18"/>
      <c r="M4188" s="18"/>
      <c r="N4188" s="18"/>
      <c r="O4188" s="18"/>
      <c r="P4188" s="20">
        <v>1900</v>
      </c>
      <c r="Q4188" s="20"/>
      <c r="R4188" s="20"/>
      <c r="S4188" s="20"/>
      <c r="T4188" s="20">
        <v>1600</v>
      </c>
      <c r="U4188" s="20"/>
      <c r="V4188" s="20"/>
      <c r="W4188" s="20"/>
      <c r="X4188" s="19">
        <v>1</v>
      </c>
      <c r="Y4188" s="19"/>
      <c r="Z4188" s="19"/>
      <c r="AA4188" s="19"/>
    </row>
    <row r="4189" spans="1:27" s="1" customFormat="1" ht="14.1" customHeight="1" outlineLevel="2" x14ac:dyDescent="0.2">
      <c r="A4189" s="17"/>
      <c r="B4189" s="17"/>
      <c r="C4189" s="17"/>
      <c r="D4189" s="18"/>
      <c r="E4189" s="18"/>
      <c r="F4189" s="18"/>
      <c r="G4189" s="18"/>
      <c r="H4189" s="18"/>
      <c r="I4189" s="18"/>
      <c r="J4189" s="18"/>
      <c r="K4189" s="18"/>
      <c r="L4189" s="18"/>
      <c r="M4189" s="18"/>
      <c r="N4189" s="18"/>
      <c r="O4189" s="18"/>
      <c r="P4189" s="20"/>
      <c r="Q4189" s="20"/>
      <c r="R4189" s="20"/>
      <c r="S4189" s="20"/>
      <c r="T4189" s="20"/>
      <c r="U4189" s="20"/>
      <c r="V4189" s="20"/>
      <c r="W4189" s="20"/>
      <c r="X4189" s="19"/>
      <c r="Y4189" s="19"/>
      <c r="Z4189" s="19"/>
      <c r="AA4189" s="19"/>
    </row>
    <row r="4190" spans="1:27" s="1" customFormat="1" ht="14.1" customHeight="1" outlineLevel="2" x14ac:dyDescent="0.2">
      <c r="A4190" s="17">
        <v>14325</v>
      </c>
      <c r="B4190" s="17"/>
      <c r="C4190" s="17"/>
      <c r="D4190" s="18" t="s">
        <v>2095</v>
      </c>
      <c r="E4190" s="18"/>
      <c r="F4190" s="18"/>
      <c r="G4190" s="18"/>
      <c r="H4190" s="18"/>
      <c r="I4190" s="18"/>
      <c r="J4190" s="18"/>
      <c r="K4190" s="18"/>
      <c r="L4190" s="18"/>
      <c r="M4190" s="18"/>
      <c r="N4190" s="18"/>
      <c r="O4190" s="18"/>
      <c r="P4190" s="20">
        <v>1300</v>
      </c>
      <c r="Q4190" s="20"/>
      <c r="R4190" s="20"/>
      <c r="S4190" s="20"/>
      <c r="T4190" s="20">
        <v>1100</v>
      </c>
      <c r="U4190" s="20"/>
      <c r="V4190" s="20"/>
      <c r="W4190" s="20"/>
      <c r="X4190" s="19">
        <v>19</v>
      </c>
      <c r="Y4190" s="19"/>
      <c r="Z4190" s="19"/>
      <c r="AA4190" s="19"/>
    </row>
    <row r="4191" spans="1:27" s="1" customFormat="1" ht="14.1" customHeight="1" outlineLevel="2" x14ac:dyDescent="0.2">
      <c r="A4191" s="17"/>
      <c r="B4191" s="17"/>
      <c r="C4191" s="17"/>
      <c r="D4191" s="18"/>
      <c r="E4191" s="18"/>
      <c r="F4191" s="18"/>
      <c r="G4191" s="18"/>
      <c r="H4191" s="18"/>
      <c r="I4191" s="18"/>
      <c r="J4191" s="18"/>
      <c r="K4191" s="18"/>
      <c r="L4191" s="18"/>
      <c r="M4191" s="18"/>
      <c r="N4191" s="18"/>
      <c r="O4191" s="18"/>
      <c r="P4191" s="20"/>
      <c r="Q4191" s="20"/>
      <c r="R4191" s="20"/>
      <c r="S4191" s="20"/>
      <c r="T4191" s="20"/>
      <c r="U4191" s="20"/>
      <c r="V4191" s="20"/>
      <c r="W4191" s="20"/>
      <c r="X4191" s="19"/>
      <c r="Y4191" s="19"/>
      <c r="Z4191" s="19"/>
      <c r="AA4191" s="19"/>
    </row>
    <row r="4192" spans="1:27" s="1" customFormat="1" ht="14.1" customHeight="1" outlineLevel="2" x14ac:dyDescent="0.2">
      <c r="A4192" s="17">
        <v>18108</v>
      </c>
      <c r="B4192" s="17"/>
      <c r="C4192" s="17"/>
      <c r="D4192" s="18" t="s">
        <v>2096</v>
      </c>
      <c r="E4192" s="18"/>
      <c r="F4192" s="18"/>
      <c r="G4192" s="18"/>
      <c r="H4192" s="18"/>
      <c r="I4192" s="18"/>
      <c r="J4192" s="18"/>
      <c r="K4192" s="18"/>
      <c r="L4192" s="18"/>
      <c r="M4192" s="18"/>
      <c r="N4192" s="18"/>
      <c r="O4192" s="18"/>
      <c r="P4192" s="20">
        <v>1800</v>
      </c>
      <c r="Q4192" s="20"/>
      <c r="R4192" s="20"/>
      <c r="S4192" s="20"/>
      <c r="T4192" s="20">
        <v>1500</v>
      </c>
      <c r="U4192" s="20"/>
      <c r="V4192" s="20"/>
      <c r="W4192" s="20"/>
      <c r="X4192" s="19">
        <v>1</v>
      </c>
      <c r="Y4192" s="19"/>
      <c r="Z4192" s="19"/>
      <c r="AA4192" s="19"/>
    </row>
    <row r="4193" spans="1:27" s="1" customFormat="1" ht="14.1" customHeight="1" outlineLevel="2" x14ac:dyDescent="0.2">
      <c r="A4193" s="17"/>
      <c r="B4193" s="17"/>
      <c r="C4193" s="17"/>
      <c r="D4193" s="18"/>
      <c r="E4193" s="18"/>
      <c r="F4193" s="18"/>
      <c r="G4193" s="18"/>
      <c r="H4193" s="18"/>
      <c r="I4193" s="18"/>
      <c r="J4193" s="18"/>
      <c r="K4193" s="18"/>
      <c r="L4193" s="18"/>
      <c r="M4193" s="18"/>
      <c r="N4193" s="18"/>
      <c r="O4193" s="18"/>
      <c r="P4193" s="20"/>
      <c r="Q4193" s="20"/>
      <c r="R4193" s="20"/>
      <c r="S4193" s="20"/>
      <c r="T4193" s="20"/>
      <c r="U4193" s="20"/>
      <c r="V4193" s="20"/>
      <c r="W4193" s="20"/>
      <c r="X4193" s="19"/>
      <c r="Y4193" s="19"/>
      <c r="Z4193" s="19"/>
      <c r="AA4193" s="19"/>
    </row>
    <row r="4194" spans="1:27" s="1" customFormat="1" ht="14.1" customHeight="1" outlineLevel="2" x14ac:dyDescent="0.2">
      <c r="A4194" s="17">
        <v>13167</v>
      </c>
      <c r="B4194" s="17"/>
      <c r="C4194" s="17"/>
      <c r="D4194" s="18" t="s">
        <v>2097</v>
      </c>
      <c r="E4194" s="18"/>
      <c r="F4194" s="18"/>
      <c r="G4194" s="18"/>
      <c r="H4194" s="18"/>
      <c r="I4194" s="18"/>
      <c r="J4194" s="18"/>
      <c r="K4194" s="18"/>
      <c r="L4194" s="18"/>
      <c r="M4194" s="18"/>
      <c r="N4194" s="18"/>
      <c r="O4194" s="18"/>
      <c r="P4194" s="20">
        <v>1100</v>
      </c>
      <c r="Q4194" s="20"/>
      <c r="R4194" s="20"/>
      <c r="S4194" s="20"/>
      <c r="T4194" s="20">
        <v>1000</v>
      </c>
      <c r="U4194" s="20"/>
      <c r="V4194" s="20"/>
      <c r="W4194" s="20"/>
      <c r="X4194" s="19">
        <v>6</v>
      </c>
      <c r="Y4194" s="19"/>
      <c r="Z4194" s="19"/>
      <c r="AA4194" s="19"/>
    </row>
    <row r="4195" spans="1:27" s="1" customFormat="1" ht="14.1" customHeight="1" outlineLevel="2" x14ac:dyDescent="0.2">
      <c r="A4195" s="17"/>
      <c r="B4195" s="17"/>
      <c r="C4195" s="17"/>
      <c r="D4195" s="18"/>
      <c r="E4195" s="18"/>
      <c r="F4195" s="18"/>
      <c r="G4195" s="18"/>
      <c r="H4195" s="18"/>
      <c r="I4195" s="18"/>
      <c r="J4195" s="18"/>
      <c r="K4195" s="18"/>
      <c r="L4195" s="18"/>
      <c r="M4195" s="18"/>
      <c r="N4195" s="18"/>
      <c r="O4195" s="18"/>
      <c r="P4195" s="20"/>
      <c r="Q4195" s="20"/>
      <c r="R4195" s="20"/>
      <c r="S4195" s="20"/>
      <c r="T4195" s="20"/>
      <c r="U4195" s="20"/>
      <c r="V4195" s="20"/>
      <c r="W4195" s="20"/>
      <c r="X4195" s="19"/>
      <c r="Y4195" s="19"/>
      <c r="Z4195" s="19"/>
      <c r="AA4195" s="19"/>
    </row>
    <row r="4196" spans="1:27" s="1" customFormat="1" ht="14.1" customHeight="1" outlineLevel="2" x14ac:dyDescent="0.2">
      <c r="A4196" s="17">
        <v>17331</v>
      </c>
      <c r="B4196" s="17"/>
      <c r="C4196" s="17"/>
      <c r="D4196" s="18" t="s">
        <v>2098</v>
      </c>
      <c r="E4196" s="18"/>
      <c r="F4196" s="18"/>
      <c r="G4196" s="18"/>
      <c r="H4196" s="18"/>
      <c r="I4196" s="18"/>
      <c r="J4196" s="18"/>
      <c r="K4196" s="18"/>
      <c r="L4196" s="18"/>
      <c r="M4196" s="18"/>
      <c r="N4196" s="18"/>
      <c r="O4196" s="18"/>
      <c r="P4196" s="20">
        <v>1500</v>
      </c>
      <c r="Q4196" s="20"/>
      <c r="R4196" s="20"/>
      <c r="S4196" s="20"/>
      <c r="T4196" s="20">
        <v>1290</v>
      </c>
      <c r="U4196" s="20"/>
      <c r="V4196" s="20"/>
      <c r="W4196" s="20"/>
      <c r="X4196" s="19">
        <v>1</v>
      </c>
      <c r="Y4196" s="19"/>
      <c r="Z4196" s="19"/>
      <c r="AA4196" s="19"/>
    </row>
    <row r="4197" spans="1:27" s="1" customFormat="1" ht="14.1" customHeight="1" outlineLevel="2" x14ac:dyDescent="0.2">
      <c r="A4197" s="17"/>
      <c r="B4197" s="17"/>
      <c r="C4197" s="17"/>
      <c r="D4197" s="18"/>
      <c r="E4197" s="18"/>
      <c r="F4197" s="18"/>
      <c r="G4197" s="18"/>
      <c r="H4197" s="18"/>
      <c r="I4197" s="18"/>
      <c r="J4197" s="18"/>
      <c r="K4197" s="18"/>
      <c r="L4197" s="18"/>
      <c r="M4197" s="18"/>
      <c r="N4197" s="18"/>
      <c r="O4197" s="18"/>
      <c r="P4197" s="20"/>
      <c r="Q4197" s="20"/>
      <c r="R4197" s="20"/>
      <c r="S4197" s="20"/>
      <c r="T4197" s="20"/>
      <c r="U4197" s="20"/>
      <c r="V4197" s="20"/>
      <c r="W4197" s="20"/>
      <c r="X4197" s="19"/>
      <c r="Y4197" s="19"/>
      <c r="Z4197" s="19"/>
      <c r="AA4197" s="19"/>
    </row>
    <row r="4198" spans="1:27" s="1" customFormat="1" ht="14.1" customHeight="1" outlineLevel="2" x14ac:dyDescent="0.2">
      <c r="A4198" s="17">
        <v>13168</v>
      </c>
      <c r="B4198" s="17"/>
      <c r="C4198" s="17"/>
      <c r="D4198" s="18" t="s">
        <v>2099</v>
      </c>
      <c r="E4198" s="18"/>
      <c r="F4198" s="18"/>
      <c r="G4198" s="18"/>
      <c r="H4198" s="18"/>
      <c r="I4198" s="18"/>
      <c r="J4198" s="18"/>
      <c r="K4198" s="18"/>
      <c r="L4198" s="18"/>
      <c r="M4198" s="18"/>
      <c r="N4198" s="18"/>
      <c r="O4198" s="18"/>
      <c r="P4198" s="20">
        <v>2380</v>
      </c>
      <c r="Q4198" s="20"/>
      <c r="R4198" s="20"/>
      <c r="S4198" s="20"/>
      <c r="T4198" s="20">
        <v>2190</v>
      </c>
      <c r="U4198" s="20"/>
      <c r="V4198" s="20"/>
      <c r="W4198" s="20"/>
      <c r="X4198" s="19">
        <v>6</v>
      </c>
      <c r="Y4198" s="19"/>
      <c r="Z4198" s="19"/>
      <c r="AA4198" s="19"/>
    </row>
    <row r="4199" spans="1:27" s="1" customFormat="1" ht="14.1" customHeight="1" outlineLevel="2" x14ac:dyDescent="0.2">
      <c r="A4199" s="17"/>
      <c r="B4199" s="17"/>
      <c r="C4199" s="17"/>
      <c r="D4199" s="18"/>
      <c r="E4199" s="18"/>
      <c r="F4199" s="18"/>
      <c r="G4199" s="18"/>
      <c r="H4199" s="18"/>
      <c r="I4199" s="18"/>
      <c r="J4199" s="18"/>
      <c r="K4199" s="18"/>
      <c r="L4199" s="18"/>
      <c r="M4199" s="18"/>
      <c r="N4199" s="18"/>
      <c r="O4199" s="18"/>
      <c r="P4199" s="20"/>
      <c r="Q4199" s="20"/>
      <c r="R4199" s="20"/>
      <c r="S4199" s="20"/>
      <c r="T4199" s="20"/>
      <c r="U4199" s="20"/>
      <c r="V4199" s="20"/>
      <c r="W4199" s="20"/>
      <c r="X4199" s="19"/>
      <c r="Y4199" s="19"/>
      <c r="Z4199" s="19"/>
      <c r="AA4199" s="19"/>
    </row>
    <row r="4200" spans="1:27" s="1" customFormat="1" ht="14.1" customHeight="1" outlineLevel="2" x14ac:dyDescent="0.2">
      <c r="A4200" s="17">
        <v>14430</v>
      </c>
      <c r="B4200" s="17"/>
      <c r="C4200" s="17"/>
      <c r="D4200" s="18" t="s">
        <v>2100</v>
      </c>
      <c r="E4200" s="18"/>
      <c r="F4200" s="18"/>
      <c r="G4200" s="18"/>
      <c r="H4200" s="18"/>
      <c r="I4200" s="18"/>
      <c r="J4200" s="18"/>
      <c r="K4200" s="18"/>
      <c r="L4200" s="18"/>
      <c r="M4200" s="18"/>
      <c r="N4200" s="18"/>
      <c r="O4200" s="18"/>
      <c r="P4200" s="20">
        <v>2100</v>
      </c>
      <c r="Q4200" s="20"/>
      <c r="R4200" s="20"/>
      <c r="S4200" s="20"/>
      <c r="T4200" s="20">
        <v>1800</v>
      </c>
      <c r="U4200" s="20"/>
      <c r="V4200" s="20"/>
      <c r="W4200" s="20"/>
      <c r="X4200" s="19">
        <v>7</v>
      </c>
      <c r="Y4200" s="19"/>
      <c r="Z4200" s="19"/>
      <c r="AA4200" s="19"/>
    </row>
    <row r="4201" spans="1:27" s="1" customFormat="1" ht="14.1" customHeight="1" outlineLevel="2" x14ac:dyDescent="0.2">
      <c r="A4201" s="17"/>
      <c r="B4201" s="17"/>
      <c r="C4201" s="17"/>
      <c r="D4201" s="18"/>
      <c r="E4201" s="18"/>
      <c r="F4201" s="18"/>
      <c r="G4201" s="18"/>
      <c r="H4201" s="18"/>
      <c r="I4201" s="18"/>
      <c r="J4201" s="18"/>
      <c r="K4201" s="18"/>
      <c r="L4201" s="18"/>
      <c r="M4201" s="18"/>
      <c r="N4201" s="18"/>
      <c r="O4201" s="18"/>
      <c r="P4201" s="20"/>
      <c r="Q4201" s="20"/>
      <c r="R4201" s="20"/>
      <c r="S4201" s="20"/>
      <c r="T4201" s="20"/>
      <c r="U4201" s="20"/>
      <c r="V4201" s="20"/>
      <c r="W4201" s="20"/>
      <c r="X4201" s="19"/>
      <c r="Y4201" s="19"/>
      <c r="Z4201" s="19"/>
      <c r="AA4201" s="19"/>
    </row>
    <row r="4202" spans="1:27" s="1" customFormat="1" ht="14.1" customHeight="1" outlineLevel="2" x14ac:dyDescent="0.2">
      <c r="A4202" s="17">
        <v>17698</v>
      </c>
      <c r="B4202" s="17"/>
      <c r="C4202" s="17"/>
      <c r="D4202" s="18" t="s">
        <v>2101</v>
      </c>
      <c r="E4202" s="18"/>
      <c r="F4202" s="18"/>
      <c r="G4202" s="18"/>
      <c r="H4202" s="18"/>
      <c r="I4202" s="18"/>
      <c r="J4202" s="18"/>
      <c r="K4202" s="18"/>
      <c r="L4202" s="18"/>
      <c r="M4202" s="18"/>
      <c r="N4202" s="18"/>
      <c r="O4202" s="18"/>
      <c r="P4202" s="20">
        <v>3000</v>
      </c>
      <c r="Q4202" s="20"/>
      <c r="R4202" s="20"/>
      <c r="S4202" s="20"/>
      <c r="T4202" s="20">
        <v>2800</v>
      </c>
      <c r="U4202" s="20"/>
      <c r="V4202" s="20"/>
      <c r="W4202" s="20"/>
      <c r="X4202" s="19">
        <v>3</v>
      </c>
      <c r="Y4202" s="19"/>
      <c r="Z4202" s="19"/>
      <c r="AA4202" s="19"/>
    </row>
    <row r="4203" spans="1:27" s="1" customFormat="1" ht="14.1" customHeight="1" outlineLevel="2" x14ac:dyDescent="0.2">
      <c r="A4203" s="17"/>
      <c r="B4203" s="17"/>
      <c r="C4203" s="17"/>
      <c r="D4203" s="18"/>
      <c r="E4203" s="18"/>
      <c r="F4203" s="18"/>
      <c r="G4203" s="18"/>
      <c r="H4203" s="18"/>
      <c r="I4203" s="18"/>
      <c r="J4203" s="18"/>
      <c r="K4203" s="18"/>
      <c r="L4203" s="18"/>
      <c r="M4203" s="18"/>
      <c r="N4203" s="18"/>
      <c r="O4203" s="18"/>
      <c r="P4203" s="20"/>
      <c r="Q4203" s="20"/>
      <c r="R4203" s="20"/>
      <c r="S4203" s="20"/>
      <c r="T4203" s="20"/>
      <c r="U4203" s="20"/>
      <c r="V4203" s="20"/>
      <c r="W4203" s="20"/>
      <c r="X4203" s="19"/>
      <c r="Y4203" s="19"/>
      <c r="Z4203" s="19"/>
      <c r="AA4203" s="19"/>
    </row>
    <row r="4204" spans="1:27" s="1" customFormat="1" ht="14.1" customHeight="1" outlineLevel="2" x14ac:dyDescent="0.2">
      <c r="A4204" s="17">
        <v>14741</v>
      </c>
      <c r="B4204" s="17"/>
      <c r="C4204" s="17"/>
      <c r="D4204" s="18" t="s">
        <v>2102</v>
      </c>
      <c r="E4204" s="18"/>
      <c r="F4204" s="18"/>
      <c r="G4204" s="18"/>
      <c r="H4204" s="18"/>
      <c r="I4204" s="18"/>
      <c r="J4204" s="18"/>
      <c r="K4204" s="18"/>
      <c r="L4204" s="18"/>
      <c r="M4204" s="18"/>
      <c r="N4204" s="18"/>
      <c r="O4204" s="18"/>
      <c r="P4204" s="20">
        <v>1200</v>
      </c>
      <c r="Q4204" s="20"/>
      <c r="R4204" s="20"/>
      <c r="S4204" s="20"/>
      <c r="T4204" s="20">
        <v>1100</v>
      </c>
      <c r="U4204" s="20"/>
      <c r="V4204" s="20"/>
      <c r="W4204" s="20"/>
      <c r="X4204" s="19">
        <v>6</v>
      </c>
      <c r="Y4204" s="19"/>
      <c r="Z4204" s="19"/>
      <c r="AA4204" s="19"/>
    </row>
    <row r="4205" spans="1:27" s="1" customFormat="1" ht="14.1" customHeight="1" outlineLevel="2" x14ac:dyDescent="0.2">
      <c r="A4205" s="17"/>
      <c r="B4205" s="17"/>
      <c r="C4205" s="17"/>
      <c r="D4205" s="18"/>
      <c r="E4205" s="18"/>
      <c r="F4205" s="18"/>
      <c r="G4205" s="18"/>
      <c r="H4205" s="18"/>
      <c r="I4205" s="18"/>
      <c r="J4205" s="18"/>
      <c r="K4205" s="18"/>
      <c r="L4205" s="18"/>
      <c r="M4205" s="18"/>
      <c r="N4205" s="18"/>
      <c r="O4205" s="18"/>
      <c r="P4205" s="20"/>
      <c r="Q4205" s="20"/>
      <c r="R4205" s="20"/>
      <c r="S4205" s="20"/>
      <c r="T4205" s="20"/>
      <c r="U4205" s="20"/>
      <c r="V4205" s="20"/>
      <c r="W4205" s="20"/>
      <c r="X4205" s="19"/>
      <c r="Y4205" s="19"/>
      <c r="Z4205" s="19"/>
      <c r="AA4205" s="19"/>
    </row>
    <row r="4206" spans="1:27" s="1" customFormat="1" ht="14.1" customHeight="1" outlineLevel="2" x14ac:dyDescent="0.2">
      <c r="A4206" s="17">
        <v>13183</v>
      </c>
      <c r="B4206" s="17"/>
      <c r="C4206" s="17"/>
      <c r="D4206" s="18" t="s">
        <v>2103</v>
      </c>
      <c r="E4206" s="18"/>
      <c r="F4206" s="18"/>
      <c r="G4206" s="18"/>
      <c r="H4206" s="18"/>
      <c r="I4206" s="18"/>
      <c r="J4206" s="18"/>
      <c r="K4206" s="18"/>
      <c r="L4206" s="18"/>
      <c r="M4206" s="18"/>
      <c r="N4206" s="18"/>
      <c r="O4206" s="18"/>
      <c r="P4206" s="20">
        <v>1300</v>
      </c>
      <c r="Q4206" s="20"/>
      <c r="R4206" s="20"/>
      <c r="S4206" s="20"/>
      <c r="T4206" s="20">
        <v>1100</v>
      </c>
      <c r="U4206" s="20"/>
      <c r="V4206" s="20"/>
      <c r="W4206" s="20"/>
      <c r="X4206" s="19">
        <v>45</v>
      </c>
      <c r="Y4206" s="19"/>
      <c r="Z4206" s="19"/>
      <c r="AA4206" s="19"/>
    </row>
    <row r="4207" spans="1:27" s="1" customFormat="1" ht="14.1" customHeight="1" outlineLevel="2" x14ac:dyDescent="0.2">
      <c r="A4207" s="17"/>
      <c r="B4207" s="17"/>
      <c r="C4207" s="17"/>
      <c r="D4207" s="18"/>
      <c r="E4207" s="18"/>
      <c r="F4207" s="18"/>
      <c r="G4207" s="18"/>
      <c r="H4207" s="18"/>
      <c r="I4207" s="18"/>
      <c r="J4207" s="18"/>
      <c r="K4207" s="18"/>
      <c r="L4207" s="18"/>
      <c r="M4207" s="18"/>
      <c r="N4207" s="18"/>
      <c r="O4207" s="18"/>
      <c r="P4207" s="20"/>
      <c r="Q4207" s="20"/>
      <c r="R4207" s="20"/>
      <c r="S4207" s="20"/>
      <c r="T4207" s="20"/>
      <c r="U4207" s="20"/>
      <c r="V4207" s="20"/>
      <c r="W4207" s="20"/>
      <c r="X4207" s="19"/>
      <c r="Y4207" s="19"/>
      <c r="Z4207" s="19"/>
      <c r="AA4207" s="19"/>
    </row>
    <row r="4208" spans="1:27" s="1" customFormat="1" ht="14.1" customHeight="1" outlineLevel="2" x14ac:dyDescent="0.2">
      <c r="A4208" s="17">
        <v>17710</v>
      </c>
      <c r="B4208" s="17"/>
      <c r="C4208" s="17"/>
      <c r="D4208" s="18" t="s">
        <v>2104</v>
      </c>
      <c r="E4208" s="18"/>
      <c r="F4208" s="18"/>
      <c r="G4208" s="18"/>
      <c r="H4208" s="18"/>
      <c r="I4208" s="18"/>
      <c r="J4208" s="18"/>
      <c r="K4208" s="18"/>
      <c r="L4208" s="18"/>
      <c r="M4208" s="18"/>
      <c r="N4208" s="18"/>
      <c r="O4208" s="18"/>
      <c r="P4208" s="20">
        <v>1400</v>
      </c>
      <c r="Q4208" s="20"/>
      <c r="R4208" s="20"/>
      <c r="S4208" s="20"/>
      <c r="T4208" s="20">
        <v>1290</v>
      </c>
      <c r="U4208" s="20"/>
      <c r="V4208" s="20"/>
      <c r="W4208" s="20"/>
      <c r="X4208" s="19">
        <v>18</v>
      </c>
      <c r="Y4208" s="19"/>
      <c r="Z4208" s="19"/>
      <c r="AA4208" s="19"/>
    </row>
    <row r="4209" spans="1:27" s="1" customFormat="1" ht="14.1" customHeight="1" outlineLevel="2" x14ac:dyDescent="0.2">
      <c r="A4209" s="17"/>
      <c r="B4209" s="17"/>
      <c r="C4209" s="17"/>
      <c r="D4209" s="18"/>
      <c r="E4209" s="18"/>
      <c r="F4209" s="18"/>
      <c r="G4209" s="18"/>
      <c r="H4209" s="18"/>
      <c r="I4209" s="18"/>
      <c r="J4209" s="18"/>
      <c r="K4209" s="18"/>
      <c r="L4209" s="18"/>
      <c r="M4209" s="18"/>
      <c r="N4209" s="18"/>
      <c r="O4209" s="18"/>
      <c r="P4209" s="20"/>
      <c r="Q4209" s="20"/>
      <c r="R4209" s="20"/>
      <c r="S4209" s="20"/>
      <c r="T4209" s="20"/>
      <c r="U4209" s="20"/>
      <c r="V4209" s="20"/>
      <c r="W4209" s="20"/>
      <c r="X4209" s="19"/>
      <c r="Y4209" s="19"/>
      <c r="Z4209" s="19"/>
      <c r="AA4209" s="19"/>
    </row>
    <row r="4210" spans="1:27" s="1" customFormat="1" ht="14.1" customHeight="1" outlineLevel="2" x14ac:dyDescent="0.2">
      <c r="A4210" s="17">
        <v>15012</v>
      </c>
      <c r="B4210" s="17"/>
      <c r="C4210" s="17"/>
      <c r="D4210" s="18" t="s">
        <v>2105</v>
      </c>
      <c r="E4210" s="18"/>
      <c r="F4210" s="18"/>
      <c r="G4210" s="18"/>
      <c r="H4210" s="18"/>
      <c r="I4210" s="18"/>
      <c r="J4210" s="18"/>
      <c r="K4210" s="18"/>
      <c r="L4210" s="18"/>
      <c r="M4210" s="18"/>
      <c r="N4210" s="18"/>
      <c r="O4210" s="18"/>
      <c r="P4210" s="20">
        <v>3300</v>
      </c>
      <c r="Q4210" s="20"/>
      <c r="R4210" s="20"/>
      <c r="S4210" s="20"/>
      <c r="T4210" s="20">
        <v>2800</v>
      </c>
      <c r="U4210" s="20"/>
      <c r="V4210" s="20"/>
      <c r="W4210" s="20"/>
      <c r="X4210" s="19">
        <v>5</v>
      </c>
      <c r="Y4210" s="19"/>
      <c r="Z4210" s="19"/>
      <c r="AA4210" s="19"/>
    </row>
    <row r="4211" spans="1:27" s="1" customFormat="1" ht="14.1" customHeight="1" outlineLevel="2" x14ac:dyDescent="0.2">
      <c r="A4211" s="17"/>
      <c r="B4211" s="17"/>
      <c r="C4211" s="17"/>
      <c r="D4211" s="18"/>
      <c r="E4211" s="18"/>
      <c r="F4211" s="18"/>
      <c r="G4211" s="18"/>
      <c r="H4211" s="18"/>
      <c r="I4211" s="18"/>
      <c r="J4211" s="18"/>
      <c r="K4211" s="18"/>
      <c r="L4211" s="18"/>
      <c r="M4211" s="18"/>
      <c r="N4211" s="18"/>
      <c r="O4211" s="18"/>
      <c r="P4211" s="20"/>
      <c r="Q4211" s="20"/>
      <c r="R4211" s="20"/>
      <c r="S4211" s="20"/>
      <c r="T4211" s="20"/>
      <c r="U4211" s="20"/>
      <c r="V4211" s="20"/>
      <c r="W4211" s="20"/>
      <c r="X4211" s="19"/>
      <c r="Y4211" s="19"/>
      <c r="Z4211" s="19"/>
      <c r="AA4211" s="19"/>
    </row>
    <row r="4212" spans="1:27" s="1" customFormat="1" ht="14.1" customHeight="1" outlineLevel="2" x14ac:dyDescent="0.2">
      <c r="A4212" s="17">
        <v>13519</v>
      </c>
      <c r="B4212" s="17"/>
      <c r="C4212" s="17"/>
      <c r="D4212" s="18" t="s">
        <v>2106</v>
      </c>
      <c r="E4212" s="18"/>
      <c r="F4212" s="18"/>
      <c r="G4212" s="18"/>
      <c r="H4212" s="18"/>
      <c r="I4212" s="18"/>
      <c r="J4212" s="18"/>
      <c r="K4212" s="18"/>
      <c r="L4212" s="18"/>
      <c r="M4212" s="18"/>
      <c r="N4212" s="18"/>
      <c r="O4212" s="18"/>
      <c r="P4212" s="20">
        <v>2750</v>
      </c>
      <c r="Q4212" s="20"/>
      <c r="R4212" s="20"/>
      <c r="S4212" s="20"/>
      <c r="T4212" s="20">
        <v>2500</v>
      </c>
      <c r="U4212" s="20"/>
      <c r="V4212" s="20"/>
      <c r="W4212" s="20"/>
      <c r="X4212" s="19">
        <v>4</v>
      </c>
      <c r="Y4212" s="19"/>
      <c r="Z4212" s="19"/>
      <c r="AA4212" s="19"/>
    </row>
    <row r="4213" spans="1:27" s="1" customFormat="1" ht="14.1" customHeight="1" outlineLevel="2" x14ac:dyDescent="0.2">
      <c r="A4213" s="17"/>
      <c r="B4213" s="17"/>
      <c r="C4213" s="17"/>
      <c r="D4213" s="18"/>
      <c r="E4213" s="18"/>
      <c r="F4213" s="18"/>
      <c r="G4213" s="18"/>
      <c r="H4213" s="18"/>
      <c r="I4213" s="18"/>
      <c r="J4213" s="18"/>
      <c r="K4213" s="18"/>
      <c r="L4213" s="18"/>
      <c r="M4213" s="18"/>
      <c r="N4213" s="18"/>
      <c r="O4213" s="18"/>
      <c r="P4213" s="20"/>
      <c r="Q4213" s="20"/>
      <c r="R4213" s="20"/>
      <c r="S4213" s="20"/>
      <c r="T4213" s="20"/>
      <c r="U4213" s="20"/>
      <c r="V4213" s="20"/>
      <c r="W4213" s="20"/>
      <c r="X4213" s="19"/>
      <c r="Y4213" s="19"/>
      <c r="Z4213" s="19"/>
      <c r="AA4213" s="19"/>
    </row>
    <row r="4214" spans="1:27" s="1" customFormat="1" ht="14.1" customHeight="1" outlineLevel="2" x14ac:dyDescent="0.2">
      <c r="A4214" s="17">
        <v>17700</v>
      </c>
      <c r="B4214" s="17"/>
      <c r="C4214" s="17"/>
      <c r="D4214" s="18" t="s">
        <v>2107</v>
      </c>
      <c r="E4214" s="18"/>
      <c r="F4214" s="18"/>
      <c r="G4214" s="18"/>
      <c r="H4214" s="18"/>
      <c r="I4214" s="18"/>
      <c r="J4214" s="18"/>
      <c r="K4214" s="18"/>
      <c r="L4214" s="18"/>
      <c r="M4214" s="18"/>
      <c r="N4214" s="18"/>
      <c r="O4214" s="18"/>
      <c r="P4214" s="20">
        <v>7700</v>
      </c>
      <c r="Q4214" s="20"/>
      <c r="R4214" s="20"/>
      <c r="S4214" s="20"/>
      <c r="T4214" s="20">
        <v>7500</v>
      </c>
      <c r="U4214" s="20"/>
      <c r="V4214" s="20"/>
      <c r="W4214" s="20"/>
      <c r="X4214" s="19">
        <v>1</v>
      </c>
      <c r="Y4214" s="19"/>
      <c r="Z4214" s="19"/>
      <c r="AA4214" s="19"/>
    </row>
    <row r="4215" spans="1:27" s="1" customFormat="1" ht="14.1" customHeight="1" outlineLevel="2" x14ac:dyDescent="0.2">
      <c r="A4215" s="17"/>
      <c r="B4215" s="17"/>
      <c r="C4215" s="17"/>
      <c r="D4215" s="18"/>
      <c r="E4215" s="18"/>
      <c r="F4215" s="18"/>
      <c r="G4215" s="18"/>
      <c r="H4215" s="18"/>
      <c r="I4215" s="18"/>
      <c r="J4215" s="18"/>
      <c r="K4215" s="18"/>
      <c r="L4215" s="18"/>
      <c r="M4215" s="18"/>
      <c r="N4215" s="18"/>
      <c r="O4215" s="18"/>
      <c r="P4215" s="20"/>
      <c r="Q4215" s="20"/>
      <c r="R4215" s="20"/>
      <c r="S4215" s="20"/>
      <c r="T4215" s="20"/>
      <c r="U4215" s="20"/>
      <c r="V4215" s="20"/>
      <c r="W4215" s="20"/>
      <c r="X4215" s="19"/>
      <c r="Y4215" s="19"/>
      <c r="Z4215" s="19"/>
      <c r="AA4215" s="19"/>
    </row>
    <row r="4216" spans="1:27" s="1" customFormat="1" ht="14.1" customHeight="1" outlineLevel="2" x14ac:dyDescent="0.2">
      <c r="A4216" s="17">
        <v>17974</v>
      </c>
      <c r="B4216" s="17"/>
      <c r="C4216" s="17"/>
      <c r="D4216" s="18" t="s">
        <v>2108</v>
      </c>
      <c r="E4216" s="18"/>
      <c r="F4216" s="18"/>
      <c r="G4216" s="18"/>
      <c r="H4216" s="18"/>
      <c r="I4216" s="18"/>
      <c r="J4216" s="18"/>
      <c r="K4216" s="18"/>
      <c r="L4216" s="18"/>
      <c r="M4216" s="18"/>
      <c r="N4216" s="18"/>
      <c r="O4216" s="18"/>
      <c r="P4216" s="20">
        <v>7000</v>
      </c>
      <c r="Q4216" s="20"/>
      <c r="R4216" s="20"/>
      <c r="S4216" s="20"/>
      <c r="T4216" s="20">
        <v>6500</v>
      </c>
      <c r="U4216" s="20"/>
      <c r="V4216" s="20"/>
      <c r="W4216" s="20"/>
      <c r="X4216" s="19">
        <v>1</v>
      </c>
      <c r="Y4216" s="19"/>
      <c r="Z4216" s="19"/>
      <c r="AA4216" s="19"/>
    </row>
    <row r="4217" spans="1:27" s="1" customFormat="1" ht="14.1" customHeight="1" outlineLevel="2" x14ac:dyDescent="0.2">
      <c r="A4217" s="17"/>
      <c r="B4217" s="17"/>
      <c r="C4217" s="17"/>
      <c r="D4217" s="18"/>
      <c r="E4217" s="18"/>
      <c r="F4217" s="18"/>
      <c r="G4217" s="18"/>
      <c r="H4217" s="18"/>
      <c r="I4217" s="18"/>
      <c r="J4217" s="18"/>
      <c r="K4217" s="18"/>
      <c r="L4217" s="18"/>
      <c r="M4217" s="18"/>
      <c r="N4217" s="18"/>
      <c r="O4217" s="18"/>
      <c r="P4217" s="20"/>
      <c r="Q4217" s="20"/>
      <c r="R4217" s="20"/>
      <c r="S4217" s="20"/>
      <c r="T4217" s="20"/>
      <c r="U4217" s="20"/>
      <c r="V4217" s="20"/>
      <c r="W4217" s="20"/>
      <c r="X4217" s="19"/>
      <c r="Y4217" s="19"/>
      <c r="Z4217" s="19"/>
      <c r="AA4217" s="19"/>
    </row>
    <row r="4218" spans="1:27" s="1" customFormat="1" ht="14.1" customHeight="1" outlineLevel="2" x14ac:dyDescent="0.2">
      <c r="A4218" s="17">
        <v>15193</v>
      </c>
      <c r="B4218" s="17"/>
      <c r="C4218" s="17"/>
      <c r="D4218" s="18" t="s">
        <v>2109</v>
      </c>
      <c r="E4218" s="18"/>
      <c r="F4218" s="18"/>
      <c r="G4218" s="18"/>
      <c r="H4218" s="18"/>
      <c r="I4218" s="18"/>
      <c r="J4218" s="18"/>
      <c r="K4218" s="18"/>
      <c r="L4218" s="18"/>
      <c r="M4218" s="18"/>
      <c r="N4218" s="18"/>
      <c r="O4218" s="18"/>
      <c r="P4218" s="20">
        <v>2700</v>
      </c>
      <c r="Q4218" s="20"/>
      <c r="R4218" s="20"/>
      <c r="S4218" s="20"/>
      <c r="T4218" s="20">
        <v>2200</v>
      </c>
      <c r="U4218" s="20"/>
      <c r="V4218" s="20"/>
      <c r="W4218" s="20"/>
      <c r="X4218" s="19">
        <v>17</v>
      </c>
      <c r="Y4218" s="19"/>
      <c r="Z4218" s="19"/>
      <c r="AA4218" s="19"/>
    </row>
    <row r="4219" spans="1:27" s="1" customFormat="1" ht="14.1" customHeight="1" outlineLevel="2" x14ac:dyDescent="0.2">
      <c r="A4219" s="17"/>
      <c r="B4219" s="17"/>
      <c r="C4219" s="17"/>
      <c r="D4219" s="18"/>
      <c r="E4219" s="18"/>
      <c r="F4219" s="18"/>
      <c r="G4219" s="18"/>
      <c r="H4219" s="18"/>
      <c r="I4219" s="18"/>
      <c r="J4219" s="18"/>
      <c r="K4219" s="18"/>
      <c r="L4219" s="18"/>
      <c r="M4219" s="18"/>
      <c r="N4219" s="18"/>
      <c r="O4219" s="18"/>
      <c r="P4219" s="20"/>
      <c r="Q4219" s="20"/>
      <c r="R4219" s="20"/>
      <c r="S4219" s="20"/>
      <c r="T4219" s="20"/>
      <c r="U4219" s="20"/>
      <c r="V4219" s="20"/>
      <c r="W4219" s="20"/>
      <c r="X4219" s="19"/>
      <c r="Y4219" s="19"/>
      <c r="Z4219" s="19"/>
      <c r="AA4219" s="19"/>
    </row>
    <row r="4220" spans="1:27" s="1" customFormat="1" ht="14.1" customHeight="1" outlineLevel="2" x14ac:dyDescent="0.2">
      <c r="A4220" s="17">
        <v>17699</v>
      </c>
      <c r="B4220" s="17"/>
      <c r="C4220" s="17"/>
      <c r="D4220" s="18" t="s">
        <v>2110</v>
      </c>
      <c r="E4220" s="18"/>
      <c r="F4220" s="18"/>
      <c r="G4220" s="18"/>
      <c r="H4220" s="18"/>
      <c r="I4220" s="18"/>
      <c r="J4220" s="18"/>
      <c r="K4220" s="18"/>
      <c r="L4220" s="18"/>
      <c r="M4220" s="18"/>
      <c r="N4220" s="18"/>
      <c r="O4220" s="18"/>
      <c r="P4220" s="20">
        <v>3300</v>
      </c>
      <c r="Q4220" s="20"/>
      <c r="R4220" s="20"/>
      <c r="S4220" s="20"/>
      <c r="T4220" s="20">
        <v>3100</v>
      </c>
      <c r="U4220" s="20"/>
      <c r="V4220" s="20"/>
      <c r="W4220" s="20"/>
      <c r="X4220" s="19">
        <v>6</v>
      </c>
      <c r="Y4220" s="19"/>
      <c r="Z4220" s="19"/>
      <c r="AA4220" s="19"/>
    </row>
    <row r="4221" spans="1:27" s="1" customFormat="1" ht="14.1" customHeight="1" outlineLevel="2" x14ac:dyDescent="0.2">
      <c r="A4221" s="17"/>
      <c r="B4221" s="17"/>
      <c r="C4221" s="17"/>
      <c r="D4221" s="18"/>
      <c r="E4221" s="18"/>
      <c r="F4221" s="18"/>
      <c r="G4221" s="18"/>
      <c r="H4221" s="18"/>
      <c r="I4221" s="18"/>
      <c r="J4221" s="18"/>
      <c r="K4221" s="18"/>
      <c r="L4221" s="18"/>
      <c r="M4221" s="18"/>
      <c r="N4221" s="18"/>
      <c r="O4221" s="18"/>
      <c r="P4221" s="20"/>
      <c r="Q4221" s="20"/>
      <c r="R4221" s="20"/>
      <c r="S4221" s="20"/>
      <c r="T4221" s="20"/>
      <c r="U4221" s="20"/>
      <c r="V4221" s="20"/>
      <c r="W4221" s="20"/>
      <c r="X4221" s="19"/>
      <c r="Y4221" s="19"/>
      <c r="Z4221" s="19"/>
      <c r="AA4221" s="19"/>
    </row>
    <row r="4222" spans="1:27" s="1" customFormat="1" ht="14.1" customHeight="1" outlineLevel="2" x14ac:dyDescent="0.2">
      <c r="A4222" s="17">
        <v>18240</v>
      </c>
      <c r="B4222" s="17"/>
      <c r="C4222" s="17"/>
      <c r="D4222" s="18" t="s">
        <v>2111</v>
      </c>
      <c r="E4222" s="18"/>
      <c r="F4222" s="18"/>
      <c r="G4222" s="18"/>
      <c r="H4222" s="18"/>
      <c r="I4222" s="18"/>
      <c r="J4222" s="18"/>
      <c r="K4222" s="18"/>
      <c r="L4222" s="18"/>
      <c r="M4222" s="18"/>
      <c r="N4222" s="18"/>
      <c r="O4222" s="18"/>
      <c r="P4222" s="20">
        <v>7590</v>
      </c>
      <c r="Q4222" s="20"/>
      <c r="R4222" s="20"/>
      <c r="S4222" s="20"/>
      <c r="T4222" s="20">
        <v>7100</v>
      </c>
      <c r="U4222" s="20"/>
      <c r="V4222" s="20"/>
      <c r="W4222" s="20"/>
      <c r="X4222" s="19">
        <v>2</v>
      </c>
      <c r="Y4222" s="19"/>
      <c r="Z4222" s="19"/>
      <c r="AA4222" s="19"/>
    </row>
    <row r="4223" spans="1:27" s="1" customFormat="1" ht="14.1" customHeight="1" outlineLevel="2" x14ac:dyDescent="0.2">
      <c r="A4223" s="17"/>
      <c r="B4223" s="17"/>
      <c r="C4223" s="17"/>
      <c r="D4223" s="18"/>
      <c r="E4223" s="18"/>
      <c r="F4223" s="18"/>
      <c r="G4223" s="18"/>
      <c r="H4223" s="18"/>
      <c r="I4223" s="18"/>
      <c r="J4223" s="18"/>
      <c r="K4223" s="18"/>
      <c r="L4223" s="18"/>
      <c r="M4223" s="18"/>
      <c r="N4223" s="18"/>
      <c r="O4223" s="18"/>
      <c r="P4223" s="20"/>
      <c r="Q4223" s="20"/>
      <c r="R4223" s="20"/>
      <c r="S4223" s="20"/>
      <c r="T4223" s="20"/>
      <c r="U4223" s="20"/>
      <c r="V4223" s="20"/>
      <c r="W4223" s="20"/>
      <c r="X4223" s="19"/>
      <c r="Y4223" s="19"/>
      <c r="Z4223" s="19"/>
      <c r="AA4223" s="19"/>
    </row>
    <row r="4224" spans="1:27" s="1" customFormat="1" ht="14.1" customHeight="1" outlineLevel="2" x14ac:dyDescent="0.2">
      <c r="A4224" s="17">
        <v>14743</v>
      </c>
      <c r="B4224" s="17"/>
      <c r="C4224" s="17"/>
      <c r="D4224" s="18" t="s">
        <v>2112</v>
      </c>
      <c r="E4224" s="18"/>
      <c r="F4224" s="18"/>
      <c r="G4224" s="18"/>
      <c r="H4224" s="18"/>
      <c r="I4224" s="18"/>
      <c r="J4224" s="18"/>
      <c r="K4224" s="18"/>
      <c r="L4224" s="18"/>
      <c r="M4224" s="18"/>
      <c r="N4224" s="18"/>
      <c r="O4224" s="18"/>
      <c r="P4224" s="20">
        <v>1500</v>
      </c>
      <c r="Q4224" s="20"/>
      <c r="R4224" s="20"/>
      <c r="S4224" s="20"/>
      <c r="T4224" s="20">
        <v>1200</v>
      </c>
      <c r="U4224" s="20"/>
      <c r="V4224" s="20"/>
      <c r="W4224" s="20"/>
      <c r="X4224" s="19">
        <v>10</v>
      </c>
      <c r="Y4224" s="19"/>
      <c r="Z4224" s="19"/>
      <c r="AA4224" s="19"/>
    </row>
    <row r="4225" spans="1:27" s="1" customFormat="1" ht="14.1" customHeight="1" outlineLevel="2" x14ac:dyDescent="0.2">
      <c r="A4225" s="17"/>
      <c r="B4225" s="17"/>
      <c r="C4225" s="17"/>
      <c r="D4225" s="18"/>
      <c r="E4225" s="18"/>
      <c r="F4225" s="18"/>
      <c r="G4225" s="18"/>
      <c r="H4225" s="18"/>
      <c r="I4225" s="18"/>
      <c r="J4225" s="18"/>
      <c r="K4225" s="18"/>
      <c r="L4225" s="18"/>
      <c r="M4225" s="18"/>
      <c r="N4225" s="18"/>
      <c r="O4225" s="18"/>
      <c r="P4225" s="20"/>
      <c r="Q4225" s="20"/>
      <c r="R4225" s="20"/>
      <c r="S4225" s="20"/>
      <c r="T4225" s="20"/>
      <c r="U4225" s="20"/>
      <c r="V4225" s="20"/>
      <c r="W4225" s="20"/>
      <c r="X4225" s="19"/>
      <c r="Y4225" s="19"/>
      <c r="Z4225" s="19"/>
      <c r="AA4225" s="19"/>
    </row>
    <row r="4226" spans="1:27" s="1" customFormat="1" ht="14.1" customHeight="1" outlineLevel="2" x14ac:dyDescent="0.2">
      <c r="A4226" s="17">
        <v>17115</v>
      </c>
      <c r="B4226" s="17"/>
      <c r="C4226" s="17"/>
      <c r="D4226" s="18" t="s">
        <v>2113</v>
      </c>
      <c r="E4226" s="18"/>
      <c r="F4226" s="18"/>
      <c r="G4226" s="18"/>
      <c r="H4226" s="18"/>
      <c r="I4226" s="18"/>
      <c r="J4226" s="18"/>
      <c r="K4226" s="18"/>
      <c r="L4226" s="18"/>
      <c r="M4226" s="18"/>
      <c r="N4226" s="18"/>
      <c r="O4226" s="18"/>
      <c r="P4226" s="20">
        <v>3900</v>
      </c>
      <c r="Q4226" s="20"/>
      <c r="R4226" s="20"/>
      <c r="S4226" s="20"/>
      <c r="T4226" s="20">
        <v>3300</v>
      </c>
      <c r="U4226" s="20"/>
      <c r="V4226" s="20"/>
      <c r="W4226" s="20"/>
      <c r="X4226" s="19">
        <v>10</v>
      </c>
      <c r="Y4226" s="19"/>
      <c r="Z4226" s="19"/>
      <c r="AA4226" s="19"/>
    </row>
    <row r="4227" spans="1:27" s="1" customFormat="1" ht="14.1" customHeight="1" outlineLevel="2" x14ac:dyDescent="0.2">
      <c r="A4227" s="17"/>
      <c r="B4227" s="17"/>
      <c r="C4227" s="17"/>
      <c r="D4227" s="18"/>
      <c r="E4227" s="18"/>
      <c r="F4227" s="18"/>
      <c r="G4227" s="18"/>
      <c r="H4227" s="18"/>
      <c r="I4227" s="18"/>
      <c r="J4227" s="18"/>
      <c r="K4227" s="18"/>
      <c r="L4227" s="18"/>
      <c r="M4227" s="18"/>
      <c r="N4227" s="18"/>
      <c r="O4227" s="18"/>
      <c r="P4227" s="20"/>
      <c r="Q4227" s="20"/>
      <c r="R4227" s="20"/>
      <c r="S4227" s="20"/>
      <c r="T4227" s="20"/>
      <c r="U4227" s="20"/>
      <c r="V4227" s="20"/>
      <c r="W4227" s="20"/>
      <c r="X4227" s="19"/>
      <c r="Y4227" s="19"/>
      <c r="Z4227" s="19"/>
      <c r="AA4227" s="19"/>
    </row>
    <row r="4228" spans="1:27" s="1" customFormat="1" ht="14.1" customHeight="1" outlineLevel="2" x14ac:dyDescent="0.2">
      <c r="A4228" s="17">
        <v>18261</v>
      </c>
      <c r="B4228" s="17"/>
      <c r="C4228" s="17"/>
      <c r="D4228" s="18" t="s">
        <v>2114</v>
      </c>
      <c r="E4228" s="18"/>
      <c r="F4228" s="18"/>
      <c r="G4228" s="18"/>
      <c r="H4228" s="18"/>
      <c r="I4228" s="18"/>
      <c r="J4228" s="18"/>
      <c r="K4228" s="18"/>
      <c r="L4228" s="18"/>
      <c r="M4228" s="18"/>
      <c r="N4228" s="18"/>
      <c r="O4228" s="18"/>
      <c r="P4228" s="20">
        <v>8100</v>
      </c>
      <c r="Q4228" s="20"/>
      <c r="R4228" s="20"/>
      <c r="S4228" s="20"/>
      <c r="T4228" s="20">
        <v>7500</v>
      </c>
      <c r="U4228" s="20"/>
      <c r="V4228" s="20"/>
      <c r="W4228" s="20"/>
      <c r="X4228" s="19">
        <v>2</v>
      </c>
      <c r="Y4228" s="19"/>
      <c r="Z4228" s="19"/>
      <c r="AA4228" s="19"/>
    </row>
    <row r="4229" spans="1:27" s="1" customFormat="1" ht="14.1" customHeight="1" outlineLevel="2" x14ac:dyDescent="0.2">
      <c r="A4229" s="17"/>
      <c r="B4229" s="17"/>
      <c r="C4229" s="17"/>
      <c r="D4229" s="18"/>
      <c r="E4229" s="18"/>
      <c r="F4229" s="18"/>
      <c r="G4229" s="18"/>
      <c r="H4229" s="18"/>
      <c r="I4229" s="18"/>
      <c r="J4229" s="18"/>
      <c r="K4229" s="18"/>
      <c r="L4229" s="18"/>
      <c r="M4229" s="18"/>
      <c r="N4229" s="18"/>
      <c r="O4229" s="18"/>
      <c r="P4229" s="20"/>
      <c r="Q4229" s="20"/>
      <c r="R4229" s="20"/>
      <c r="S4229" s="20"/>
      <c r="T4229" s="20"/>
      <c r="U4229" s="20"/>
      <c r="V4229" s="20"/>
      <c r="W4229" s="20"/>
      <c r="X4229" s="19"/>
      <c r="Y4229" s="19"/>
      <c r="Z4229" s="19"/>
      <c r="AA4229" s="19"/>
    </row>
    <row r="4230" spans="1:27" s="1" customFormat="1" ht="14.1" customHeight="1" outlineLevel="2" x14ac:dyDescent="0.2">
      <c r="A4230" s="17">
        <v>16046</v>
      </c>
      <c r="B4230" s="17"/>
      <c r="C4230" s="17"/>
      <c r="D4230" s="18" t="s">
        <v>2115</v>
      </c>
      <c r="E4230" s="18"/>
      <c r="F4230" s="18"/>
      <c r="G4230" s="18"/>
      <c r="H4230" s="18"/>
      <c r="I4230" s="18"/>
      <c r="J4230" s="18"/>
      <c r="K4230" s="18"/>
      <c r="L4230" s="18"/>
      <c r="M4230" s="18"/>
      <c r="N4230" s="18"/>
      <c r="O4230" s="18"/>
      <c r="P4230" s="20">
        <v>1500</v>
      </c>
      <c r="Q4230" s="20"/>
      <c r="R4230" s="20"/>
      <c r="S4230" s="20"/>
      <c r="T4230" s="20">
        <v>1200</v>
      </c>
      <c r="U4230" s="20"/>
      <c r="V4230" s="20"/>
      <c r="W4230" s="20"/>
      <c r="X4230" s="19">
        <v>10</v>
      </c>
      <c r="Y4230" s="19"/>
      <c r="Z4230" s="19"/>
      <c r="AA4230" s="19"/>
    </row>
    <row r="4231" spans="1:27" s="1" customFormat="1" ht="14.1" customHeight="1" outlineLevel="2" x14ac:dyDescent="0.2">
      <c r="A4231" s="17"/>
      <c r="B4231" s="17"/>
      <c r="C4231" s="17"/>
      <c r="D4231" s="18"/>
      <c r="E4231" s="18"/>
      <c r="F4231" s="18"/>
      <c r="G4231" s="18"/>
      <c r="H4231" s="18"/>
      <c r="I4231" s="18"/>
      <c r="J4231" s="18"/>
      <c r="K4231" s="18"/>
      <c r="L4231" s="18"/>
      <c r="M4231" s="18"/>
      <c r="N4231" s="18"/>
      <c r="O4231" s="18"/>
      <c r="P4231" s="20"/>
      <c r="Q4231" s="20"/>
      <c r="R4231" s="20"/>
      <c r="S4231" s="20"/>
      <c r="T4231" s="20"/>
      <c r="U4231" s="20"/>
      <c r="V4231" s="20"/>
      <c r="W4231" s="20"/>
      <c r="X4231" s="19"/>
      <c r="Y4231" s="19"/>
      <c r="Z4231" s="19"/>
      <c r="AA4231" s="19"/>
    </row>
    <row r="4232" spans="1:27" s="1" customFormat="1" ht="14.1" customHeight="1" outlineLevel="2" x14ac:dyDescent="0.2">
      <c r="A4232" s="17">
        <v>18250</v>
      </c>
      <c r="B4232" s="17"/>
      <c r="C4232" s="17"/>
      <c r="D4232" s="18" t="s">
        <v>2116</v>
      </c>
      <c r="E4232" s="18"/>
      <c r="F4232" s="18"/>
      <c r="G4232" s="18"/>
      <c r="H4232" s="18"/>
      <c r="I4232" s="18"/>
      <c r="J4232" s="18"/>
      <c r="K4232" s="18"/>
      <c r="L4232" s="18"/>
      <c r="M4232" s="18"/>
      <c r="N4232" s="18"/>
      <c r="O4232" s="18"/>
      <c r="P4232" s="20">
        <v>3900</v>
      </c>
      <c r="Q4232" s="20"/>
      <c r="R4232" s="20"/>
      <c r="S4232" s="20"/>
      <c r="T4232" s="20">
        <v>3400</v>
      </c>
      <c r="U4232" s="20"/>
      <c r="V4232" s="20"/>
      <c r="W4232" s="20"/>
      <c r="X4232" s="19">
        <v>5</v>
      </c>
      <c r="Y4232" s="19"/>
      <c r="Z4232" s="19"/>
      <c r="AA4232" s="19"/>
    </row>
    <row r="4233" spans="1:27" s="1" customFormat="1" ht="14.1" customHeight="1" outlineLevel="2" x14ac:dyDescent="0.2">
      <c r="A4233" s="17"/>
      <c r="B4233" s="17"/>
      <c r="C4233" s="17"/>
      <c r="D4233" s="18"/>
      <c r="E4233" s="18"/>
      <c r="F4233" s="18"/>
      <c r="G4233" s="18"/>
      <c r="H4233" s="18"/>
      <c r="I4233" s="18"/>
      <c r="J4233" s="18"/>
      <c r="K4233" s="18"/>
      <c r="L4233" s="18"/>
      <c r="M4233" s="18"/>
      <c r="N4233" s="18"/>
      <c r="O4233" s="18"/>
      <c r="P4233" s="20"/>
      <c r="Q4233" s="20"/>
      <c r="R4233" s="20"/>
      <c r="S4233" s="20"/>
      <c r="T4233" s="20"/>
      <c r="U4233" s="20"/>
      <c r="V4233" s="20"/>
      <c r="W4233" s="20"/>
      <c r="X4233" s="19"/>
      <c r="Y4233" s="19"/>
      <c r="Z4233" s="19"/>
      <c r="AA4233" s="19"/>
    </row>
    <row r="4234" spans="1:27" s="1" customFormat="1" ht="14.1" customHeight="1" outlineLevel="2" x14ac:dyDescent="0.2">
      <c r="A4234" s="17">
        <v>16047</v>
      </c>
      <c r="B4234" s="17"/>
      <c r="C4234" s="17"/>
      <c r="D4234" s="18" t="s">
        <v>2117</v>
      </c>
      <c r="E4234" s="18"/>
      <c r="F4234" s="18"/>
      <c r="G4234" s="18"/>
      <c r="H4234" s="18"/>
      <c r="I4234" s="18"/>
      <c r="J4234" s="18"/>
      <c r="K4234" s="18"/>
      <c r="L4234" s="18"/>
      <c r="M4234" s="18"/>
      <c r="N4234" s="18"/>
      <c r="O4234" s="18"/>
      <c r="P4234" s="20">
        <v>1500</v>
      </c>
      <c r="Q4234" s="20"/>
      <c r="R4234" s="20"/>
      <c r="S4234" s="20"/>
      <c r="T4234" s="20">
        <v>1300</v>
      </c>
      <c r="U4234" s="20"/>
      <c r="V4234" s="20"/>
      <c r="W4234" s="20"/>
      <c r="X4234" s="19">
        <v>6</v>
      </c>
      <c r="Y4234" s="19"/>
      <c r="Z4234" s="19"/>
      <c r="AA4234" s="19"/>
    </row>
    <row r="4235" spans="1:27" s="1" customFormat="1" ht="14.1" customHeight="1" outlineLevel="2" x14ac:dyDescent="0.2">
      <c r="A4235" s="17"/>
      <c r="B4235" s="17"/>
      <c r="C4235" s="17"/>
      <c r="D4235" s="18"/>
      <c r="E4235" s="18"/>
      <c r="F4235" s="18"/>
      <c r="G4235" s="18"/>
      <c r="H4235" s="18"/>
      <c r="I4235" s="18"/>
      <c r="J4235" s="18"/>
      <c r="K4235" s="18"/>
      <c r="L4235" s="18"/>
      <c r="M4235" s="18"/>
      <c r="N4235" s="18"/>
      <c r="O4235" s="18"/>
      <c r="P4235" s="20"/>
      <c r="Q4235" s="20"/>
      <c r="R4235" s="20"/>
      <c r="S4235" s="20"/>
      <c r="T4235" s="20"/>
      <c r="U4235" s="20"/>
      <c r="V4235" s="20"/>
      <c r="W4235" s="20"/>
      <c r="X4235" s="19"/>
      <c r="Y4235" s="19"/>
      <c r="Z4235" s="19"/>
      <c r="AA4235" s="19"/>
    </row>
    <row r="4236" spans="1:27" s="1" customFormat="1" ht="11.1" customHeight="1" outlineLevel="2" x14ac:dyDescent="0.2">
      <c r="A4236" s="17">
        <v>7494</v>
      </c>
      <c r="B4236" s="17"/>
      <c r="C4236" s="17"/>
      <c r="D4236" s="18" t="s">
        <v>2118</v>
      </c>
      <c r="E4236" s="18"/>
      <c r="F4236" s="18"/>
      <c r="G4236" s="18"/>
      <c r="H4236" s="18"/>
      <c r="I4236" s="18"/>
      <c r="J4236" s="18"/>
      <c r="K4236" s="18"/>
      <c r="L4236" s="18"/>
      <c r="M4236" s="18"/>
      <c r="N4236" s="18"/>
      <c r="O4236" s="18"/>
      <c r="P4236" s="20">
        <v>1050</v>
      </c>
      <c r="Q4236" s="20"/>
      <c r="R4236" s="20"/>
      <c r="S4236" s="20"/>
      <c r="T4236" s="19">
        <v>950</v>
      </c>
      <c r="U4236" s="19"/>
      <c r="V4236" s="19"/>
      <c r="W4236" s="19"/>
      <c r="X4236" s="19">
        <v>1</v>
      </c>
      <c r="Y4236" s="19"/>
      <c r="Z4236" s="19"/>
      <c r="AA4236" s="19"/>
    </row>
    <row r="4237" spans="1:27" s="1" customFormat="1" ht="11.1" customHeight="1" outlineLevel="2" x14ac:dyDescent="0.2">
      <c r="A4237" s="17"/>
      <c r="B4237" s="17"/>
      <c r="C4237" s="17"/>
      <c r="D4237" s="18"/>
      <c r="E4237" s="18"/>
      <c r="F4237" s="18"/>
      <c r="G4237" s="18"/>
      <c r="H4237" s="18"/>
      <c r="I4237" s="18"/>
      <c r="J4237" s="18"/>
      <c r="K4237" s="18"/>
      <c r="L4237" s="18"/>
      <c r="M4237" s="18"/>
      <c r="N4237" s="18"/>
      <c r="O4237" s="18"/>
      <c r="P4237" s="20"/>
      <c r="Q4237" s="20"/>
      <c r="R4237" s="20"/>
      <c r="S4237" s="20"/>
      <c r="T4237" s="19"/>
      <c r="U4237" s="19"/>
      <c r="V4237" s="19"/>
      <c r="W4237" s="19"/>
      <c r="X4237" s="19"/>
      <c r="Y4237" s="19"/>
      <c r="Z4237" s="19"/>
      <c r="AA4237" s="19"/>
    </row>
    <row r="4238" spans="1:27" s="1" customFormat="1" ht="14.1" customHeight="1" outlineLevel="2" x14ac:dyDescent="0.2">
      <c r="A4238" s="17">
        <v>10179</v>
      </c>
      <c r="B4238" s="17"/>
      <c r="C4238" s="17"/>
      <c r="D4238" s="18" t="s">
        <v>2119</v>
      </c>
      <c r="E4238" s="18"/>
      <c r="F4238" s="18"/>
      <c r="G4238" s="18"/>
      <c r="H4238" s="18"/>
      <c r="I4238" s="18"/>
      <c r="J4238" s="18"/>
      <c r="K4238" s="18"/>
      <c r="L4238" s="18"/>
      <c r="M4238" s="18"/>
      <c r="N4238" s="18"/>
      <c r="O4238" s="18"/>
      <c r="P4238" s="20">
        <v>1550</v>
      </c>
      <c r="Q4238" s="20"/>
      <c r="R4238" s="20"/>
      <c r="S4238" s="20"/>
      <c r="T4238" s="20">
        <v>1400</v>
      </c>
      <c r="U4238" s="20"/>
      <c r="V4238" s="20"/>
      <c r="W4238" s="20"/>
      <c r="X4238" s="19">
        <v>3</v>
      </c>
      <c r="Y4238" s="19"/>
      <c r="Z4238" s="19"/>
      <c r="AA4238" s="19"/>
    </row>
    <row r="4239" spans="1:27" s="1" customFormat="1" ht="14.1" customHeight="1" outlineLevel="2" x14ac:dyDescent="0.2">
      <c r="A4239" s="17"/>
      <c r="B4239" s="17"/>
      <c r="C4239" s="17"/>
      <c r="D4239" s="18"/>
      <c r="E4239" s="18"/>
      <c r="F4239" s="18"/>
      <c r="G4239" s="18"/>
      <c r="H4239" s="18"/>
      <c r="I4239" s="18"/>
      <c r="J4239" s="18"/>
      <c r="K4239" s="18"/>
      <c r="L4239" s="18"/>
      <c r="M4239" s="18"/>
      <c r="N4239" s="18"/>
      <c r="O4239" s="18"/>
      <c r="P4239" s="20"/>
      <c r="Q4239" s="20"/>
      <c r="R4239" s="20"/>
      <c r="S4239" s="20"/>
      <c r="T4239" s="20"/>
      <c r="U4239" s="20"/>
      <c r="V4239" s="20"/>
      <c r="W4239" s="20"/>
      <c r="X4239" s="19"/>
      <c r="Y4239" s="19"/>
      <c r="Z4239" s="19"/>
      <c r="AA4239" s="19"/>
    </row>
    <row r="4240" spans="1:27" s="1" customFormat="1" ht="14.1" customHeight="1" outlineLevel="2" x14ac:dyDescent="0.2">
      <c r="A4240" s="17">
        <v>7691</v>
      </c>
      <c r="B4240" s="17"/>
      <c r="C4240" s="17"/>
      <c r="D4240" s="18" t="s">
        <v>2120</v>
      </c>
      <c r="E4240" s="18"/>
      <c r="F4240" s="18"/>
      <c r="G4240" s="18"/>
      <c r="H4240" s="18"/>
      <c r="I4240" s="18"/>
      <c r="J4240" s="18"/>
      <c r="K4240" s="18"/>
      <c r="L4240" s="18"/>
      <c r="M4240" s="18"/>
      <c r="N4240" s="18"/>
      <c r="O4240" s="18"/>
      <c r="P4240" s="20">
        <v>1550</v>
      </c>
      <c r="Q4240" s="20"/>
      <c r="R4240" s="20"/>
      <c r="S4240" s="20"/>
      <c r="T4240" s="20">
        <v>1400</v>
      </c>
      <c r="U4240" s="20"/>
      <c r="V4240" s="20"/>
      <c r="W4240" s="20"/>
      <c r="X4240" s="19">
        <v>6</v>
      </c>
      <c r="Y4240" s="19"/>
      <c r="Z4240" s="19"/>
      <c r="AA4240" s="19"/>
    </row>
    <row r="4241" spans="1:27" s="1" customFormat="1" ht="14.1" customHeight="1" outlineLevel="2" x14ac:dyDescent="0.2">
      <c r="A4241" s="17"/>
      <c r="B4241" s="17"/>
      <c r="C4241" s="17"/>
      <c r="D4241" s="18"/>
      <c r="E4241" s="18"/>
      <c r="F4241" s="18"/>
      <c r="G4241" s="18"/>
      <c r="H4241" s="18"/>
      <c r="I4241" s="18"/>
      <c r="J4241" s="18"/>
      <c r="K4241" s="18"/>
      <c r="L4241" s="18"/>
      <c r="M4241" s="18"/>
      <c r="N4241" s="18"/>
      <c r="O4241" s="18"/>
      <c r="P4241" s="20"/>
      <c r="Q4241" s="20"/>
      <c r="R4241" s="20"/>
      <c r="S4241" s="20"/>
      <c r="T4241" s="20"/>
      <c r="U4241" s="20"/>
      <c r="V4241" s="20"/>
      <c r="W4241" s="20"/>
      <c r="X4241" s="19"/>
      <c r="Y4241" s="19"/>
      <c r="Z4241" s="19"/>
      <c r="AA4241" s="19"/>
    </row>
    <row r="4242" spans="1:27" s="1" customFormat="1" ht="11.1" customHeight="1" outlineLevel="2" x14ac:dyDescent="0.2">
      <c r="A4242" s="17">
        <v>7062</v>
      </c>
      <c r="B4242" s="17"/>
      <c r="C4242" s="17"/>
      <c r="D4242" s="18" t="s">
        <v>2121</v>
      </c>
      <c r="E4242" s="18"/>
      <c r="F4242" s="18"/>
      <c r="G4242" s="18"/>
      <c r="H4242" s="18"/>
      <c r="I4242" s="18"/>
      <c r="J4242" s="18"/>
      <c r="K4242" s="18"/>
      <c r="L4242" s="18"/>
      <c r="M4242" s="18"/>
      <c r="N4242" s="18"/>
      <c r="O4242" s="18"/>
      <c r="P4242" s="20">
        <v>1050</v>
      </c>
      <c r="Q4242" s="20"/>
      <c r="R4242" s="20"/>
      <c r="S4242" s="20"/>
      <c r="T4242" s="19">
        <v>720</v>
      </c>
      <c r="U4242" s="19"/>
      <c r="V4242" s="19"/>
      <c r="W4242" s="19"/>
      <c r="X4242" s="19">
        <v>19</v>
      </c>
      <c r="Y4242" s="19"/>
      <c r="Z4242" s="19"/>
      <c r="AA4242" s="19"/>
    </row>
    <row r="4243" spans="1:27" s="1" customFormat="1" ht="11.1" customHeight="1" outlineLevel="2" x14ac:dyDescent="0.2">
      <c r="A4243" s="17"/>
      <c r="B4243" s="17"/>
      <c r="C4243" s="17"/>
      <c r="D4243" s="18"/>
      <c r="E4243" s="18"/>
      <c r="F4243" s="18"/>
      <c r="G4243" s="18"/>
      <c r="H4243" s="18"/>
      <c r="I4243" s="18"/>
      <c r="J4243" s="18"/>
      <c r="K4243" s="18"/>
      <c r="L4243" s="18"/>
      <c r="M4243" s="18"/>
      <c r="N4243" s="18"/>
      <c r="O4243" s="18"/>
      <c r="P4243" s="20"/>
      <c r="Q4243" s="20"/>
      <c r="R4243" s="20"/>
      <c r="S4243" s="20"/>
      <c r="T4243" s="19"/>
      <c r="U4243" s="19"/>
      <c r="V4243" s="19"/>
      <c r="W4243" s="19"/>
      <c r="X4243" s="19"/>
      <c r="Y4243" s="19"/>
      <c r="Z4243" s="19"/>
      <c r="AA4243" s="19"/>
    </row>
    <row r="4244" spans="1:27" s="1" customFormat="1" ht="14.1" customHeight="1" outlineLevel="2" x14ac:dyDescent="0.2">
      <c r="A4244" s="17">
        <v>7347</v>
      </c>
      <c r="B4244" s="17"/>
      <c r="C4244" s="17"/>
      <c r="D4244" s="18" t="s">
        <v>2122</v>
      </c>
      <c r="E4244" s="18"/>
      <c r="F4244" s="18"/>
      <c r="G4244" s="18"/>
      <c r="H4244" s="18"/>
      <c r="I4244" s="18"/>
      <c r="J4244" s="18"/>
      <c r="K4244" s="18"/>
      <c r="L4244" s="18"/>
      <c r="M4244" s="18"/>
      <c r="N4244" s="18"/>
      <c r="O4244" s="18"/>
      <c r="P4244" s="20">
        <v>1050</v>
      </c>
      <c r="Q4244" s="20"/>
      <c r="R4244" s="20"/>
      <c r="S4244" s="20"/>
      <c r="T4244" s="19">
        <v>720</v>
      </c>
      <c r="U4244" s="19"/>
      <c r="V4244" s="19"/>
      <c r="W4244" s="19"/>
      <c r="X4244" s="19">
        <v>14</v>
      </c>
      <c r="Y4244" s="19"/>
      <c r="Z4244" s="19"/>
      <c r="AA4244" s="19"/>
    </row>
    <row r="4245" spans="1:27" s="1" customFormat="1" ht="14.1" customHeight="1" outlineLevel="2" x14ac:dyDescent="0.2">
      <c r="A4245" s="17"/>
      <c r="B4245" s="17"/>
      <c r="C4245" s="17"/>
      <c r="D4245" s="18"/>
      <c r="E4245" s="18"/>
      <c r="F4245" s="18"/>
      <c r="G4245" s="18"/>
      <c r="H4245" s="18"/>
      <c r="I4245" s="18"/>
      <c r="J4245" s="18"/>
      <c r="K4245" s="18"/>
      <c r="L4245" s="18"/>
      <c r="M4245" s="18"/>
      <c r="N4245" s="18"/>
      <c r="O4245" s="18"/>
      <c r="P4245" s="20"/>
      <c r="Q4245" s="20"/>
      <c r="R4245" s="20"/>
      <c r="S4245" s="20"/>
      <c r="T4245" s="19"/>
      <c r="U4245" s="19"/>
      <c r="V4245" s="19"/>
      <c r="W4245" s="19"/>
      <c r="X4245" s="19"/>
      <c r="Y4245" s="19"/>
      <c r="Z4245" s="19"/>
      <c r="AA4245" s="19"/>
    </row>
    <row r="4246" spans="1:27" s="1" customFormat="1" ht="14.1" customHeight="1" outlineLevel="2" x14ac:dyDescent="0.2">
      <c r="A4246" s="17">
        <v>8312</v>
      </c>
      <c r="B4246" s="17"/>
      <c r="C4246" s="17"/>
      <c r="D4246" s="18" t="s">
        <v>2123</v>
      </c>
      <c r="E4246" s="18"/>
      <c r="F4246" s="18"/>
      <c r="G4246" s="18"/>
      <c r="H4246" s="18"/>
      <c r="I4246" s="18"/>
      <c r="J4246" s="18"/>
      <c r="K4246" s="18"/>
      <c r="L4246" s="18"/>
      <c r="M4246" s="18"/>
      <c r="N4246" s="18"/>
      <c r="O4246" s="18"/>
      <c r="P4246" s="20">
        <v>1010</v>
      </c>
      <c r="Q4246" s="20"/>
      <c r="R4246" s="20"/>
      <c r="S4246" s="20"/>
      <c r="T4246" s="19">
        <v>920</v>
      </c>
      <c r="U4246" s="19"/>
      <c r="V4246" s="19"/>
      <c r="W4246" s="19"/>
      <c r="X4246" s="19">
        <v>5</v>
      </c>
      <c r="Y4246" s="19"/>
      <c r="Z4246" s="19"/>
      <c r="AA4246" s="19"/>
    </row>
    <row r="4247" spans="1:27" s="1" customFormat="1" ht="14.1" customHeight="1" outlineLevel="2" x14ac:dyDescent="0.2">
      <c r="A4247" s="17"/>
      <c r="B4247" s="17"/>
      <c r="C4247" s="17"/>
      <c r="D4247" s="18"/>
      <c r="E4247" s="18"/>
      <c r="F4247" s="18"/>
      <c r="G4247" s="18"/>
      <c r="H4247" s="18"/>
      <c r="I4247" s="18"/>
      <c r="J4247" s="18"/>
      <c r="K4247" s="18"/>
      <c r="L4247" s="18"/>
      <c r="M4247" s="18"/>
      <c r="N4247" s="18"/>
      <c r="O4247" s="18"/>
      <c r="P4247" s="20"/>
      <c r="Q4247" s="20"/>
      <c r="R4247" s="20"/>
      <c r="S4247" s="20"/>
      <c r="T4247" s="19"/>
      <c r="U4247" s="19"/>
      <c r="V4247" s="19"/>
      <c r="W4247" s="19"/>
      <c r="X4247" s="19"/>
      <c r="Y4247" s="19"/>
      <c r="Z4247" s="19"/>
      <c r="AA4247" s="19"/>
    </row>
    <row r="4248" spans="1:27" s="1" customFormat="1" ht="14.1" customHeight="1" outlineLevel="2" x14ac:dyDescent="0.2">
      <c r="A4248" s="17">
        <v>10173</v>
      </c>
      <c r="B4248" s="17"/>
      <c r="C4248" s="17"/>
      <c r="D4248" s="18" t="s">
        <v>2124</v>
      </c>
      <c r="E4248" s="18"/>
      <c r="F4248" s="18"/>
      <c r="G4248" s="18"/>
      <c r="H4248" s="18"/>
      <c r="I4248" s="18"/>
      <c r="J4248" s="18"/>
      <c r="K4248" s="18"/>
      <c r="L4248" s="18"/>
      <c r="M4248" s="18"/>
      <c r="N4248" s="18"/>
      <c r="O4248" s="18"/>
      <c r="P4248" s="20">
        <v>1800</v>
      </c>
      <c r="Q4248" s="20"/>
      <c r="R4248" s="20"/>
      <c r="S4248" s="20"/>
      <c r="T4248" s="20">
        <v>1600</v>
      </c>
      <c r="U4248" s="20"/>
      <c r="V4248" s="20"/>
      <c r="W4248" s="20"/>
      <c r="X4248" s="19">
        <v>1</v>
      </c>
      <c r="Y4248" s="19"/>
      <c r="Z4248" s="19"/>
      <c r="AA4248" s="19"/>
    </row>
    <row r="4249" spans="1:27" s="1" customFormat="1" ht="14.1" customHeight="1" outlineLevel="2" x14ac:dyDescent="0.2">
      <c r="A4249" s="17"/>
      <c r="B4249" s="17"/>
      <c r="C4249" s="17"/>
      <c r="D4249" s="18"/>
      <c r="E4249" s="18"/>
      <c r="F4249" s="18"/>
      <c r="G4249" s="18"/>
      <c r="H4249" s="18"/>
      <c r="I4249" s="18"/>
      <c r="J4249" s="18"/>
      <c r="K4249" s="18"/>
      <c r="L4249" s="18"/>
      <c r="M4249" s="18"/>
      <c r="N4249" s="18"/>
      <c r="O4249" s="18"/>
      <c r="P4249" s="20"/>
      <c r="Q4249" s="20"/>
      <c r="R4249" s="20"/>
      <c r="S4249" s="20"/>
      <c r="T4249" s="20"/>
      <c r="U4249" s="20"/>
      <c r="V4249" s="20"/>
      <c r="W4249" s="20"/>
      <c r="X4249" s="19"/>
      <c r="Y4249" s="19"/>
      <c r="Z4249" s="19"/>
      <c r="AA4249" s="19"/>
    </row>
    <row r="4250" spans="1:27" s="1" customFormat="1" ht="14.1" customHeight="1" outlineLevel="2" x14ac:dyDescent="0.2">
      <c r="A4250" s="17">
        <v>7052</v>
      </c>
      <c r="B4250" s="17"/>
      <c r="C4250" s="17"/>
      <c r="D4250" s="18" t="s">
        <v>2125</v>
      </c>
      <c r="E4250" s="18"/>
      <c r="F4250" s="18"/>
      <c r="G4250" s="18"/>
      <c r="H4250" s="18"/>
      <c r="I4250" s="18"/>
      <c r="J4250" s="18"/>
      <c r="K4250" s="18"/>
      <c r="L4250" s="18"/>
      <c r="M4250" s="18"/>
      <c r="N4250" s="18"/>
      <c r="O4250" s="18"/>
      <c r="P4250" s="20">
        <v>1010</v>
      </c>
      <c r="Q4250" s="20"/>
      <c r="R4250" s="20"/>
      <c r="S4250" s="20"/>
      <c r="T4250" s="19">
        <v>920</v>
      </c>
      <c r="U4250" s="19"/>
      <c r="V4250" s="19"/>
      <c r="W4250" s="19"/>
      <c r="X4250" s="19">
        <v>3</v>
      </c>
      <c r="Y4250" s="19"/>
      <c r="Z4250" s="19"/>
      <c r="AA4250" s="19"/>
    </row>
    <row r="4251" spans="1:27" s="1" customFormat="1" ht="14.1" customHeight="1" outlineLevel="2" x14ac:dyDescent="0.2">
      <c r="A4251" s="17"/>
      <c r="B4251" s="17"/>
      <c r="C4251" s="17"/>
      <c r="D4251" s="18"/>
      <c r="E4251" s="18"/>
      <c r="F4251" s="18"/>
      <c r="G4251" s="18"/>
      <c r="H4251" s="18"/>
      <c r="I4251" s="18"/>
      <c r="J4251" s="18"/>
      <c r="K4251" s="18"/>
      <c r="L4251" s="18"/>
      <c r="M4251" s="18"/>
      <c r="N4251" s="18"/>
      <c r="O4251" s="18"/>
      <c r="P4251" s="20"/>
      <c r="Q4251" s="20"/>
      <c r="R4251" s="20"/>
      <c r="S4251" s="20"/>
      <c r="T4251" s="19"/>
      <c r="U4251" s="19"/>
      <c r="V4251" s="19"/>
      <c r="W4251" s="19"/>
      <c r="X4251" s="19"/>
      <c r="Y4251" s="19"/>
      <c r="Z4251" s="19"/>
      <c r="AA4251" s="19"/>
    </row>
    <row r="4252" spans="1:27" s="1" customFormat="1" ht="14.1" customHeight="1" outlineLevel="2" x14ac:dyDescent="0.2">
      <c r="A4252" s="17">
        <v>18096</v>
      </c>
      <c r="B4252" s="17"/>
      <c r="C4252" s="17"/>
      <c r="D4252" s="18" t="s">
        <v>2126</v>
      </c>
      <c r="E4252" s="18"/>
      <c r="F4252" s="18"/>
      <c r="G4252" s="18"/>
      <c r="H4252" s="18"/>
      <c r="I4252" s="18"/>
      <c r="J4252" s="18"/>
      <c r="K4252" s="18"/>
      <c r="L4252" s="18"/>
      <c r="M4252" s="18"/>
      <c r="N4252" s="18"/>
      <c r="O4252" s="18"/>
      <c r="P4252" s="20">
        <v>1900</v>
      </c>
      <c r="Q4252" s="20"/>
      <c r="R4252" s="20"/>
      <c r="S4252" s="20"/>
      <c r="T4252" s="20">
        <v>1700</v>
      </c>
      <c r="U4252" s="20"/>
      <c r="V4252" s="20"/>
      <c r="W4252" s="20"/>
      <c r="X4252" s="19">
        <v>1</v>
      </c>
      <c r="Y4252" s="19"/>
      <c r="Z4252" s="19"/>
      <c r="AA4252" s="19"/>
    </row>
    <row r="4253" spans="1:27" s="1" customFormat="1" ht="14.1" customHeight="1" outlineLevel="2" x14ac:dyDescent="0.2">
      <c r="A4253" s="17"/>
      <c r="B4253" s="17"/>
      <c r="C4253" s="17"/>
      <c r="D4253" s="18"/>
      <c r="E4253" s="18"/>
      <c r="F4253" s="18"/>
      <c r="G4253" s="18"/>
      <c r="H4253" s="18"/>
      <c r="I4253" s="18"/>
      <c r="J4253" s="18"/>
      <c r="K4253" s="18"/>
      <c r="L4253" s="18"/>
      <c r="M4253" s="18"/>
      <c r="N4253" s="18"/>
      <c r="O4253" s="18"/>
      <c r="P4253" s="20"/>
      <c r="Q4253" s="20"/>
      <c r="R4253" s="20"/>
      <c r="S4253" s="20"/>
      <c r="T4253" s="20"/>
      <c r="U4253" s="20"/>
      <c r="V4253" s="20"/>
      <c r="W4253" s="20"/>
      <c r="X4253" s="19"/>
      <c r="Y4253" s="19"/>
      <c r="Z4253" s="19"/>
      <c r="AA4253" s="19"/>
    </row>
    <row r="4254" spans="1:27" s="1" customFormat="1" ht="14.1" customHeight="1" outlineLevel="2" x14ac:dyDescent="0.2">
      <c r="A4254" s="17">
        <v>16706</v>
      </c>
      <c r="B4254" s="17"/>
      <c r="C4254" s="17"/>
      <c r="D4254" s="18" t="s">
        <v>2127</v>
      </c>
      <c r="E4254" s="18"/>
      <c r="F4254" s="18"/>
      <c r="G4254" s="18"/>
      <c r="H4254" s="18"/>
      <c r="I4254" s="18"/>
      <c r="J4254" s="18"/>
      <c r="K4254" s="18"/>
      <c r="L4254" s="18"/>
      <c r="M4254" s="18"/>
      <c r="N4254" s="18"/>
      <c r="O4254" s="18"/>
      <c r="P4254" s="20">
        <v>1500</v>
      </c>
      <c r="Q4254" s="20"/>
      <c r="R4254" s="20"/>
      <c r="S4254" s="20"/>
      <c r="T4254" s="20">
        <v>1400</v>
      </c>
      <c r="U4254" s="20"/>
      <c r="V4254" s="20"/>
      <c r="W4254" s="20"/>
      <c r="X4254" s="19">
        <v>1</v>
      </c>
      <c r="Y4254" s="19"/>
      <c r="Z4254" s="19"/>
      <c r="AA4254" s="19"/>
    </row>
    <row r="4255" spans="1:27" s="1" customFormat="1" ht="14.1" customHeight="1" outlineLevel="2" x14ac:dyDescent="0.2">
      <c r="A4255" s="17"/>
      <c r="B4255" s="17"/>
      <c r="C4255" s="17"/>
      <c r="D4255" s="18"/>
      <c r="E4255" s="18"/>
      <c r="F4255" s="18"/>
      <c r="G4255" s="18"/>
      <c r="H4255" s="18"/>
      <c r="I4255" s="18"/>
      <c r="J4255" s="18"/>
      <c r="K4255" s="18"/>
      <c r="L4255" s="18"/>
      <c r="M4255" s="18"/>
      <c r="N4255" s="18"/>
      <c r="O4255" s="18"/>
      <c r="P4255" s="20"/>
      <c r="Q4255" s="20"/>
      <c r="R4255" s="20"/>
      <c r="S4255" s="20"/>
      <c r="T4255" s="20"/>
      <c r="U4255" s="20"/>
      <c r="V4255" s="20"/>
      <c r="W4255" s="20"/>
      <c r="X4255" s="19"/>
      <c r="Y4255" s="19"/>
      <c r="Z4255" s="19"/>
      <c r="AA4255" s="19"/>
    </row>
    <row r="4256" spans="1:27" s="1" customFormat="1" ht="14.1" customHeight="1" outlineLevel="2" x14ac:dyDescent="0.2">
      <c r="A4256" s="17">
        <v>8397</v>
      </c>
      <c r="B4256" s="17"/>
      <c r="C4256" s="17"/>
      <c r="D4256" s="18" t="s">
        <v>2128</v>
      </c>
      <c r="E4256" s="18"/>
      <c r="F4256" s="18"/>
      <c r="G4256" s="18"/>
      <c r="H4256" s="18"/>
      <c r="I4256" s="18"/>
      <c r="J4256" s="18"/>
      <c r="K4256" s="18"/>
      <c r="L4256" s="18"/>
      <c r="M4256" s="18"/>
      <c r="N4256" s="18"/>
      <c r="O4256" s="18"/>
      <c r="P4256" s="20">
        <v>1450</v>
      </c>
      <c r="Q4256" s="20"/>
      <c r="R4256" s="20"/>
      <c r="S4256" s="20"/>
      <c r="T4256" s="20">
        <v>1360</v>
      </c>
      <c r="U4256" s="20"/>
      <c r="V4256" s="20"/>
      <c r="W4256" s="20"/>
      <c r="X4256" s="19">
        <v>1</v>
      </c>
      <c r="Y4256" s="19"/>
      <c r="Z4256" s="19"/>
      <c r="AA4256" s="19"/>
    </row>
    <row r="4257" spans="1:27" s="1" customFormat="1" ht="14.1" customHeight="1" outlineLevel="2" x14ac:dyDescent="0.2">
      <c r="A4257" s="17"/>
      <c r="B4257" s="17"/>
      <c r="C4257" s="17"/>
      <c r="D4257" s="18"/>
      <c r="E4257" s="18"/>
      <c r="F4257" s="18"/>
      <c r="G4257" s="18"/>
      <c r="H4257" s="18"/>
      <c r="I4257" s="18"/>
      <c r="J4257" s="18"/>
      <c r="K4257" s="18"/>
      <c r="L4257" s="18"/>
      <c r="M4257" s="18"/>
      <c r="N4257" s="18"/>
      <c r="O4257" s="18"/>
      <c r="P4257" s="20"/>
      <c r="Q4257" s="20"/>
      <c r="R4257" s="20"/>
      <c r="S4257" s="20"/>
      <c r="T4257" s="20"/>
      <c r="U4257" s="20"/>
      <c r="V4257" s="20"/>
      <c r="W4257" s="20"/>
      <c r="X4257" s="19"/>
      <c r="Y4257" s="19"/>
      <c r="Z4257" s="19"/>
      <c r="AA4257" s="19"/>
    </row>
    <row r="4258" spans="1:27" s="1" customFormat="1" ht="11.1" customHeight="1" outlineLevel="2" x14ac:dyDescent="0.2">
      <c r="A4258" s="17">
        <v>7606</v>
      </c>
      <c r="B4258" s="17"/>
      <c r="C4258" s="17"/>
      <c r="D4258" s="18" t="s">
        <v>2129</v>
      </c>
      <c r="E4258" s="18"/>
      <c r="F4258" s="18"/>
      <c r="G4258" s="18"/>
      <c r="H4258" s="18"/>
      <c r="I4258" s="18"/>
      <c r="J4258" s="18"/>
      <c r="K4258" s="18"/>
      <c r="L4258" s="18"/>
      <c r="M4258" s="18"/>
      <c r="N4258" s="18"/>
      <c r="O4258" s="18"/>
      <c r="P4258" s="19">
        <v>940</v>
      </c>
      <c r="Q4258" s="19"/>
      <c r="R4258" s="19"/>
      <c r="S4258" s="19"/>
      <c r="T4258" s="19">
        <v>900</v>
      </c>
      <c r="U4258" s="19"/>
      <c r="V4258" s="19"/>
      <c r="W4258" s="19"/>
      <c r="X4258" s="19">
        <v>1</v>
      </c>
      <c r="Y4258" s="19"/>
      <c r="Z4258" s="19"/>
      <c r="AA4258" s="19"/>
    </row>
    <row r="4259" spans="1:27" s="1" customFormat="1" ht="11.1" customHeight="1" outlineLevel="2" x14ac:dyDescent="0.2">
      <c r="A4259" s="17"/>
      <c r="B4259" s="17"/>
      <c r="C4259" s="17"/>
      <c r="D4259" s="18"/>
      <c r="E4259" s="18"/>
      <c r="F4259" s="18"/>
      <c r="G4259" s="18"/>
      <c r="H4259" s="18"/>
      <c r="I4259" s="18"/>
      <c r="J4259" s="18"/>
      <c r="K4259" s="18"/>
      <c r="L4259" s="18"/>
      <c r="M4259" s="18"/>
      <c r="N4259" s="18"/>
      <c r="O4259" s="18"/>
      <c r="P4259" s="19"/>
      <c r="Q4259" s="19"/>
      <c r="R4259" s="19"/>
      <c r="S4259" s="19"/>
      <c r="T4259" s="19"/>
      <c r="U4259" s="19"/>
      <c r="V4259" s="19"/>
      <c r="W4259" s="19"/>
      <c r="X4259" s="19"/>
      <c r="Y4259" s="19"/>
      <c r="Z4259" s="19"/>
      <c r="AA4259" s="19"/>
    </row>
    <row r="4260" spans="1:27" s="1" customFormat="1" ht="14.1" customHeight="1" outlineLevel="2" x14ac:dyDescent="0.2">
      <c r="A4260" s="17">
        <v>11637</v>
      </c>
      <c r="B4260" s="17"/>
      <c r="C4260" s="17"/>
      <c r="D4260" s="18" t="s">
        <v>2130</v>
      </c>
      <c r="E4260" s="18"/>
      <c r="F4260" s="18"/>
      <c r="G4260" s="18"/>
      <c r="H4260" s="18"/>
      <c r="I4260" s="18"/>
      <c r="J4260" s="18"/>
      <c r="K4260" s="18"/>
      <c r="L4260" s="18"/>
      <c r="M4260" s="18"/>
      <c r="N4260" s="18"/>
      <c r="O4260" s="18"/>
      <c r="P4260" s="20">
        <v>1700</v>
      </c>
      <c r="Q4260" s="20"/>
      <c r="R4260" s="20"/>
      <c r="S4260" s="20"/>
      <c r="T4260" s="20">
        <v>1600</v>
      </c>
      <c r="U4260" s="20"/>
      <c r="V4260" s="20"/>
      <c r="W4260" s="20"/>
      <c r="X4260" s="19">
        <v>1</v>
      </c>
      <c r="Y4260" s="19"/>
      <c r="Z4260" s="19"/>
      <c r="AA4260" s="19"/>
    </row>
    <row r="4261" spans="1:27" s="1" customFormat="1" ht="14.1" customHeight="1" outlineLevel="2" x14ac:dyDescent="0.2">
      <c r="A4261" s="17"/>
      <c r="B4261" s="17"/>
      <c r="C4261" s="17"/>
      <c r="D4261" s="18"/>
      <c r="E4261" s="18"/>
      <c r="F4261" s="18"/>
      <c r="G4261" s="18"/>
      <c r="H4261" s="18"/>
      <c r="I4261" s="18"/>
      <c r="J4261" s="18"/>
      <c r="K4261" s="18"/>
      <c r="L4261" s="18"/>
      <c r="M4261" s="18"/>
      <c r="N4261" s="18"/>
      <c r="O4261" s="18"/>
      <c r="P4261" s="20"/>
      <c r="Q4261" s="20"/>
      <c r="R4261" s="20"/>
      <c r="S4261" s="20"/>
      <c r="T4261" s="20"/>
      <c r="U4261" s="20"/>
      <c r="V4261" s="20"/>
      <c r="W4261" s="20"/>
      <c r="X4261" s="19"/>
      <c r="Y4261" s="19"/>
      <c r="Z4261" s="19"/>
      <c r="AA4261" s="19"/>
    </row>
    <row r="4262" spans="1:27" s="1" customFormat="1" ht="14.1" customHeight="1" outlineLevel="2" x14ac:dyDescent="0.2">
      <c r="A4262" s="17">
        <v>9162</v>
      </c>
      <c r="B4262" s="17"/>
      <c r="C4262" s="17"/>
      <c r="D4262" s="18" t="s">
        <v>2131</v>
      </c>
      <c r="E4262" s="18"/>
      <c r="F4262" s="18"/>
      <c r="G4262" s="18"/>
      <c r="H4262" s="18"/>
      <c r="I4262" s="18"/>
      <c r="J4262" s="18"/>
      <c r="K4262" s="18"/>
      <c r="L4262" s="18"/>
      <c r="M4262" s="18"/>
      <c r="N4262" s="18"/>
      <c r="O4262" s="18"/>
      <c r="P4262" s="20">
        <v>1200</v>
      </c>
      <c r="Q4262" s="20"/>
      <c r="R4262" s="20"/>
      <c r="S4262" s="20"/>
      <c r="T4262" s="19">
        <v>950</v>
      </c>
      <c r="U4262" s="19"/>
      <c r="V4262" s="19"/>
      <c r="W4262" s="19"/>
      <c r="X4262" s="19">
        <v>20</v>
      </c>
      <c r="Y4262" s="19"/>
      <c r="Z4262" s="19"/>
      <c r="AA4262" s="19"/>
    </row>
    <row r="4263" spans="1:27" s="1" customFormat="1" ht="14.1" customHeight="1" outlineLevel="2" x14ac:dyDescent="0.2">
      <c r="A4263" s="17"/>
      <c r="B4263" s="17"/>
      <c r="C4263" s="17"/>
      <c r="D4263" s="18"/>
      <c r="E4263" s="18"/>
      <c r="F4263" s="18"/>
      <c r="G4263" s="18"/>
      <c r="H4263" s="18"/>
      <c r="I4263" s="18"/>
      <c r="J4263" s="18"/>
      <c r="K4263" s="18"/>
      <c r="L4263" s="18"/>
      <c r="M4263" s="18"/>
      <c r="N4263" s="18"/>
      <c r="O4263" s="18"/>
      <c r="P4263" s="20"/>
      <c r="Q4263" s="20"/>
      <c r="R4263" s="20"/>
      <c r="S4263" s="20"/>
      <c r="T4263" s="19"/>
      <c r="U4263" s="19"/>
      <c r="V4263" s="19"/>
      <c r="W4263" s="19"/>
      <c r="X4263" s="19"/>
      <c r="Y4263" s="19"/>
      <c r="Z4263" s="19"/>
      <c r="AA4263" s="19"/>
    </row>
    <row r="4264" spans="1:27" s="1" customFormat="1" ht="14.1" customHeight="1" outlineLevel="2" x14ac:dyDescent="0.2">
      <c r="A4264" s="17">
        <v>9887</v>
      </c>
      <c r="B4264" s="17"/>
      <c r="C4264" s="17"/>
      <c r="D4264" s="18" t="s">
        <v>2132</v>
      </c>
      <c r="E4264" s="18"/>
      <c r="F4264" s="18"/>
      <c r="G4264" s="18"/>
      <c r="H4264" s="18"/>
      <c r="I4264" s="18"/>
      <c r="J4264" s="18"/>
      <c r="K4264" s="18"/>
      <c r="L4264" s="18"/>
      <c r="M4264" s="18"/>
      <c r="N4264" s="18"/>
      <c r="O4264" s="18"/>
      <c r="P4264" s="20">
        <v>1400</v>
      </c>
      <c r="Q4264" s="20"/>
      <c r="R4264" s="20"/>
      <c r="S4264" s="20"/>
      <c r="T4264" s="20">
        <v>1100</v>
      </c>
      <c r="U4264" s="20"/>
      <c r="V4264" s="20"/>
      <c r="W4264" s="20"/>
      <c r="X4264" s="19">
        <v>5</v>
      </c>
      <c r="Y4264" s="19"/>
      <c r="Z4264" s="19"/>
      <c r="AA4264" s="19"/>
    </row>
    <row r="4265" spans="1:27" s="1" customFormat="1" ht="14.1" customHeight="1" outlineLevel="2" x14ac:dyDescent="0.2">
      <c r="A4265" s="17"/>
      <c r="B4265" s="17"/>
      <c r="C4265" s="17"/>
      <c r="D4265" s="18"/>
      <c r="E4265" s="18"/>
      <c r="F4265" s="18"/>
      <c r="G4265" s="18"/>
      <c r="H4265" s="18"/>
      <c r="I4265" s="18"/>
      <c r="J4265" s="18"/>
      <c r="K4265" s="18"/>
      <c r="L4265" s="18"/>
      <c r="M4265" s="18"/>
      <c r="N4265" s="18"/>
      <c r="O4265" s="18"/>
      <c r="P4265" s="20"/>
      <c r="Q4265" s="20"/>
      <c r="R4265" s="20"/>
      <c r="S4265" s="20"/>
      <c r="T4265" s="20"/>
      <c r="U4265" s="20"/>
      <c r="V4265" s="20"/>
      <c r="W4265" s="20"/>
      <c r="X4265" s="19"/>
      <c r="Y4265" s="19"/>
      <c r="Z4265" s="19"/>
      <c r="AA4265" s="19"/>
    </row>
    <row r="4266" spans="1:27" s="1" customFormat="1" ht="14.1" customHeight="1" outlineLevel="2" x14ac:dyDescent="0.2">
      <c r="A4266" s="17">
        <v>7870</v>
      </c>
      <c r="B4266" s="17"/>
      <c r="C4266" s="17"/>
      <c r="D4266" s="18" t="s">
        <v>2133</v>
      </c>
      <c r="E4266" s="18"/>
      <c r="F4266" s="18"/>
      <c r="G4266" s="18"/>
      <c r="H4266" s="18"/>
      <c r="I4266" s="18"/>
      <c r="J4266" s="18"/>
      <c r="K4266" s="18"/>
      <c r="L4266" s="18"/>
      <c r="M4266" s="18"/>
      <c r="N4266" s="18"/>
      <c r="O4266" s="18"/>
      <c r="P4266" s="20">
        <v>1300</v>
      </c>
      <c r="Q4266" s="20"/>
      <c r="R4266" s="20"/>
      <c r="S4266" s="20"/>
      <c r="T4266" s="19">
        <v>950</v>
      </c>
      <c r="U4266" s="19"/>
      <c r="V4266" s="19"/>
      <c r="W4266" s="19"/>
      <c r="X4266" s="19">
        <v>19</v>
      </c>
      <c r="Y4266" s="19"/>
      <c r="Z4266" s="19"/>
      <c r="AA4266" s="19"/>
    </row>
    <row r="4267" spans="1:27" s="1" customFormat="1" ht="14.1" customHeight="1" outlineLevel="2" x14ac:dyDescent="0.2">
      <c r="A4267" s="17"/>
      <c r="B4267" s="17"/>
      <c r="C4267" s="17"/>
      <c r="D4267" s="18"/>
      <c r="E4267" s="18"/>
      <c r="F4267" s="18"/>
      <c r="G4267" s="18"/>
      <c r="H4267" s="18"/>
      <c r="I4267" s="18"/>
      <c r="J4267" s="18"/>
      <c r="K4267" s="18"/>
      <c r="L4267" s="18"/>
      <c r="M4267" s="18"/>
      <c r="N4267" s="18"/>
      <c r="O4267" s="18"/>
      <c r="P4267" s="20"/>
      <c r="Q4267" s="20"/>
      <c r="R4267" s="20"/>
      <c r="S4267" s="20"/>
      <c r="T4267" s="19"/>
      <c r="U4267" s="19"/>
      <c r="V4267" s="19"/>
      <c r="W4267" s="19"/>
      <c r="X4267" s="19"/>
      <c r="Y4267" s="19"/>
      <c r="Z4267" s="19"/>
      <c r="AA4267" s="19"/>
    </row>
    <row r="4268" spans="1:27" s="1" customFormat="1" ht="11.1" customHeight="1" outlineLevel="2" x14ac:dyDescent="0.2">
      <c r="A4268" s="17">
        <v>9909</v>
      </c>
      <c r="B4268" s="17"/>
      <c r="C4268" s="17"/>
      <c r="D4268" s="18" t="s">
        <v>2134</v>
      </c>
      <c r="E4268" s="18"/>
      <c r="F4268" s="18"/>
      <c r="G4268" s="18"/>
      <c r="H4268" s="18"/>
      <c r="I4268" s="18"/>
      <c r="J4268" s="18"/>
      <c r="K4268" s="18"/>
      <c r="L4268" s="18"/>
      <c r="M4268" s="18"/>
      <c r="N4268" s="18"/>
      <c r="O4268" s="18"/>
      <c r="P4268" s="20">
        <v>1300</v>
      </c>
      <c r="Q4268" s="20"/>
      <c r="R4268" s="20"/>
      <c r="S4268" s="20"/>
      <c r="T4268" s="20">
        <v>1200</v>
      </c>
      <c r="U4268" s="20"/>
      <c r="V4268" s="20"/>
      <c r="W4268" s="20"/>
      <c r="X4268" s="19">
        <v>3</v>
      </c>
      <c r="Y4268" s="19"/>
      <c r="Z4268" s="19"/>
      <c r="AA4268" s="19"/>
    </row>
    <row r="4269" spans="1:27" s="1" customFormat="1" ht="11.1" customHeight="1" outlineLevel="2" x14ac:dyDescent="0.2">
      <c r="A4269" s="17"/>
      <c r="B4269" s="17"/>
      <c r="C4269" s="17"/>
      <c r="D4269" s="18"/>
      <c r="E4269" s="18"/>
      <c r="F4269" s="18"/>
      <c r="G4269" s="18"/>
      <c r="H4269" s="18"/>
      <c r="I4269" s="18"/>
      <c r="J4269" s="18"/>
      <c r="K4269" s="18"/>
      <c r="L4269" s="18"/>
      <c r="M4269" s="18"/>
      <c r="N4269" s="18"/>
      <c r="O4269" s="18"/>
      <c r="P4269" s="20"/>
      <c r="Q4269" s="20"/>
      <c r="R4269" s="20"/>
      <c r="S4269" s="20"/>
      <c r="T4269" s="20"/>
      <c r="U4269" s="20"/>
      <c r="V4269" s="20"/>
      <c r="W4269" s="20"/>
      <c r="X4269" s="19"/>
      <c r="Y4269" s="19"/>
      <c r="Z4269" s="19"/>
      <c r="AA4269" s="19"/>
    </row>
    <row r="4270" spans="1:27" s="1" customFormat="1" ht="14.1" customHeight="1" outlineLevel="2" x14ac:dyDescent="0.2">
      <c r="A4270" s="17">
        <v>16720</v>
      </c>
      <c r="B4270" s="17"/>
      <c r="C4270" s="17"/>
      <c r="D4270" s="18" t="s">
        <v>2135</v>
      </c>
      <c r="E4270" s="18"/>
      <c r="F4270" s="18"/>
      <c r="G4270" s="18"/>
      <c r="H4270" s="18"/>
      <c r="I4270" s="18"/>
      <c r="J4270" s="18"/>
      <c r="K4270" s="18"/>
      <c r="L4270" s="18"/>
      <c r="M4270" s="18"/>
      <c r="N4270" s="18"/>
      <c r="O4270" s="18"/>
      <c r="P4270" s="20">
        <v>1300</v>
      </c>
      <c r="Q4270" s="20"/>
      <c r="R4270" s="20"/>
      <c r="S4270" s="20"/>
      <c r="T4270" s="20">
        <v>1200</v>
      </c>
      <c r="U4270" s="20"/>
      <c r="V4270" s="20"/>
      <c r="W4270" s="20"/>
      <c r="X4270" s="19">
        <v>1</v>
      </c>
      <c r="Y4270" s="19"/>
      <c r="Z4270" s="19"/>
      <c r="AA4270" s="19"/>
    </row>
    <row r="4271" spans="1:27" s="1" customFormat="1" ht="14.1" customHeight="1" outlineLevel="2" x14ac:dyDescent="0.2">
      <c r="A4271" s="17"/>
      <c r="B4271" s="17"/>
      <c r="C4271" s="17"/>
      <c r="D4271" s="18"/>
      <c r="E4271" s="18"/>
      <c r="F4271" s="18"/>
      <c r="G4271" s="18"/>
      <c r="H4271" s="18"/>
      <c r="I4271" s="18"/>
      <c r="J4271" s="18"/>
      <c r="K4271" s="18"/>
      <c r="L4271" s="18"/>
      <c r="M4271" s="18"/>
      <c r="N4271" s="18"/>
      <c r="O4271" s="18"/>
      <c r="P4271" s="20"/>
      <c r="Q4271" s="20"/>
      <c r="R4271" s="20"/>
      <c r="S4271" s="20"/>
      <c r="T4271" s="20"/>
      <c r="U4271" s="20"/>
      <c r="V4271" s="20"/>
      <c r="W4271" s="20"/>
      <c r="X4271" s="19"/>
      <c r="Y4271" s="19"/>
      <c r="Z4271" s="19"/>
      <c r="AA4271" s="19"/>
    </row>
    <row r="4272" spans="1:27" s="1" customFormat="1" ht="14.1" customHeight="1" outlineLevel="2" x14ac:dyDescent="0.2">
      <c r="A4272" s="17">
        <v>10171</v>
      </c>
      <c r="B4272" s="17"/>
      <c r="C4272" s="17"/>
      <c r="D4272" s="18" t="s">
        <v>2136</v>
      </c>
      <c r="E4272" s="18"/>
      <c r="F4272" s="18"/>
      <c r="G4272" s="18"/>
      <c r="H4272" s="18"/>
      <c r="I4272" s="18"/>
      <c r="J4272" s="18"/>
      <c r="K4272" s="18"/>
      <c r="L4272" s="18"/>
      <c r="M4272" s="18"/>
      <c r="N4272" s="18"/>
      <c r="O4272" s="18"/>
      <c r="P4272" s="20">
        <v>1950</v>
      </c>
      <c r="Q4272" s="20"/>
      <c r="R4272" s="20"/>
      <c r="S4272" s="20"/>
      <c r="T4272" s="20">
        <v>1800</v>
      </c>
      <c r="U4272" s="20"/>
      <c r="V4272" s="20"/>
      <c r="W4272" s="20"/>
      <c r="X4272" s="19">
        <v>4</v>
      </c>
      <c r="Y4272" s="19"/>
      <c r="Z4272" s="19"/>
      <c r="AA4272" s="19"/>
    </row>
    <row r="4273" spans="1:27" s="1" customFormat="1" ht="14.1" customHeight="1" outlineLevel="2" x14ac:dyDescent="0.2">
      <c r="A4273" s="17"/>
      <c r="B4273" s="17"/>
      <c r="C4273" s="17"/>
      <c r="D4273" s="18"/>
      <c r="E4273" s="18"/>
      <c r="F4273" s="18"/>
      <c r="G4273" s="18"/>
      <c r="H4273" s="18"/>
      <c r="I4273" s="18"/>
      <c r="J4273" s="18"/>
      <c r="K4273" s="18"/>
      <c r="L4273" s="18"/>
      <c r="M4273" s="18"/>
      <c r="N4273" s="18"/>
      <c r="O4273" s="18"/>
      <c r="P4273" s="20"/>
      <c r="Q4273" s="20"/>
      <c r="R4273" s="20"/>
      <c r="S4273" s="20"/>
      <c r="T4273" s="20"/>
      <c r="U4273" s="20"/>
      <c r="V4273" s="20"/>
      <c r="W4273" s="20"/>
      <c r="X4273" s="19"/>
      <c r="Y4273" s="19"/>
      <c r="Z4273" s="19"/>
      <c r="AA4273" s="19"/>
    </row>
    <row r="4274" spans="1:27" s="1" customFormat="1" ht="14.1" customHeight="1" outlineLevel="2" x14ac:dyDescent="0.2">
      <c r="A4274" s="17">
        <v>17703</v>
      </c>
      <c r="B4274" s="17"/>
      <c r="C4274" s="17"/>
      <c r="D4274" s="18" t="s">
        <v>2137</v>
      </c>
      <c r="E4274" s="18"/>
      <c r="F4274" s="18"/>
      <c r="G4274" s="18"/>
      <c r="H4274" s="18"/>
      <c r="I4274" s="18"/>
      <c r="J4274" s="18"/>
      <c r="K4274" s="18"/>
      <c r="L4274" s="18"/>
      <c r="M4274" s="18"/>
      <c r="N4274" s="18"/>
      <c r="O4274" s="18"/>
      <c r="P4274" s="20">
        <v>1100</v>
      </c>
      <c r="Q4274" s="20"/>
      <c r="R4274" s="20"/>
      <c r="S4274" s="20"/>
      <c r="T4274" s="19">
        <v>990</v>
      </c>
      <c r="U4274" s="19"/>
      <c r="V4274" s="19"/>
      <c r="W4274" s="19"/>
      <c r="X4274" s="19">
        <v>8</v>
      </c>
      <c r="Y4274" s="19"/>
      <c r="Z4274" s="19"/>
      <c r="AA4274" s="19"/>
    </row>
    <row r="4275" spans="1:27" s="1" customFormat="1" ht="14.1" customHeight="1" outlineLevel="2" x14ac:dyDescent="0.2">
      <c r="A4275" s="17"/>
      <c r="B4275" s="17"/>
      <c r="C4275" s="17"/>
      <c r="D4275" s="18"/>
      <c r="E4275" s="18"/>
      <c r="F4275" s="18"/>
      <c r="G4275" s="18"/>
      <c r="H4275" s="18"/>
      <c r="I4275" s="18"/>
      <c r="J4275" s="18"/>
      <c r="K4275" s="18"/>
      <c r="L4275" s="18"/>
      <c r="M4275" s="18"/>
      <c r="N4275" s="18"/>
      <c r="O4275" s="18"/>
      <c r="P4275" s="20"/>
      <c r="Q4275" s="20"/>
      <c r="R4275" s="20"/>
      <c r="S4275" s="20"/>
      <c r="T4275" s="19"/>
      <c r="U4275" s="19"/>
      <c r="V4275" s="19"/>
      <c r="W4275" s="19"/>
      <c r="X4275" s="19"/>
      <c r="Y4275" s="19"/>
      <c r="Z4275" s="19"/>
      <c r="AA4275" s="19"/>
    </row>
    <row r="4276" spans="1:27" s="1" customFormat="1" ht="14.1" customHeight="1" outlineLevel="2" x14ac:dyDescent="0.2">
      <c r="A4276" s="17">
        <v>9908</v>
      </c>
      <c r="B4276" s="17"/>
      <c r="C4276" s="17"/>
      <c r="D4276" s="18" t="s">
        <v>2138</v>
      </c>
      <c r="E4276" s="18"/>
      <c r="F4276" s="18"/>
      <c r="G4276" s="18"/>
      <c r="H4276" s="18"/>
      <c r="I4276" s="18"/>
      <c r="J4276" s="18"/>
      <c r="K4276" s="18"/>
      <c r="L4276" s="18"/>
      <c r="M4276" s="18"/>
      <c r="N4276" s="18"/>
      <c r="O4276" s="18"/>
      <c r="P4276" s="20">
        <v>1700</v>
      </c>
      <c r="Q4276" s="20"/>
      <c r="R4276" s="20"/>
      <c r="S4276" s="20"/>
      <c r="T4276" s="20">
        <v>1400</v>
      </c>
      <c r="U4276" s="20"/>
      <c r="V4276" s="20"/>
      <c r="W4276" s="20"/>
      <c r="X4276" s="19">
        <v>9</v>
      </c>
      <c r="Y4276" s="19"/>
      <c r="Z4276" s="19"/>
      <c r="AA4276" s="19"/>
    </row>
    <row r="4277" spans="1:27" s="1" customFormat="1" ht="14.1" customHeight="1" outlineLevel="2" x14ac:dyDescent="0.2">
      <c r="A4277" s="17"/>
      <c r="B4277" s="17"/>
      <c r="C4277" s="17"/>
      <c r="D4277" s="18"/>
      <c r="E4277" s="18"/>
      <c r="F4277" s="18"/>
      <c r="G4277" s="18"/>
      <c r="H4277" s="18"/>
      <c r="I4277" s="18"/>
      <c r="J4277" s="18"/>
      <c r="K4277" s="18"/>
      <c r="L4277" s="18"/>
      <c r="M4277" s="18"/>
      <c r="N4277" s="18"/>
      <c r="O4277" s="18"/>
      <c r="P4277" s="20"/>
      <c r="Q4277" s="20"/>
      <c r="R4277" s="20"/>
      <c r="S4277" s="20"/>
      <c r="T4277" s="20"/>
      <c r="U4277" s="20"/>
      <c r="V4277" s="20"/>
      <c r="W4277" s="20"/>
      <c r="X4277" s="19"/>
      <c r="Y4277" s="19"/>
      <c r="Z4277" s="19"/>
      <c r="AA4277" s="19"/>
    </row>
    <row r="4278" spans="1:27" s="1" customFormat="1" ht="14.1" customHeight="1" outlineLevel="2" x14ac:dyDescent="0.2">
      <c r="A4278" s="17">
        <v>9163</v>
      </c>
      <c r="B4278" s="17"/>
      <c r="C4278" s="17"/>
      <c r="D4278" s="18" t="s">
        <v>2139</v>
      </c>
      <c r="E4278" s="18"/>
      <c r="F4278" s="18"/>
      <c r="G4278" s="18"/>
      <c r="H4278" s="18"/>
      <c r="I4278" s="18"/>
      <c r="J4278" s="18"/>
      <c r="K4278" s="18"/>
      <c r="L4278" s="18"/>
      <c r="M4278" s="18"/>
      <c r="N4278" s="18"/>
      <c r="O4278" s="18"/>
      <c r="P4278" s="20">
        <v>1150</v>
      </c>
      <c r="Q4278" s="20"/>
      <c r="R4278" s="20"/>
      <c r="S4278" s="20"/>
      <c r="T4278" s="19">
        <v>850</v>
      </c>
      <c r="U4278" s="19"/>
      <c r="V4278" s="19"/>
      <c r="W4278" s="19"/>
      <c r="X4278" s="19">
        <v>15</v>
      </c>
      <c r="Y4278" s="19"/>
      <c r="Z4278" s="19"/>
      <c r="AA4278" s="19"/>
    </row>
    <row r="4279" spans="1:27" s="1" customFormat="1" ht="14.1" customHeight="1" outlineLevel="2" x14ac:dyDescent="0.2">
      <c r="A4279" s="17"/>
      <c r="B4279" s="17"/>
      <c r="C4279" s="17"/>
      <c r="D4279" s="18"/>
      <c r="E4279" s="18"/>
      <c r="F4279" s="18"/>
      <c r="G4279" s="18"/>
      <c r="H4279" s="18"/>
      <c r="I4279" s="18"/>
      <c r="J4279" s="18"/>
      <c r="K4279" s="18"/>
      <c r="L4279" s="18"/>
      <c r="M4279" s="18"/>
      <c r="N4279" s="18"/>
      <c r="O4279" s="18"/>
      <c r="P4279" s="20"/>
      <c r="Q4279" s="20"/>
      <c r="R4279" s="20"/>
      <c r="S4279" s="20"/>
      <c r="T4279" s="19"/>
      <c r="U4279" s="19"/>
      <c r="V4279" s="19"/>
      <c r="W4279" s="19"/>
      <c r="X4279" s="19"/>
      <c r="Y4279" s="19"/>
      <c r="Z4279" s="19"/>
      <c r="AA4279" s="19"/>
    </row>
    <row r="4280" spans="1:27" s="1" customFormat="1" ht="14.1" customHeight="1" outlineLevel="2" x14ac:dyDescent="0.2">
      <c r="A4280" s="17">
        <v>18256</v>
      </c>
      <c r="B4280" s="17"/>
      <c r="C4280" s="17"/>
      <c r="D4280" s="18" t="s">
        <v>2140</v>
      </c>
      <c r="E4280" s="18"/>
      <c r="F4280" s="18"/>
      <c r="G4280" s="18"/>
      <c r="H4280" s="18"/>
      <c r="I4280" s="18"/>
      <c r="J4280" s="18"/>
      <c r="K4280" s="18"/>
      <c r="L4280" s="18"/>
      <c r="M4280" s="18"/>
      <c r="N4280" s="18"/>
      <c r="O4280" s="18"/>
      <c r="P4280" s="20">
        <v>1350</v>
      </c>
      <c r="Q4280" s="20"/>
      <c r="R4280" s="20"/>
      <c r="S4280" s="20"/>
      <c r="T4280" s="19">
        <v>990</v>
      </c>
      <c r="U4280" s="19"/>
      <c r="V4280" s="19"/>
      <c r="W4280" s="19"/>
      <c r="X4280" s="19">
        <v>30</v>
      </c>
      <c r="Y4280" s="19"/>
      <c r="Z4280" s="19"/>
      <c r="AA4280" s="19"/>
    </row>
    <row r="4281" spans="1:27" s="1" customFormat="1" ht="14.1" customHeight="1" outlineLevel="2" x14ac:dyDescent="0.2">
      <c r="A4281" s="17"/>
      <c r="B4281" s="17"/>
      <c r="C4281" s="17"/>
      <c r="D4281" s="18"/>
      <c r="E4281" s="18"/>
      <c r="F4281" s="18"/>
      <c r="G4281" s="18"/>
      <c r="H4281" s="18"/>
      <c r="I4281" s="18"/>
      <c r="J4281" s="18"/>
      <c r="K4281" s="18"/>
      <c r="L4281" s="18"/>
      <c r="M4281" s="18"/>
      <c r="N4281" s="18"/>
      <c r="O4281" s="18"/>
      <c r="P4281" s="20"/>
      <c r="Q4281" s="20"/>
      <c r="R4281" s="20"/>
      <c r="S4281" s="20"/>
      <c r="T4281" s="19"/>
      <c r="U4281" s="19"/>
      <c r="V4281" s="19"/>
      <c r="W4281" s="19"/>
      <c r="X4281" s="19"/>
      <c r="Y4281" s="19"/>
      <c r="Z4281" s="19"/>
      <c r="AA4281" s="19"/>
    </row>
    <row r="4282" spans="1:27" s="1" customFormat="1" ht="14.1" customHeight="1" outlineLevel="2" x14ac:dyDescent="0.2">
      <c r="A4282" s="17">
        <v>18099</v>
      </c>
      <c r="B4282" s="17"/>
      <c r="C4282" s="17"/>
      <c r="D4282" s="18" t="s">
        <v>2141</v>
      </c>
      <c r="E4282" s="18"/>
      <c r="F4282" s="18"/>
      <c r="G4282" s="18"/>
      <c r="H4282" s="18"/>
      <c r="I4282" s="18"/>
      <c r="J4282" s="18"/>
      <c r="K4282" s="18"/>
      <c r="L4282" s="18"/>
      <c r="M4282" s="18"/>
      <c r="N4282" s="18"/>
      <c r="O4282" s="18"/>
      <c r="P4282" s="20">
        <v>2200</v>
      </c>
      <c r="Q4282" s="20"/>
      <c r="R4282" s="20"/>
      <c r="S4282" s="20"/>
      <c r="T4282" s="20">
        <v>1900</v>
      </c>
      <c r="U4282" s="20"/>
      <c r="V4282" s="20"/>
      <c r="W4282" s="20"/>
      <c r="X4282" s="19">
        <v>1</v>
      </c>
      <c r="Y4282" s="19"/>
      <c r="Z4282" s="19"/>
      <c r="AA4282" s="19"/>
    </row>
    <row r="4283" spans="1:27" s="1" customFormat="1" ht="14.1" customHeight="1" outlineLevel="2" x14ac:dyDescent="0.2">
      <c r="A4283" s="17"/>
      <c r="B4283" s="17"/>
      <c r="C4283" s="17"/>
      <c r="D4283" s="18"/>
      <c r="E4283" s="18"/>
      <c r="F4283" s="18"/>
      <c r="G4283" s="18"/>
      <c r="H4283" s="18"/>
      <c r="I4283" s="18"/>
      <c r="J4283" s="18"/>
      <c r="K4283" s="18"/>
      <c r="L4283" s="18"/>
      <c r="M4283" s="18"/>
      <c r="N4283" s="18"/>
      <c r="O4283" s="18"/>
      <c r="P4283" s="20"/>
      <c r="Q4283" s="20"/>
      <c r="R4283" s="20"/>
      <c r="S4283" s="20"/>
      <c r="T4283" s="20"/>
      <c r="U4283" s="20"/>
      <c r="V4283" s="20"/>
      <c r="W4283" s="20"/>
      <c r="X4283" s="19"/>
      <c r="Y4283" s="19"/>
      <c r="Z4283" s="19"/>
      <c r="AA4283" s="19"/>
    </row>
    <row r="4284" spans="1:27" s="1" customFormat="1" ht="14.1" customHeight="1" outlineLevel="2" x14ac:dyDescent="0.2">
      <c r="A4284" s="17">
        <v>17689</v>
      </c>
      <c r="B4284" s="17"/>
      <c r="C4284" s="17"/>
      <c r="D4284" s="18" t="s">
        <v>2142</v>
      </c>
      <c r="E4284" s="18"/>
      <c r="F4284" s="18"/>
      <c r="G4284" s="18"/>
      <c r="H4284" s="18"/>
      <c r="I4284" s="18"/>
      <c r="J4284" s="18"/>
      <c r="K4284" s="18"/>
      <c r="L4284" s="18"/>
      <c r="M4284" s="18"/>
      <c r="N4284" s="18"/>
      <c r="O4284" s="18"/>
      <c r="P4284" s="20">
        <v>1300</v>
      </c>
      <c r="Q4284" s="20"/>
      <c r="R4284" s="20"/>
      <c r="S4284" s="20"/>
      <c r="T4284" s="20">
        <v>1250</v>
      </c>
      <c r="U4284" s="20"/>
      <c r="V4284" s="20"/>
      <c r="W4284" s="20"/>
      <c r="X4284" s="19">
        <v>2</v>
      </c>
      <c r="Y4284" s="19"/>
      <c r="Z4284" s="19"/>
      <c r="AA4284" s="19"/>
    </row>
    <row r="4285" spans="1:27" s="1" customFormat="1" ht="14.1" customHeight="1" outlineLevel="2" x14ac:dyDescent="0.2">
      <c r="A4285" s="17"/>
      <c r="B4285" s="17"/>
      <c r="C4285" s="17"/>
      <c r="D4285" s="18"/>
      <c r="E4285" s="18"/>
      <c r="F4285" s="18"/>
      <c r="G4285" s="18"/>
      <c r="H4285" s="18"/>
      <c r="I4285" s="18"/>
      <c r="J4285" s="18"/>
      <c r="K4285" s="18"/>
      <c r="L4285" s="18"/>
      <c r="M4285" s="18"/>
      <c r="N4285" s="18"/>
      <c r="O4285" s="18"/>
      <c r="P4285" s="20"/>
      <c r="Q4285" s="20"/>
      <c r="R4285" s="20"/>
      <c r="S4285" s="20"/>
      <c r="T4285" s="20"/>
      <c r="U4285" s="20"/>
      <c r="V4285" s="20"/>
      <c r="W4285" s="20"/>
      <c r="X4285" s="19"/>
      <c r="Y4285" s="19"/>
      <c r="Z4285" s="19"/>
      <c r="AA4285" s="19"/>
    </row>
    <row r="4286" spans="1:27" s="1" customFormat="1" ht="14.1" customHeight="1" outlineLevel="2" x14ac:dyDescent="0.2">
      <c r="A4286" s="17">
        <v>15508</v>
      </c>
      <c r="B4286" s="17"/>
      <c r="C4286" s="17"/>
      <c r="D4286" s="18" t="s">
        <v>2143</v>
      </c>
      <c r="E4286" s="18"/>
      <c r="F4286" s="18"/>
      <c r="G4286" s="18"/>
      <c r="H4286" s="18"/>
      <c r="I4286" s="18"/>
      <c r="J4286" s="18"/>
      <c r="K4286" s="18"/>
      <c r="L4286" s="18"/>
      <c r="M4286" s="18"/>
      <c r="N4286" s="18"/>
      <c r="O4286" s="18"/>
      <c r="P4286" s="20">
        <v>2500</v>
      </c>
      <c r="Q4286" s="20"/>
      <c r="R4286" s="20"/>
      <c r="S4286" s="20"/>
      <c r="T4286" s="20">
        <v>2300</v>
      </c>
      <c r="U4286" s="20"/>
      <c r="V4286" s="20"/>
      <c r="W4286" s="20"/>
      <c r="X4286" s="19">
        <v>1</v>
      </c>
      <c r="Y4286" s="19"/>
      <c r="Z4286" s="19"/>
      <c r="AA4286" s="19"/>
    </row>
    <row r="4287" spans="1:27" s="1" customFormat="1" ht="14.1" customHeight="1" outlineLevel="2" x14ac:dyDescent="0.2">
      <c r="A4287" s="17"/>
      <c r="B4287" s="17"/>
      <c r="C4287" s="17"/>
      <c r="D4287" s="18"/>
      <c r="E4287" s="18"/>
      <c r="F4287" s="18"/>
      <c r="G4287" s="18"/>
      <c r="H4287" s="18"/>
      <c r="I4287" s="18"/>
      <c r="J4287" s="18"/>
      <c r="K4287" s="18"/>
      <c r="L4287" s="18"/>
      <c r="M4287" s="18"/>
      <c r="N4287" s="18"/>
      <c r="O4287" s="18"/>
      <c r="P4287" s="20"/>
      <c r="Q4287" s="20"/>
      <c r="R4287" s="20"/>
      <c r="S4287" s="20"/>
      <c r="T4287" s="20"/>
      <c r="U4287" s="20"/>
      <c r="V4287" s="20"/>
      <c r="W4287" s="20"/>
      <c r="X4287" s="19"/>
      <c r="Y4287" s="19"/>
      <c r="Z4287" s="19"/>
      <c r="AA4287" s="19"/>
    </row>
    <row r="4288" spans="1:27" s="1" customFormat="1" ht="14.1" customHeight="1" outlineLevel="2" x14ac:dyDescent="0.2">
      <c r="A4288" s="17">
        <v>11667</v>
      </c>
      <c r="B4288" s="17"/>
      <c r="C4288" s="17"/>
      <c r="D4288" s="18" t="s">
        <v>2144</v>
      </c>
      <c r="E4288" s="18"/>
      <c r="F4288" s="18"/>
      <c r="G4288" s="18"/>
      <c r="H4288" s="18"/>
      <c r="I4288" s="18"/>
      <c r="J4288" s="18"/>
      <c r="K4288" s="18"/>
      <c r="L4288" s="18"/>
      <c r="M4288" s="18"/>
      <c r="N4288" s="18"/>
      <c r="O4288" s="18"/>
      <c r="P4288" s="20">
        <v>1250</v>
      </c>
      <c r="Q4288" s="20"/>
      <c r="R4288" s="20"/>
      <c r="S4288" s="20"/>
      <c r="T4288" s="20">
        <v>1090</v>
      </c>
      <c r="U4288" s="20"/>
      <c r="V4288" s="20"/>
      <c r="W4288" s="20"/>
      <c r="X4288" s="19">
        <v>20</v>
      </c>
      <c r="Y4288" s="19"/>
      <c r="Z4288" s="19"/>
      <c r="AA4288" s="19"/>
    </row>
    <row r="4289" spans="1:27" s="1" customFormat="1" ht="14.1" customHeight="1" outlineLevel="2" x14ac:dyDescent="0.2">
      <c r="A4289" s="17"/>
      <c r="B4289" s="17"/>
      <c r="C4289" s="17"/>
      <c r="D4289" s="18"/>
      <c r="E4289" s="18"/>
      <c r="F4289" s="18"/>
      <c r="G4289" s="18"/>
      <c r="H4289" s="18"/>
      <c r="I4289" s="18"/>
      <c r="J4289" s="18"/>
      <c r="K4289" s="18"/>
      <c r="L4289" s="18"/>
      <c r="M4289" s="18"/>
      <c r="N4289" s="18"/>
      <c r="O4289" s="18"/>
      <c r="P4289" s="20"/>
      <c r="Q4289" s="20"/>
      <c r="R4289" s="20"/>
      <c r="S4289" s="20"/>
      <c r="T4289" s="20"/>
      <c r="U4289" s="20"/>
      <c r="V4289" s="20"/>
      <c r="W4289" s="20"/>
      <c r="X4289" s="19"/>
      <c r="Y4289" s="19"/>
      <c r="Z4289" s="19"/>
      <c r="AA4289" s="19"/>
    </row>
    <row r="4290" spans="1:27" s="1" customFormat="1" ht="14.1" customHeight="1" outlineLevel="2" x14ac:dyDescent="0.2">
      <c r="A4290" s="17">
        <v>11977</v>
      </c>
      <c r="B4290" s="17"/>
      <c r="C4290" s="17"/>
      <c r="D4290" s="18" t="s">
        <v>2145</v>
      </c>
      <c r="E4290" s="18"/>
      <c r="F4290" s="18"/>
      <c r="G4290" s="18"/>
      <c r="H4290" s="18"/>
      <c r="I4290" s="18"/>
      <c r="J4290" s="18"/>
      <c r="K4290" s="18"/>
      <c r="L4290" s="18"/>
      <c r="M4290" s="18"/>
      <c r="N4290" s="18"/>
      <c r="O4290" s="18"/>
      <c r="P4290" s="20">
        <v>1200</v>
      </c>
      <c r="Q4290" s="20"/>
      <c r="R4290" s="20"/>
      <c r="S4290" s="20"/>
      <c r="T4290" s="20">
        <v>1050</v>
      </c>
      <c r="U4290" s="20"/>
      <c r="V4290" s="20"/>
      <c r="W4290" s="20"/>
      <c r="X4290" s="19">
        <v>18</v>
      </c>
      <c r="Y4290" s="19"/>
      <c r="Z4290" s="19"/>
      <c r="AA4290" s="19"/>
    </row>
    <row r="4291" spans="1:27" s="1" customFormat="1" ht="14.1" customHeight="1" outlineLevel="2" x14ac:dyDescent="0.2">
      <c r="A4291" s="17"/>
      <c r="B4291" s="17"/>
      <c r="C4291" s="17"/>
      <c r="D4291" s="18"/>
      <c r="E4291" s="18"/>
      <c r="F4291" s="18"/>
      <c r="G4291" s="18"/>
      <c r="H4291" s="18"/>
      <c r="I4291" s="18"/>
      <c r="J4291" s="18"/>
      <c r="K4291" s="18"/>
      <c r="L4291" s="18"/>
      <c r="M4291" s="18"/>
      <c r="N4291" s="18"/>
      <c r="O4291" s="18"/>
      <c r="P4291" s="20"/>
      <c r="Q4291" s="20"/>
      <c r="R4291" s="20"/>
      <c r="S4291" s="20"/>
      <c r="T4291" s="20"/>
      <c r="U4291" s="20"/>
      <c r="V4291" s="20"/>
      <c r="W4291" s="20"/>
      <c r="X4291" s="19"/>
      <c r="Y4291" s="19"/>
      <c r="Z4291" s="19"/>
      <c r="AA4291" s="19"/>
    </row>
    <row r="4292" spans="1:27" s="1" customFormat="1" ht="14.1" customHeight="1" outlineLevel="2" x14ac:dyDescent="0.2">
      <c r="A4292" s="17">
        <v>17119</v>
      </c>
      <c r="B4292" s="17"/>
      <c r="C4292" s="17"/>
      <c r="D4292" s="18" t="s">
        <v>2146</v>
      </c>
      <c r="E4292" s="18"/>
      <c r="F4292" s="18"/>
      <c r="G4292" s="18"/>
      <c r="H4292" s="18"/>
      <c r="I4292" s="18"/>
      <c r="J4292" s="18"/>
      <c r="K4292" s="18"/>
      <c r="L4292" s="18"/>
      <c r="M4292" s="18"/>
      <c r="N4292" s="18"/>
      <c r="O4292" s="18"/>
      <c r="P4292" s="20">
        <v>1750</v>
      </c>
      <c r="Q4292" s="20"/>
      <c r="R4292" s="20"/>
      <c r="S4292" s="20"/>
      <c r="T4292" s="20">
        <v>1450</v>
      </c>
      <c r="U4292" s="20"/>
      <c r="V4292" s="20"/>
      <c r="W4292" s="20"/>
      <c r="X4292" s="19">
        <v>8</v>
      </c>
      <c r="Y4292" s="19"/>
      <c r="Z4292" s="19"/>
      <c r="AA4292" s="19"/>
    </row>
    <row r="4293" spans="1:27" s="1" customFormat="1" ht="14.1" customHeight="1" outlineLevel="2" x14ac:dyDescent="0.2">
      <c r="A4293" s="17"/>
      <c r="B4293" s="17"/>
      <c r="C4293" s="17"/>
      <c r="D4293" s="18"/>
      <c r="E4293" s="18"/>
      <c r="F4293" s="18"/>
      <c r="G4293" s="18"/>
      <c r="H4293" s="18"/>
      <c r="I4293" s="18"/>
      <c r="J4293" s="18"/>
      <c r="K4293" s="18"/>
      <c r="L4293" s="18"/>
      <c r="M4293" s="18"/>
      <c r="N4293" s="18"/>
      <c r="O4293" s="18"/>
      <c r="P4293" s="20"/>
      <c r="Q4293" s="20"/>
      <c r="R4293" s="20"/>
      <c r="S4293" s="20"/>
      <c r="T4293" s="20"/>
      <c r="U4293" s="20"/>
      <c r="V4293" s="20"/>
      <c r="W4293" s="20"/>
      <c r="X4293" s="19"/>
      <c r="Y4293" s="19"/>
      <c r="Z4293" s="19"/>
      <c r="AA4293" s="19"/>
    </row>
    <row r="4294" spans="1:27" s="1" customFormat="1" ht="14.1" customHeight="1" outlineLevel="2" x14ac:dyDescent="0.2">
      <c r="A4294" s="17">
        <v>13654</v>
      </c>
      <c r="B4294" s="17"/>
      <c r="C4294" s="17"/>
      <c r="D4294" s="18" t="s">
        <v>2147</v>
      </c>
      <c r="E4294" s="18"/>
      <c r="F4294" s="18"/>
      <c r="G4294" s="18"/>
      <c r="H4294" s="18"/>
      <c r="I4294" s="18"/>
      <c r="J4294" s="18"/>
      <c r="K4294" s="18"/>
      <c r="L4294" s="18"/>
      <c r="M4294" s="18"/>
      <c r="N4294" s="18"/>
      <c r="O4294" s="18"/>
      <c r="P4294" s="20">
        <v>1250</v>
      </c>
      <c r="Q4294" s="20"/>
      <c r="R4294" s="20"/>
      <c r="S4294" s="20"/>
      <c r="T4294" s="20">
        <v>1150</v>
      </c>
      <c r="U4294" s="20"/>
      <c r="V4294" s="20"/>
      <c r="W4294" s="20"/>
      <c r="X4294" s="19">
        <v>11</v>
      </c>
      <c r="Y4294" s="19"/>
      <c r="Z4294" s="19"/>
      <c r="AA4294" s="19"/>
    </row>
    <row r="4295" spans="1:27" s="1" customFormat="1" ht="14.1" customHeight="1" outlineLevel="2" x14ac:dyDescent="0.2">
      <c r="A4295" s="17"/>
      <c r="B4295" s="17"/>
      <c r="C4295" s="17"/>
      <c r="D4295" s="18"/>
      <c r="E4295" s="18"/>
      <c r="F4295" s="18"/>
      <c r="G4295" s="18"/>
      <c r="H4295" s="18"/>
      <c r="I4295" s="18"/>
      <c r="J4295" s="18"/>
      <c r="K4295" s="18"/>
      <c r="L4295" s="18"/>
      <c r="M4295" s="18"/>
      <c r="N4295" s="18"/>
      <c r="O4295" s="18"/>
      <c r="P4295" s="20"/>
      <c r="Q4295" s="20"/>
      <c r="R4295" s="20"/>
      <c r="S4295" s="20"/>
      <c r="T4295" s="20"/>
      <c r="U4295" s="20"/>
      <c r="V4295" s="20"/>
      <c r="W4295" s="20"/>
      <c r="X4295" s="19"/>
      <c r="Y4295" s="19"/>
      <c r="Z4295" s="19"/>
      <c r="AA4295" s="19"/>
    </row>
    <row r="4296" spans="1:27" s="1" customFormat="1" ht="14.1" customHeight="1" outlineLevel="2" x14ac:dyDescent="0.2">
      <c r="A4296" s="17">
        <v>14326</v>
      </c>
      <c r="B4296" s="17"/>
      <c r="C4296" s="17"/>
      <c r="D4296" s="18" t="s">
        <v>2148</v>
      </c>
      <c r="E4296" s="18"/>
      <c r="F4296" s="18"/>
      <c r="G4296" s="18"/>
      <c r="H4296" s="18"/>
      <c r="I4296" s="18"/>
      <c r="J4296" s="18"/>
      <c r="K4296" s="18"/>
      <c r="L4296" s="18"/>
      <c r="M4296" s="18"/>
      <c r="N4296" s="18"/>
      <c r="O4296" s="18"/>
      <c r="P4296" s="20">
        <v>1600</v>
      </c>
      <c r="Q4296" s="20"/>
      <c r="R4296" s="20"/>
      <c r="S4296" s="20"/>
      <c r="T4296" s="20">
        <v>1450</v>
      </c>
      <c r="U4296" s="20"/>
      <c r="V4296" s="20"/>
      <c r="W4296" s="20"/>
      <c r="X4296" s="19">
        <v>89</v>
      </c>
      <c r="Y4296" s="19"/>
      <c r="Z4296" s="19"/>
      <c r="AA4296" s="19"/>
    </row>
    <row r="4297" spans="1:27" s="1" customFormat="1" ht="14.1" customHeight="1" outlineLevel="2" x14ac:dyDescent="0.2">
      <c r="A4297" s="17"/>
      <c r="B4297" s="17"/>
      <c r="C4297" s="17"/>
      <c r="D4297" s="18"/>
      <c r="E4297" s="18"/>
      <c r="F4297" s="18"/>
      <c r="G4297" s="18"/>
      <c r="H4297" s="18"/>
      <c r="I4297" s="18"/>
      <c r="J4297" s="18"/>
      <c r="K4297" s="18"/>
      <c r="L4297" s="18"/>
      <c r="M4297" s="18"/>
      <c r="N4297" s="18"/>
      <c r="O4297" s="18"/>
      <c r="P4297" s="20"/>
      <c r="Q4297" s="20"/>
      <c r="R4297" s="20"/>
      <c r="S4297" s="20"/>
      <c r="T4297" s="20"/>
      <c r="U4297" s="20"/>
      <c r="V4297" s="20"/>
      <c r="W4297" s="20"/>
      <c r="X4297" s="19"/>
      <c r="Y4297" s="19"/>
      <c r="Z4297" s="19"/>
      <c r="AA4297" s="19"/>
    </row>
    <row r="4298" spans="1:27" s="1" customFormat="1" ht="14.1" customHeight="1" outlineLevel="2" x14ac:dyDescent="0.2">
      <c r="A4298" s="17">
        <v>13186</v>
      </c>
      <c r="B4298" s="17"/>
      <c r="C4298" s="17"/>
      <c r="D4298" s="18" t="s">
        <v>2149</v>
      </c>
      <c r="E4298" s="18"/>
      <c r="F4298" s="18"/>
      <c r="G4298" s="18"/>
      <c r="H4298" s="18"/>
      <c r="I4298" s="18"/>
      <c r="J4298" s="18"/>
      <c r="K4298" s="18"/>
      <c r="L4298" s="18"/>
      <c r="M4298" s="18"/>
      <c r="N4298" s="18"/>
      <c r="O4298" s="18"/>
      <c r="P4298" s="20">
        <v>1300</v>
      </c>
      <c r="Q4298" s="20"/>
      <c r="R4298" s="20"/>
      <c r="S4298" s="20"/>
      <c r="T4298" s="20">
        <v>1200</v>
      </c>
      <c r="U4298" s="20"/>
      <c r="V4298" s="20"/>
      <c r="W4298" s="20"/>
      <c r="X4298" s="19">
        <v>14</v>
      </c>
      <c r="Y4298" s="19"/>
      <c r="Z4298" s="19"/>
      <c r="AA4298" s="19"/>
    </row>
    <row r="4299" spans="1:27" s="1" customFormat="1" ht="14.1" customHeight="1" outlineLevel="2" x14ac:dyDescent="0.2">
      <c r="A4299" s="17"/>
      <c r="B4299" s="17"/>
      <c r="C4299" s="17"/>
      <c r="D4299" s="18"/>
      <c r="E4299" s="18"/>
      <c r="F4299" s="18"/>
      <c r="G4299" s="18"/>
      <c r="H4299" s="18"/>
      <c r="I4299" s="18"/>
      <c r="J4299" s="18"/>
      <c r="K4299" s="18"/>
      <c r="L4299" s="18"/>
      <c r="M4299" s="18"/>
      <c r="N4299" s="18"/>
      <c r="O4299" s="18"/>
      <c r="P4299" s="20"/>
      <c r="Q4299" s="20"/>
      <c r="R4299" s="20"/>
      <c r="S4299" s="20"/>
      <c r="T4299" s="20"/>
      <c r="U4299" s="20"/>
      <c r="V4299" s="20"/>
      <c r="W4299" s="20"/>
      <c r="X4299" s="19"/>
      <c r="Y4299" s="19"/>
      <c r="Z4299" s="19"/>
      <c r="AA4299" s="19"/>
    </row>
    <row r="4300" spans="1:27" s="1" customFormat="1" ht="11.1" customHeight="1" outlineLevel="2" x14ac:dyDescent="0.2">
      <c r="A4300" s="17">
        <v>11320</v>
      </c>
      <c r="B4300" s="17"/>
      <c r="C4300" s="17"/>
      <c r="D4300" s="18" t="s">
        <v>2150</v>
      </c>
      <c r="E4300" s="18"/>
      <c r="F4300" s="18"/>
      <c r="G4300" s="18"/>
      <c r="H4300" s="18"/>
      <c r="I4300" s="18"/>
      <c r="J4300" s="18"/>
      <c r="K4300" s="18"/>
      <c r="L4300" s="18"/>
      <c r="M4300" s="18"/>
      <c r="N4300" s="18"/>
      <c r="O4300" s="18"/>
      <c r="P4300" s="20">
        <v>1550</v>
      </c>
      <c r="Q4300" s="20"/>
      <c r="R4300" s="20"/>
      <c r="S4300" s="20"/>
      <c r="T4300" s="20">
        <v>1470</v>
      </c>
      <c r="U4300" s="20"/>
      <c r="V4300" s="20"/>
      <c r="W4300" s="20"/>
      <c r="X4300" s="19">
        <v>6</v>
      </c>
      <c r="Y4300" s="19"/>
      <c r="Z4300" s="19"/>
      <c r="AA4300" s="19"/>
    </row>
    <row r="4301" spans="1:27" s="1" customFormat="1" ht="11.1" customHeight="1" outlineLevel="2" x14ac:dyDescent="0.2">
      <c r="A4301" s="17"/>
      <c r="B4301" s="17"/>
      <c r="C4301" s="17"/>
      <c r="D4301" s="18"/>
      <c r="E4301" s="18"/>
      <c r="F4301" s="18"/>
      <c r="G4301" s="18"/>
      <c r="H4301" s="18"/>
      <c r="I4301" s="18"/>
      <c r="J4301" s="18"/>
      <c r="K4301" s="18"/>
      <c r="L4301" s="18"/>
      <c r="M4301" s="18"/>
      <c r="N4301" s="18"/>
      <c r="O4301" s="18"/>
      <c r="P4301" s="20"/>
      <c r="Q4301" s="20"/>
      <c r="R4301" s="20"/>
      <c r="S4301" s="20"/>
      <c r="T4301" s="20"/>
      <c r="U4301" s="20"/>
      <c r="V4301" s="20"/>
      <c r="W4301" s="20"/>
      <c r="X4301" s="19"/>
      <c r="Y4301" s="19"/>
      <c r="Z4301" s="19"/>
      <c r="AA4301" s="19"/>
    </row>
    <row r="4302" spans="1:27" s="1" customFormat="1" ht="11.1" customHeight="1" outlineLevel="2" x14ac:dyDescent="0.2">
      <c r="A4302" s="17">
        <v>8843</v>
      </c>
      <c r="B4302" s="17"/>
      <c r="C4302" s="17"/>
      <c r="D4302" s="18" t="s">
        <v>2151</v>
      </c>
      <c r="E4302" s="18"/>
      <c r="F4302" s="18"/>
      <c r="G4302" s="18"/>
      <c r="H4302" s="18"/>
      <c r="I4302" s="18"/>
      <c r="J4302" s="18"/>
      <c r="K4302" s="18"/>
      <c r="L4302" s="18"/>
      <c r="M4302" s="18"/>
      <c r="N4302" s="18"/>
      <c r="O4302" s="18"/>
      <c r="P4302" s="20">
        <v>1550</v>
      </c>
      <c r="Q4302" s="20"/>
      <c r="R4302" s="20"/>
      <c r="S4302" s="20"/>
      <c r="T4302" s="20">
        <v>1470</v>
      </c>
      <c r="U4302" s="20"/>
      <c r="V4302" s="20"/>
      <c r="W4302" s="20"/>
      <c r="X4302" s="19">
        <v>4</v>
      </c>
      <c r="Y4302" s="19"/>
      <c r="Z4302" s="19"/>
      <c r="AA4302" s="19"/>
    </row>
    <row r="4303" spans="1:27" s="1" customFormat="1" ht="11.1" customHeight="1" outlineLevel="2" x14ac:dyDescent="0.2">
      <c r="A4303" s="17"/>
      <c r="B4303" s="17"/>
      <c r="C4303" s="17"/>
      <c r="D4303" s="18"/>
      <c r="E4303" s="18"/>
      <c r="F4303" s="18"/>
      <c r="G4303" s="18"/>
      <c r="H4303" s="18"/>
      <c r="I4303" s="18"/>
      <c r="J4303" s="18"/>
      <c r="K4303" s="18"/>
      <c r="L4303" s="18"/>
      <c r="M4303" s="18"/>
      <c r="N4303" s="18"/>
      <c r="O4303" s="18"/>
      <c r="P4303" s="20"/>
      <c r="Q4303" s="20"/>
      <c r="R4303" s="20"/>
      <c r="S4303" s="20"/>
      <c r="T4303" s="20"/>
      <c r="U4303" s="20"/>
      <c r="V4303" s="20"/>
      <c r="W4303" s="20"/>
      <c r="X4303" s="19"/>
      <c r="Y4303" s="19"/>
      <c r="Z4303" s="19"/>
      <c r="AA4303" s="19"/>
    </row>
    <row r="4304" spans="1:27" s="1" customFormat="1" ht="14.1" customHeight="1" outlineLevel="2" x14ac:dyDescent="0.2">
      <c r="A4304" s="17">
        <v>10818</v>
      </c>
      <c r="B4304" s="17"/>
      <c r="C4304" s="17"/>
      <c r="D4304" s="18" t="s">
        <v>2152</v>
      </c>
      <c r="E4304" s="18"/>
      <c r="F4304" s="18"/>
      <c r="G4304" s="18"/>
      <c r="H4304" s="18"/>
      <c r="I4304" s="18"/>
      <c r="J4304" s="18"/>
      <c r="K4304" s="18"/>
      <c r="L4304" s="18"/>
      <c r="M4304" s="18"/>
      <c r="N4304" s="18"/>
      <c r="O4304" s="18"/>
      <c r="P4304" s="20">
        <v>2600</v>
      </c>
      <c r="Q4304" s="20"/>
      <c r="R4304" s="20"/>
      <c r="S4304" s="20"/>
      <c r="T4304" s="20">
        <v>2500</v>
      </c>
      <c r="U4304" s="20"/>
      <c r="V4304" s="20"/>
      <c r="W4304" s="20"/>
      <c r="X4304" s="19">
        <v>1</v>
      </c>
      <c r="Y4304" s="19"/>
      <c r="Z4304" s="19"/>
      <c r="AA4304" s="19"/>
    </row>
    <row r="4305" spans="1:27" s="1" customFormat="1" ht="14.1" customHeight="1" outlineLevel="2" x14ac:dyDescent="0.2">
      <c r="A4305" s="17"/>
      <c r="B4305" s="17"/>
      <c r="C4305" s="17"/>
      <c r="D4305" s="18"/>
      <c r="E4305" s="18"/>
      <c r="F4305" s="18"/>
      <c r="G4305" s="18"/>
      <c r="H4305" s="18"/>
      <c r="I4305" s="18"/>
      <c r="J4305" s="18"/>
      <c r="K4305" s="18"/>
      <c r="L4305" s="18"/>
      <c r="M4305" s="18"/>
      <c r="N4305" s="18"/>
      <c r="O4305" s="18"/>
      <c r="P4305" s="20"/>
      <c r="Q4305" s="20"/>
      <c r="R4305" s="20"/>
      <c r="S4305" s="20"/>
      <c r="T4305" s="20"/>
      <c r="U4305" s="20"/>
      <c r="V4305" s="20"/>
      <c r="W4305" s="20"/>
      <c r="X4305" s="19"/>
      <c r="Y4305" s="19"/>
      <c r="Z4305" s="19"/>
      <c r="AA4305" s="19"/>
    </row>
    <row r="4306" spans="1:27" s="1" customFormat="1" ht="14.1" customHeight="1" outlineLevel="2" x14ac:dyDescent="0.2">
      <c r="A4306" s="17">
        <v>13742</v>
      </c>
      <c r="B4306" s="17"/>
      <c r="C4306" s="17"/>
      <c r="D4306" s="18" t="s">
        <v>2153</v>
      </c>
      <c r="E4306" s="18"/>
      <c r="F4306" s="18"/>
      <c r="G4306" s="18"/>
      <c r="H4306" s="18"/>
      <c r="I4306" s="18"/>
      <c r="J4306" s="18"/>
      <c r="K4306" s="18"/>
      <c r="L4306" s="18"/>
      <c r="M4306" s="18"/>
      <c r="N4306" s="18"/>
      <c r="O4306" s="18"/>
      <c r="P4306" s="19">
        <v>220</v>
      </c>
      <c r="Q4306" s="19"/>
      <c r="R4306" s="19"/>
      <c r="S4306" s="19"/>
      <c r="T4306" s="19">
        <v>160</v>
      </c>
      <c r="U4306" s="19"/>
      <c r="V4306" s="19"/>
      <c r="W4306" s="19"/>
      <c r="X4306" s="19">
        <v>18</v>
      </c>
      <c r="Y4306" s="19"/>
      <c r="Z4306" s="19"/>
      <c r="AA4306" s="19"/>
    </row>
    <row r="4307" spans="1:27" s="1" customFormat="1" ht="14.1" customHeight="1" outlineLevel="2" x14ac:dyDescent="0.2">
      <c r="A4307" s="17"/>
      <c r="B4307" s="17"/>
      <c r="C4307" s="17"/>
      <c r="D4307" s="18"/>
      <c r="E4307" s="18"/>
      <c r="F4307" s="18"/>
      <c r="G4307" s="18"/>
      <c r="H4307" s="18"/>
      <c r="I4307" s="18"/>
      <c r="J4307" s="18"/>
      <c r="K4307" s="18"/>
      <c r="L4307" s="18"/>
      <c r="M4307" s="18"/>
      <c r="N4307" s="18"/>
      <c r="O4307" s="18"/>
      <c r="P4307" s="19"/>
      <c r="Q4307" s="19"/>
      <c r="R4307" s="19"/>
      <c r="S4307" s="19"/>
      <c r="T4307" s="19"/>
      <c r="U4307" s="19"/>
      <c r="V4307" s="19"/>
      <c r="W4307" s="19"/>
      <c r="X4307" s="19"/>
      <c r="Y4307" s="19"/>
      <c r="Z4307" s="19"/>
      <c r="AA4307" s="19"/>
    </row>
    <row r="4308" spans="1:27" s="1" customFormat="1" ht="14.1" customHeight="1" outlineLevel="2" x14ac:dyDescent="0.2">
      <c r="A4308" s="17">
        <v>14349</v>
      </c>
      <c r="B4308" s="17"/>
      <c r="C4308" s="17"/>
      <c r="D4308" s="18" t="s">
        <v>2154</v>
      </c>
      <c r="E4308" s="18"/>
      <c r="F4308" s="18"/>
      <c r="G4308" s="18"/>
      <c r="H4308" s="18"/>
      <c r="I4308" s="18"/>
      <c r="J4308" s="18"/>
      <c r="K4308" s="18"/>
      <c r="L4308" s="18"/>
      <c r="M4308" s="18"/>
      <c r="N4308" s="18"/>
      <c r="O4308" s="18"/>
      <c r="P4308" s="19">
        <v>210</v>
      </c>
      <c r="Q4308" s="19"/>
      <c r="R4308" s="19"/>
      <c r="S4308" s="19"/>
      <c r="T4308" s="19">
        <v>150</v>
      </c>
      <c r="U4308" s="19"/>
      <c r="V4308" s="19"/>
      <c r="W4308" s="19"/>
      <c r="X4308" s="19">
        <v>30</v>
      </c>
      <c r="Y4308" s="19"/>
      <c r="Z4308" s="19"/>
      <c r="AA4308" s="19"/>
    </row>
    <row r="4309" spans="1:27" s="1" customFormat="1" ht="14.1" customHeight="1" outlineLevel="2" x14ac:dyDescent="0.2">
      <c r="A4309" s="17"/>
      <c r="B4309" s="17"/>
      <c r="C4309" s="17"/>
      <c r="D4309" s="18"/>
      <c r="E4309" s="18"/>
      <c r="F4309" s="18"/>
      <c r="G4309" s="18"/>
      <c r="H4309" s="18"/>
      <c r="I4309" s="18"/>
      <c r="J4309" s="18"/>
      <c r="K4309" s="18"/>
      <c r="L4309" s="18"/>
      <c r="M4309" s="18"/>
      <c r="N4309" s="18"/>
      <c r="O4309" s="18"/>
      <c r="P4309" s="19"/>
      <c r="Q4309" s="19"/>
      <c r="R4309" s="19"/>
      <c r="S4309" s="19"/>
      <c r="T4309" s="19"/>
      <c r="U4309" s="19"/>
      <c r="V4309" s="19"/>
      <c r="W4309" s="19"/>
      <c r="X4309" s="19"/>
      <c r="Y4309" s="19"/>
      <c r="Z4309" s="19"/>
      <c r="AA4309" s="19"/>
    </row>
    <row r="4310" spans="1:27" s="1" customFormat="1" ht="11.1" customHeight="1" outlineLevel="2" x14ac:dyDescent="0.2">
      <c r="A4310" s="17">
        <v>13610</v>
      </c>
      <c r="B4310" s="17"/>
      <c r="C4310" s="17"/>
      <c r="D4310" s="18" t="s">
        <v>2155</v>
      </c>
      <c r="E4310" s="18"/>
      <c r="F4310" s="18"/>
      <c r="G4310" s="18"/>
      <c r="H4310" s="18"/>
      <c r="I4310" s="18"/>
      <c r="J4310" s="18"/>
      <c r="K4310" s="18"/>
      <c r="L4310" s="18"/>
      <c r="M4310" s="18"/>
      <c r="N4310" s="18"/>
      <c r="O4310" s="18"/>
      <c r="P4310" s="19">
        <v>220</v>
      </c>
      <c r="Q4310" s="19"/>
      <c r="R4310" s="19"/>
      <c r="S4310" s="19"/>
      <c r="T4310" s="19">
        <v>160</v>
      </c>
      <c r="U4310" s="19"/>
      <c r="V4310" s="19"/>
      <c r="W4310" s="19"/>
      <c r="X4310" s="19">
        <v>20</v>
      </c>
      <c r="Y4310" s="19"/>
      <c r="Z4310" s="19"/>
      <c r="AA4310" s="19"/>
    </row>
    <row r="4311" spans="1:27" s="1" customFormat="1" ht="11.1" customHeight="1" outlineLevel="2" x14ac:dyDescent="0.2">
      <c r="A4311" s="17"/>
      <c r="B4311" s="17"/>
      <c r="C4311" s="17"/>
      <c r="D4311" s="18"/>
      <c r="E4311" s="18"/>
      <c r="F4311" s="18"/>
      <c r="G4311" s="18"/>
      <c r="H4311" s="18"/>
      <c r="I4311" s="18"/>
      <c r="J4311" s="18"/>
      <c r="K4311" s="18"/>
      <c r="L4311" s="18"/>
      <c r="M4311" s="18"/>
      <c r="N4311" s="18"/>
      <c r="O4311" s="18"/>
      <c r="P4311" s="19"/>
      <c r="Q4311" s="19"/>
      <c r="R4311" s="19"/>
      <c r="S4311" s="19"/>
      <c r="T4311" s="19"/>
      <c r="U4311" s="19"/>
      <c r="V4311" s="19"/>
      <c r="W4311" s="19"/>
      <c r="X4311" s="19"/>
      <c r="Y4311" s="19"/>
      <c r="Z4311" s="19"/>
      <c r="AA4311" s="19"/>
    </row>
    <row r="4312" spans="1:27" s="1" customFormat="1" ht="11.1" customHeight="1" outlineLevel="2" x14ac:dyDescent="0.2">
      <c r="A4312" s="17">
        <v>13741</v>
      </c>
      <c r="B4312" s="17"/>
      <c r="C4312" s="17"/>
      <c r="D4312" s="18" t="s">
        <v>2156</v>
      </c>
      <c r="E4312" s="18"/>
      <c r="F4312" s="18"/>
      <c r="G4312" s="18"/>
      <c r="H4312" s="18"/>
      <c r="I4312" s="18"/>
      <c r="J4312" s="18"/>
      <c r="K4312" s="18"/>
      <c r="L4312" s="18"/>
      <c r="M4312" s="18"/>
      <c r="N4312" s="18"/>
      <c r="O4312" s="18"/>
      <c r="P4312" s="19">
        <v>220</v>
      </c>
      <c r="Q4312" s="19"/>
      <c r="R4312" s="19"/>
      <c r="S4312" s="19"/>
      <c r="T4312" s="19">
        <v>160</v>
      </c>
      <c r="U4312" s="19"/>
      <c r="V4312" s="19"/>
      <c r="W4312" s="19"/>
      <c r="X4312" s="19">
        <v>18</v>
      </c>
      <c r="Y4312" s="19"/>
      <c r="Z4312" s="19"/>
      <c r="AA4312" s="19"/>
    </row>
    <row r="4313" spans="1:27" s="1" customFormat="1" ht="11.1" customHeight="1" outlineLevel="2" x14ac:dyDescent="0.2">
      <c r="A4313" s="17"/>
      <c r="B4313" s="17"/>
      <c r="C4313" s="17"/>
      <c r="D4313" s="18"/>
      <c r="E4313" s="18"/>
      <c r="F4313" s="18"/>
      <c r="G4313" s="18"/>
      <c r="H4313" s="18"/>
      <c r="I4313" s="18"/>
      <c r="J4313" s="18"/>
      <c r="K4313" s="18"/>
      <c r="L4313" s="18"/>
      <c r="M4313" s="18"/>
      <c r="N4313" s="18"/>
      <c r="O4313" s="18"/>
      <c r="P4313" s="19"/>
      <c r="Q4313" s="19"/>
      <c r="R4313" s="19"/>
      <c r="S4313" s="19"/>
      <c r="T4313" s="19"/>
      <c r="U4313" s="19"/>
      <c r="V4313" s="19"/>
      <c r="W4313" s="19"/>
      <c r="X4313" s="19"/>
      <c r="Y4313" s="19"/>
      <c r="Z4313" s="19"/>
      <c r="AA4313" s="19"/>
    </row>
    <row r="4314" spans="1:27" s="1" customFormat="1" ht="14.1" customHeight="1" outlineLevel="2" x14ac:dyDescent="0.2">
      <c r="A4314" s="17">
        <v>13611</v>
      </c>
      <c r="B4314" s="17"/>
      <c r="C4314" s="17"/>
      <c r="D4314" s="18" t="s">
        <v>2157</v>
      </c>
      <c r="E4314" s="18"/>
      <c r="F4314" s="18"/>
      <c r="G4314" s="18"/>
      <c r="H4314" s="18"/>
      <c r="I4314" s="18"/>
      <c r="J4314" s="18"/>
      <c r="K4314" s="18"/>
      <c r="L4314" s="18"/>
      <c r="M4314" s="18"/>
      <c r="N4314" s="18"/>
      <c r="O4314" s="18"/>
      <c r="P4314" s="19">
        <v>220</v>
      </c>
      <c r="Q4314" s="19"/>
      <c r="R4314" s="19"/>
      <c r="S4314" s="19"/>
      <c r="T4314" s="19">
        <v>160</v>
      </c>
      <c r="U4314" s="19"/>
      <c r="V4314" s="19"/>
      <c r="W4314" s="19"/>
      <c r="X4314" s="19">
        <v>18</v>
      </c>
      <c r="Y4314" s="19"/>
      <c r="Z4314" s="19"/>
      <c r="AA4314" s="19"/>
    </row>
    <row r="4315" spans="1:27" s="1" customFormat="1" ht="14.1" customHeight="1" outlineLevel="2" x14ac:dyDescent="0.2">
      <c r="A4315" s="17"/>
      <c r="B4315" s="17"/>
      <c r="C4315" s="17"/>
      <c r="D4315" s="18"/>
      <c r="E4315" s="18"/>
      <c r="F4315" s="18"/>
      <c r="G4315" s="18"/>
      <c r="H4315" s="18"/>
      <c r="I4315" s="18"/>
      <c r="J4315" s="18"/>
      <c r="K4315" s="18"/>
      <c r="L4315" s="18"/>
      <c r="M4315" s="18"/>
      <c r="N4315" s="18"/>
      <c r="O4315" s="18"/>
      <c r="P4315" s="19"/>
      <c r="Q4315" s="19"/>
      <c r="R4315" s="19"/>
      <c r="S4315" s="19"/>
      <c r="T4315" s="19"/>
      <c r="U4315" s="19"/>
      <c r="V4315" s="19"/>
      <c r="W4315" s="19"/>
      <c r="X4315" s="19"/>
      <c r="Y4315" s="19"/>
      <c r="Z4315" s="19"/>
      <c r="AA4315" s="19"/>
    </row>
    <row r="4316" spans="1:27" s="1" customFormat="1" ht="11.1" customHeight="1" outlineLevel="2" x14ac:dyDescent="0.2">
      <c r="A4316" s="17">
        <v>16077</v>
      </c>
      <c r="B4316" s="17"/>
      <c r="C4316" s="17"/>
      <c r="D4316" s="18" t="s">
        <v>2158</v>
      </c>
      <c r="E4316" s="18"/>
      <c r="F4316" s="18"/>
      <c r="G4316" s="18"/>
      <c r="H4316" s="18"/>
      <c r="I4316" s="18"/>
      <c r="J4316" s="18"/>
      <c r="K4316" s="18"/>
      <c r="L4316" s="18"/>
      <c r="M4316" s="18"/>
      <c r="N4316" s="18"/>
      <c r="O4316" s="18"/>
      <c r="P4316" s="19">
        <v>60</v>
      </c>
      <c r="Q4316" s="19"/>
      <c r="R4316" s="19"/>
      <c r="S4316" s="19"/>
      <c r="T4316" s="19">
        <v>40</v>
      </c>
      <c r="U4316" s="19"/>
      <c r="V4316" s="19"/>
      <c r="W4316" s="19"/>
      <c r="X4316" s="19">
        <v>100</v>
      </c>
      <c r="Y4316" s="19"/>
      <c r="Z4316" s="19"/>
      <c r="AA4316" s="19"/>
    </row>
    <row r="4317" spans="1:27" s="1" customFormat="1" ht="11.1" customHeight="1" outlineLevel="2" x14ac:dyDescent="0.2">
      <c r="A4317" s="17"/>
      <c r="B4317" s="17"/>
      <c r="C4317" s="17"/>
      <c r="D4317" s="18"/>
      <c r="E4317" s="18"/>
      <c r="F4317" s="18"/>
      <c r="G4317" s="18"/>
      <c r="H4317" s="18"/>
      <c r="I4317" s="18"/>
      <c r="J4317" s="18"/>
      <c r="K4317" s="18"/>
      <c r="L4317" s="18"/>
      <c r="M4317" s="18"/>
      <c r="N4317" s="18"/>
      <c r="O4317" s="18"/>
      <c r="P4317" s="19"/>
      <c r="Q4317" s="19"/>
      <c r="R4317" s="19"/>
      <c r="S4317" s="19"/>
      <c r="T4317" s="19"/>
      <c r="U4317" s="19"/>
      <c r="V4317" s="19"/>
      <c r="W4317" s="19"/>
      <c r="X4317" s="19"/>
      <c r="Y4317" s="19"/>
      <c r="Z4317" s="19"/>
      <c r="AA4317" s="19"/>
    </row>
    <row r="4318" spans="1:27" s="1" customFormat="1" ht="11.1" customHeight="1" outlineLevel="2" x14ac:dyDescent="0.2">
      <c r="A4318" s="17">
        <v>13747</v>
      </c>
      <c r="B4318" s="17"/>
      <c r="C4318" s="17"/>
      <c r="D4318" s="18" t="s">
        <v>2159</v>
      </c>
      <c r="E4318" s="18"/>
      <c r="F4318" s="18"/>
      <c r="G4318" s="18"/>
      <c r="H4318" s="18"/>
      <c r="I4318" s="18"/>
      <c r="J4318" s="18"/>
      <c r="K4318" s="18"/>
      <c r="L4318" s="18"/>
      <c r="M4318" s="18"/>
      <c r="N4318" s="18"/>
      <c r="O4318" s="18"/>
      <c r="P4318" s="19">
        <v>60</v>
      </c>
      <c r="Q4318" s="19"/>
      <c r="R4318" s="19"/>
      <c r="S4318" s="19"/>
      <c r="T4318" s="19">
        <v>35</v>
      </c>
      <c r="U4318" s="19"/>
      <c r="V4318" s="19"/>
      <c r="W4318" s="19"/>
      <c r="X4318" s="19">
        <v>47</v>
      </c>
      <c r="Y4318" s="19"/>
      <c r="Z4318" s="19"/>
      <c r="AA4318" s="19"/>
    </row>
    <row r="4319" spans="1:27" s="1" customFormat="1" ht="11.1" customHeight="1" outlineLevel="2" x14ac:dyDescent="0.2">
      <c r="A4319" s="17"/>
      <c r="B4319" s="17"/>
      <c r="C4319" s="17"/>
      <c r="D4319" s="18"/>
      <c r="E4319" s="18"/>
      <c r="F4319" s="18"/>
      <c r="G4319" s="18"/>
      <c r="H4319" s="18"/>
      <c r="I4319" s="18"/>
      <c r="J4319" s="18"/>
      <c r="K4319" s="18"/>
      <c r="L4319" s="18"/>
      <c r="M4319" s="18"/>
      <c r="N4319" s="18"/>
      <c r="O4319" s="18"/>
      <c r="P4319" s="19"/>
      <c r="Q4319" s="19"/>
      <c r="R4319" s="19"/>
      <c r="S4319" s="19"/>
      <c r="T4319" s="19"/>
      <c r="U4319" s="19"/>
      <c r="V4319" s="19"/>
      <c r="W4319" s="19"/>
      <c r="X4319" s="19"/>
      <c r="Y4319" s="19"/>
      <c r="Z4319" s="19"/>
      <c r="AA4319" s="19"/>
    </row>
    <row r="4320" spans="1:27" s="1" customFormat="1" ht="14.1" customHeight="1" outlineLevel="2" x14ac:dyDescent="0.2">
      <c r="A4320" s="17">
        <v>13748</v>
      </c>
      <c r="B4320" s="17"/>
      <c r="C4320" s="17"/>
      <c r="D4320" s="18" t="s">
        <v>2160</v>
      </c>
      <c r="E4320" s="18"/>
      <c r="F4320" s="18"/>
      <c r="G4320" s="18"/>
      <c r="H4320" s="18"/>
      <c r="I4320" s="18"/>
      <c r="J4320" s="18"/>
      <c r="K4320" s="18"/>
      <c r="L4320" s="18"/>
      <c r="M4320" s="18"/>
      <c r="N4320" s="18"/>
      <c r="O4320" s="18"/>
      <c r="P4320" s="19">
        <v>60</v>
      </c>
      <c r="Q4320" s="19"/>
      <c r="R4320" s="19"/>
      <c r="S4320" s="19"/>
      <c r="T4320" s="19">
        <v>35</v>
      </c>
      <c r="U4320" s="19"/>
      <c r="V4320" s="19"/>
      <c r="W4320" s="19"/>
      <c r="X4320" s="19">
        <v>23</v>
      </c>
      <c r="Y4320" s="19"/>
      <c r="Z4320" s="19"/>
      <c r="AA4320" s="19"/>
    </row>
    <row r="4321" spans="1:27" s="1" customFormat="1" ht="14.1" customHeight="1" outlineLevel="2" x14ac:dyDescent="0.2">
      <c r="A4321" s="17"/>
      <c r="B4321" s="17"/>
      <c r="C4321" s="17"/>
      <c r="D4321" s="18"/>
      <c r="E4321" s="18"/>
      <c r="F4321" s="18"/>
      <c r="G4321" s="18"/>
      <c r="H4321" s="18"/>
      <c r="I4321" s="18"/>
      <c r="J4321" s="18"/>
      <c r="K4321" s="18"/>
      <c r="L4321" s="18"/>
      <c r="M4321" s="18"/>
      <c r="N4321" s="18"/>
      <c r="O4321" s="18"/>
      <c r="P4321" s="19"/>
      <c r="Q4321" s="19"/>
      <c r="R4321" s="19"/>
      <c r="S4321" s="19"/>
      <c r="T4321" s="19"/>
      <c r="U4321" s="19"/>
      <c r="V4321" s="19"/>
      <c r="W4321" s="19"/>
      <c r="X4321" s="19"/>
      <c r="Y4321" s="19"/>
      <c r="Z4321" s="19"/>
      <c r="AA4321" s="19"/>
    </row>
    <row r="4322" spans="1:27" s="1" customFormat="1" ht="11.1" customHeight="1" outlineLevel="2" x14ac:dyDescent="0.2">
      <c r="A4322" s="17">
        <v>13746</v>
      </c>
      <c r="B4322" s="17"/>
      <c r="C4322" s="17"/>
      <c r="D4322" s="18" t="s">
        <v>2161</v>
      </c>
      <c r="E4322" s="18"/>
      <c r="F4322" s="18"/>
      <c r="G4322" s="18"/>
      <c r="H4322" s="18"/>
      <c r="I4322" s="18"/>
      <c r="J4322" s="18"/>
      <c r="K4322" s="18"/>
      <c r="L4322" s="18"/>
      <c r="M4322" s="18"/>
      <c r="N4322" s="18"/>
      <c r="O4322" s="18"/>
      <c r="P4322" s="19">
        <v>60</v>
      </c>
      <c r="Q4322" s="19"/>
      <c r="R4322" s="19"/>
      <c r="S4322" s="19"/>
      <c r="T4322" s="19">
        <v>35</v>
      </c>
      <c r="U4322" s="19"/>
      <c r="V4322" s="19"/>
      <c r="W4322" s="19"/>
      <c r="X4322" s="19">
        <v>47</v>
      </c>
      <c r="Y4322" s="19"/>
      <c r="Z4322" s="19"/>
      <c r="AA4322" s="19"/>
    </row>
    <row r="4323" spans="1:27" s="1" customFormat="1" ht="11.1" customHeight="1" outlineLevel="2" x14ac:dyDescent="0.2">
      <c r="A4323" s="17"/>
      <c r="B4323" s="17"/>
      <c r="C4323" s="17"/>
      <c r="D4323" s="18"/>
      <c r="E4323" s="18"/>
      <c r="F4323" s="18"/>
      <c r="G4323" s="18"/>
      <c r="H4323" s="18"/>
      <c r="I4323" s="18"/>
      <c r="J4323" s="18"/>
      <c r="K4323" s="18"/>
      <c r="L4323" s="18"/>
      <c r="M4323" s="18"/>
      <c r="N4323" s="18"/>
      <c r="O4323" s="18"/>
      <c r="P4323" s="19"/>
      <c r="Q4323" s="19"/>
      <c r="R4323" s="19"/>
      <c r="S4323" s="19"/>
      <c r="T4323" s="19"/>
      <c r="U4323" s="19"/>
      <c r="V4323" s="19"/>
      <c r="W4323" s="19"/>
      <c r="X4323" s="19"/>
      <c r="Y4323" s="19"/>
      <c r="Z4323" s="19"/>
      <c r="AA4323" s="19"/>
    </row>
    <row r="4324" spans="1:27" s="1" customFormat="1" ht="11.1" customHeight="1" outlineLevel="1" x14ac:dyDescent="0.2">
      <c r="A4324" s="16" t="s">
        <v>2162</v>
      </c>
      <c r="B4324" s="16"/>
      <c r="C4324" s="16"/>
      <c r="D4324" s="16"/>
      <c r="E4324" s="16"/>
      <c r="F4324" s="16"/>
      <c r="G4324" s="16"/>
      <c r="H4324" s="16"/>
      <c r="I4324" s="16"/>
      <c r="J4324" s="16"/>
      <c r="K4324" s="16"/>
      <c r="L4324" s="16"/>
      <c r="M4324" s="16"/>
      <c r="N4324" s="16"/>
      <c r="O4324" s="16"/>
      <c r="P4324" s="16"/>
      <c r="Q4324" s="16"/>
      <c r="R4324" s="16"/>
      <c r="S4324" s="16"/>
      <c r="T4324" s="16"/>
      <c r="U4324" s="16"/>
      <c r="V4324" s="16"/>
      <c r="W4324" s="16"/>
      <c r="X4324" s="16"/>
      <c r="Y4324" s="16"/>
      <c r="Z4324" s="16"/>
      <c r="AA4324" s="16"/>
    </row>
    <row r="4325" spans="1:27" s="1" customFormat="1" ht="11.1" customHeight="1" outlineLevel="1" x14ac:dyDescent="0.2">
      <c r="A4325" s="16"/>
      <c r="B4325" s="16"/>
      <c r="C4325" s="16"/>
      <c r="D4325" s="16"/>
      <c r="E4325" s="16"/>
      <c r="F4325" s="16"/>
      <c r="G4325" s="16"/>
      <c r="H4325" s="16"/>
      <c r="I4325" s="16"/>
      <c r="J4325" s="16"/>
      <c r="K4325" s="16"/>
      <c r="L4325" s="16"/>
      <c r="M4325" s="16"/>
      <c r="N4325" s="16"/>
      <c r="O4325" s="16"/>
      <c r="P4325" s="16"/>
      <c r="Q4325" s="16"/>
      <c r="R4325" s="16"/>
      <c r="S4325" s="16"/>
      <c r="T4325" s="16"/>
      <c r="U4325" s="16"/>
      <c r="V4325" s="16"/>
      <c r="W4325" s="16"/>
      <c r="X4325" s="16"/>
      <c r="Y4325" s="16"/>
      <c r="Z4325" s="16"/>
      <c r="AA4325" s="16"/>
    </row>
    <row r="4326" spans="1:27" s="1" customFormat="1" ht="11.1" customHeight="1" outlineLevel="2" x14ac:dyDescent="0.2">
      <c r="A4326" s="17">
        <v>6437</v>
      </c>
      <c r="B4326" s="17"/>
      <c r="C4326" s="17"/>
      <c r="D4326" s="18" t="s">
        <v>2163</v>
      </c>
      <c r="E4326" s="18"/>
      <c r="F4326" s="18"/>
      <c r="G4326" s="18"/>
      <c r="H4326" s="18"/>
      <c r="I4326" s="18"/>
      <c r="J4326" s="18"/>
      <c r="K4326" s="18"/>
      <c r="L4326" s="18"/>
      <c r="M4326" s="18"/>
      <c r="N4326" s="18"/>
      <c r="O4326" s="18"/>
      <c r="P4326" s="20">
        <v>1250</v>
      </c>
      <c r="Q4326" s="20"/>
      <c r="R4326" s="20"/>
      <c r="S4326" s="20"/>
      <c r="T4326" s="20">
        <v>1190</v>
      </c>
      <c r="U4326" s="20"/>
      <c r="V4326" s="20"/>
      <c r="W4326" s="20"/>
      <c r="X4326" s="19">
        <v>1</v>
      </c>
      <c r="Y4326" s="19"/>
      <c r="Z4326" s="19"/>
      <c r="AA4326" s="19"/>
    </row>
    <row r="4327" spans="1:27" s="1" customFormat="1" ht="11.1" customHeight="1" outlineLevel="2" x14ac:dyDescent="0.2">
      <c r="A4327" s="17"/>
      <c r="B4327" s="17"/>
      <c r="C4327" s="17"/>
      <c r="D4327" s="18"/>
      <c r="E4327" s="18"/>
      <c r="F4327" s="18"/>
      <c r="G4327" s="18"/>
      <c r="H4327" s="18"/>
      <c r="I4327" s="18"/>
      <c r="J4327" s="18"/>
      <c r="K4327" s="18"/>
      <c r="L4327" s="18"/>
      <c r="M4327" s="18"/>
      <c r="N4327" s="18"/>
      <c r="O4327" s="18"/>
      <c r="P4327" s="20"/>
      <c r="Q4327" s="20"/>
      <c r="R4327" s="20"/>
      <c r="S4327" s="20"/>
      <c r="T4327" s="20"/>
      <c r="U4327" s="20"/>
      <c r="V4327" s="20"/>
      <c r="W4327" s="20"/>
      <c r="X4327" s="19"/>
      <c r="Y4327" s="19"/>
      <c r="Z4327" s="19"/>
      <c r="AA4327" s="19"/>
    </row>
    <row r="4328" spans="1:27" s="1" customFormat="1" ht="11.1" customHeight="1" outlineLevel="2" x14ac:dyDescent="0.2">
      <c r="A4328" s="17">
        <v>5928</v>
      </c>
      <c r="B4328" s="17"/>
      <c r="C4328" s="17"/>
      <c r="D4328" s="18" t="s">
        <v>2164</v>
      </c>
      <c r="E4328" s="18"/>
      <c r="F4328" s="18"/>
      <c r="G4328" s="18"/>
      <c r="H4328" s="18"/>
      <c r="I4328" s="18"/>
      <c r="J4328" s="18"/>
      <c r="K4328" s="18"/>
      <c r="L4328" s="18"/>
      <c r="M4328" s="18"/>
      <c r="N4328" s="18"/>
      <c r="O4328" s="18"/>
      <c r="P4328" s="20">
        <v>1050</v>
      </c>
      <c r="Q4328" s="20"/>
      <c r="R4328" s="20"/>
      <c r="S4328" s="20"/>
      <c r="T4328" s="19">
        <v>990</v>
      </c>
      <c r="U4328" s="19"/>
      <c r="V4328" s="19"/>
      <c r="W4328" s="19"/>
      <c r="X4328" s="19">
        <v>1</v>
      </c>
      <c r="Y4328" s="19"/>
      <c r="Z4328" s="19"/>
      <c r="AA4328" s="19"/>
    </row>
    <row r="4329" spans="1:27" s="1" customFormat="1" ht="11.1" customHeight="1" outlineLevel="2" x14ac:dyDescent="0.2">
      <c r="A4329" s="17"/>
      <c r="B4329" s="17"/>
      <c r="C4329" s="17"/>
      <c r="D4329" s="18"/>
      <c r="E4329" s="18"/>
      <c r="F4329" s="18"/>
      <c r="G4329" s="18"/>
      <c r="H4329" s="18"/>
      <c r="I4329" s="18"/>
      <c r="J4329" s="18"/>
      <c r="K4329" s="18"/>
      <c r="L4329" s="18"/>
      <c r="M4329" s="18"/>
      <c r="N4329" s="18"/>
      <c r="O4329" s="18"/>
      <c r="P4329" s="20"/>
      <c r="Q4329" s="20"/>
      <c r="R4329" s="20"/>
      <c r="S4329" s="20"/>
      <c r="T4329" s="19"/>
      <c r="U4329" s="19"/>
      <c r="V4329" s="19"/>
      <c r="W4329" s="19"/>
      <c r="X4329" s="19"/>
      <c r="Y4329" s="19"/>
      <c r="Z4329" s="19"/>
      <c r="AA4329" s="19"/>
    </row>
    <row r="4330" spans="1:27" s="1" customFormat="1" ht="11.1" customHeight="1" outlineLevel="2" x14ac:dyDescent="0.2">
      <c r="A4330" s="17">
        <v>5925</v>
      </c>
      <c r="B4330" s="17"/>
      <c r="C4330" s="17"/>
      <c r="D4330" s="18" t="s">
        <v>2165</v>
      </c>
      <c r="E4330" s="18"/>
      <c r="F4330" s="18"/>
      <c r="G4330" s="18"/>
      <c r="H4330" s="18"/>
      <c r="I4330" s="18"/>
      <c r="J4330" s="18"/>
      <c r="K4330" s="18"/>
      <c r="L4330" s="18"/>
      <c r="M4330" s="18"/>
      <c r="N4330" s="18"/>
      <c r="O4330" s="18"/>
      <c r="P4330" s="20">
        <v>1490</v>
      </c>
      <c r="Q4330" s="20"/>
      <c r="R4330" s="20"/>
      <c r="S4330" s="20"/>
      <c r="T4330" s="20">
        <v>1490</v>
      </c>
      <c r="U4330" s="20"/>
      <c r="V4330" s="20"/>
      <c r="W4330" s="20"/>
      <c r="X4330" s="19">
        <v>2</v>
      </c>
      <c r="Y4330" s="19"/>
      <c r="Z4330" s="19"/>
      <c r="AA4330" s="19"/>
    </row>
    <row r="4331" spans="1:27" s="1" customFormat="1" ht="11.1" customHeight="1" outlineLevel="2" x14ac:dyDescent="0.2">
      <c r="A4331" s="17"/>
      <c r="B4331" s="17"/>
      <c r="C4331" s="17"/>
      <c r="D4331" s="18"/>
      <c r="E4331" s="18"/>
      <c r="F4331" s="18"/>
      <c r="G4331" s="18"/>
      <c r="H4331" s="18"/>
      <c r="I4331" s="18"/>
      <c r="J4331" s="18"/>
      <c r="K4331" s="18"/>
      <c r="L4331" s="18"/>
      <c r="M4331" s="18"/>
      <c r="N4331" s="18"/>
      <c r="O4331" s="18"/>
      <c r="P4331" s="20"/>
      <c r="Q4331" s="20"/>
      <c r="R4331" s="20"/>
      <c r="S4331" s="20"/>
      <c r="T4331" s="20"/>
      <c r="U4331" s="20"/>
      <c r="V4331" s="20"/>
      <c r="W4331" s="20"/>
      <c r="X4331" s="19"/>
      <c r="Y4331" s="19"/>
      <c r="Z4331" s="19"/>
      <c r="AA4331" s="19"/>
    </row>
    <row r="4332" spans="1:27" s="1" customFormat="1" ht="11.1" customHeight="1" outlineLevel="2" x14ac:dyDescent="0.2">
      <c r="A4332" s="17">
        <v>4565</v>
      </c>
      <c r="B4332" s="17"/>
      <c r="C4332" s="17"/>
      <c r="D4332" s="18" t="s">
        <v>2166</v>
      </c>
      <c r="E4332" s="18"/>
      <c r="F4332" s="18"/>
      <c r="G4332" s="18"/>
      <c r="H4332" s="18"/>
      <c r="I4332" s="18"/>
      <c r="J4332" s="18"/>
      <c r="K4332" s="18"/>
      <c r="L4332" s="18"/>
      <c r="M4332" s="18"/>
      <c r="N4332" s="18"/>
      <c r="O4332" s="18"/>
      <c r="P4332" s="20">
        <v>1200</v>
      </c>
      <c r="Q4332" s="20"/>
      <c r="R4332" s="20"/>
      <c r="S4332" s="20"/>
      <c r="T4332" s="20">
        <v>1150</v>
      </c>
      <c r="U4332" s="20"/>
      <c r="V4332" s="20"/>
      <c r="W4332" s="20"/>
      <c r="X4332" s="19">
        <v>1</v>
      </c>
      <c r="Y4332" s="19"/>
      <c r="Z4332" s="19"/>
      <c r="AA4332" s="19"/>
    </row>
    <row r="4333" spans="1:27" s="1" customFormat="1" ht="11.1" customHeight="1" outlineLevel="2" x14ac:dyDescent="0.2">
      <c r="A4333" s="17"/>
      <c r="B4333" s="17"/>
      <c r="C4333" s="17"/>
      <c r="D4333" s="18"/>
      <c r="E4333" s="18"/>
      <c r="F4333" s="18"/>
      <c r="G4333" s="18"/>
      <c r="H4333" s="18"/>
      <c r="I4333" s="18"/>
      <c r="J4333" s="18"/>
      <c r="K4333" s="18"/>
      <c r="L4333" s="18"/>
      <c r="M4333" s="18"/>
      <c r="N4333" s="18"/>
      <c r="O4333" s="18"/>
      <c r="P4333" s="20"/>
      <c r="Q4333" s="20"/>
      <c r="R4333" s="20"/>
      <c r="S4333" s="20"/>
      <c r="T4333" s="20"/>
      <c r="U4333" s="20"/>
      <c r="V4333" s="20"/>
      <c r="W4333" s="20"/>
      <c r="X4333" s="19"/>
      <c r="Y4333" s="19"/>
      <c r="Z4333" s="19"/>
      <c r="AA4333" s="19"/>
    </row>
    <row r="4334" spans="1:27" s="1" customFormat="1" ht="14.1" customHeight="1" outlineLevel="2" x14ac:dyDescent="0.2">
      <c r="A4334" s="17">
        <v>11009</v>
      </c>
      <c r="B4334" s="17"/>
      <c r="C4334" s="17"/>
      <c r="D4334" s="18" t="s">
        <v>2167</v>
      </c>
      <c r="E4334" s="18"/>
      <c r="F4334" s="18"/>
      <c r="G4334" s="18"/>
      <c r="H4334" s="18"/>
      <c r="I4334" s="18"/>
      <c r="J4334" s="18"/>
      <c r="K4334" s="18"/>
      <c r="L4334" s="18"/>
      <c r="M4334" s="18"/>
      <c r="N4334" s="18"/>
      <c r="O4334" s="18"/>
      <c r="P4334" s="20">
        <v>1990</v>
      </c>
      <c r="Q4334" s="20"/>
      <c r="R4334" s="20"/>
      <c r="S4334" s="20"/>
      <c r="T4334" s="20">
        <v>1590</v>
      </c>
      <c r="U4334" s="20"/>
      <c r="V4334" s="20"/>
      <c r="W4334" s="20"/>
      <c r="X4334" s="19">
        <v>10</v>
      </c>
      <c r="Y4334" s="19"/>
      <c r="Z4334" s="19"/>
      <c r="AA4334" s="19"/>
    </row>
    <row r="4335" spans="1:27" s="1" customFormat="1" ht="14.1" customHeight="1" outlineLevel="2" x14ac:dyDescent="0.2">
      <c r="A4335" s="17"/>
      <c r="B4335" s="17"/>
      <c r="C4335" s="17"/>
      <c r="D4335" s="18"/>
      <c r="E4335" s="18"/>
      <c r="F4335" s="18"/>
      <c r="G4335" s="18"/>
      <c r="H4335" s="18"/>
      <c r="I4335" s="18"/>
      <c r="J4335" s="18"/>
      <c r="K4335" s="18"/>
      <c r="L4335" s="18"/>
      <c r="M4335" s="18"/>
      <c r="N4335" s="18"/>
      <c r="O4335" s="18"/>
      <c r="P4335" s="20"/>
      <c r="Q4335" s="20"/>
      <c r="R4335" s="20"/>
      <c r="S4335" s="20"/>
      <c r="T4335" s="20"/>
      <c r="U4335" s="20"/>
      <c r="V4335" s="20"/>
      <c r="W4335" s="20"/>
      <c r="X4335" s="19"/>
      <c r="Y4335" s="19"/>
      <c r="Z4335" s="19"/>
      <c r="AA4335" s="19"/>
    </row>
    <row r="4336" spans="1:27" s="1" customFormat="1" ht="11.1" customHeight="1" outlineLevel="2" x14ac:dyDescent="0.2">
      <c r="A4336" s="17">
        <v>17361</v>
      </c>
      <c r="B4336" s="17"/>
      <c r="C4336" s="17"/>
      <c r="D4336" s="18" t="s">
        <v>2168</v>
      </c>
      <c r="E4336" s="18"/>
      <c r="F4336" s="18"/>
      <c r="G4336" s="18"/>
      <c r="H4336" s="18"/>
      <c r="I4336" s="18"/>
      <c r="J4336" s="18"/>
      <c r="K4336" s="18"/>
      <c r="L4336" s="18"/>
      <c r="M4336" s="18"/>
      <c r="N4336" s="18"/>
      <c r="O4336" s="18"/>
      <c r="P4336" s="20">
        <v>1250</v>
      </c>
      <c r="Q4336" s="20"/>
      <c r="R4336" s="20"/>
      <c r="S4336" s="20"/>
      <c r="T4336" s="20">
        <v>1050</v>
      </c>
      <c r="U4336" s="20"/>
      <c r="V4336" s="20"/>
      <c r="W4336" s="20"/>
      <c r="X4336" s="19">
        <v>1</v>
      </c>
      <c r="Y4336" s="19"/>
      <c r="Z4336" s="19"/>
      <c r="AA4336" s="19"/>
    </row>
    <row r="4337" spans="1:27" s="1" customFormat="1" ht="11.1" customHeight="1" outlineLevel="2" x14ac:dyDescent="0.2">
      <c r="A4337" s="17"/>
      <c r="B4337" s="17"/>
      <c r="C4337" s="17"/>
      <c r="D4337" s="18"/>
      <c r="E4337" s="18"/>
      <c r="F4337" s="18"/>
      <c r="G4337" s="18"/>
      <c r="H4337" s="18"/>
      <c r="I4337" s="18"/>
      <c r="J4337" s="18"/>
      <c r="K4337" s="18"/>
      <c r="L4337" s="18"/>
      <c r="M4337" s="18"/>
      <c r="N4337" s="18"/>
      <c r="O4337" s="18"/>
      <c r="P4337" s="20"/>
      <c r="Q4337" s="20"/>
      <c r="R4337" s="20"/>
      <c r="S4337" s="20"/>
      <c r="T4337" s="20"/>
      <c r="U4337" s="20"/>
      <c r="V4337" s="20"/>
      <c r="W4337" s="20"/>
      <c r="X4337" s="19"/>
      <c r="Y4337" s="19"/>
      <c r="Z4337" s="19"/>
      <c r="AA4337" s="19"/>
    </row>
    <row r="4338" spans="1:27" s="1" customFormat="1" ht="11.1" customHeight="1" outlineLevel="2" x14ac:dyDescent="0.2">
      <c r="A4338" s="17">
        <v>8844</v>
      </c>
      <c r="B4338" s="17"/>
      <c r="C4338" s="17"/>
      <c r="D4338" s="18" t="s">
        <v>2169</v>
      </c>
      <c r="E4338" s="18"/>
      <c r="F4338" s="18"/>
      <c r="G4338" s="18"/>
      <c r="H4338" s="18"/>
      <c r="I4338" s="18"/>
      <c r="J4338" s="18"/>
      <c r="K4338" s="18"/>
      <c r="L4338" s="18"/>
      <c r="M4338" s="18"/>
      <c r="N4338" s="18"/>
      <c r="O4338" s="18"/>
      <c r="P4338" s="20">
        <v>1690</v>
      </c>
      <c r="Q4338" s="20"/>
      <c r="R4338" s="20"/>
      <c r="S4338" s="20"/>
      <c r="T4338" s="20">
        <v>1500</v>
      </c>
      <c r="U4338" s="20"/>
      <c r="V4338" s="20"/>
      <c r="W4338" s="20"/>
      <c r="X4338" s="19">
        <v>7</v>
      </c>
      <c r="Y4338" s="19"/>
      <c r="Z4338" s="19"/>
      <c r="AA4338" s="19"/>
    </row>
    <row r="4339" spans="1:27" s="1" customFormat="1" ht="11.1" customHeight="1" outlineLevel="2" x14ac:dyDescent="0.2">
      <c r="A4339" s="17"/>
      <c r="B4339" s="17"/>
      <c r="C4339" s="17"/>
      <c r="D4339" s="18"/>
      <c r="E4339" s="18"/>
      <c r="F4339" s="18"/>
      <c r="G4339" s="18"/>
      <c r="H4339" s="18"/>
      <c r="I4339" s="18"/>
      <c r="J4339" s="18"/>
      <c r="K4339" s="18"/>
      <c r="L4339" s="18"/>
      <c r="M4339" s="18"/>
      <c r="N4339" s="18"/>
      <c r="O4339" s="18"/>
      <c r="P4339" s="20"/>
      <c r="Q4339" s="20"/>
      <c r="R4339" s="20"/>
      <c r="S4339" s="20"/>
      <c r="T4339" s="20"/>
      <c r="U4339" s="20"/>
      <c r="V4339" s="20"/>
      <c r="W4339" s="20"/>
      <c r="X4339" s="19"/>
      <c r="Y4339" s="19"/>
      <c r="Z4339" s="19"/>
      <c r="AA4339" s="19"/>
    </row>
    <row r="4340" spans="1:27" s="1" customFormat="1" ht="14.1" customHeight="1" outlineLevel="2" x14ac:dyDescent="0.2">
      <c r="A4340" s="17">
        <v>13659</v>
      </c>
      <c r="B4340" s="17"/>
      <c r="C4340" s="17"/>
      <c r="D4340" s="18" t="s">
        <v>2170</v>
      </c>
      <c r="E4340" s="18"/>
      <c r="F4340" s="18"/>
      <c r="G4340" s="18"/>
      <c r="H4340" s="18"/>
      <c r="I4340" s="18"/>
      <c r="J4340" s="18"/>
      <c r="K4340" s="18"/>
      <c r="L4340" s="18"/>
      <c r="M4340" s="18"/>
      <c r="N4340" s="18"/>
      <c r="O4340" s="18"/>
      <c r="P4340" s="20">
        <v>2600</v>
      </c>
      <c r="Q4340" s="20"/>
      <c r="R4340" s="20"/>
      <c r="S4340" s="20"/>
      <c r="T4340" s="20">
        <v>2400</v>
      </c>
      <c r="U4340" s="20"/>
      <c r="V4340" s="20"/>
      <c r="W4340" s="20"/>
      <c r="X4340" s="19">
        <v>1</v>
      </c>
      <c r="Y4340" s="19"/>
      <c r="Z4340" s="19"/>
      <c r="AA4340" s="19"/>
    </row>
    <row r="4341" spans="1:27" s="1" customFormat="1" ht="14.1" customHeight="1" outlineLevel="2" x14ac:dyDescent="0.2">
      <c r="A4341" s="17"/>
      <c r="B4341" s="17"/>
      <c r="C4341" s="17"/>
      <c r="D4341" s="18"/>
      <c r="E4341" s="18"/>
      <c r="F4341" s="18"/>
      <c r="G4341" s="18"/>
      <c r="H4341" s="18"/>
      <c r="I4341" s="18"/>
      <c r="J4341" s="18"/>
      <c r="K4341" s="18"/>
      <c r="L4341" s="18"/>
      <c r="M4341" s="18"/>
      <c r="N4341" s="18"/>
      <c r="O4341" s="18"/>
      <c r="P4341" s="20"/>
      <c r="Q4341" s="20"/>
      <c r="R4341" s="20"/>
      <c r="S4341" s="20"/>
      <c r="T4341" s="20"/>
      <c r="U4341" s="20"/>
      <c r="V4341" s="20"/>
      <c r="W4341" s="20"/>
      <c r="X4341" s="19"/>
      <c r="Y4341" s="19"/>
      <c r="Z4341" s="19"/>
      <c r="AA4341" s="19"/>
    </row>
    <row r="4342" spans="1:27" s="1" customFormat="1" ht="11.1" customHeight="1" outlineLevel="2" x14ac:dyDescent="0.2">
      <c r="A4342" s="17">
        <v>16073</v>
      </c>
      <c r="B4342" s="17"/>
      <c r="C4342" s="17"/>
      <c r="D4342" s="18" t="s">
        <v>2171</v>
      </c>
      <c r="E4342" s="18"/>
      <c r="F4342" s="18"/>
      <c r="G4342" s="18"/>
      <c r="H4342" s="18"/>
      <c r="I4342" s="18"/>
      <c r="J4342" s="18"/>
      <c r="K4342" s="18"/>
      <c r="L4342" s="18"/>
      <c r="M4342" s="18"/>
      <c r="N4342" s="18"/>
      <c r="O4342" s="18"/>
      <c r="P4342" s="20">
        <v>1760</v>
      </c>
      <c r="Q4342" s="20"/>
      <c r="R4342" s="20"/>
      <c r="S4342" s="20"/>
      <c r="T4342" s="20">
        <v>1600</v>
      </c>
      <c r="U4342" s="20"/>
      <c r="V4342" s="20"/>
      <c r="W4342" s="20"/>
      <c r="X4342" s="19">
        <v>10</v>
      </c>
      <c r="Y4342" s="19"/>
      <c r="Z4342" s="19"/>
      <c r="AA4342" s="19"/>
    </row>
    <row r="4343" spans="1:27" s="1" customFormat="1" ht="11.1" customHeight="1" outlineLevel="2" x14ac:dyDescent="0.2">
      <c r="A4343" s="17"/>
      <c r="B4343" s="17"/>
      <c r="C4343" s="17"/>
      <c r="D4343" s="18"/>
      <c r="E4343" s="18"/>
      <c r="F4343" s="18"/>
      <c r="G4343" s="18"/>
      <c r="H4343" s="18"/>
      <c r="I4343" s="18"/>
      <c r="J4343" s="18"/>
      <c r="K4343" s="18"/>
      <c r="L4343" s="18"/>
      <c r="M4343" s="18"/>
      <c r="N4343" s="18"/>
      <c r="O4343" s="18"/>
      <c r="P4343" s="20"/>
      <c r="Q4343" s="20"/>
      <c r="R4343" s="20"/>
      <c r="S4343" s="20"/>
      <c r="T4343" s="20"/>
      <c r="U4343" s="20"/>
      <c r="V4343" s="20"/>
      <c r="W4343" s="20"/>
      <c r="X4343" s="19"/>
      <c r="Y4343" s="19"/>
      <c r="Z4343" s="19"/>
      <c r="AA4343" s="19"/>
    </row>
    <row r="4344" spans="1:27" s="1" customFormat="1" ht="14.1" customHeight="1" outlineLevel="2" x14ac:dyDescent="0.2">
      <c r="A4344" s="17">
        <v>16074</v>
      </c>
      <c r="B4344" s="17"/>
      <c r="C4344" s="17"/>
      <c r="D4344" s="18" t="s">
        <v>2172</v>
      </c>
      <c r="E4344" s="18"/>
      <c r="F4344" s="18"/>
      <c r="G4344" s="18"/>
      <c r="H4344" s="18"/>
      <c r="I4344" s="18"/>
      <c r="J4344" s="18"/>
      <c r="K4344" s="18"/>
      <c r="L4344" s="18"/>
      <c r="M4344" s="18"/>
      <c r="N4344" s="18"/>
      <c r="O4344" s="18"/>
      <c r="P4344" s="20">
        <v>2050</v>
      </c>
      <c r="Q4344" s="20"/>
      <c r="R4344" s="20"/>
      <c r="S4344" s="20"/>
      <c r="T4344" s="20">
        <v>1900</v>
      </c>
      <c r="U4344" s="20"/>
      <c r="V4344" s="20"/>
      <c r="W4344" s="20"/>
      <c r="X4344" s="19">
        <v>8</v>
      </c>
      <c r="Y4344" s="19"/>
      <c r="Z4344" s="19"/>
      <c r="AA4344" s="19"/>
    </row>
    <row r="4345" spans="1:27" s="1" customFormat="1" ht="14.1" customHeight="1" outlineLevel="2" x14ac:dyDescent="0.2">
      <c r="A4345" s="17"/>
      <c r="B4345" s="17"/>
      <c r="C4345" s="17"/>
      <c r="D4345" s="18"/>
      <c r="E4345" s="18"/>
      <c r="F4345" s="18"/>
      <c r="G4345" s="18"/>
      <c r="H4345" s="18"/>
      <c r="I4345" s="18"/>
      <c r="J4345" s="18"/>
      <c r="K4345" s="18"/>
      <c r="L4345" s="18"/>
      <c r="M4345" s="18"/>
      <c r="N4345" s="18"/>
      <c r="O4345" s="18"/>
      <c r="P4345" s="20"/>
      <c r="Q4345" s="20"/>
      <c r="R4345" s="20"/>
      <c r="S4345" s="20"/>
      <c r="T4345" s="20"/>
      <c r="U4345" s="20"/>
      <c r="V4345" s="20"/>
      <c r="W4345" s="20"/>
      <c r="X4345" s="19"/>
      <c r="Y4345" s="19"/>
      <c r="Z4345" s="19"/>
      <c r="AA4345" s="19"/>
    </row>
    <row r="4346" spans="1:27" s="1" customFormat="1" ht="11.1" customHeight="1" outlineLevel="1" x14ac:dyDescent="0.2">
      <c r="A4346" s="16" t="s">
        <v>2173</v>
      </c>
      <c r="B4346" s="16"/>
      <c r="C4346" s="16"/>
      <c r="D4346" s="16"/>
      <c r="E4346" s="16"/>
      <c r="F4346" s="16"/>
      <c r="G4346" s="16"/>
      <c r="H4346" s="16"/>
      <c r="I4346" s="16"/>
      <c r="J4346" s="16"/>
      <c r="K4346" s="16"/>
      <c r="L4346" s="16"/>
      <c r="M4346" s="16"/>
      <c r="N4346" s="16"/>
      <c r="O4346" s="16"/>
      <c r="P4346" s="16"/>
      <c r="Q4346" s="16"/>
      <c r="R4346" s="16"/>
      <c r="S4346" s="16"/>
      <c r="T4346" s="16"/>
      <c r="U4346" s="16"/>
      <c r="V4346" s="16"/>
      <c r="W4346" s="16"/>
      <c r="X4346" s="16"/>
      <c r="Y4346" s="16"/>
      <c r="Z4346" s="16"/>
      <c r="AA4346" s="16"/>
    </row>
    <row r="4347" spans="1:27" s="1" customFormat="1" ht="11.1" customHeight="1" outlineLevel="1" x14ac:dyDescent="0.2">
      <c r="A4347" s="16"/>
      <c r="B4347" s="16"/>
      <c r="C4347" s="16"/>
      <c r="D4347" s="16"/>
      <c r="E4347" s="16"/>
      <c r="F4347" s="16"/>
      <c r="G4347" s="16"/>
      <c r="H4347" s="16"/>
      <c r="I4347" s="16"/>
      <c r="J4347" s="16"/>
      <c r="K4347" s="16"/>
      <c r="L4347" s="16"/>
      <c r="M4347" s="16"/>
      <c r="N4347" s="16"/>
      <c r="O4347" s="16"/>
      <c r="P4347" s="16"/>
      <c r="Q4347" s="16"/>
      <c r="R4347" s="16"/>
      <c r="S4347" s="16"/>
      <c r="T4347" s="16"/>
      <c r="U4347" s="16"/>
      <c r="V4347" s="16"/>
      <c r="W4347" s="16"/>
      <c r="X4347" s="16"/>
      <c r="Y4347" s="16"/>
      <c r="Z4347" s="16"/>
      <c r="AA4347" s="16"/>
    </row>
    <row r="4348" spans="1:27" s="1" customFormat="1" ht="11.1" customHeight="1" outlineLevel="2" x14ac:dyDescent="0.2">
      <c r="A4348" s="17">
        <v>15619</v>
      </c>
      <c r="B4348" s="17"/>
      <c r="C4348" s="17"/>
      <c r="D4348" s="18" t="s">
        <v>2174</v>
      </c>
      <c r="E4348" s="18"/>
      <c r="F4348" s="18"/>
      <c r="G4348" s="18"/>
      <c r="H4348" s="18"/>
      <c r="I4348" s="18"/>
      <c r="J4348" s="18"/>
      <c r="K4348" s="18"/>
      <c r="L4348" s="18"/>
      <c r="M4348" s="18"/>
      <c r="N4348" s="18"/>
      <c r="O4348" s="18"/>
      <c r="P4348" s="19">
        <v>250</v>
      </c>
      <c r="Q4348" s="19"/>
      <c r="R4348" s="19"/>
      <c r="S4348" s="19"/>
      <c r="T4348" s="19">
        <v>200</v>
      </c>
      <c r="U4348" s="19"/>
      <c r="V4348" s="19"/>
      <c r="W4348" s="19"/>
      <c r="X4348" s="19">
        <v>4</v>
      </c>
      <c r="Y4348" s="19"/>
      <c r="Z4348" s="19"/>
      <c r="AA4348" s="19"/>
    </row>
    <row r="4349" spans="1:27" s="1" customFormat="1" ht="11.1" customHeight="1" outlineLevel="2" x14ac:dyDescent="0.2">
      <c r="A4349" s="17"/>
      <c r="B4349" s="17"/>
      <c r="C4349" s="17"/>
      <c r="D4349" s="18"/>
      <c r="E4349" s="18"/>
      <c r="F4349" s="18"/>
      <c r="G4349" s="18"/>
      <c r="H4349" s="18"/>
      <c r="I4349" s="18"/>
      <c r="J4349" s="18"/>
      <c r="K4349" s="18"/>
      <c r="L4349" s="18"/>
      <c r="M4349" s="18"/>
      <c r="N4349" s="18"/>
      <c r="O4349" s="18"/>
      <c r="P4349" s="19"/>
      <c r="Q4349" s="19"/>
      <c r="R4349" s="19"/>
      <c r="S4349" s="19"/>
      <c r="T4349" s="19"/>
      <c r="U4349" s="19"/>
      <c r="V4349" s="19"/>
      <c r="W4349" s="19"/>
      <c r="X4349" s="19"/>
      <c r="Y4349" s="19"/>
      <c r="Z4349" s="19"/>
      <c r="AA4349" s="19"/>
    </row>
    <row r="4350" spans="1:27" s="1" customFormat="1" ht="11.1" customHeight="1" outlineLevel="2" x14ac:dyDescent="0.2">
      <c r="A4350" s="17">
        <v>15620</v>
      </c>
      <c r="B4350" s="17"/>
      <c r="C4350" s="17"/>
      <c r="D4350" s="18" t="s">
        <v>2175</v>
      </c>
      <c r="E4350" s="18"/>
      <c r="F4350" s="18"/>
      <c r="G4350" s="18"/>
      <c r="H4350" s="18"/>
      <c r="I4350" s="18"/>
      <c r="J4350" s="18"/>
      <c r="K4350" s="18"/>
      <c r="L4350" s="18"/>
      <c r="M4350" s="18"/>
      <c r="N4350" s="18"/>
      <c r="O4350" s="18"/>
      <c r="P4350" s="19">
        <v>250</v>
      </c>
      <c r="Q4350" s="19"/>
      <c r="R4350" s="19"/>
      <c r="S4350" s="19"/>
      <c r="T4350" s="19">
        <v>200</v>
      </c>
      <c r="U4350" s="19"/>
      <c r="V4350" s="19"/>
      <c r="W4350" s="19"/>
      <c r="X4350" s="19">
        <v>3</v>
      </c>
      <c r="Y4350" s="19"/>
      <c r="Z4350" s="19"/>
      <c r="AA4350" s="19"/>
    </row>
    <row r="4351" spans="1:27" s="1" customFormat="1" ht="11.1" customHeight="1" outlineLevel="2" x14ac:dyDescent="0.2">
      <c r="A4351" s="17"/>
      <c r="B4351" s="17"/>
      <c r="C4351" s="17"/>
      <c r="D4351" s="18"/>
      <c r="E4351" s="18"/>
      <c r="F4351" s="18"/>
      <c r="G4351" s="18"/>
      <c r="H4351" s="18"/>
      <c r="I4351" s="18"/>
      <c r="J4351" s="18"/>
      <c r="K4351" s="18"/>
      <c r="L4351" s="18"/>
      <c r="M4351" s="18"/>
      <c r="N4351" s="18"/>
      <c r="O4351" s="18"/>
      <c r="P4351" s="19"/>
      <c r="Q4351" s="19"/>
      <c r="R4351" s="19"/>
      <c r="S4351" s="19"/>
      <c r="T4351" s="19"/>
      <c r="U4351" s="19"/>
      <c r="V4351" s="19"/>
      <c r="W4351" s="19"/>
      <c r="X4351" s="19"/>
      <c r="Y4351" s="19"/>
      <c r="Z4351" s="19"/>
      <c r="AA4351" s="19"/>
    </row>
    <row r="4352" spans="1:27" s="1" customFormat="1" ht="11.1" customHeight="1" outlineLevel="2" x14ac:dyDescent="0.2">
      <c r="A4352" s="17">
        <v>1638</v>
      </c>
      <c r="B4352" s="17"/>
      <c r="C4352" s="17"/>
      <c r="D4352" s="18" t="s">
        <v>2176</v>
      </c>
      <c r="E4352" s="18"/>
      <c r="F4352" s="18"/>
      <c r="G4352" s="18"/>
      <c r="H4352" s="18"/>
      <c r="I4352" s="18"/>
      <c r="J4352" s="18"/>
      <c r="K4352" s="18"/>
      <c r="L4352" s="18"/>
      <c r="M4352" s="18"/>
      <c r="N4352" s="18"/>
      <c r="O4352" s="18"/>
      <c r="P4352" s="19">
        <v>300</v>
      </c>
      <c r="Q4352" s="19"/>
      <c r="R4352" s="19"/>
      <c r="S4352" s="19"/>
      <c r="T4352" s="19">
        <v>240</v>
      </c>
      <c r="U4352" s="19"/>
      <c r="V4352" s="19"/>
      <c r="W4352" s="19"/>
      <c r="X4352" s="19">
        <v>5</v>
      </c>
      <c r="Y4352" s="19"/>
      <c r="Z4352" s="19"/>
      <c r="AA4352" s="19"/>
    </row>
    <row r="4353" spans="1:27" s="1" customFormat="1" ht="11.1" customHeight="1" outlineLevel="2" x14ac:dyDescent="0.2">
      <c r="A4353" s="17"/>
      <c r="B4353" s="17"/>
      <c r="C4353" s="17"/>
      <c r="D4353" s="18"/>
      <c r="E4353" s="18"/>
      <c r="F4353" s="18"/>
      <c r="G4353" s="18"/>
      <c r="H4353" s="18"/>
      <c r="I4353" s="18"/>
      <c r="J4353" s="18"/>
      <c r="K4353" s="18"/>
      <c r="L4353" s="18"/>
      <c r="M4353" s="18"/>
      <c r="N4353" s="18"/>
      <c r="O4353" s="18"/>
      <c r="P4353" s="19"/>
      <c r="Q4353" s="19"/>
      <c r="R4353" s="19"/>
      <c r="S4353" s="19"/>
      <c r="T4353" s="19"/>
      <c r="U4353" s="19"/>
      <c r="V4353" s="19"/>
      <c r="W4353" s="19"/>
      <c r="X4353" s="19"/>
      <c r="Y4353" s="19"/>
      <c r="Z4353" s="19"/>
      <c r="AA4353" s="19"/>
    </row>
    <row r="4354" spans="1:27" s="1" customFormat="1" ht="11.1" customHeight="1" outlineLevel="2" x14ac:dyDescent="0.2">
      <c r="A4354" s="17">
        <v>15618</v>
      </c>
      <c r="B4354" s="17"/>
      <c r="C4354" s="17"/>
      <c r="D4354" s="18" t="s">
        <v>2177</v>
      </c>
      <c r="E4354" s="18"/>
      <c r="F4354" s="18"/>
      <c r="G4354" s="18"/>
      <c r="H4354" s="18"/>
      <c r="I4354" s="18"/>
      <c r="J4354" s="18"/>
      <c r="K4354" s="18"/>
      <c r="L4354" s="18"/>
      <c r="M4354" s="18"/>
      <c r="N4354" s="18"/>
      <c r="O4354" s="18"/>
      <c r="P4354" s="19">
        <v>250</v>
      </c>
      <c r="Q4354" s="19"/>
      <c r="R4354" s="19"/>
      <c r="S4354" s="19"/>
      <c r="T4354" s="19">
        <v>200</v>
      </c>
      <c r="U4354" s="19"/>
      <c r="V4354" s="19"/>
      <c r="W4354" s="19"/>
      <c r="X4354" s="19">
        <v>2</v>
      </c>
      <c r="Y4354" s="19"/>
      <c r="Z4354" s="19"/>
      <c r="AA4354" s="19"/>
    </row>
    <row r="4355" spans="1:27" s="1" customFormat="1" ht="11.1" customHeight="1" outlineLevel="2" x14ac:dyDescent="0.2">
      <c r="A4355" s="17"/>
      <c r="B4355" s="17"/>
      <c r="C4355" s="17"/>
      <c r="D4355" s="18"/>
      <c r="E4355" s="18"/>
      <c r="F4355" s="18"/>
      <c r="G4355" s="18"/>
      <c r="H4355" s="18"/>
      <c r="I4355" s="18"/>
      <c r="J4355" s="18"/>
      <c r="K4355" s="18"/>
      <c r="L4355" s="18"/>
      <c r="M4355" s="18"/>
      <c r="N4355" s="18"/>
      <c r="O4355" s="18"/>
      <c r="P4355" s="19"/>
      <c r="Q4355" s="19"/>
      <c r="R4355" s="19"/>
      <c r="S4355" s="19"/>
      <c r="T4355" s="19"/>
      <c r="U4355" s="19"/>
      <c r="V4355" s="19"/>
      <c r="W4355" s="19"/>
      <c r="X4355" s="19"/>
      <c r="Y4355" s="19"/>
      <c r="Z4355" s="19"/>
      <c r="AA4355" s="19"/>
    </row>
    <row r="4356" spans="1:27" s="1" customFormat="1" ht="11.1" customHeight="1" outlineLevel="2" x14ac:dyDescent="0.2">
      <c r="A4356" s="17">
        <v>6451</v>
      </c>
      <c r="B4356" s="17"/>
      <c r="C4356" s="17"/>
      <c r="D4356" s="18" t="s">
        <v>2178</v>
      </c>
      <c r="E4356" s="18"/>
      <c r="F4356" s="18"/>
      <c r="G4356" s="18"/>
      <c r="H4356" s="18"/>
      <c r="I4356" s="18"/>
      <c r="J4356" s="18"/>
      <c r="K4356" s="18"/>
      <c r="L4356" s="18"/>
      <c r="M4356" s="18"/>
      <c r="N4356" s="18"/>
      <c r="O4356" s="18"/>
      <c r="P4356" s="19">
        <v>270</v>
      </c>
      <c r="Q4356" s="19"/>
      <c r="R4356" s="19"/>
      <c r="S4356" s="19"/>
      <c r="T4356" s="19">
        <v>240</v>
      </c>
      <c r="U4356" s="19"/>
      <c r="V4356" s="19"/>
      <c r="W4356" s="19"/>
      <c r="X4356" s="19">
        <v>1</v>
      </c>
      <c r="Y4356" s="19"/>
      <c r="Z4356" s="19"/>
      <c r="AA4356" s="19"/>
    </row>
    <row r="4357" spans="1:27" s="1" customFormat="1" ht="11.1" customHeight="1" outlineLevel="2" x14ac:dyDescent="0.2">
      <c r="A4357" s="17"/>
      <c r="B4357" s="17"/>
      <c r="C4357" s="17"/>
      <c r="D4357" s="18"/>
      <c r="E4357" s="18"/>
      <c r="F4357" s="18"/>
      <c r="G4357" s="18"/>
      <c r="H4357" s="18"/>
      <c r="I4357" s="18"/>
      <c r="J4357" s="18"/>
      <c r="K4357" s="18"/>
      <c r="L4357" s="18"/>
      <c r="M4357" s="18"/>
      <c r="N4357" s="18"/>
      <c r="O4357" s="18"/>
      <c r="P4357" s="19"/>
      <c r="Q4357" s="19"/>
      <c r="R4357" s="19"/>
      <c r="S4357" s="19"/>
      <c r="T4357" s="19"/>
      <c r="U4357" s="19"/>
      <c r="V4357" s="19"/>
      <c r="W4357" s="19"/>
      <c r="X4357" s="19"/>
      <c r="Y4357" s="19"/>
      <c r="Z4357" s="19"/>
      <c r="AA4357" s="19"/>
    </row>
    <row r="4358" spans="1:27" s="1" customFormat="1" ht="11.1" customHeight="1" outlineLevel="2" x14ac:dyDescent="0.2">
      <c r="A4358" s="17">
        <v>6448</v>
      </c>
      <c r="B4358" s="17"/>
      <c r="C4358" s="17"/>
      <c r="D4358" s="18" t="s">
        <v>2179</v>
      </c>
      <c r="E4358" s="18"/>
      <c r="F4358" s="18"/>
      <c r="G4358" s="18"/>
      <c r="H4358" s="18"/>
      <c r="I4358" s="18"/>
      <c r="J4358" s="18"/>
      <c r="K4358" s="18"/>
      <c r="L4358" s="18"/>
      <c r="M4358" s="18"/>
      <c r="N4358" s="18"/>
      <c r="O4358" s="18"/>
      <c r="P4358" s="19">
        <v>310</v>
      </c>
      <c r="Q4358" s="19"/>
      <c r="R4358" s="19"/>
      <c r="S4358" s="19"/>
      <c r="T4358" s="19">
        <v>250</v>
      </c>
      <c r="U4358" s="19"/>
      <c r="V4358" s="19"/>
      <c r="W4358" s="19"/>
      <c r="X4358" s="19">
        <v>2</v>
      </c>
      <c r="Y4358" s="19"/>
      <c r="Z4358" s="19"/>
      <c r="AA4358" s="19"/>
    </row>
    <row r="4359" spans="1:27" s="1" customFormat="1" ht="11.1" customHeight="1" outlineLevel="2" x14ac:dyDescent="0.2">
      <c r="A4359" s="17"/>
      <c r="B4359" s="17"/>
      <c r="C4359" s="17"/>
      <c r="D4359" s="18"/>
      <c r="E4359" s="18"/>
      <c r="F4359" s="18"/>
      <c r="G4359" s="18"/>
      <c r="H4359" s="18"/>
      <c r="I4359" s="18"/>
      <c r="J4359" s="18"/>
      <c r="K4359" s="18"/>
      <c r="L4359" s="18"/>
      <c r="M4359" s="18"/>
      <c r="N4359" s="18"/>
      <c r="O4359" s="18"/>
      <c r="P4359" s="19"/>
      <c r="Q4359" s="19"/>
      <c r="R4359" s="19"/>
      <c r="S4359" s="19"/>
      <c r="T4359" s="19"/>
      <c r="U4359" s="19"/>
      <c r="V4359" s="19"/>
      <c r="W4359" s="19"/>
      <c r="X4359" s="19"/>
      <c r="Y4359" s="19"/>
      <c r="Z4359" s="19"/>
      <c r="AA4359" s="19"/>
    </row>
    <row r="4360" spans="1:27" s="1" customFormat="1" ht="11.1" customHeight="1" outlineLevel="2" x14ac:dyDescent="0.2">
      <c r="A4360" s="17">
        <v>15621</v>
      </c>
      <c r="B4360" s="17"/>
      <c r="C4360" s="17"/>
      <c r="D4360" s="18" t="s">
        <v>2180</v>
      </c>
      <c r="E4360" s="18"/>
      <c r="F4360" s="18"/>
      <c r="G4360" s="18"/>
      <c r="H4360" s="18"/>
      <c r="I4360" s="18"/>
      <c r="J4360" s="18"/>
      <c r="K4360" s="18"/>
      <c r="L4360" s="18"/>
      <c r="M4360" s="18"/>
      <c r="N4360" s="18"/>
      <c r="O4360" s="18"/>
      <c r="P4360" s="19">
        <v>230</v>
      </c>
      <c r="Q4360" s="19"/>
      <c r="R4360" s="19"/>
      <c r="S4360" s="19"/>
      <c r="T4360" s="19">
        <v>180</v>
      </c>
      <c r="U4360" s="19"/>
      <c r="V4360" s="19"/>
      <c r="W4360" s="19"/>
      <c r="X4360" s="19">
        <v>4</v>
      </c>
      <c r="Y4360" s="19"/>
      <c r="Z4360" s="19"/>
      <c r="AA4360" s="19"/>
    </row>
    <row r="4361" spans="1:27" s="1" customFormat="1" ht="11.1" customHeight="1" outlineLevel="2" x14ac:dyDescent="0.2">
      <c r="A4361" s="17"/>
      <c r="B4361" s="17"/>
      <c r="C4361" s="17"/>
      <c r="D4361" s="18"/>
      <c r="E4361" s="18"/>
      <c r="F4361" s="18"/>
      <c r="G4361" s="18"/>
      <c r="H4361" s="18"/>
      <c r="I4361" s="18"/>
      <c r="J4361" s="18"/>
      <c r="K4361" s="18"/>
      <c r="L4361" s="18"/>
      <c r="M4361" s="18"/>
      <c r="N4361" s="18"/>
      <c r="O4361" s="18"/>
      <c r="P4361" s="19"/>
      <c r="Q4361" s="19"/>
      <c r="R4361" s="19"/>
      <c r="S4361" s="19"/>
      <c r="T4361" s="19"/>
      <c r="U4361" s="19"/>
      <c r="V4361" s="19"/>
      <c r="W4361" s="19"/>
      <c r="X4361" s="19"/>
      <c r="Y4361" s="19"/>
      <c r="Z4361" s="19"/>
      <c r="AA4361" s="19"/>
    </row>
    <row r="4362" spans="1:27" s="1" customFormat="1" ht="11.1" customHeight="1" outlineLevel="2" x14ac:dyDescent="0.2">
      <c r="A4362" s="17">
        <v>15623</v>
      </c>
      <c r="B4362" s="17"/>
      <c r="C4362" s="17"/>
      <c r="D4362" s="18" t="s">
        <v>2181</v>
      </c>
      <c r="E4362" s="18"/>
      <c r="F4362" s="18"/>
      <c r="G4362" s="18"/>
      <c r="H4362" s="18"/>
      <c r="I4362" s="18"/>
      <c r="J4362" s="18"/>
      <c r="K4362" s="18"/>
      <c r="L4362" s="18"/>
      <c r="M4362" s="18"/>
      <c r="N4362" s="18"/>
      <c r="O4362" s="18"/>
      <c r="P4362" s="19">
        <v>330</v>
      </c>
      <c r="Q4362" s="19"/>
      <c r="R4362" s="19"/>
      <c r="S4362" s="19"/>
      <c r="T4362" s="19">
        <v>260</v>
      </c>
      <c r="U4362" s="19"/>
      <c r="V4362" s="19"/>
      <c r="W4362" s="19"/>
      <c r="X4362" s="19">
        <v>2</v>
      </c>
      <c r="Y4362" s="19"/>
      <c r="Z4362" s="19"/>
      <c r="AA4362" s="19"/>
    </row>
    <row r="4363" spans="1:27" s="1" customFormat="1" ht="11.1" customHeight="1" outlineLevel="2" x14ac:dyDescent="0.2">
      <c r="A4363" s="17"/>
      <c r="B4363" s="17"/>
      <c r="C4363" s="17"/>
      <c r="D4363" s="18"/>
      <c r="E4363" s="18"/>
      <c r="F4363" s="18"/>
      <c r="G4363" s="18"/>
      <c r="H4363" s="18"/>
      <c r="I4363" s="18"/>
      <c r="J4363" s="18"/>
      <c r="K4363" s="18"/>
      <c r="L4363" s="18"/>
      <c r="M4363" s="18"/>
      <c r="N4363" s="18"/>
      <c r="O4363" s="18"/>
      <c r="P4363" s="19"/>
      <c r="Q4363" s="19"/>
      <c r="R4363" s="19"/>
      <c r="S4363" s="19"/>
      <c r="T4363" s="19"/>
      <c r="U4363" s="19"/>
      <c r="V4363" s="19"/>
      <c r="W4363" s="19"/>
      <c r="X4363" s="19"/>
      <c r="Y4363" s="19"/>
      <c r="Z4363" s="19"/>
      <c r="AA4363" s="19"/>
    </row>
    <row r="4364" spans="1:27" s="1" customFormat="1" ht="14.1" customHeight="1" outlineLevel="2" x14ac:dyDescent="0.2">
      <c r="A4364" s="17">
        <v>15617</v>
      </c>
      <c r="B4364" s="17"/>
      <c r="C4364" s="17"/>
      <c r="D4364" s="18" t="s">
        <v>2182</v>
      </c>
      <c r="E4364" s="18"/>
      <c r="F4364" s="18"/>
      <c r="G4364" s="18"/>
      <c r="H4364" s="18"/>
      <c r="I4364" s="18"/>
      <c r="J4364" s="18"/>
      <c r="K4364" s="18"/>
      <c r="L4364" s="18"/>
      <c r="M4364" s="18"/>
      <c r="N4364" s="18"/>
      <c r="O4364" s="18"/>
      <c r="P4364" s="19">
        <v>230</v>
      </c>
      <c r="Q4364" s="19"/>
      <c r="R4364" s="19"/>
      <c r="S4364" s="19"/>
      <c r="T4364" s="19">
        <v>180</v>
      </c>
      <c r="U4364" s="19"/>
      <c r="V4364" s="19"/>
      <c r="W4364" s="19"/>
      <c r="X4364" s="19">
        <v>4</v>
      </c>
      <c r="Y4364" s="19"/>
      <c r="Z4364" s="19"/>
      <c r="AA4364" s="19"/>
    </row>
    <row r="4365" spans="1:27" s="1" customFormat="1" ht="14.1" customHeight="1" outlineLevel="2" x14ac:dyDescent="0.2">
      <c r="A4365" s="17"/>
      <c r="B4365" s="17"/>
      <c r="C4365" s="17"/>
      <c r="D4365" s="18"/>
      <c r="E4365" s="18"/>
      <c r="F4365" s="18"/>
      <c r="G4365" s="18"/>
      <c r="H4365" s="18"/>
      <c r="I4365" s="18"/>
      <c r="J4365" s="18"/>
      <c r="K4365" s="18"/>
      <c r="L4365" s="18"/>
      <c r="M4365" s="18"/>
      <c r="N4365" s="18"/>
      <c r="O4365" s="18"/>
      <c r="P4365" s="19"/>
      <c r="Q4365" s="19"/>
      <c r="R4365" s="19"/>
      <c r="S4365" s="19"/>
      <c r="T4365" s="19"/>
      <c r="U4365" s="19"/>
      <c r="V4365" s="19"/>
      <c r="W4365" s="19"/>
      <c r="X4365" s="19"/>
      <c r="Y4365" s="19"/>
      <c r="Z4365" s="19"/>
      <c r="AA4365" s="19"/>
    </row>
    <row r="4366" spans="1:27" s="1" customFormat="1" ht="11.1" customHeight="1" outlineLevel="2" x14ac:dyDescent="0.2">
      <c r="A4366" s="17">
        <v>15622</v>
      </c>
      <c r="B4366" s="17"/>
      <c r="C4366" s="17"/>
      <c r="D4366" s="18" t="s">
        <v>2183</v>
      </c>
      <c r="E4366" s="18"/>
      <c r="F4366" s="18"/>
      <c r="G4366" s="18"/>
      <c r="H4366" s="18"/>
      <c r="I4366" s="18"/>
      <c r="J4366" s="18"/>
      <c r="K4366" s="18"/>
      <c r="L4366" s="18"/>
      <c r="M4366" s="18"/>
      <c r="N4366" s="18"/>
      <c r="O4366" s="18"/>
      <c r="P4366" s="19">
        <v>190</v>
      </c>
      <c r="Q4366" s="19"/>
      <c r="R4366" s="19"/>
      <c r="S4366" s="19"/>
      <c r="T4366" s="19">
        <v>140</v>
      </c>
      <c r="U4366" s="19"/>
      <c r="V4366" s="19"/>
      <c r="W4366" s="19"/>
      <c r="X4366" s="19">
        <v>4</v>
      </c>
      <c r="Y4366" s="19"/>
      <c r="Z4366" s="19"/>
      <c r="AA4366" s="19"/>
    </row>
    <row r="4367" spans="1:27" s="1" customFormat="1" ht="11.1" customHeight="1" outlineLevel="2" x14ac:dyDescent="0.2">
      <c r="A4367" s="17"/>
      <c r="B4367" s="17"/>
      <c r="C4367" s="17"/>
      <c r="D4367" s="18"/>
      <c r="E4367" s="18"/>
      <c r="F4367" s="18"/>
      <c r="G4367" s="18"/>
      <c r="H4367" s="18"/>
      <c r="I4367" s="18"/>
      <c r="J4367" s="18"/>
      <c r="K4367" s="18"/>
      <c r="L4367" s="18"/>
      <c r="M4367" s="18"/>
      <c r="N4367" s="18"/>
      <c r="O4367" s="18"/>
      <c r="P4367" s="19"/>
      <c r="Q4367" s="19"/>
      <c r="R4367" s="19"/>
      <c r="S4367" s="19"/>
      <c r="T4367" s="19"/>
      <c r="U4367" s="19"/>
      <c r="V4367" s="19"/>
      <c r="W4367" s="19"/>
      <c r="X4367" s="19"/>
      <c r="Y4367" s="19"/>
      <c r="Z4367" s="19"/>
      <c r="AA4367" s="19"/>
    </row>
    <row r="4368" spans="1:27" s="1" customFormat="1" ht="11.1" customHeight="1" outlineLevel="1" x14ac:dyDescent="0.2">
      <c r="A4368" s="16" t="s">
        <v>2184</v>
      </c>
      <c r="B4368" s="16"/>
      <c r="C4368" s="16"/>
      <c r="D4368" s="16"/>
      <c r="E4368" s="16"/>
      <c r="F4368" s="16"/>
      <c r="G4368" s="16"/>
      <c r="H4368" s="16"/>
      <c r="I4368" s="16"/>
      <c r="J4368" s="16"/>
      <c r="K4368" s="16"/>
      <c r="L4368" s="16"/>
      <c r="M4368" s="16"/>
      <c r="N4368" s="16"/>
      <c r="O4368" s="16"/>
      <c r="P4368" s="16"/>
      <c r="Q4368" s="16"/>
      <c r="R4368" s="16"/>
      <c r="S4368" s="16"/>
      <c r="T4368" s="16"/>
      <c r="U4368" s="16"/>
      <c r="V4368" s="16"/>
      <c r="W4368" s="16"/>
      <c r="X4368" s="16"/>
      <c r="Y4368" s="16"/>
      <c r="Z4368" s="16"/>
      <c r="AA4368" s="16"/>
    </row>
    <row r="4369" spans="1:27" s="1" customFormat="1" ht="11.1" customHeight="1" outlineLevel="1" x14ac:dyDescent="0.2">
      <c r="A4369" s="16"/>
      <c r="B4369" s="16"/>
      <c r="C4369" s="16"/>
      <c r="D4369" s="16"/>
      <c r="E4369" s="16"/>
      <c r="F4369" s="16"/>
      <c r="G4369" s="16"/>
      <c r="H4369" s="16"/>
      <c r="I4369" s="16"/>
      <c r="J4369" s="16"/>
      <c r="K4369" s="16"/>
      <c r="L4369" s="16"/>
      <c r="M4369" s="16"/>
      <c r="N4369" s="16"/>
      <c r="O4369" s="16"/>
      <c r="P4369" s="16"/>
      <c r="Q4369" s="16"/>
      <c r="R4369" s="16"/>
      <c r="S4369" s="16"/>
      <c r="T4369" s="16"/>
      <c r="U4369" s="16"/>
      <c r="V4369" s="16"/>
      <c r="W4369" s="16"/>
      <c r="X4369" s="16"/>
      <c r="Y4369" s="16"/>
      <c r="Z4369" s="16"/>
      <c r="AA4369" s="16"/>
    </row>
    <row r="4370" spans="1:27" s="1" customFormat="1" ht="11.1" customHeight="1" outlineLevel="2" x14ac:dyDescent="0.2">
      <c r="A4370" s="17">
        <v>5896</v>
      </c>
      <c r="B4370" s="17"/>
      <c r="C4370" s="17"/>
      <c r="D4370" s="18" t="s">
        <v>2185</v>
      </c>
      <c r="E4370" s="18"/>
      <c r="F4370" s="18"/>
      <c r="G4370" s="18"/>
      <c r="H4370" s="18"/>
      <c r="I4370" s="18"/>
      <c r="J4370" s="18"/>
      <c r="K4370" s="18"/>
      <c r="L4370" s="18"/>
      <c r="M4370" s="18"/>
      <c r="N4370" s="18"/>
      <c r="O4370" s="18"/>
      <c r="P4370" s="19">
        <v>500</v>
      </c>
      <c r="Q4370" s="19"/>
      <c r="R4370" s="19"/>
      <c r="S4370" s="19"/>
      <c r="T4370" s="19">
        <v>470</v>
      </c>
      <c r="U4370" s="19"/>
      <c r="V4370" s="19"/>
      <c r="W4370" s="19"/>
      <c r="X4370" s="19">
        <v>1</v>
      </c>
      <c r="Y4370" s="19"/>
      <c r="Z4370" s="19"/>
      <c r="AA4370" s="19"/>
    </row>
    <row r="4371" spans="1:27" s="1" customFormat="1" ht="11.1" customHeight="1" outlineLevel="2" x14ac:dyDescent="0.2">
      <c r="A4371" s="17"/>
      <c r="B4371" s="17"/>
      <c r="C4371" s="17"/>
      <c r="D4371" s="18"/>
      <c r="E4371" s="18"/>
      <c r="F4371" s="18"/>
      <c r="G4371" s="18"/>
      <c r="H4371" s="18"/>
      <c r="I4371" s="18"/>
      <c r="J4371" s="18"/>
      <c r="K4371" s="18"/>
      <c r="L4371" s="18"/>
      <c r="M4371" s="18"/>
      <c r="N4371" s="18"/>
      <c r="O4371" s="18"/>
      <c r="P4371" s="19"/>
      <c r="Q4371" s="19"/>
      <c r="R4371" s="19"/>
      <c r="S4371" s="19"/>
      <c r="T4371" s="19"/>
      <c r="U4371" s="19"/>
      <c r="V4371" s="19"/>
      <c r="W4371" s="19"/>
      <c r="X4371" s="19"/>
      <c r="Y4371" s="19"/>
      <c r="Z4371" s="19"/>
      <c r="AA4371" s="19"/>
    </row>
    <row r="4372" spans="1:27" s="1" customFormat="1" ht="14.1" customHeight="1" outlineLevel="2" x14ac:dyDescent="0.2">
      <c r="A4372" s="17">
        <v>12665</v>
      </c>
      <c r="B4372" s="17"/>
      <c r="C4372" s="17"/>
      <c r="D4372" s="18" t="s">
        <v>2186</v>
      </c>
      <c r="E4372" s="18"/>
      <c r="F4372" s="18"/>
      <c r="G4372" s="18"/>
      <c r="H4372" s="18"/>
      <c r="I4372" s="18"/>
      <c r="J4372" s="18"/>
      <c r="K4372" s="18"/>
      <c r="L4372" s="18"/>
      <c r="M4372" s="18"/>
      <c r="N4372" s="18"/>
      <c r="O4372" s="18"/>
      <c r="P4372" s="20">
        <v>1400</v>
      </c>
      <c r="Q4372" s="20"/>
      <c r="R4372" s="20"/>
      <c r="S4372" s="20"/>
      <c r="T4372" s="20">
        <v>1300</v>
      </c>
      <c r="U4372" s="20"/>
      <c r="V4372" s="20"/>
      <c r="W4372" s="20"/>
      <c r="X4372" s="19">
        <v>1</v>
      </c>
      <c r="Y4372" s="19"/>
      <c r="Z4372" s="19"/>
      <c r="AA4372" s="19"/>
    </row>
    <row r="4373" spans="1:27" s="1" customFormat="1" ht="14.1" customHeight="1" outlineLevel="2" x14ac:dyDescent="0.2">
      <c r="A4373" s="17"/>
      <c r="B4373" s="17"/>
      <c r="C4373" s="17"/>
      <c r="D4373" s="18"/>
      <c r="E4373" s="18"/>
      <c r="F4373" s="18"/>
      <c r="G4373" s="18"/>
      <c r="H4373" s="18"/>
      <c r="I4373" s="18"/>
      <c r="J4373" s="18"/>
      <c r="K4373" s="18"/>
      <c r="L4373" s="18"/>
      <c r="M4373" s="18"/>
      <c r="N4373" s="18"/>
      <c r="O4373" s="18"/>
      <c r="P4373" s="20"/>
      <c r="Q4373" s="20"/>
      <c r="R4373" s="20"/>
      <c r="S4373" s="20"/>
      <c r="T4373" s="20"/>
      <c r="U4373" s="20"/>
      <c r="V4373" s="20"/>
      <c r="W4373" s="20"/>
      <c r="X4373" s="19"/>
      <c r="Y4373" s="19"/>
      <c r="Z4373" s="19"/>
      <c r="AA4373" s="19"/>
    </row>
    <row r="4374" spans="1:27" s="1" customFormat="1" ht="11.1" customHeight="1" outlineLevel="2" x14ac:dyDescent="0.2">
      <c r="A4374" s="17">
        <v>7953</v>
      </c>
      <c r="B4374" s="17"/>
      <c r="C4374" s="17"/>
      <c r="D4374" s="18" t="s">
        <v>2187</v>
      </c>
      <c r="E4374" s="18"/>
      <c r="F4374" s="18"/>
      <c r="G4374" s="18"/>
      <c r="H4374" s="18"/>
      <c r="I4374" s="18"/>
      <c r="J4374" s="18"/>
      <c r="K4374" s="18"/>
      <c r="L4374" s="18"/>
      <c r="M4374" s="18"/>
      <c r="N4374" s="18"/>
      <c r="O4374" s="18"/>
      <c r="P4374" s="20">
        <v>1800</v>
      </c>
      <c r="Q4374" s="20"/>
      <c r="R4374" s="20"/>
      <c r="S4374" s="20"/>
      <c r="T4374" s="20">
        <v>1750</v>
      </c>
      <c r="U4374" s="20"/>
      <c r="V4374" s="20"/>
      <c r="W4374" s="20"/>
      <c r="X4374" s="19">
        <v>1</v>
      </c>
      <c r="Y4374" s="19"/>
      <c r="Z4374" s="19"/>
      <c r="AA4374" s="19"/>
    </row>
    <row r="4375" spans="1:27" s="1" customFormat="1" ht="11.1" customHeight="1" outlineLevel="2" x14ac:dyDescent="0.2">
      <c r="A4375" s="17"/>
      <c r="B4375" s="17"/>
      <c r="C4375" s="17"/>
      <c r="D4375" s="18"/>
      <c r="E4375" s="18"/>
      <c r="F4375" s="18"/>
      <c r="G4375" s="18"/>
      <c r="H4375" s="18"/>
      <c r="I4375" s="18"/>
      <c r="J4375" s="18"/>
      <c r="K4375" s="18"/>
      <c r="L4375" s="18"/>
      <c r="M4375" s="18"/>
      <c r="N4375" s="18"/>
      <c r="O4375" s="18"/>
      <c r="P4375" s="20"/>
      <c r="Q4375" s="20"/>
      <c r="R4375" s="20"/>
      <c r="S4375" s="20"/>
      <c r="T4375" s="20"/>
      <c r="U4375" s="20"/>
      <c r="V4375" s="20"/>
      <c r="W4375" s="20"/>
      <c r="X4375" s="19"/>
      <c r="Y4375" s="19"/>
      <c r="Z4375" s="19"/>
      <c r="AA4375" s="19"/>
    </row>
    <row r="4376" spans="1:27" s="1" customFormat="1" ht="11.1" customHeight="1" outlineLevel="2" x14ac:dyDescent="0.2">
      <c r="A4376" s="17">
        <v>1138</v>
      </c>
      <c r="B4376" s="17"/>
      <c r="C4376" s="17"/>
      <c r="D4376" s="18" t="s">
        <v>2188</v>
      </c>
      <c r="E4376" s="18"/>
      <c r="F4376" s="18"/>
      <c r="G4376" s="18"/>
      <c r="H4376" s="18"/>
      <c r="I4376" s="18"/>
      <c r="J4376" s="18"/>
      <c r="K4376" s="18"/>
      <c r="L4376" s="18"/>
      <c r="M4376" s="18"/>
      <c r="N4376" s="18"/>
      <c r="O4376" s="18"/>
      <c r="P4376" s="20">
        <v>1800</v>
      </c>
      <c r="Q4376" s="20"/>
      <c r="R4376" s="20"/>
      <c r="S4376" s="20"/>
      <c r="T4376" s="20">
        <v>1720</v>
      </c>
      <c r="U4376" s="20"/>
      <c r="V4376" s="20"/>
      <c r="W4376" s="20"/>
      <c r="X4376" s="19">
        <v>1</v>
      </c>
      <c r="Y4376" s="19"/>
      <c r="Z4376" s="19"/>
      <c r="AA4376" s="19"/>
    </row>
    <row r="4377" spans="1:27" s="1" customFormat="1" ht="11.1" customHeight="1" outlineLevel="2" x14ac:dyDescent="0.2">
      <c r="A4377" s="17"/>
      <c r="B4377" s="17"/>
      <c r="C4377" s="17"/>
      <c r="D4377" s="18"/>
      <c r="E4377" s="18"/>
      <c r="F4377" s="18"/>
      <c r="G4377" s="18"/>
      <c r="H4377" s="18"/>
      <c r="I4377" s="18"/>
      <c r="J4377" s="18"/>
      <c r="K4377" s="18"/>
      <c r="L4377" s="18"/>
      <c r="M4377" s="18"/>
      <c r="N4377" s="18"/>
      <c r="O4377" s="18"/>
      <c r="P4377" s="20"/>
      <c r="Q4377" s="20"/>
      <c r="R4377" s="20"/>
      <c r="S4377" s="20"/>
      <c r="T4377" s="20"/>
      <c r="U4377" s="20"/>
      <c r="V4377" s="20"/>
      <c r="W4377" s="20"/>
      <c r="X4377" s="19"/>
      <c r="Y4377" s="19"/>
      <c r="Z4377" s="19"/>
      <c r="AA4377" s="19"/>
    </row>
    <row r="4378" spans="1:27" s="1" customFormat="1" ht="14.1" customHeight="1" outlineLevel="2" x14ac:dyDescent="0.2">
      <c r="A4378" s="17">
        <v>4632</v>
      </c>
      <c r="B4378" s="17"/>
      <c r="C4378" s="17"/>
      <c r="D4378" s="18" t="s">
        <v>2189</v>
      </c>
      <c r="E4378" s="18"/>
      <c r="F4378" s="18"/>
      <c r="G4378" s="18"/>
      <c r="H4378" s="18"/>
      <c r="I4378" s="18"/>
      <c r="J4378" s="18"/>
      <c r="K4378" s="18"/>
      <c r="L4378" s="18"/>
      <c r="M4378" s="18"/>
      <c r="N4378" s="18"/>
      <c r="O4378" s="18"/>
      <c r="P4378" s="20">
        <v>1800</v>
      </c>
      <c r="Q4378" s="20"/>
      <c r="R4378" s="20"/>
      <c r="S4378" s="20"/>
      <c r="T4378" s="20">
        <v>1720</v>
      </c>
      <c r="U4378" s="20"/>
      <c r="V4378" s="20"/>
      <c r="W4378" s="20"/>
      <c r="X4378" s="19">
        <v>2</v>
      </c>
      <c r="Y4378" s="19"/>
      <c r="Z4378" s="19"/>
      <c r="AA4378" s="19"/>
    </row>
    <row r="4379" spans="1:27" s="1" customFormat="1" ht="14.1" customHeight="1" outlineLevel="2" x14ac:dyDescent="0.2">
      <c r="A4379" s="17"/>
      <c r="B4379" s="17"/>
      <c r="C4379" s="17"/>
      <c r="D4379" s="18"/>
      <c r="E4379" s="18"/>
      <c r="F4379" s="18"/>
      <c r="G4379" s="18"/>
      <c r="H4379" s="18"/>
      <c r="I4379" s="18"/>
      <c r="J4379" s="18"/>
      <c r="K4379" s="18"/>
      <c r="L4379" s="18"/>
      <c r="M4379" s="18"/>
      <c r="N4379" s="18"/>
      <c r="O4379" s="18"/>
      <c r="P4379" s="20"/>
      <c r="Q4379" s="20"/>
      <c r="R4379" s="20"/>
      <c r="S4379" s="20"/>
      <c r="T4379" s="20"/>
      <c r="U4379" s="20"/>
      <c r="V4379" s="20"/>
      <c r="W4379" s="20"/>
      <c r="X4379" s="19"/>
      <c r="Y4379" s="19"/>
      <c r="Z4379" s="19"/>
      <c r="AA4379" s="19"/>
    </row>
    <row r="4380" spans="1:27" s="1" customFormat="1" ht="14.1" customHeight="1" outlineLevel="2" x14ac:dyDescent="0.2">
      <c r="A4380" s="17">
        <v>10169</v>
      </c>
      <c r="B4380" s="17"/>
      <c r="C4380" s="17"/>
      <c r="D4380" s="18" t="s">
        <v>2190</v>
      </c>
      <c r="E4380" s="18"/>
      <c r="F4380" s="18"/>
      <c r="G4380" s="18"/>
      <c r="H4380" s="18"/>
      <c r="I4380" s="18"/>
      <c r="J4380" s="18"/>
      <c r="K4380" s="18"/>
      <c r="L4380" s="18"/>
      <c r="M4380" s="18"/>
      <c r="N4380" s="18"/>
      <c r="O4380" s="18"/>
      <c r="P4380" s="20">
        <v>1550</v>
      </c>
      <c r="Q4380" s="20"/>
      <c r="R4380" s="20"/>
      <c r="S4380" s="20"/>
      <c r="T4380" s="20">
        <v>1500</v>
      </c>
      <c r="U4380" s="20"/>
      <c r="V4380" s="20"/>
      <c r="W4380" s="20"/>
      <c r="X4380" s="19">
        <v>1</v>
      </c>
      <c r="Y4380" s="19"/>
      <c r="Z4380" s="19"/>
      <c r="AA4380" s="19"/>
    </row>
    <row r="4381" spans="1:27" s="1" customFormat="1" ht="14.1" customHeight="1" outlineLevel="2" x14ac:dyDescent="0.2">
      <c r="A4381" s="17"/>
      <c r="B4381" s="17"/>
      <c r="C4381" s="17"/>
      <c r="D4381" s="18"/>
      <c r="E4381" s="18"/>
      <c r="F4381" s="18"/>
      <c r="G4381" s="18"/>
      <c r="H4381" s="18"/>
      <c r="I4381" s="18"/>
      <c r="J4381" s="18"/>
      <c r="K4381" s="18"/>
      <c r="L4381" s="18"/>
      <c r="M4381" s="18"/>
      <c r="N4381" s="18"/>
      <c r="O4381" s="18"/>
      <c r="P4381" s="20"/>
      <c r="Q4381" s="20"/>
      <c r="R4381" s="20"/>
      <c r="S4381" s="20"/>
      <c r="T4381" s="20"/>
      <c r="U4381" s="20"/>
      <c r="V4381" s="20"/>
      <c r="W4381" s="20"/>
      <c r="X4381" s="19"/>
      <c r="Y4381" s="19"/>
      <c r="Z4381" s="19"/>
      <c r="AA4381" s="19"/>
    </row>
    <row r="4382" spans="1:27" s="1" customFormat="1" ht="14.1" customHeight="1" outlineLevel="2" x14ac:dyDescent="0.2">
      <c r="A4382" s="17">
        <v>12911</v>
      </c>
      <c r="B4382" s="17"/>
      <c r="C4382" s="17"/>
      <c r="D4382" s="18" t="s">
        <v>2191</v>
      </c>
      <c r="E4382" s="18"/>
      <c r="F4382" s="18"/>
      <c r="G4382" s="18"/>
      <c r="H4382" s="18"/>
      <c r="I4382" s="18"/>
      <c r="J4382" s="18"/>
      <c r="K4382" s="18"/>
      <c r="L4382" s="18"/>
      <c r="M4382" s="18"/>
      <c r="N4382" s="18"/>
      <c r="O4382" s="18"/>
      <c r="P4382" s="20">
        <v>1800</v>
      </c>
      <c r="Q4382" s="20"/>
      <c r="R4382" s="20"/>
      <c r="S4382" s="20"/>
      <c r="T4382" s="20">
        <v>1600</v>
      </c>
      <c r="U4382" s="20"/>
      <c r="V4382" s="20"/>
      <c r="W4382" s="20"/>
      <c r="X4382" s="19">
        <v>1</v>
      </c>
      <c r="Y4382" s="19"/>
      <c r="Z4382" s="19"/>
      <c r="AA4382" s="19"/>
    </row>
    <row r="4383" spans="1:27" s="1" customFormat="1" ht="14.1" customHeight="1" outlineLevel="2" x14ac:dyDescent="0.2">
      <c r="A4383" s="17"/>
      <c r="B4383" s="17"/>
      <c r="C4383" s="17"/>
      <c r="D4383" s="18"/>
      <c r="E4383" s="18"/>
      <c r="F4383" s="18"/>
      <c r="G4383" s="18"/>
      <c r="H4383" s="18"/>
      <c r="I4383" s="18"/>
      <c r="J4383" s="18"/>
      <c r="K4383" s="18"/>
      <c r="L4383" s="18"/>
      <c r="M4383" s="18"/>
      <c r="N4383" s="18"/>
      <c r="O4383" s="18"/>
      <c r="P4383" s="20"/>
      <c r="Q4383" s="20"/>
      <c r="R4383" s="20"/>
      <c r="S4383" s="20"/>
      <c r="T4383" s="20"/>
      <c r="U4383" s="20"/>
      <c r="V4383" s="20"/>
      <c r="W4383" s="20"/>
      <c r="X4383" s="19"/>
      <c r="Y4383" s="19"/>
      <c r="Z4383" s="19"/>
      <c r="AA4383" s="19"/>
    </row>
    <row r="4384" spans="1:27" s="1" customFormat="1" ht="11.1" customHeight="1" outlineLevel="2" x14ac:dyDescent="0.2">
      <c r="A4384" s="17">
        <v>17363</v>
      </c>
      <c r="B4384" s="17"/>
      <c r="C4384" s="17"/>
      <c r="D4384" s="18" t="s">
        <v>2192</v>
      </c>
      <c r="E4384" s="18"/>
      <c r="F4384" s="18"/>
      <c r="G4384" s="18"/>
      <c r="H4384" s="18"/>
      <c r="I4384" s="18"/>
      <c r="J4384" s="18"/>
      <c r="K4384" s="18"/>
      <c r="L4384" s="18"/>
      <c r="M4384" s="18"/>
      <c r="N4384" s="18"/>
      <c r="O4384" s="18"/>
      <c r="P4384" s="20">
        <v>1250</v>
      </c>
      <c r="Q4384" s="20"/>
      <c r="R4384" s="20"/>
      <c r="S4384" s="20"/>
      <c r="T4384" s="20">
        <v>1150</v>
      </c>
      <c r="U4384" s="20"/>
      <c r="V4384" s="20"/>
      <c r="W4384" s="20"/>
      <c r="X4384" s="19">
        <v>19</v>
      </c>
      <c r="Y4384" s="19"/>
      <c r="Z4384" s="19"/>
      <c r="AA4384" s="19"/>
    </row>
    <row r="4385" spans="1:27" s="1" customFormat="1" ht="11.1" customHeight="1" outlineLevel="2" x14ac:dyDescent="0.2">
      <c r="A4385" s="17"/>
      <c r="B4385" s="17"/>
      <c r="C4385" s="17"/>
      <c r="D4385" s="18"/>
      <c r="E4385" s="18"/>
      <c r="F4385" s="18"/>
      <c r="G4385" s="18"/>
      <c r="H4385" s="18"/>
      <c r="I4385" s="18"/>
      <c r="J4385" s="18"/>
      <c r="K4385" s="18"/>
      <c r="L4385" s="18"/>
      <c r="M4385" s="18"/>
      <c r="N4385" s="18"/>
      <c r="O4385" s="18"/>
      <c r="P4385" s="20"/>
      <c r="Q4385" s="20"/>
      <c r="R4385" s="20"/>
      <c r="S4385" s="20"/>
      <c r="T4385" s="20"/>
      <c r="U4385" s="20"/>
      <c r="V4385" s="20"/>
      <c r="W4385" s="20"/>
      <c r="X4385" s="19"/>
      <c r="Y4385" s="19"/>
      <c r="Z4385" s="19"/>
      <c r="AA4385" s="19"/>
    </row>
    <row r="4386" spans="1:27" s="1" customFormat="1" ht="14.1" customHeight="1" outlineLevel="2" x14ac:dyDescent="0.2">
      <c r="A4386" s="17">
        <v>13058</v>
      </c>
      <c r="B4386" s="17"/>
      <c r="C4386" s="17"/>
      <c r="D4386" s="18" t="s">
        <v>2193</v>
      </c>
      <c r="E4386" s="18"/>
      <c r="F4386" s="18"/>
      <c r="G4386" s="18"/>
      <c r="H4386" s="18"/>
      <c r="I4386" s="18"/>
      <c r="J4386" s="18"/>
      <c r="K4386" s="18"/>
      <c r="L4386" s="18"/>
      <c r="M4386" s="18"/>
      <c r="N4386" s="18"/>
      <c r="O4386" s="18"/>
      <c r="P4386" s="20">
        <v>1200</v>
      </c>
      <c r="Q4386" s="20"/>
      <c r="R4386" s="20"/>
      <c r="S4386" s="20"/>
      <c r="T4386" s="20">
        <v>1100</v>
      </c>
      <c r="U4386" s="20"/>
      <c r="V4386" s="20"/>
      <c r="W4386" s="20"/>
      <c r="X4386" s="19">
        <v>1</v>
      </c>
      <c r="Y4386" s="19"/>
      <c r="Z4386" s="19"/>
      <c r="AA4386" s="19"/>
    </row>
    <row r="4387" spans="1:27" s="1" customFormat="1" ht="14.1" customHeight="1" outlineLevel="2" x14ac:dyDescent="0.2">
      <c r="A4387" s="17"/>
      <c r="B4387" s="17"/>
      <c r="C4387" s="17"/>
      <c r="D4387" s="18"/>
      <c r="E4387" s="18"/>
      <c r="F4387" s="18"/>
      <c r="G4387" s="18"/>
      <c r="H4387" s="18"/>
      <c r="I4387" s="18"/>
      <c r="J4387" s="18"/>
      <c r="K4387" s="18"/>
      <c r="L4387" s="18"/>
      <c r="M4387" s="18"/>
      <c r="N4387" s="18"/>
      <c r="O4387" s="18"/>
      <c r="P4387" s="20"/>
      <c r="Q4387" s="20"/>
      <c r="R4387" s="20"/>
      <c r="S4387" s="20"/>
      <c r="T4387" s="20"/>
      <c r="U4387" s="20"/>
      <c r="V4387" s="20"/>
      <c r="W4387" s="20"/>
      <c r="X4387" s="19"/>
      <c r="Y4387" s="19"/>
      <c r="Z4387" s="19"/>
      <c r="AA4387" s="19"/>
    </row>
    <row r="4388" spans="1:27" s="1" customFormat="1" ht="14.1" customHeight="1" outlineLevel="2" x14ac:dyDescent="0.2">
      <c r="A4388" s="17">
        <v>10188</v>
      </c>
      <c r="B4388" s="17"/>
      <c r="C4388" s="17"/>
      <c r="D4388" s="18" t="s">
        <v>2194</v>
      </c>
      <c r="E4388" s="18"/>
      <c r="F4388" s="18"/>
      <c r="G4388" s="18"/>
      <c r="H4388" s="18"/>
      <c r="I4388" s="18"/>
      <c r="J4388" s="18"/>
      <c r="K4388" s="18"/>
      <c r="L4388" s="18"/>
      <c r="M4388" s="18"/>
      <c r="N4388" s="18"/>
      <c r="O4388" s="18"/>
      <c r="P4388" s="20">
        <v>1300</v>
      </c>
      <c r="Q4388" s="20"/>
      <c r="R4388" s="20"/>
      <c r="S4388" s="20"/>
      <c r="T4388" s="20">
        <v>1250</v>
      </c>
      <c r="U4388" s="20"/>
      <c r="V4388" s="20"/>
      <c r="W4388" s="20"/>
      <c r="X4388" s="19">
        <v>1</v>
      </c>
      <c r="Y4388" s="19"/>
      <c r="Z4388" s="19"/>
      <c r="AA4388" s="19"/>
    </row>
    <row r="4389" spans="1:27" s="1" customFormat="1" ht="14.1" customHeight="1" outlineLevel="2" x14ac:dyDescent="0.2">
      <c r="A4389" s="17"/>
      <c r="B4389" s="17"/>
      <c r="C4389" s="17"/>
      <c r="D4389" s="18"/>
      <c r="E4389" s="18"/>
      <c r="F4389" s="18"/>
      <c r="G4389" s="18"/>
      <c r="H4389" s="18"/>
      <c r="I4389" s="18"/>
      <c r="J4389" s="18"/>
      <c r="K4389" s="18"/>
      <c r="L4389" s="18"/>
      <c r="M4389" s="18"/>
      <c r="N4389" s="18"/>
      <c r="O4389" s="18"/>
      <c r="P4389" s="20"/>
      <c r="Q4389" s="20"/>
      <c r="R4389" s="20"/>
      <c r="S4389" s="20"/>
      <c r="T4389" s="20"/>
      <c r="U4389" s="20"/>
      <c r="V4389" s="20"/>
      <c r="W4389" s="20"/>
      <c r="X4389" s="19"/>
      <c r="Y4389" s="19"/>
      <c r="Z4389" s="19"/>
      <c r="AA4389" s="19"/>
    </row>
    <row r="4390" spans="1:27" s="1" customFormat="1" ht="14.1" customHeight="1" outlineLevel="2" x14ac:dyDescent="0.2">
      <c r="A4390" s="17">
        <v>18271</v>
      </c>
      <c r="B4390" s="17"/>
      <c r="C4390" s="17"/>
      <c r="D4390" s="18" t="s">
        <v>2195</v>
      </c>
      <c r="E4390" s="18"/>
      <c r="F4390" s="18"/>
      <c r="G4390" s="18"/>
      <c r="H4390" s="18"/>
      <c r="I4390" s="18"/>
      <c r="J4390" s="18"/>
      <c r="K4390" s="18"/>
      <c r="L4390" s="18"/>
      <c r="M4390" s="18"/>
      <c r="N4390" s="18"/>
      <c r="O4390" s="18"/>
      <c r="P4390" s="20">
        <v>4100</v>
      </c>
      <c r="Q4390" s="20"/>
      <c r="R4390" s="20"/>
      <c r="S4390" s="20"/>
      <c r="T4390" s="20">
        <v>3400</v>
      </c>
      <c r="U4390" s="20"/>
      <c r="V4390" s="20"/>
      <c r="W4390" s="20"/>
      <c r="X4390" s="19">
        <v>3</v>
      </c>
      <c r="Y4390" s="19"/>
      <c r="Z4390" s="19"/>
      <c r="AA4390" s="19"/>
    </row>
    <row r="4391" spans="1:27" s="1" customFormat="1" ht="14.1" customHeight="1" outlineLevel="2" x14ac:dyDescent="0.2">
      <c r="A4391" s="17"/>
      <c r="B4391" s="17"/>
      <c r="C4391" s="17"/>
      <c r="D4391" s="18"/>
      <c r="E4391" s="18"/>
      <c r="F4391" s="18"/>
      <c r="G4391" s="18"/>
      <c r="H4391" s="18"/>
      <c r="I4391" s="18"/>
      <c r="J4391" s="18"/>
      <c r="K4391" s="18"/>
      <c r="L4391" s="18"/>
      <c r="M4391" s="18"/>
      <c r="N4391" s="18"/>
      <c r="O4391" s="18"/>
      <c r="P4391" s="20"/>
      <c r="Q4391" s="20"/>
      <c r="R4391" s="20"/>
      <c r="S4391" s="20"/>
      <c r="T4391" s="20"/>
      <c r="U4391" s="20"/>
      <c r="V4391" s="20"/>
      <c r="W4391" s="20"/>
      <c r="X4391" s="19"/>
      <c r="Y4391" s="19"/>
      <c r="Z4391" s="19"/>
      <c r="AA4391" s="19"/>
    </row>
    <row r="4392" spans="1:27" s="1" customFormat="1" ht="14.1" customHeight="1" outlineLevel="2" x14ac:dyDescent="0.2">
      <c r="A4392" s="17">
        <v>13337</v>
      </c>
      <c r="B4392" s="17"/>
      <c r="C4392" s="17"/>
      <c r="D4392" s="18" t="s">
        <v>2196</v>
      </c>
      <c r="E4392" s="18"/>
      <c r="F4392" s="18"/>
      <c r="G4392" s="18"/>
      <c r="H4392" s="18"/>
      <c r="I4392" s="18"/>
      <c r="J4392" s="18"/>
      <c r="K4392" s="18"/>
      <c r="L4392" s="18"/>
      <c r="M4392" s="18"/>
      <c r="N4392" s="18"/>
      <c r="O4392" s="18"/>
      <c r="P4392" s="20">
        <v>2600</v>
      </c>
      <c r="Q4392" s="20"/>
      <c r="R4392" s="20"/>
      <c r="S4392" s="20"/>
      <c r="T4392" s="20">
        <v>2400</v>
      </c>
      <c r="U4392" s="20"/>
      <c r="V4392" s="20"/>
      <c r="W4392" s="20"/>
      <c r="X4392" s="19">
        <v>1</v>
      </c>
      <c r="Y4392" s="19"/>
      <c r="Z4392" s="19"/>
      <c r="AA4392" s="19"/>
    </row>
    <row r="4393" spans="1:27" s="1" customFormat="1" ht="14.1" customHeight="1" outlineLevel="2" x14ac:dyDescent="0.2">
      <c r="A4393" s="17"/>
      <c r="B4393" s="17"/>
      <c r="C4393" s="17"/>
      <c r="D4393" s="18"/>
      <c r="E4393" s="18"/>
      <c r="F4393" s="18"/>
      <c r="G4393" s="18"/>
      <c r="H4393" s="18"/>
      <c r="I4393" s="18"/>
      <c r="J4393" s="18"/>
      <c r="K4393" s="18"/>
      <c r="L4393" s="18"/>
      <c r="M4393" s="18"/>
      <c r="N4393" s="18"/>
      <c r="O4393" s="18"/>
      <c r="P4393" s="20"/>
      <c r="Q4393" s="20"/>
      <c r="R4393" s="20"/>
      <c r="S4393" s="20"/>
      <c r="T4393" s="20"/>
      <c r="U4393" s="20"/>
      <c r="V4393" s="20"/>
      <c r="W4393" s="20"/>
      <c r="X4393" s="19"/>
      <c r="Y4393" s="19"/>
      <c r="Z4393" s="19"/>
      <c r="AA4393" s="19"/>
    </row>
    <row r="4394" spans="1:27" s="1" customFormat="1" ht="11.1" customHeight="1" outlineLevel="2" x14ac:dyDescent="0.2">
      <c r="A4394" s="17">
        <v>12017</v>
      </c>
      <c r="B4394" s="17"/>
      <c r="C4394" s="17"/>
      <c r="D4394" s="18" t="s">
        <v>2197</v>
      </c>
      <c r="E4394" s="18"/>
      <c r="F4394" s="18"/>
      <c r="G4394" s="18"/>
      <c r="H4394" s="18"/>
      <c r="I4394" s="18"/>
      <c r="J4394" s="18"/>
      <c r="K4394" s="18"/>
      <c r="L4394" s="18"/>
      <c r="M4394" s="18"/>
      <c r="N4394" s="18"/>
      <c r="O4394" s="18"/>
      <c r="P4394" s="20">
        <v>2700</v>
      </c>
      <c r="Q4394" s="20"/>
      <c r="R4394" s="20"/>
      <c r="S4394" s="20"/>
      <c r="T4394" s="20">
        <v>2500</v>
      </c>
      <c r="U4394" s="20"/>
      <c r="V4394" s="20"/>
      <c r="W4394" s="20"/>
      <c r="X4394" s="19">
        <v>1</v>
      </c>
      <c r="Y4394" s="19"/>
      <c r="Z4394" s="19"/>
      <c r="AA4394" s="19"/>
    </row>
    <row r="4395" spans="1:27" s="1" customFormat="1" ht="11.1" customHeight="1" outlineLevel="2" x14ac:dyDescent="0.2">
      <c r="A4395" s="17"/>
      <c r="B4395" s="17"/>
      <c r="C4395" s="17"/>
      <c r="D4395" s="18"/>
      <c r="E4395" s="18"/>
      <c r="F4395" s="18"/>
      <c r="G4395" s="18"/>
      <c r="H4395" s="18"/>
      <c r="I4395" s="18"/>
      <c r="J4395" s="18"/>
      <c r="K4395" s="18"/>
      <c r="L4395" s="18"/>
      <c r="M4395" s="18"/>
      <c r="N4395" s="18"/>
      <c r="O4395" s="18"/>
      <c r="P4395" s="20"/>
      <c r="Q4395" s="20"/>
      <c r="R4395" s="20"/>
      <c r="S4395" s="20"/>
      <c r="T4395" s="20"/>
      <c r="U4395" s="20"/>
      <c r="V4395" s="20"/>
      <c r="W4395" s="20"/>
      <c r="X4395" s="19"/>
      <c r="Y4395" s="19"/>
      <c r="Z4395" s="19"/>
      <c r="AA4395" s="19"/>
    </row>
    <row r="4396" spans="1:27" s="1" customFormat="1" ht="14.1" customHeight="1" outlineLevel="2" x14ac:dyDescent="0.2">
      <c r="A4396" s="17">
        <v>12149</v>
      </c>
      <c r="B4396" s="17"/>
      <c r="C4396" s="17"/>
      <c r="D4396" s="18" t="s">
        <v>2198</v>
      </c>
      <c r="E4396" s="18"/>
      <c r="F4396" s="18"/>
      <c r="G4396" s="18"/>
      <c r="H4396" s="18"/>
      <c r="I4396" s="18"/>
      <c r="J4396" s="18"/>
      <c r="K4396" s="18"/>
      <c r="L4396" s="18"/>
      <c r="M4396" s="18"/>
      <c r="N4396" s="18"/>
      <c r="O4396" s="18"/>
      <c r="P4396" s="20">
        <v>2900</v>
      </c>
      <c r="Q4396" s="20"/>
      <c r="R4396" s="20"/>
      <c r="S4396" s="20"/>
      <c r="T4396" s="20">
        <v>2700</v>
      </c>
      <c r="U4396" s="20"/>
      <c r="V4396" s="20"/>
      <c r="W4396" s="20"/>
      <c r="X4396" s="19">
        <v>1</v>
      </c>
      <c r="Y4396" s="19"/>
      <c r="Z4396" s="19"/>
      <c r="AA4396" s="19"/>
    </row>
    <row r="4397" spans="1:27" s="1" customFormat="1" ht="14.1" customHeight="1" outlineLevel="2" x14ac:dyDescent="0.2">
      <c r="A4397" s="17"/>
      <c r="B4397" s="17"/>
      <c r="C4397" s="17"/>
      <c r="D4397" s="18"/>
      <c r="E4397" s="18"/>
      <c r="F4397" s="18"/>
      <c r="G4397" s="18"/>
      <c r="H4397" s="18"/>
      <c r="I4397" s="18"/>
      <c r="J4397" s="18"/>
      <c r="K4397" s="18"/>
      <c r="L4397" s="18"/>
      <c r="M4397" s="18"/>
      <c r="N4397" s="18"/>
      <c r="O4397" s="18"/>
      <c r="P4397" s="20"/>
      <c r="Q4397" s="20"/>
      <c r="R4397" s="20"/>
      <c r="S4397" s="20"/>
      <c r="T4397" s="20"/>
      <c r="U4397" s="20"/>
      <c r="V4397" s="20"/>
      <c r="W4397" s="20"/>
      <c r="X4397" s="19"/>
      <c r="Y4397" s="19"/>
      <c r="Z4397" s="19"/>
      <c r="AA4397" s="19"/>
    </row>
    <row r="4398" spans="1:27" s="1" customFormat="1" ht="11.1" customHeight="1" outlineLevel="2" x14ac:dyDescent="0.2">
      <c r="A4398" s="17">
        <v>4648</v>
      </c>
      <c r="B4398" s="17"/>
      <c r="C4398" s="17"/>
      <c r="D4398" s="18" t="s">
        <v>2199</v>
      </c>
      <c r="E4398" s="18"/>
      <c r="F4398" s="18"/>
      <c r="G4398" s="18"/>
      <c r="H4398" s="18"/>
      <c r="I4398" s="18"/>
      <c r="J4398" s="18"/>
      <c r="K4398" s="18"/>
      <c r="L4398" s="18"/>
      <c r="M4398" s="18"/>
      <c r="N4398" s="18"/>
      <c r="O4398" s="18"/>
      <c r="P4398" s="19">
        <v>500</v>
      </c>
      <c r="Q4398" s="19"/>
      <c r="R4398" s="19"/>
      <c r="S4398" s="19"/>
      <c r="T4398" s="19">
        <v>470</v>
      </c>
      <c r="U4398" s="19"/>
      <c r="V4398" s="19"/>
      <c r="W4398" s="19"/>
      <c r="X4398" s="19">
        <v>1</v>
      </c>
      <c r="Y4398" s="19"/>
      <c r="Z4398" s="19"/>
      <c r="AA4398" s="19"/>
    </row>
    <row r="4399" spans="1:27" s="1" customFormat="1" ht="11.1" customHeight="1" outlineLevel="2" x14ac:dyDescent="0.2">
      <c r="A4399" s="17"/>
      <c r="B4399" s="17"/>
      <c r="C4399" s="17"/>
      <c r="D4399" s="18"/>
      <c r="E4399" s="18"/>
      <c r="F4399" s="18"/>
      <c r="G4399" s="18"/>
      <c r="H4399" s="18"/>
      <c r="I4399" s="18"/>
      <c r="J4399" s="18"/>
      <c r="K4399" s="18"/>
      <c r="L4399" s="18"/>
      <c r="M4399" s="18"/>
      <c r="N4399" s="18"/>
      <c r="O4399" s="18"/>
      <c r="P4399" s="19"/>
      <c r="Q4399" s="19"/>
      <c r="R4399" s="19"/>
      <c r="S4399" s="19"/>
      <c r="T4399" s="19"/>
      <c r="U4399" s="19"/>
      <c r="V4399" s="19"/>
      <c r="W4399" s="19"/>
      <c r="X4399" s="19"/>
      <c r="Y4399" s="19"/>
      <c r="Z4399" s="19"/>
      <c r="AA4399" s="19"/>
    </row>
    <row r="4400" spans="1:27" s="1" customFormat="1" ht="11.1" customHeight="1" outlineLevel="1" x14ac:dyDescent="0.2">
      <c r="A4400" s="16" t="s">
        <v>2200</v>
      </c>
      <c r="B4400" s="16"/>
      <c r="C4400" s="16"/>
      <c r="D4400" s="16"/>
      <c r="E4400" s="16"/>
      <c r="F4400" s="16"/>
      <c r="G4400" s="16"/>
      <c r="H4400" s="16"/>
      <c r="I4400" s="16"/>
      <c r="J4400" s="16"/>
      <c r="K4400" s="16"/>
      <c r="L4400" s="16"/>
      <c r="M4400" s="16"/>
      <c r="N4400" s="16"/>
      <c r="O4400" s="16"/>
      <c r="P4400" s="16"/>
      <c r="Q4400" s="16"/>
      <c r="R4400" s="16"/>
      <c r="S4400" s="16"/>
      <c r="T4400" s="16"/>
      <c r="U4400" s="16"/>
      <c r="V4400" s="16"/>
      <c r="W4400" s="16"/>
      <c r="X4400" s="16"/>
      <c r="Y4400" s="16"/>
      <c r="Z4400" s="16"/>
      <c r="AA4400" s="16"/>
    </row>
    <row r="4401" spans="1:27" s="1" customFormat="1" ht="11.1" customHeight="1" outlineLevel="1" x14ac:dyDescent="0.2">
      <c r="A4401" s="16"/>
      <c r="B4401" s="16"/>
      <c r="C4401" s="16"/>
      <c r="D4401" s="16"/>
      <c r="E4401" s="16"/>
      <c r="F4401" s="16"/>
      <c r="G4401" s="16"/>
      <c r="H4401" s="16"/>
      <c r="I4401" s="16"/>
      <c r="J4401" s="16"/>
      <c r="K4401" s="16"/>
      <c r="L4401" s="16"/>
      <c r="M4401" s="16"/>
      <c r="N4401" s="16"/>
      <c r="O4401" s="16"/>
      <c r="P4401" s="16"/>
      <c r="Q4401" s="16"/>
      <c r="R4401" s="16"/>
      <c r="S4401" s="16"/>
      <c r="T4401" s="16"/>
      <c r="U4401" s="16"/>
      <c r="V4401" s="16"/>
      <c r="W4401" s="16"/>
      <c r="X4401" s="16"/>
      <c r="Y4401" s="16"/>
      <c r="Z4401" s="16"/>
      <c r="AA4401" s="16"/>
    </row>
    <row r="4402" spans="1:27" s="1" customFormat="1" ht="11.1" customHeight="1" outlineLevel="2" x14ac:dyDescent="0.2">
      <c r="A4402" s="17">
        <v>7067</v>
      </c>
      <c r="B4402" s="17"/>
      <c r="C4402" s="17"/>
      <c r="D4402" s="18" t="s">
        <v>2201</v>
      </c>
      <c r="E4402" s="18"/>
      <c r="F4402" s="18"/>
      <c r="G4402" s="18"/>
      <c r="H4402" s="18"/>
      <c r="I4402" s="18"/>
      <c r="J4402" s="18"/>
      <c r="K4402" s="18"/>
      <c r="L4402" s="18"/>
      <c r="M4402" s="18"/>
      <c r="N4402" s="18"/>
      <c r="O4402" s="18"/>
      <c r="P4402" s="20">
        <v>2500</v>
      </c>
      <c r="Q4402" s="20"/>
      <c r="R4402" s="20"/>
      <c r="S4402" s="20"/>
      <c r="T4402" s="20">
        <v>2380</v>
      </c>
      <c r="U4402" s="20"/>
      <c r="V4402" s="20"/>
      <c r="W4402" s="20"/>
      <c r="X4402" s="19">
        <v>1</v>
      </c>
      <c r="Y4402" s="19"/>
      <c r="Z4402" s="19"/>
      <c r="AA4402" s="19"/>
    </row>
    <row r="4403" spans="1:27" s="1" customFormat="1" ht="11.1" customHeight="1" outlineLevel="2" x14ac:dyDescent="0.2">
      <c r="A4403" s="17"/>
      <c r="B4403" s="17"/>
      <c r="C4403" s="17"/>
      <c r="D4403" s="18"/>
      <c r="E4403" s="18"/>
      <c r="F4403" s="18"/>
      <c r="G4403" s="18"/>
      <c r="H4403" s="18"/>
      <c r="I4403" s="18"/>
      <c r="J4403" s="18"/>
      <c r="K4403" s="18"/>
      <c r="L4403" s="18"/>
      <c r="M4403" s="18"/>
      <c r="N4403" s="18"/>
      <c r="O4403" s="18"/>
      <c r="P4403" s="20"/>
      <c r="Q4403" s="20"/>
      <c r="R4403" s="20"/>
      <c r="S4403" s="20"/>
      <c r="T4403" s="20"/>
      <c r="U4403" s="20"/>
      <c r="V4403" s="20"/>
      <c r="W4403" s="20"/>
      <c r="X4403" s="19"/>
      <c r="Y4403" s="19"/>
      <c r="Z4403" s="19"/>
      <c r="AA4403" s="19"/>
    </row>
    <row r="4404" spans="1:27" s="1" customFormat="1" ht="14.1" customHeight="1" outlineLevel="2" x14ac:dyDescent="0.2">
      <c r="A4404" s="17">
        <v>6155</v>
      </c>
      <c r="B4404" s="17"/>
      <c r="C4404" s="17"/>
      <c r="D4404" s="18" t="s">
        <v>2202</v>
      </c>
      <c r="E4404" s="18"/>
      <c r="F4404" s="18"/>
      <c r="G4404" s="18"/>
      <c r="H4404" s="18"/>
      <c r="I4404" s="18"/>
      <c r="J4404" s="18"/>
      <c r="K4404" s="18"/>
      <c r="L4404" s="18"/>
      <c r="M4404" s="18"/>
      <c r="N4404" s="18"/>
      <c r="O4404" s="18"/>
      <c r="P4404" s="20">
        <v>2000</v>
      </c>
      <c r="Q4404" s="20"/>
      <c r="R4404" s="20"/>
      <c r="S4404" s="20"/>
      <c r="T4404" s="20">
        <v>1900</v>
      </c>
      <c r="U4404" s="20"/>
      <c r="V4404" s="20"/>
      <c r="W4404" s="20"/>
      <c r="X4404" s="19">
        <v>1</v>
      </c>
      <c r="Y4404" s="19"/>
      <c r="Z4404" s="19"/>
      <c r="AA4404" s="19"/>
    </row>
    <row r="4405" spans="1:27" s="1" customFormat="1" ht="14.1" customHeight="1" outlineLevel="2" x14ac:dyDescent="0.2">
      <c r="A4405" s="17"/>
      <c r="B4405" s="17"/>
      <c r="C4405" s="17"/>
      <c r="D4405" s="18"/>
      <c r="E4405" s="18"/>
      <c r="F4405" s="18"/>
      <c r="G4405" s="18"/>
      <c r="H4405" s="18"/>
      <c r="I4405" s="18"/>
      <c r="J4405" s="18"/>
      <c r="K4405" s="18"/>
      <c r="L4405" s="18"/>
      <c r="M4405" s="18"/>
      <c r="N4405" s="18"/>
      <c r="O4405" s="18"/>
      <c r="P4405" s="20"/>
      <c r="Q4405" s="20"/>
      <c r="R4405" s="20"/>
      <c r="S4405" s="20"/>
      <c r="T4405" s="20"/>
      <c r="U4405" s="20"/>
      <c r="V4405" s="20"/>
      <c r="W4405" s="20"/>
      <c r="X4405" s="19"/>
      <c r="Y4405" s="19"/>
      <c r="Z4405" s="19"/>
      <c r="AA4405" s="19"/>
    </row>
    <row r="4406" spans="1:27" s="1" customFormat="1" ht="11.1" customHeight="1" outlineLevel="2" x14ac:dyDescent="0.2">
      <c r="A4406" s="17">
        <v>7590</v>
      </c>
      <c r="B4406" s="17"/>
      <c r="C4406" s="17"/>
      <c r="D4406" s="18" t="s">
        <v>2203</v>
      </c>
      <c r="E4406" s="18"/>
      <c r="F4406" s="18"/>
      <c r="G4406" s="18"/>
      <c r="H4406" s="18"/>
      <c r="I4406" s="18"/>
      <c r="J4406" s="18"/>
      <c r="K4406" s="18"/>
      <c r="L4406" s="18"/>
      <c r="M4406" s="18"/>
      <c r="N4406" s="18"/>
      <c r="O4406" s="18"/>
      <c r="P4406" s="19">
        <v>750</v>
      </c>
      <c r="Q4406" s="19"/>
      <c r="R4406" s="19"/>
      <c r="S4406" s="19"/>
      <c r="T4406" s="19">
        <v>650</v>
      </c>
      <c r="U4406" s="19"/>
      <c r="V4406" s="19"/>
      <c r="W4406" s="19"/>
      <c r="X4406" s="19">
        <v>10</v>
      </c>
      <c r="Y4406" s="19"/>
      <c r="Z4406" s="19"/>
      <c r="AA4406" s="19"/>
    </row>
    <row r="4407" spans="1:27" s="1" customFormat="1" ht="11.1" customHeight="1" outlineLevel="2" x14ac:dyDescent="0.2">
      <c r="A4407" s="17"/>
      <c r="B4407" s="17"/>
      <c r="C4407" s="17"/>
      <c r="D4407" s="18"/>
      <c r="E4407" s="18"/>
      <c r="F4407" s="18"/>
      <c r="G4407" s="18"/>
      <c r="H4407" s="18"/>
      <c r="I4407" s="18"/>
      <c r="J4407" s="18"/>
      <c r="K4407" s="18"/>
      <c r="L4407" s="18"/>
      <c r="M4407" s="18"/>
      <c r="N4407" s="18"/>
      <c r="O4407" s="18"/>
      <c r="P4407" s="19"/>
      <c r="Q4407" s="19"/>
      <c r="R4407" s="19"/>
      <c r="S4407" s="19"/>
      <c r="T4407" s="19"/>
      <c r="U4407" s="19"/>
      <c r="V4407" s="19"/>
      <c r="W4407" s="19"/>
      <c r="X4407" s="19"/>
      <c r="Y4407" s="19"/>
      <c r="Z4407" s="19"/>
      <c r="AA4407" s="19"/>
    </row>
    <row r="4408" spans="1:27" s="1" customFormat="1" ht="14.1" customHeight="1" outlineLevel="2" x14ac:dyDescent="0.2">
      <c r="A4408" s="17">
        <v>4653</v>
      </c>
      <c r="B4408" s="17"/>
      <c r="C4408" s="17"/>
      <c r="D4408" s="18" t="s">
        <v>2204</v>
      </c>
      <c r="E4408" s="18"/>
      <c r="F4408" s="18"/>
      <c r="G4408" s="18"/>
      <c r="H4408" s="18"/>
      <c r="I4408" s="18"/>
      <c r="J4408" s="18"/>
      <c r="K4408" s="18"/>
      <c r="L4408" s="18"/>
      <c r="M4408" s="18"/>
      <c r="N4408" s="18"/>
      <c r="O4408" s="18"/>
      <c r="P4408" s="20">
        <v>1200</v>
      </c>
      <c r="Q4408" s="20"/>
      <c r="R4408" s="20"/>
      <c r="S4408" s="20"/>
      <c r="T4408" s="20">
        <v>1240</v>
      </c>
      <c r="U4408" s="20"/>
      <c r="V4408" s="20"/>
      <c r="W4408" s="20"/>
      <c r="X4408" s="19">
        <v>1</v>
      </c>
      <c r="Y4408" s="19"/>
      <c r="Z4408" s="19"/>
      <c r="AA4408" s="19"/>
    </row>
    <row r="4409" spans="1:27" s="1" customFormat="1" ht="14.1" customHeight="1" outlineLevel="2" x14ac:dyDescent="0.2">
      <c r="A4409" s="17"/>
      <c r="B4409" s="17"/>
      <c r="C4409" s="17"/>
      <c r="D4409" s="18"/>
      <c r="E4409" s="18"/>
      <c r="F4409" s="18"/>
      <c r="G4409" s="18"/>
      <c r="H4409" s="18"/>
      <c r="I4409" s="18"/>
      <c r="J4409" s="18"/>
      <c r="K4409" s="18"/>
      <c r="L4409" s="18"/>
      <c r="M4409" s="18"/>
      <c r="N4409" s="18"/>
      <c r="O4409" s="18"/>
      <c r="P4409" s="20"/>
      <c r="Q4409" s="20"/>
      <c r="R4409" s="20"/>
      <c r="S4409" s="20"/>
      <c r="T4409" s="20"/>
      <c r="U4409" s="20"/>
      <c r="V4409" s="20"/>
      <c r="W4409" s="20"/>
      <c r="X4409" s="19"/>
      <c r="Y4409" s="19"/>
      <c r="Z4409" s="19"/>
      <c r="AA4409" s="19"/>
    </row>
    <row r="4410" spans="1:27" s="1" customFormat="1" ht="11.1" customHeight="1" outlineLevel="2" x14ac:dyDescent="0.2">
      <c r="A4410" s="17">
        <v>4651</v>
      </c>
      <c r="B4410" s="17"/>
      <c r="C4410" s="17"/>
      <c r="D4410" s="18" t="s">
        <v>2205</v>
      </c>
      <c r="E4410" s="18"/>
      <c r="F4410" s="18"/>
      <c r="G4410" s="18"/>
      <c r="H4410" s="18"/>
      <c r="I4410" s="18"/>
      <c r="J4410" s="18"/>
      <c r="K4410" s="18"/>
      <c r="L4410" s="18"/>
      <c r="M4410" s="18"/>
      <c r="N4410" s="18"/>
      <c r="O4410" s="18"/>
      <c r="P4410" s="20">
        <v>1400</v>
      </c>
      <c r="Q4410" s="20"/>
      <c r="R4410" s="20"/>
      <c r="S4410" s="20"/>
      <c r="T4410" s="20">
        <v>1330</v>
      </c>
      <c r="U4410" s="20"/>
      <c r="V4410" s="20"/>
      <c r="W4410" s="20"/>
      <c r="X4410" s="19">
        <v>1</v>
      </c>
      <c r="Y4410" s="19"/>
      <c r="Z4410" s="19"/>
      <c r="AA4410" s="19"/>
    </row>
    <row r="4411" spans="1:27" s="1" customFormat="1" ht="11.1" customHeight="1" outlineLevel="2" x14ac:dyDescent="0.2">
      <c r="A4411" s="17"/>
      <c r="B4411" s="17"/>
      <c r="C4411" s="17"/>
      <c r="D4411" s="18"/>
      <c r="E4411" s="18"/>
      <c r="F4411" s="18"/>
      <c r="G4411" s="18"/>
      <c r="H4411" s="18"/>
      <c r="I4411" s="18"/>
      <c r="J4411" s="18"/>
      <c r="K4411" s="18"/>
      <c r="L4411" s="18"/>
      <c r="M4411" s="18"/>
      <c r="N4411" s="18"/>
      <c r="O4411" s="18"/>
      <c r="P4411" s="20"/>
      <c r="Q4411" s="20"/>
      <c r="R4411" s="20"/>
      <c r="S4411" s="20"/>
      <c r="T4411" s="20"/>
      <c r="U4411" s="20"/>
      <c r="V4411" s="20"/>
      <c r="W4411" s="20"/>
      <c r="X4411" s="19"/>
      <c r="Y4411" s="19"/>
      <c r="Z4411" s="19"/>
      <c r="AA4411" s="19"/>
    </row>
    <row r="4412" spans="1:27" s="1" customFormat="1" ht="14.1" customHeight="1" outlineLevel="2" x14ac:dyDescent="0.2">
      <c r="A4412" s="17">
        <v>1455</v>
      </c>
      <c r="B4412" s="17"/>
      <c r="C4412" s="17"/>
      <c r="D4412" s="18" t="s">
        <v>2206</v>
      </c>
      <c r="E4412" s="18"/>
      <c r="F4412" s="18"/>
      <c r="G4412" s="18"/>
      <c r="H4412" s="18"/>
      <c r="I4412" s="18"/>
      <c r="J4412" s="18"/>
      <c r="K4412" s="18"/>
      <c r="L4412" s="18"/>
      <c r="M4412" s="18"/>
      <c r="N4412" s="18"/>
      <c r="O4412" s="18"/>
      <c r="P4412" s="19">
        <v>500</v>
      </c>
      <c r="Q4412" s="19"/>
      <c r="R4412" s="19"/>
      <c r="S4412" s="19"/>
      <c r="T4412" s="19">
        <v>440</v>
      </c>
      <c r="U4412" s="19"/>
      <c r="V4412" s="19"/>
      <c r="W4412" s="19"/>
      <c r="X4412" s="19">
        <v>1</v>
      </c>
      <c r="Y4412" s="19"/>
      <c r="Z4412" s="19"/>
      <c r="AA4412" s="19"/>
    </row>
    <row r="4413" spans="1:27" s="1" customFormat="1" ht="14.1" customHeight="1" outlineLevel="2" x14ac:dyDescent="0.2">
      <c r="A4413" s="17"/>
      <c r="B4413" s="17"/>
      <c r="C4413" s="17"/>
      <c r="D4413" s="18"/>
      <c r="E4413" s="18"/>
      <c r="F4413" s="18"/>
      <c r="G4413" s="18"/>
      <c r="H4413" s="18"/>
      <c r="I4413" s="18"/>
      <c r="J4413" s="18"/>
      <c r="K4413" s="18"/>
      <c r="L4413" s="18"/>
      <c r="M4413" s="18"/>
      <c r="N4413" s="18"/>
      <c r="O4413" s="18"/>
      <c r="P4413" s="19"/>
      <c r="Q4413" s="19"/>
      <c r="R4413" s="19"/>
      <c r="S4413" s="19"/>
      <c r="T4413" s="19"/>
      <c r="U4413" s="19"/>
      <c r="V4413" s="19"/>
      <c r="W4413" s="19"/>
      <c r="X4413" s="19"/>
      <c r="Y4413" s="19"/>
      <c r="Z4413" s="19"/>
      <c r="AA4413" s="19"/>
    </row>
    <row r="4414" spans="1:27" s="1" customFormat="1" ht="11.1" customHeight="1" x14ac:dyDescent="0.2">
      <c r="A4414" s="16" t="s">
        <v>2207</v>
      </c>
      <c r="B4414" s="16"/>
      <c r="C4414" s="16"/>
      <c r="D4414" s="16"/>
      <c r="E4414" s="16"/>
      <c r="F4414" s="16"/>
      <c r="G4414" s="16"/>
      <c r="H4414" s="16"/>
      <c r="I4414" s="16"/>
      <c r="J4414" s="16"/>
      <c r="K4414" s="16"/>
      <c r="L4414" s="16"/>
      <c r="M4414" s="16"/>
      <c r="N4414" s="16"/>
      <c r="O4414" s="16"/>
      <c r="P4414" s="16"/>
      <c r="Q4414" s="16"/>
      <c r="R4414" s="16"/>
      <c r="S4414" s="16"/>
      <c r="T4414" s="16"/>
      <c r="U4414" s="16"/>
      <c r="V4414" s="16"/>
      <c r="W4414" s="16"/>
      <c r="X4414" s="16"/>
      <c r="Y4414" s="16"/>
      <c r="Z4414" s="16"/>
      <c r="AA4414" s="16"/>
    </row>
    <row r="4415" spans="1:27" s="1" customFormat="1" ht="11.1" customHeight="1" x14ac:dyDescent="0.2">
      <c r="A4415" s="16"/>
      <c r="B4415" s="16"/>
      <c r="C4415" s="16"/>
      <c r="D4415" s="16"/>
      <c r="E4415" s="16"/>
      <c r="F4415" s="16"/>
      <c r="G4415" s="16"/>
      <c r="H4415" s="16"/>
      <c r="I4415" s="16"/>
      <c r="J4415" s="16"/>
      <c r="K4415" s="16"/>
      <c r="L4415" s="16"/>
      <c r="M4415" s="16"/>
      <c r="N4415" s="16"/>
      <c r="O4415" s="16"/>
      <c r="P4415" s="16"/>
      <c r="Q4415" s="16"/>
      <c r="R4415" s="16"/>
      <c r="S4415" s="16"/>
      <c r="T4415" s="16"/>
      <c r="U4415" s="16"/>
      <c r="V4415" s="16"/>
      <c r="W4415" s="16"/>
      <c r="X4415" s="16"/>
      <c r="Y4415" s="16"/>
      <c r="Z4415" s="16"/>
      <c r="AA4415" s="16"/>
    </row>
    <row r="4416" spans="1:27" s="1" customFormat="1" ht="11.1" customHeight="1" outlineLevel="1" x14ac:dyDescent="0.2">
      <c r="A4416" s="16" t="s">
        <v>1164</v>
      </c>
      <c r="B4416" s="16"/>
      <c r="C4416" s="16"/>
      <c r="D4416" s="16"/>
      <c r="E4416" s="16"/>
      <c r="F4416" s="16"/>
      <c r="G4416" s="16"/>
      <c r="H4416" s="16"/>
      <c r="I4416" s="16"/>
      <c r="J4416" s="16"/>
      <c r="K4416" s="16"/>
      <c r="L4416" s="16"/>
      <c r="M4416" s="16"/>
      <c r="N4416" s="16"/>
      <c r="O4416" s="16"/>
      <c r="P4416" s="16"/>
      <c r="Q4416" s="16"/>
      <c r="R4416" s="16"/>
      <c r="S4416" s="16"/>
      <c r="T4416" s="16"/>
      <c r="U4416" s="16"/>
      <c r="V4416" s="16"/>
      <c r="W4416" s="16"/>
      <c r="X4416" s="16"/>
      <c r="Y4416" s="16"/>
      <c r="Z4416" s="16"/>
      <c r="AA4416" s="16"/>
    </row>
    <row r="4417" spans="1:27" s="1" customFormat="1" ht="11.1" customHeight="1" outlineLevel="1" x14ac:dyDescent="0.2">
      <c r="A4417" s="16"/>
      <c r="B4417" s="16"/>
      <c r="C4417" s="16"/>
      <c r="D4417" s="16"/>
      <c r="E4417" s="16"/>
      <c r="F4417" s="16"/>
      <c r="G4417" s="16"/>
      <c r="H4417" s="16"/>
      <c r="I4417" s="16"/>
      <c r="J4417" s="16"/>
      <c r="K4417" s="16"/>
      <c r="L4417" s="16"/>
      <c r="M4417" s="16"/>
      <c r="N4417" s="16"/>
      <c r="O4417" s="16"/>
      <c r="P4417" s="16"/>
      <c r="Q4417" s="16"/>
      <c r="R4417" s="16"/>
      <c r="S4417" s="16"/>
      <c r="T4417" s="16"/>
      <c r="U4417" s="16"/>
      <c r="V4417" s="16"/>
      <c r="W4417" s="16"/>
      <c r="X4417" s="16"/>
      <c r="Y4417" s="16"/>
      <c r="Z4417" s="16"/>
      <c r="AA4417" s="16"/>
    </row>
    <row r="4418" spans="1:27" s="1" customFormat="1" ht="11.1" customHeight="1" outlineLevel="2" x14ac:dyDescent="0.2">
      <c r="A4418" s="17">
        <v>4959</v>
      </c>
      <c r="B4418" s="17"/>
      <c r="C4418" s="17"/>
      <c r="D4418" s="18" t="s">
        <v>2208</v>
      </c>
      <c r="E4418" s="18"/>
      <c r="F4418" s="18"/>
      <c r="G4418" s="18"/>
      <c r="H4418" s="18"/>
      <c r="I4418" s="18"/>
      <c r="J4418" s="18"/>
      <c r="K4418" s="18"/>
      <c r="L4418" s="18"/>
      <c r="M4418" s="18"/>
      <c r="N4418" s="18"/>
      <c r="O4418" s="18"/>
      <c r="P4418" s="19">
        <v>240</v>
      </c>
      <c r="Q4418" s="19"/>
      <c r="R4418" s="19"/>
      <c r="S4418" s="19"/>
      <c r="T4418" s="19">
        <v>180</v>
      </c>
      <c r="U4418" s="19"/>
      <c r="V4418" s="19"/>
      <c r="W4418" s="19"/>
      <c r="X4418" s="19">
        <v>1</v>
      </c>
      <c r="Y4418" s="19"/>
      <c r="Z4418" s="19"/>
      <c r="AA4418" s="19"/>
    </row>
    <row r="4419" spans="1:27" s="1" customFormat="1" ht="11.1" customHeight="1" outlineLevel="2" x14ac:dyDescent="0.2">
      <c r="A4419" s="17"/>
      <c r="B4419" s="17"/>
      <c r="C4419" s="17"/>
      <c r="D4419" s="18"/>
      <c r="E4419" s="18"/>
      <c r="F4419" s="18"/>
      <c r="G4419" s="18"/>
      <c r="H4419" s="18"/>
      <c r="I4419" s="18"/>
      <c r="J4419" s="18"/>
      <c r="K4419" s="18"/>
      <c r="L4419" s="18"/>
      <c r="M4419" s="18"/>
      <c r="N4419" s="18"/>
      <c r="O4419" s="18"/>
      <c r="P4419" s="19"/>
      <c r="Q4419" s="19"/>
      <c r="R4419" s="19"/>
      <c r="S4419" s="19"/>
      <c r="T4419" s="19"/>
      <c r="U4419" s="19"/>
      <c r="V4419" s="19"/>
      <c r="W4419" s="19"/>
      <c r="X4419" s="19"/>
      <c r="Y4419" s="19"/>
      <c r="Z4419" s="19"/>
      <c r="AA4419" s="19"/>
    </row>
    <row r="4420" spans="1:27" s="1" customFormat="1" ht="14.1" customHeight="1" outlineLevel="2" x14ac:dyDescent="0.2">
      <c r="A4420" s="17">
        <v>12209</v>
      </c>
      <c r="B4420" s="17"/>
      <c r="C4420" s="17"/>
      <c r="D4420" s="18" t="s">
        <v>2209</v>
      </c>
      <c r="E4420" s="18"/>
      <c r="F4420" s="18"/>
      <c r="G4420" s="18"/>
      <c r="H4420" s="18"/>
      <c r="I4420" s="18"/>
      <c r="J4420" s="18"/>
      <c r="K4420" s="18"/>
      <c r="L4420" s="18"/>
      <c r="M4420" s="18"/>
      <c r="N4420" s="18"/>
      <c r="O4420" s="18"/>
      <c r="P4420" s="19">
        <v>350</v>
      </c>
      <c r="Q4420" s="19"/>
      <c r="R4420" s="19"/>
      <c r="S4420" s="19"/>
      <c r="T4420" s="19">
        <v>300</v>
      </c>
      <c r="U4420" s="19"/>
      <c r="V4420" s="19"/>
      <c r="W4420" s="19"/>
      <c r="X4420" s="19">
        <v>1</v>
      </c>
      <c r="Y4420" s="19"/>
      <c r="Z4420" s="19"/>
      <c r="AA4420" s="19"/>
    </row>
    <row r="4421" spans="1:27" s="1" customFormat="1" ht="14.1" customHeight="1" outlineLevel="2" x14ac:dyDescent="0.2">
      <c r="A4421" s="17"/>
      <c r="B4421" s="17"/>
      <c r="C4421" s="17"/>
      <c r="D4421" s="18"/>
      <c r="E4421" s="18"/>
      <c r="F4421" s="18"/>
      <c r="G4421" s="18"/>
      <c r="H4421" s="18"/>
      <c r="I4421" s="18"/>
      <c r="J4421" s="18"/>
      <c r="K4421" s="18"/>
      <c r="L4421" s="18"/>
      <c r="M4421" s="18"/>
      <c r="N4421" s="18"/>
      <c r="O4421" s="18"/>
      <c r="P4421" s="19"/>
      <c r="Q4421" s="19"/>
      <c r="R4421" s="19"/>
      <c r="S4421" s="19"/>
      <c r="T4421" s="19"/>
      <c r="U4421" s="19"/>
      <c r="V4421" s="19"/>
      <c r="W4421" s="19"/>
      <c r="X4421" s="19"/>
      <c r="Y4421" s="19"/>
      <c r="Z4421" s="19"/>
      <c r="AA4421" s="19"/>
    </row>
    <row r="4422" spans="1:27" s="1" customFormat="1" ht="14.1" customHeight="1" outlineLevel="2" x14ac:dyDescent="0.2">
      <c r="A4422" s="17">
        <v>15585</v>
      </c>
      <c r="B4422" s="17"/>
      <c r="C4422" s="17"/>
      <c r="D4422" s="18" t="s">
        <v>2210</v>
      </c>
      <c r="E4422" s="18"/>
      <c r="F4422" s="18"/>
      <c r="G4422" s="18"/>
      <c r="H4422" s="18"/>
      <c r="I4422" s="18"/>
      <c r="J4422" s="18"/>
      <c r="K4422" s="18"/>
      <c r="L4422" s="18"/>
      <c r="M4422" s="18"/>
      <c r="N4422" s="18"/>
      <c r="O4422" s="18"/>
      <c r="P4422" s="19">
        <v>250</v>
      </c>
      <c r="Q4422" s="19"/>
      <c r="R4422" s="19"/>
      <c r="S4422" s="19"/>
      <c r="T4422" s="19">
        <v>200</v>
      </c>
      <c r="U4422" s="19"/>
      <c r="V4422" s="19"/>
      <c r="W4422" s="19"/>
      <c r="X4422" s="19">
        <v>1</v>
      </c>
      <c r="Y4422" s="19"/>
      <c r="Z4422" s="19"/>
      <c r="AA4422" s="19"/>
    </row>
    <row r="4423" spans="1:27" s="1" customFormat="1" ht="14.1" customHeight="1" outlineLevel="2" x14ac:dyDescent="0.2">
      <c r="A4423" s="17"/>
      <c r="B4423" s="17"/>
      <c r="C4423" s="17"/>
      <c r="D4423" s="18"/>
      <c r="E4423" s="18"/>
      <c r="F4423" s="18"/>
      <c r="G4423" s="18"/>
      <c r="H4423" s="18"/>
      <c r="I4423" s="18"/>
      <c r="J4423" s="18"/>
      <c r="K4423" s="18"/>
      <c r="L4423" s="18"/>
      <c r="M4423" s="18"/>
      <c r="N4423" s="18"/>
      <c r="O4423" s="18"/>
      <c r="P4423" s="19"/>
      <c r="Q4423" s="19"/>
      <c r="R4423" s="19"/>
      <c r="S4423" s="19"/>
      <c r="T4423" s="19"/>
      <c r="U4423" s="19"/>
      <c r="V4423" s="19"/>
      <c r="W4423" s="19"/>
      <c r="X4423" s="19"/>
      <c r="Y4423" s="19"/>
      <c r="Z4423" s="19"/>
      <c r="AA4423" s="19"/>
    </row>
    <row r="4424" spans="1:27" s="1" customFormat="1" ht="11.1" customHeight="1" outlineLevel="1" x14ac:dyDescent="0.2">
      <c r="A4424" s="16" t="s">
        <v>1466</v>
      </c>
      <c r="B4424" s="16"/>
      <c r="C4424" s="16"/>
      <c r="D4424" s="16"/>
      <c r="E4424" s="16"/>
      <c r="F4424" s="16"/>
      <c r="G4424" s="16"/>
      <c r="H4424" s="16"/>
      <c r="I4424" s="16"/>
      <c r="J4424" s="16"/>
      <c r="K4424" s="16"/>
      <c r="L4424" s="16"/>
      <c r="M4424" s="16"/>
      <c r="N4424" s="16"/>
      <c r="O4424" s="16"/>
      <c r="P4424" s="16"/>
      <c r="Q4424" s="16"/>
      <c r="R4424" s="16"/>
      <c r="S4424" s="16"/>
      <c r="T4424" s="16"/>
      <c r="U4424" s="16"/>
      <c r="V4424" s="16"/>
      <c r="W4424" s="16"/>
      <c r="X4424" s="16"/>
      <c r="Y4424" s="16"/>
      <c r="Z4424" s="16"/>
      <c r="AA4424" s="16"/>
    </row>
    <row r="4425" spans="1:27" s="1" customFormat="1" ht="11.1" customHeight="1" outlineLevel="1" x14ac:dyDescent="0.2">
      <c r="A4425" s="16"/>
      <c r="B4425" s="16"/>
      <c r="C4425" s="16"/>
      <c r="D4425" s="16"/>
      <c r="E4425" s="16"/>
      <c r="F4425" s="16"/>
      <c r="G4425" s="16"/>
      <c r="H4425" s="16"/>
      <c r="I4425" s="16"/>
      <c r="J4425" s="16"/>
      <c r="K4425" s="16"/>
      <c r="L4425" s="16"/>
      <c r="M4425" s="16"/>
      <c r="N4425" s="16"/>
      <c r="O4425" s="16"/>
      <c r="P4425" s="16"/>
      <c r="Q4425" s="16"/>
      <c r="R4425" s="16"/>
      <c r="S4425" s="16"/>
      <c r="T4425" s="16"/>
      <c r="U4425" s="16"/>
      <c r="V4425" s="16"/>
      <c r="W4425" s="16"/>
      <c r="X4425" s="16"/>
      <c r="Y4425" s="16"/>
      <c r="Z4425" s="16"/>
      <c r="AA4425" s="16"/>
    </row>
    <row r="4426" spans="1:27" s="1" customFormat="1" ht="14.1" customHeight="1" outlineLevel="2" x14ac:dyDescent="0.2">
      <c r="A4426" s="17">
        <v>15042</v>
      </c>
      <c r="B4426" s="17"/>
      <c r="C4426" s="17"/>
      <c r="D4426" s="18" t="s">
        <v>2211</v>
      </c>
      <c r="E4426" s="18"/>
      <c r="F4426" s="18"/>
      <c r="G4426" s="18"/>
      <c r="H4426" s="18"/>
      <c r="I4426" s="18"/>
      <c r="J4426" s="18"/>
      <c r="K4426" s="18"/>
      <c r="L4426" s="18"/>
      <c r="M4426" s="18"/>
      <c r="N4426" s="18"/>
      <c r="O4426" s="18"/>
      <c r="P4426" s="20">
        <v>1700</v>
      </c>
      <c r="Q4426" s="20"/>
      <c r="R4426" s="20"/>
      <c r="S4426" s="20"/>
      <c r="T4426" s="20">
        <v>1600</v>
      </c>
      <c r="U4426" s="20"/>
      <c r="V4426" s="20"/>
      <c r="W4426" s="20"/>
      <c r="X4426" s="19">
        <v>1</v>
      </c>
      <c r="Y4426" s="19"/>
      <c r="Z4426" s="19"/>
      <c r="AA4426" s="19"/>
    </row>
    <row r="4427" spans="1:27" s="1" customFormat="1" ht="14.1" customHeight="1" outlineLevel="2" x14ac:dyDescent="0.2">
      <c r="A4427" s="17"/>
      <c r="B4427" s="17"/>
      <c r="C4427" s="17"/>
      <c r="D4427" s="18"/>
      <c r="E4427" s="18"/>
      <c r="F4427" s="18"/>
      <c r="G4427" s="18"/>
      <c r="H4427" s="18"/>
      <c r="I4427" s="18"/>
      <c r="J4427" s="18"/>
      <c r="K4427" s="18"/>
      <c r="L4427" s="18"/>
      <c r="M4427" s="18"/>
      <c r="N4427" s="18"/>
      <c r="O4427" s="18"/>
      <c r="P4427" s="20"/>
      <c r="Q4427" s="20"/>
      <c r="R4427" s="20"/>
      <c r="S4427" s="20"/>
      <c r="T4427" s="20"/>
      <c r="U4427" s="20"/>
      <c r="V4427" s="20"/>
      <c r="W4427" s="20"/>
      <c r="X4427" s="19"/>
      <c r="Y4427" s="19"/>
      <c r="Z4427" s="19"/>
      <c r="AA4427" s="19"/>
    </row>
    <row r="4428" spans="1:27" s="1" customFormat="1" ht="14.1" customHeight="1" outlineLevel="2" x14ac:dyDescent="0.2">
      <c r="A4428" s="17">
        <v>15041</v>
      </c>
      <c r="B4428" s="17"/>
      <c r="C4428" s="17"/>
      <c r="D4428" s="18" t="s">
        <v>2212</v>
      </c>
      <c r="E4428" s="18"/>
      <c r="F4428" s="18"/>
      <c r="G4428" s="18"/>
      <c r="H4428" s="18"/>
      <c r="I4428" s="18"/>
      <c r="J4428" s="18"/>
      <c r="K4428" s="18"/>
      <c r="L4428" s="18"/>
      <c r="M4428" s="18"/>
      <c r="N4428" s="18"/>
      <c r="O4428" s="18"/>
      <c r="P4428" s="19">
        <v>130</v>
      </c>
      <c r="Q4428" s="19"/>
      <c r="R4428" s="19"/>
      <c r="S4428" s="19"/>
      <c r="T4428" s="19">
        <v>90</v>
      </c>
      <c r="U4428" s="19"/>
      <c r="V4428" s="19"/>
      <c r="W4428" s="19"/>
      <c r="X4428" s="19">
        <v>1</v>
      </c>
      <c r="Y4428" s="19"/>
      <c r="Z4428" s="19"/>
      <c r="AA4428" s="19"/>
    </row>
    <row r="4429" spans="1:27" s="1" customFormat="1" ht="14.1" customHeight="1" outlineLevel="2" x14ac:dyDescent="0.2">
      <c r="A4429" s="17"/>
      <c r="B4429" s="17"/>
      <c r="C4429" s="17"/>
      <c r="D4429" s="18"/>
      <c r="E4429" s="18"/>
      <c r="F4429" s="18"/>
      <c r="G4429" s="18"/>
      <c r="H4429" s="18"/>
      <c r="I4429" s="18"/>
      <c r="J4429" s="18"/>
      <c r="K4429" s="18"/>
      <c r="L4429" s="18"/>
      <c r="M4429" s="18"/>
      <c r="N4429" s="18"/>
      <c r="O4429" s="18"/>
      <c r="P4429" s="19"/>
      <c r="Q4429" s="19"/>
      <c r="R4429" s="19"/>
      <c r="S4429" s="19"/>
      <c r="T4429" s="19"/>
      <c r="U4429" s="19"/>
      <c r="V4429" s="19"/>
      <c r="W4429" s="19"/>
      <c r="X4429" s="19"/>
      <c r="Y4429" s="19"/>
      <c r="Z4429" s="19"/>
      <c r="AA4429" s="19"/>
    </row>
    <row r="4430" spans="1:27" s="1" customFormat="1" ht="11.1" customHeight="1" outlineLevel="2" x14ac:dyDescent="0.2">
      <c r="A4430" s="17">
        <v>17365</v>
      </c>
      <c r="B4430" s="17"/>
      <c r="C4430" s="17"/>
      <c r="D4430" s="18" t="s">
        <v>2213</v>
      </c>
      <c r="E4430" s="18"/>
      <c r="F4430" s="18"/>
      <c r="G4430" s="18"/>
      <c r="H4430" s="18"/>
      <c r="I4430" s="18"/>
      <c r="J4430" s="18"/>
      <c r="K4430" s="18"/>
      <c r="L4430" s="18"/>
      <c r="M4430" s="18"/>
      <c r="N4430" s="18"/>
      <c r="O4430" s="18"/>
      <c r="P4430" s="19">
        <v>400</v>
      </c>
      <c r="Q4430" s="19"/>
      <c r="R4430" s="19"/>
      <c r="S4430" s="19"/>
      <c r="T4430" s="19">
        <v>300</v>
      </c>
      <c r="U4430" s="19"/>
      <c r="V4430" s="19"/>
      <c r="W4430" s="19"/>
      <c r="X4430" s="19">
        <v>1</v>
      </c>
      <c r="Y4430" s="19"/>
      <c r="Z4430" s="19"/>
      <c r="AA4430" s="19"/>
    </row>
    <row r="4431" spans="1:27" s="1" customFormat="1" ht="11.1" customHeight="1" outlineLevel="2" x14ac:dyDescent="0.2">
      <c r="A4431" s="17"/>
      <c r="B4431" s="17"/>
      <c r="C4431" s="17"/>
      <c r="D4431" s="18"/>
      <c r="E4431" s="18"/>
      <c r="F4431" s="18"/>
      <c r="G4431" s="18"/>
      <c r="H4431" s="18"/>
      <c r="I4431" s="18"/>
      <c r="J4431" s="18"/>
      <c r="K4431" s="18"/>
      <c r="L4431" s="18"/>
      <c r="M4431" s="18"/>
      <c r="N4431" s="18"/>
      <c r="O4431" s="18"/>
      <c r="P4431" s="19"/>
      <c r="Q4431" s="19"/>
      <c r="R4431" s="19"/>
      <c r="S4431" s="19"/>
      <c r="T4431" s="19"/>
      <c r="U4431" s="19"/>
      <c r="V4431" s="19"/>
      <c r="W4431" s="19"/>
      <c r="X4431" s="19"/>
      <c r="Y4431" s="19"/>
      <c r="Z4431" s="19"/>
      <c r="AA4431" s="19"/>
    </row>
    <row r="4432" spans="1:27" s="1" customFormat="1" ht="11.1" customHeight="1" outlineLevel="1" x14ac:dyDescent="0.2">
      <c r="A4432" s="16" t="s">
        <v>1468</v>
      </c>
      <c r="B4432" s="16"/>
      <c r="C4432" s="16"/>
      <c r="D4432" s="16"/>
      <c r="E4432" s="16"/>
      <c r="F4432" s="16"/>
      <c r="G4432" s="16"/>
      <c r="H4432" s="16"/>
      <c r="I4432" s="16"/>
      <c r="J4432" s="16"/>
      <c r="K4432" s="16"/>
      <c r="L4432" s="16"/>
      <c r="M4432" s="16"/>
      <c r="N4432" s="16"/>
      <c r="O4432" s="16"/>
      <c r="P4432" s="16"/>
      <c r="Q4432" s="16"/>
      <c r="R4432" s="16"/>
      <c r="S4432" s="16"/>
      <c r="T4432" s="16"/>
      <c r="U4432" s="16"/>
      <c r="V4432" s="16"/>
      <c r="W4432" s="16"/>
      <c r="X4432" s="16"/>
      <c r="Y4432" s="16"/>
      <c r="Z4432" s="16"/>
      <c r="AA4432" s="16"/>
    </row>
    <row r="4433" spans="1:27" s="1" customFormat="1" ht="11.1" customHeight="1" outlineLevel="1" x14ac:dyDescent="0.2">
      <c r="A4433" s="16"/>
      <c r="B4433" s="16"/>
      <c r="C4433" s="16"/>
      <c r="D4433" s="16"/>
      <c r="E4433" s="16"/>
      <c r="F4433" s="16"/>
      <c r="G4433" s="16"/>
      <c r="H4433" s="16"/>
      <c r="I4433" s="16"/>
      <c r="J4433" s="16"/>
      <c r="K4433" s="16"/>
      <c r="L4433" s="16"/>
      <c r="M4433" s="16"/>
      <c r="N4433" s="16"/>
      <c r="O4433" s="16"/>
      <c r="P4433" s="16"/>
      <c r="Q4433" s="16"/>
      <c r="R4433" s="16"/>
      <c r="S4433" s="16"/>
      <c r="T4433" s="16"/>
      <c r="U4433" s="16"/>
      <c r="V4433" s="16"/>
      <c r="W4433" s="16"/>
      <c r="X4433" s="16"/>
      <c r="Y4433" s="16"/>
      <c r="Z4433" s="16"/>
      <c r="AA4433" s="16"/>
    </row>
    <row r="4434" spans="1:27" s="1" customFormat="1" ht="14.1" customHeight="1" outlineLevel="2" x14ac:dyDescent="0.2">
      <c r="A4434" s="17">
        <v>12661</v>
      </c>
      <c r="B4434" s="17"/>
      <c r="C4434" s="17"/>
      <c r="D4434" s="18" t="s">
        <v>2214</v>
      </c>
      <c r="E4434" s="18"/>
      <c r="F4434" s="18"/>
      <c r="G4434" s="18"/>
      <c r="H4434" s="18"/>
      <c r="I4434" s="18"/>
      <c r="J4434" s="18"/>
      <c r="K4434" s="18"/>
      <c r="L4434" s="18"/>
      <c r="M4434" s="18"/>
      <c r="N4434" s="18"/>
      <c r="O4434" s="18"/>
      <c r="P4434" s="19">
        <v>140</v>
      </c>
      <c r="Q4434" s="19"/>
      <c r="R4434" s="19"/>
      <c r="S4434" s="19"/>
      <c r="T4434" s="19">
        <v>100</v>
      </c>
      <c r="U4434" s="19"/>
      <c r="V4434" s="19"/>
      <c r="W4434" s="19"/>
      <c r="X4434" s="19">
        <v>2</v>
      </c>
      <c r="Y4434" s="19"/>
      <c r="Z4434" s="19"/>
      <c r="AA4434" s="19"/>
    </row>
    <row r="4435" spans="1:27" s="1" customFormat="1" ht="14.1" customHeight="1" outlineLevel="2" x14ac:dyDescent="0.2">
      <c r="A4435" s="17"/>
      <c r="B4435" s="17"/>
      <c r="C4435" s="17"/>
      <c r="D4435" s="18"/>
      <c r="E4435" s="18"/>
      <c r="F4435" s="18"/>
      <c r="G4435" s="18"/>
      <c r="H4435" s="18"/>
      <c r="I4435" s="18"/>
      <c r="J4435" s="18"/>
      <c r="K4435" s="18"/>
      <c r="L4435" s="18"/>
      <c r="M4435" s="18"/>
      <c r="N4435" s="18"/>
      <c r="O4435" s="18"/>
      <c r="P4435" s="19"/>
      <c r="Q4435" s="19"/>
      <c r="R4435" s="19"/>
      <c r="S4435" s="19"/>
      <c r="T4435" s="19"/>
      <c r="U4435" s="19"/>
      <c r="V4435" s="19"/>
      <c r="W4435" s="19"/>
      <c r="X4435" s="19"/>
      <c r="Y4435" s="19"/>
      <c r="Z4435" s="19"/>
      <c r="AA4435" s="19"/>
    </row>
    <row r="4436" spans="1:27" s="1" customFormat="1" ht="11.1" customHeight="1" outlineLevel="2" x14ac:dyDescent="0.2">
      <c r="A4436" s="17">
        <v>7961</v>
      </c>
      <c r="B4436" s="17"/>
      <c r="C4436" s="17"/>
      <c r="D4436" s="18" t="s">
        <v>2215</v>
      </c>
      <c r="E4436" s="18"/>
      <c r="F4436" s="18"/>
      <c r="G4436" s="18"/>
      <c r="H4436" s="18"/>
      <c r="I4436" s="18"/>
      <c r="J4436" s="18"/>
      <c r="K4436" s="18"/>
      <c r="L4436" s="18"/>
      <c r="M4436" s="18"/>
      <c r="N4436" s="18"/>
      <c r="O4436" s="18"/>
      <c r="P4436" s="19">
        <v>250</v>
      </c>
      <c r="Q4436" s="19"/>
      <c r="R4436" s="19"/>
      <c r="S4436" s="19"/>
      <c r="T4436" s="19">
        <v>220</v>
      </c>
      <c r="U4436" s="19"/>
      <c r="V4436" s="19"/>
      <c r="W4436" s="19"/>
      <c r="X4436" s="19">
        <v>1</v>
      </c>
      <c r="Y4436" s="19"/>
      <c r="Z4436" s="19"/>
      <c r="AA4436" s="19"/>
    </row>
    <row r="4437" spans="1:27" s="1" customFormat="1" ht="11.1" customHeight="1" outlineLevel="2" x14ac:dyDescent="0.2">
      <c r="A4437" s="17"/>
      <c r="B4437" s="17"/>
      <c r="C4437" s="17"/>
      <c r="D4437" s="18"/>
      <c r="E4437" s="18"/>
      <c r="F4437" s="18"/>
      <c r="G4437" s="18"/>
      <c r="H4437" s="18"/>
      <c r="I4437" s="18"/>
      <c r="J4437" s="18"/>
      <c r="K4437" s="18"/>
      <c r="L4437" s="18"/>
      <c r="M4437" s="18"/>
      <c r="N4437" s="18"/>
      <c r="O4437" s="18"/>
      <c r="P4437" s="19"/>
      <c r="Q4437" s="19"/>
      <c r="R4437" s="19"/>
      <c r="S4437" s="19"/>
      <c r="T4437" s="19"/>
      <c r="U4437" s="19"/>
      <c r="V4437" s="19"/>
      <c r="W4437" s="19"/>
      <c r="X4437" s="19"/>
      <c r="Y4437" s="19"/>
      <c r="Z4437" s="19"/>
      <c r="AA4437" s="19"/>
    </row>
    <row r="4438" spans="1:27" s="1" customFormat="1" ht="14.1" customHeight="1" outlineLevel="2" x14ac:dyDescent="0.2">
      <c r="A4438" s="17">
        <v>8660</v>
      </c>
      <c r="B4438" s="17"/>
      <c r="C4438" s="17"/>
      <c r="D4438" s="18" t="s">
        <v>2216</v>
      </c>
      <c r="E4438" s="18"/>
      <c r="F4438" s="18"/>
      <c r="G4438" s="18"/>
      <c r="H4438" s="18"/>
      <c r="I4438" s="18"/>
      <c r="J4438" s="18"/>
      <c r="K4438" s="18"/>
      <c r="L4438" s="18"/>
      <c r="M4438" s="18"/>
      <c r="N4438" s="18"/>
      <c r="O4438" s="18"/>
      <c r="P4438" s="19">
        <v>200</v>
      </c>
      <c r="Q4438" s="19"/>
      <c r="R4438" s="19"/>
      <c r="S4438" s="19"/>
      <c r="T4438" s="19">
        <v>150</v>
      </c>
      <c r="U4438" s="19"/>
      <c r="V4438" s="19"/>
      <c r="W4438" s="19"/>
      <c r="X4438" s="19">
        <v>1</v>
      </c>
      <c r="Y4438" s="19"/>
      <c r="Z4438" s="19"/>
      <c r="AA4438" s="19"/>
    </row>
    <row r="4439" spans="1:27" s="1" customFormat="1" ht="14.1" customHeight="1" outlineLevel="2" x14ac:dyDescent="0.2">
      <c r="A4439" s="17"/>
      <c r="B4439" s="17"/>
      <c r="C4439" s="17"/>
      <c r="D4439" s="18"/>
      <c r="E4439" s="18"/>
      <c r="F4439" s="18"/>
      <c r="G4439" s="18"/>
      <c r="H4439" s="18"/>
      <c r="I4439" s="18"/>
      <c r="J4439" s="18"/>
      <c r="K4439" s="18"/>
      <c r="L4439" s="18"/>
      <c r="M4439" s="18"/>
      <c r="N4439" s="18"/>
      <c r="O4439" s="18"/>
      <c r="P4439" s="19"/>
      <c r="Q4439" s="19"/>
      <c r="R4439" s="19"/>
      <c r="S4439" s="19"/>
      <c r="T4439" s="19"/>
      <c r="U4439" s="19"/>
      <c r="V4439" s="19"/>
      <c r="W4439" s="19"/>
      <c r="X4439" s="19"/>
      <c r="Y4439" s="19"/>
      <c r="Z4439" s="19"/>
      <c r="AA4439" s="19"/>
    </row>
    <row r="4440" spans="1:27" s="1" customFormat="1" ht="14.1" customHeight="1" outlineLevel="2" x14ac:dyDescent="0.2">
      <c r="A4440" s="17">
        <v>15060</v>
      </c>
      <c r="B4440" s="17"/>
      <c r="C4440" s="17"/>
      <c r="D4440" s="18" t="s">
        <v>2217</v>
      </c>
      <c r="E4440" s="18"/>
      <c r="F4440" s="18"/>
      <c r="G4440" s="18"/>
      <c r="H4440" s="18"/>
      <c r="I4440" s="18"/>
      <c r="J4440" s="18"/>
      <c r="K4440" s="18"/>
      <c r="L4440" s="18"/>
      <c r="M4440" s="18"/>
      <c r="N4440" s="18"/>
      <c r="O4440" s="18"/>
      <c r="P4440" s="19">
        <v>190</v>
      </c>
      <c r="Q4440" s="19"/>
      <c r="R4440" s="19"/>
      <c r="S4440" s="19"/>
      <c r="T4440" s="19">
        <v>150</v>
      </c>
      <c r="U4440" s="19"/>
      <c r="V4440" s="19"/>
      <c r="W4440" s="19"/>
      <c r="X4440" s="19">
        <v>1</v>
      </c>
      <c r="Y4440" s="19"/>
      <c r="Z4440" s="19"/>
      <c r="AA4440" s="19"/>
    </row>
    <row r="4441" spans="1:27" s="1" customFormat="1" ht="14.1" customHeight="1" outlineLevel="2" x14ac:dyDescent="0.2">
      <c r="A4441" s="17"/>
      <c r="B4441" s="17"/>
      <c r="C4441" s="17"/>
      <c r="D4441" s="18"/>
      <c r="E4441" s="18"/>
      <c r="F4441" s="18"/>
      <c r="G4441" s="18"/>
      <c r="H4441" s="18"/>
      <c r="I4441" s="18"/>
      <c r="J4441" s="18"/>
      <c r="K4441" s="18"/>
      <c r="L4441" s="18"/>
      <c r="M4441" s="18"/>
      <c r="N4441" s="18"/>
      <c r="O4441" s="18"/>
      <c r="P4441" s="19"/>
      <c r="Q4441" s="19"/>
      <c r="R4441" s="19"/>
      <c r="S4441" s="19"/>
      <c r="T4441" s="19"/>
      <c r="U4441" s="19"/>
      <c r="V4441" s="19"/>
      <c r="W4441" s="19"/>
      <c r="X4441" s="19"/>
      <c r="Y4441" s="19"/>
      <c r="Z4441" s="19"/>
      <c r="AA4441" s="19"/>
    </row>
    <row r="4442" spans="1:27" s="1" customFormat="1" ht="14.1" customHeight="1" outlineLevel="2" x14ac:dyDescent="0.2">
      <c r="A4442" s="17">
        <v>17439</v>
      </c>
      <c r="B4442" s="17"/>
      <c r="C4442" s="17"/>
      <c r="D4442" s="18" t="s">
        <v>2218</v>
      </c>
      <c r="E4442" s="18"/>
      <c r="F4442" s="18"/>
      <c r="G4442" s="18"/>
      <c r="H4442" s="18"/>
      <c r="I4442" s="18"/>
      <c r="J4442" s="18"/>
      <c r="K4442" s="18"/>
      <c r="L4442" s="18"/>
      <c r="M4442" s="18"/>
      <c r="N4442" s="18"/>
      <c r="O4442" s="18"/>
      <c r="P4442" s="19">
        <v>500</v>
      </c>
      <c r="Q4442" s="19"/>
      <c r="R4442" s="19"/>
      <c r="S4442" s="19"/>
      <c r="T4442" s="19">
        <v>400</v>
      </c>
      <c r="U4442" s="19"/>
      <c r="V4442" s="19"/>
      <c r="W4442" s="19"/>
      <c r="X4442" s="19">
        <v>1</v>
      </c>
      <c r="Y4442" s="19"/>
      <c r="Z4442" s="19"/>
      <c r="AA4442" s="19"/>
    </row>
    <row r="4443" spans="1:27" s="1" customFormat="1" ht="14.1" customHeight="1" outlineLevel="2" x14ac:dyDescent="0.2">
      <c r="A4443" s="17"/>
      <c r="B4443" s="17"/>
      <c r="C4443" s="17"/>
      <c r="D4443" s="18"/>
      <c r="E4443" s="18"/>
      <c r="F4443" s="18"/>
      <c r="G4443" s="18"/>
      <c r="H4443" s="18"/>
      <c r="I4443" s="18"/>
      <c r="J4443" s="18"/>
      <c r="K4443" s="18"/>
      <c r="L4443" s="18"/>
      <c r="M4443" s="18"/>
      <c r="N4443" s="18"/>
      <c r="O4443" s="18"/>
      <c r="P4443" s="19"/>
      <c r="Q4443" s="19"/>
      <c r="R4443" s="19"/>
      <c r="S4443" s="19"/>
      <c r="T4443" s="19"/>
      <c r="U4443" s="19"/>
      <c r="V4443" s="19"/>
      <c r="W4443" s="19"/>
      <c r="X4443" s="19"/>
      <c r="Y4443" s="19"/>
      <c r="Z4443" s="19"/>
      <c r="AA4443" s="19"/>
    </row>
    <row r="4444" spans="1:27" s="1" customFormat="1" ht="14.1" customHeight="1" outlineLevel="2" x14ac:dyDescent="0.2">
      <c r="A4444" s="17">
        <v>17449</v>
      </c>
      <c r="B4444" s="17"/>
      <c r="C4444" s="17"/>
      <c r="D4444" s="18" t="s">
        <v>2219</v>
      </c>
      <c r="E4444" s="18"/>
      <c r="F4444" s="18"/>
      <c r="G4444" s="18"/>
      <c r="H4444" s="18"/>
      <c r="I4444" s="18"/>
      <c r="J4444" s="18"/>
      <c r="K4444" s="18"/>
      <c r="L4444" s="18"/>
      <c r="M4444" s="18"/>
      <c r="N4444" s="18"/>
      <c r="O4444" s="18"/>
      <c r="P4444" s="19">
        <v>150</v>
      </c>
      <c r="Q4444" s="19"/>
      <c r="R4444" s="19"/>
      <c r="S4444" s="19"/>
      <c r="T4444" s="19">
        <v>90</v>
      </c>
      <c r="U4444" s="19"/>
      <c r="V4444" s="19"/>
      <c r="W4444" s="19"/>
      <c r="X4444" s="19">
        <v>1</v>
      </c>
      <c r="Y4444" s="19"/>
      <c r="Z4444" s="19"/>
      <c r="AA4444" s="19"/>
    </row>
    <row r="4445" spans="1:27" s="1" customFormat="1" ht="14.1" customHeight="1" outlineLevel="2" x14ac:dyDescent="0.2">
      <c r="A4445" s="17"/>
      <c r="B4445" s="17"/>
      <c r="C4445" s="17"/>
      <c r="D4445" s="18"/>
      <c r="E4445" s="18"/>
      <c r="F4445" s="18"/>
      <c r="G4445" s="18"/>
      <c r="H4445" s="18"/>
      <c r="I4445" s="18"/>
      <c r="J4445" s="18"/>
      <c r="K4445" s="18"/>
      <c r="L4445" s="18"/>
      <c r="M4445" s="18"/>
      <c r="N4445" s="18"/>
      <c r="O4445" s="18"/>
      <c r="P4445" s="19"/>
      <c r="Q4445" s="19"/>
      <c r="R4445" s="19"/>
      <c r="S4445" s="19"/>
      <c r="T4445" s="19"/>
      <c r="U4445" s="19"/>
      <c r="V4445" s="19"/>
      <c r="W4445" s="19"/>
      <c r="X4445" s="19"/>
      <c r="Y4445" s="19"/>
      <c r="Z4445" s="19"/>
      <c r="AA4445" s="19"/>
    </row>
    <row r="4446" spans="1:27" s="1" customFormat="1" ht="14.1" customHeight="1" outlineLevel="2" x14ac:dyDescent="0.2">
      <c r="A4446" s="17">
        <v>17440</v>
      </c>
      <c r="B4446" s="17"/>
      <c r="C4446" s="17"/>
      <c r="D4446" s="18" t="s">
        <v>2220</v>
      </c>
      <c r="E4446" s="18"/>
      <c r="F4446" s="18"/>
      <c r="G4446" s="18"/>
      <c r="H4446" s="18"/>
      <c r="I4446" s="18"/>
      <c r="J4446" s="18"/>
      <c r="K4446" s="18"/>
      <c r="L4446" s="18"/>
      <c r="M4446" s="18"/>
      <c r="N4446" s="18"/>
      <c r="O4446" s="18"/>
      <c r="P4446" s="19">
        <v>300</v>
      </c>
      <c r="Q4446" s="19"/>
      <c r="R4446" s="19"/>
      <c r="S4446" s="19"/>
      <c r="T4446" s="19">
        <v>200</v>
      </c>
      <c r="U4446" s="19"/>
      <c r="V4446" s="19"/>
      <c r="W4446" s="19"/>
      <c r="X4446" s="19">
        <v>1</v>
      </c>
      <c r="Y4446" s="19"/>
      <c r="Z4446" s="19"/>
      <c r="AA4446" s="19"/>
    </row>
    <row r="4447" spans="1:27" s="1" customFormat="1" ht="14.1" customHeight="1" outlineLevel="2" x14ac:dyDescent="0.2">
      <c r="A4447" s="17"/>
      <c r="B4447" s="17"/>
      <c r="C4447" s="17"/>
      <c r="D4447" s="18"/>
      <c r="E4447" s="18"/>
      <c r="F4447" s="18"/>
      <c r="G4447" s="18"/>
      <c r="H4447" s="18"/>
      <c r="I4447" s="18"/>
      <c r="J4447" s="18"/>
      <c r="K4447" s="18"/>
      <c r="L4447" s="18"/>
      <c r="M4447" s="18"/>
      <c r="N4447" s="18"/>
      <c r="O4447" s="18"/>
      <c r="P4447" s="19"/>
      <c r="Q4447" s="19"/>
      <c r="R4447" s="19"/>
      <c r="S4447" s="19"/>
      <c r="T4447" s="19"/>
      <c r="U4447" s="19"/>
      <c r="V4447" s="19"/>
      <c r="W4447" s="19"/>
      <c r="X4447" s="19"/>
      <c r="Y4447" s="19"/>
      <c r="Z4447" s="19"/>
      <c r="AA4447" s="19"/>
    </row>
    <row r="4448" spans="1:27" s="1" customFormat="1" ht="14.1" customHeight="1" outlineLevel="2" x14ac:dyDescent="0.2">
      <c r="A4448" s="17">
        <v>12662</v>
      </c>
      <c r="B4448" s="17"/>
      <c r="C4448" s="17"/>
      <c r="D4448" s="18" t="s">
        <v>2221</v>
      </c>
      <c r="E4448" s="18"/>
      <c r="F4448" s="18"/>
      <c r="G4448" s="18"/>
      <c r="H4448" s="18"/>
      <c r="I4448" s="18"/>
      <c r="J4448" s="18"/>
      <c r="K4448" s="18"/>
      <c r="L4448" s="18"/>
      <c r="M4448" s="18"/>
      <c r="N4448" s="18"/>
      <c r="O4448" s="18"/>
      <c r="P4448" s="19">
        <v>250</v>
      </c>
      <c r="Q4448" s="19"/>
      <c r="R4448" s="19"/>
      <c r="S4448" s="19"/>
      <c r="T4448" s="19">
        <v>190</v>
      </c>
      <c r="U4448" s="19"/>
      <c r="V4448" s="19"/>
      <c r="W4448" s="19"/>
      <c r="X4448" s="19">
        <v>1</v>
      </c>
      <c r="Y4448" s="19"/>
      <c r="Z4448" s="19"/>
      <c r="AA4448" s="19"/>
    </row>
    <row r="4449" spans="1:27" s="1" customFormat="1" ht="14.1" customHeight="1" outlineLevel="2" x14ac:dyDescent="0.2">
      <c r="A4449" s="17"/>
      <c r="B4449" s="17"/>
      <c r="C4449" s="17"/>
      <c r="D4449" s="18"/>
      <c r="E4449" s="18"/>
      <c r="F4449" s="18"/>
      <c r="G4449" s="18"/>
      <c r="H4449" s="18"/>
      <c r="I4449" s="18"/>
      <c r="J4449" s="18"/>
      <c r="K4449" s="18"/>
      <c r="L4449" s="18"/>
      <c r="M4449" s="18"/>
      <c r="N4449" s="18"/>
      <c r="O4449" s="18"/>
      <c r="P4449" s="19"/>
      <c r="Q4449" s="19"/>
      <c r="R4449" s="19"/>
      <c r="S4449" s="19"/>
      <c r="T4449" s="19"/>
      <c r="U4449" s="19"/>
      <c r="V4449" s="19"/>
      <c r="W4449" s="19"/>
      <c r="X4449" s="19"/>
      <c r="Y4449" s="19"/>
      <c r="Z4449" s="19"/>
      <c r="AA4449" s="19"/>
    </row>
    <row r="4450" spans="1:27" s="1" customFormat="1" ht="11.1" customHeight="1" outlineLevel="2" x14ac:dyDescent="0.2">
      <c r="A4450" s="17">
        <v>15059</v>
      </c>
      <c r="B4450" s="17"/>
      <c r="C4450" s="17"/>
      <c r="D4450" s="18" t="s">
        <v>2222</v>
      </c>
      <c r="E4450" s="18"/>
      <c r="F4450" s="18"/>
      <c r="G4450" s="18"/>
      <c r="H4450" s="18"/>
      <c r="I4450" s="18"/>
      <c r="J4450" s="18"/>
      <c r="K4450" s="18"/>
      <c r="L4450" s="18"/>
      <c r="M4450" s="18"/>
      <c r="N4450" s="18"/>
      <c r="O4450" s="18"/>
      <c r="P4450" s="19">
        <v>140</v>
      </c>
      <c r="Q4450" s="19"/>
      <c r="R4450" s="19"/>
      <c r="S4450" s="19"/>
      <c r="T4450" s="19">
        <v>100</v>
      </c>
      <c r="U4450" s="19"/>
      <c r="V4450" s="19"/>
      <c r="W4450" s="19"/>
      <c r="X4450" s="19">
        <v>1</v>
      </c>
      <c r="Y4450" s="19"/>
      <c r="Z4450" s="19"/>
      <c r="AA4450" s="19"/>
    </row>
    <row r="4451" spans="1:27" s="1" customFormat="1" ht="11.1" customHeight="1" outlineLevel="2" x14ac:dyDescent="0.2">
      <c r="A4451" s="17"/>
      <c r="B4451" s="17"/>
      <c r="C4451" s="17"/>
      <c r="D4451" s="18"/>
      <c r="E4451" s="18"/>
      <c r="F4451" s="18"/>
      <c r="G4451" s="18"/>
      <c r="H4451" s="18"/>
      <c r="I4451" s="18"/>
      <c r="J4451" s="18"/>
      <c r="K4451" s="18"/>
      <c r="L4451" s="18"/>
      <c r="M4451" s="18"/>
      <c r="N4451" s="18"/>
      <c r="O4451" s="18"/>
      <c r="P4451" s="19"/>
      <c r="Q4451" s="19"/>
      <c r="R4451" s="19"/>
      <c r="S4451" s="19"/>
      <c r="T4451" s="19"/>
      <c r="U4451" s="19"/>
      <c r="V4451" s="19"/>
      <c r="W4451" s="19"/>
      <c r="X4451" s="19"/>
      <c r="Y4451" s="19"/>
      <c r="Z4451" s="19"/>
      <c r="AA4451" s="19"/>
    </row>
    <row r="4452" spans="1:27" s="1" customFormat="1" ht="11.1" customHeight="1" outlineLevel="1" x14ac:dyDescent="0.2">
      <c r="A4452" s="16" t="s">
        <v>1475</v>
      </c>
      <c r="B4452" s="16"/>
      <c r="C4452" s="16"/>
      <c r="D4452" s="16"/>
      <c r="E4452" s="16"/>
      <c r="F4452" s="16"/>
      <c r="G4452" s="16"/>
      <c r="H4452" s="16"/>
      <c r="I4452" s="16"/>
      <c r="J4452" s="16"/>
      <c r="K4452" s="16"/>
      <c r="L4452" s="16"/>
      <c r="M4452" s="16"/>
      <c r="N4452" s="16"/>
      <c r="O4452" s="16"/>
      <c r="P4452" s="16"/>
      <c r="Q4452" s="16"/>
      <c r="R4452" s="16"/>
      <c r="S4452" s="16"/>
      <c r="T4452" s="16"/>
      <c r="U4452" s="16"/>
      <c r="V4452" s="16"/>
      <c r="W4452" s="16"/>
      <c r="X4452" s="16"/>
      <c r="Y4452" s="16"/>
      <c r="Z4452" s="16"/>
      <c r="AA4452" s="16"/>
    </row>
    <row r="4453" spans="1:27" s="1" customFormat="1" ht="11.1" customHeight="1" outlineLevel="1" x14ac:dyDescent="0.2">
      <c r="A4453" s="16"/>
      <c r="B4453" s="16"/>
      <c r="C4453" s="16"/>
      <c r="D4453" s="16"/>
      <c r="E4453" s="16"/>
      <c r="F4453" s="16"/>
      <c r="G4453" s="16"/>
      <c r="H4453" s="16"/>
      <c r="I4453" s="16"/>
      <c r="J4453" s="16"/>
      <c r="K4453" s="16"/>
      <c r="L4453" s="16"/>
      <c r="M4453" s="16"/>
      <c r="N4453" s="16"/>
      <c r="O4453" s="16"/>
      <c r="P4453" s="16"/>
      <c r="Q4453" s="16"/>
      <c r="R4453" s="16"/>
      <c r="S4453" s="16"/>
      <c r="T4453" s="16"/>
      <c r="U4453" s="16"/>
      <c r="V4453" s="16"/>
      <c r="W4453" s="16"/>
      <c r="X4453" s="16"/>
      <c r="Y4453" s="16"/>
      <c r="Z4453" s="16"/>
      <c r="AA4453" s="16"/>
    </row>
    <row r="4454" spans="1:27" s="1" customFormat="1" ht="11.1" customHeight="1" outlineLevel="2" x14ac:dyDescent="0.2">
      <c r="A4454" s="17">
        <v>1450</v>
      </c>
      <c r="B4454" s="17"/>
      <c r="C4454" s="17"/>
      <c r="D4454" s="18" t="s">
        <v>2223</v>
      </c>
      <c r="E4454" s="18"/>
      <c r="F4454" s="18"/>
      <c r="G4454" s="18"/>
      <c r="H4454" s="18"/>
      <c r="I4454" s="18"/>
      <c r="J4454" s="18"/>
      <c r="K4454" s="18"/>
      <c r="L4454" s="18"/>
      <c r="M4454" s="18"/>
      <c r="N4454" s="18"/>
      <c r="O4454" s="18"/>
      <c r="P4454" s="19">
        <v>200</v>
      </c>
      <c r="Q4454" s="19"/>
      <c r="R4454" s="19"/>
      <c r="S4454" s="19"/>
      <c r="T4454" s="19">
        <v>150</v>
      </c>
      <c r="U4454" s="19"/>
      <c r="V4454" s="19"/>
      <c r="W4454" s="19"/>
      <c r="X4454" s="19">
        <v>1</v>
      </c>
      <c r="Y4454" s="19"/>
      <c r="Z4454" s="19"/>
      <c r="AA4454" s="19"/>
    </row>
    <row r="4455" spans="1:27" s="1" customFormat="1" ht="11.1" customHeight="1" outlineLevel="2" x14ac:dyDescent="0.2">
      <c r="A4455" s="17"/>
      <c r="B4455" s="17"/>
      <c r="C4455" s="17"/>
      <c r="D4455" s="18"/>
      <c r="E4455" s="18"/>
      <c r="F4455" s="18"/>
      <c r="G4455" s="18"/>
      <c r="H4455" s="18"/>
      <c r="I4455" s="18"/>
      <c r="J4455" s="18"/>
      <c r="K4455" s="18"/>
      <c r="L4455" s="18"/>
      <c r="M4455" s="18"/>
      <c r="N4455" s="18"/>
      <c r="O4455" s="18"/>
      <c r="P4455" s="19"/>
      <c r="Q4455" s="19"/>
      <c r="R4455" s="19"/>
      <c r="S4455" s="19"/>
      <c r="T4455" s="19"/>
      <c r="U4455" s="19"/>
      <c r="V4455" s="19"/>
      <c r="W4455" s="19"/>
      <c r="X4455" s="19"/>
      <c r="Y4455" s="19"/>
      <c r="Z4455" s="19"/>
      <c r="AA4455" s="19"/>
    </row>
    <row r="4456" spans="1:27" s="1" customFormat="1" ht="11.1" customHeight="1" outlineLevel="2" x14ac:dyDescent="0.2">
      <c r="A4456" s="17">
        <v>965</v>
      </c>
      <c r="B4456" s="17"/>
      <c r="C4456" s="17"/>
      <c r="D4456" s="18" t="s">
        <v>2224</v>
      </c>
      <c r="E4456" s="18"/>
      <c r="F4456" s="18"/>
      <c r="G4456" s="18"/>
      <c r="H4456" s="18"/>
      <c r="I4456" s="18"/>
      <c r="J4456" s="18"/>
      <c r="K4456" s="18"/>
      <c r="L4456" s="18"/>
      <c r="M4456" s="18"/>
      <c r="N4456" s="18"/>
      <c r="O4456" s="18"/>
      <c r="P4456" s="19">
        <v>100</v>
      </c>
      <c r="Q4456" s="19"/>
      <c r="R4456" s="19"/>
      <c r="S4456" s="19"/>
      <c r="T4456" s="19">
        <v>80</v>
      </c>
      <c r="U4456" s="19"/>
      <c r="V4456" s="19"/>
      <c r="W4456" s="19"/>
      <c r="X4456" s="19">
        <v>1</v>
      </c>
      <c r="Y4456" s="19"/>
      <c r="Z4456" s="19"/>
      <c r="AA4456" s="19"/>
    </row>
    <row r="4457" spans="1:27" s="1" customFormat="1" ht="11.1" customHeight="1" outlineLevel="2" x14ac:dyDescent="0.2">
      <c r="A4457" s="17"/>
      <c r="B4457" s="17"/>
      <c r="C4457" s="17"/>
      <c r="D4457" s="18"/>
      <c r="E4457" s="18"/>
      <c r="F4457" s="18"/>
      <c r="G4457" s="18"/>
      <c r="H4457" s="18"/>
      <c r="I4457" s="18"/>
      <c r="J4457" s="18"/>
      <c r="K4457" s="18"/>
      <c r="L4457" s="18"/>
      <c r="M4457" s="18"/>
      <c r="N4457" s="18"/>
      <c r="O4457" s="18"/>
      <c r="P4457" s="19"/>
      <c r="Q4457" s="19"/>
      <c r="R4457" s="19"/>
      <c r="S4457" s="19"/>
      <c r="T4457" s="19"/>
      <c r="U4457" s="19"/>
      <c r="V4457" s="19"/>
      <c r="W4457" s="19"/>
      <c r="X4457" s="19"/>
      <c r="Y4457" s="19"/>
      <c r="Z4457" s="19"/>
      <c r="AA4457" s="19"/>
    </row>
    <row r="4458" spans="1:27" s="1" customFormat="1" ht="11.1" customHeight="1" outlineLevel="1" x14ac:dyDescent="0.2">
      <c r="A4458" s="16" t="s">
        <v>1168</v>
      </c>
      <c r="B4458" s="16"/>
      <c r="C4458" s="16"/>
      <c r="D4458" s="16"/>
      <c r="E4458" s="16"/>
      <c r="F4458" s="16"/>
      <c r="G4458" s="16"/>
      <c r="H4458" s="16"/>
      <c r="I4458" s="16"/>
      <c r="J4458" s="16"/>
      <c r="K4458" s="16"/>
      <c r="L4458" s="16"/>
      <c r="M4458" s="16"/>
      <c r="N4458" s="16"/>
      <c r="O4458" s="16"/>
      <c r="P4458" s="16"/>
      <c r="Q4458" s="16"/>
      <c r="R4458" s="16"/>
      <c r="S4458" s="16"/>
      <c r="T4458" s="16"/>
      <c r="U4458" s="16"/>
      <c r="V4458" s="16"/>
      <c r="W4458" s="16"/>
      <c r="X4458" s="16"/>
      <c r="Y4458" s="16"/>
      <c r="Z4458" s="16"/>
      <c r="AA4458" s="16"/>
    </row>
    <row r="4459" spans="1:27" s="1" customFormat="1" ht="11.1" customHeight="1" outlineLevel="1" x14ac:dyDescent="0.2">
      <c r="A4459" s="16"/>
      <c r="B4459" s="16"/>
      <c r="C4459" s="16"/>
      <c r="D4459" s="16"/>
      <c r="E4459" s="16"/>
      <c r="F4459" s="16"/>
      <c r="G4459" s="16"/>
      <c r="H4459" s="16"/>
      <c r="I4459" s="16"/>
      <c r="J4459" s="16"/>
      <c r="K4459" s="16"/>
      <c r="L4459" s="16"/>
      <c r="M4459" s="16"/>
      <c r="N4459" s="16"/>
      <c r="O4459" s="16"/>
      <c r="P4459" s="16"/>
      <c r="Q4459" s="16"/>
      <c r="R4459" s="16"/>
      <c r="S4459" s="16"/>
      <c r="T4459" s="16"/>
      <c r="U4459" s="16"/>
      <c r="V4459" s="16"/>
      <c r="W4459" s="16"/>
      <c r="X4459" s="16"/>
      <c r="Y4459" s="16"/>
      <c r="Z4459" s="16"/>
      <c r="AA4459" s="16"/>
    </row>
    <row r="4460" spans="1:27" s="1" customFormat="1" ht="14.1" customHeight="1" outlineLevel="2" x14ac:dyDescent="0.2">
      <c r="A4460" s="17">
        <v>17552</v>
      </c>
      <c r="B4460" s="17"/>
      <c r="C4460" s="17"/>
      <c r="D4460" s="18" t="s">
        <v>2225</v>
      </c>
      <c r="E4460" s="18"/>
      <c r="F4460" s="18"/>
      <c r="G4460" s="18"/>
      <c r="H4460" s="18"/>
      <c r="I4460" s="18"/>
      <c r="J4460" s="18"/>
      <c r="K4460" s="18"/>
      <c r="L4460" s="18"/>
      <c r="M4460" s="18"/>
      <c r="N4460" s="18"/>
      <c r="O4460" s="18"/>
      <c r="P4460" s="19">
        <v>350</v>
      </c>
      <c r="Q4460" s="19"/>
      <c r="R4460" s="19"/>
      <c r="S4460" s="19"/>
      <c r="T4460" s="19">
        <v>250</v>
      </c>
      <c r="U4460" s="19"/>
      <c r="V4460" s="19"/>
      <c r="W4460" s="19"/>
      <c r="X4460" s="19">
        <v>1</v>
      </c>
      <c r="Y4460" s="19"/>
      <c r="Z4460" s="19"/>
      <c r="AA4460" s="19"/>
    </row>
    <row r="4461" spans="1:27" s="1" customFormat="1" ht="14.1" customHeight="1" outlineLevel="2" x14ac:dyDescent="0.2">
      <c r="A4461" s="17"/>
      <c r="B4461" s="17"/>
      <c r="C4461" s="17"/>
      <c r="D4461" s="18"/>
      <c r="E4461" s="18"/>
      <c r="F4461" s="18"/>
      <c r="G4461" s="18"/>
      <c r="H4461" s="18"/>
      <c r="I4461" s="18"/>
      <c r="J4461" s="18"/>
      <c r="K4461" s="18"/>
      <c r="L4461" s="18"/>
      <c r="M4461" s="18"/>
      <c r="N4461" s="18"/>
      <c r="O4461" s="18"/>
      <c r="P4461" s="19"/>
      <c r="Q4461" s="19"/>
      <c r="R4461" s="19"/>
      <c r="S4461" s="19"/>
      <c r="T4461" s="19"/>
      <c r="U4461" s="19"/>
      <c r="V4461" s="19"/>
      <c r="W4461" s="19"/>
      <c r="X4461" s="19"/>
      <c r="Y4461" s="19"/>
      <c r="Z4461" s="19"/>
      <c r="AA4461" s="19"/>
    </row>
    <row r="4462" spans="1:27" s="1" customFormat="1" ht="14.1" customHeight="1" outlineLevel="2" x14ac:dyDescent="0.2">
      <c r="A4462" s="17">
        <v>17541</v>
      </c>
      <c r="B4462" s="17"/>
      <c r="C4462" s="17"/>
      <c r="D4462" s="18" t="s">
        <v>2226</v>
      </c>
      <c r="E4462" s="18"/>
      <c r="F4462" s="18"/>
      <c r="G4462" s="18"/>
      <c r="H4462" s="18"/>
      <c r="I4462" s="18"/>
      <c r="J4462" s="18"/>
      <c r="K4462" s="18"/>
      <c r="L4462" s="18"/>
      <c r="M4462" s="18"/>
      <c r="N4462" s="18"/>
      <c r="O4462" s="18"/>
      <c r="P4462" s="19">
        <v>150</v>
      </c>
      <c r="Q4462" s="19"/>
      <c r="R4462" s="19"/>
      <c r="S4462" s="19"/>
      <c r="T4462" s="19">
        <v>100</v>
      </c>
      <c r="U4462" s="19"/>
      <c r="V4462" s="19"/>
      <c r="W4462" s="19"/>
      <c r="X4462" s="19">
        <v>1</v>
      </c>
      <c r="Y4462" s="19"/>
      <c r="Z4462" s="19"/>
      <c r="AA4462" s="19"/>
    </row>
    <row r="4463" spans="1:27" s="1" customFormat="1" ht="14.1" customHeight="1" outlineLevel="2" x14ac:dyDescent="0.2">
      <c r="A4463" s="17"/>
      <c r="B4463" s="17"/>
      <c r="C4463" s="17"/>
      <c r="D4463" s="18"/>
      <c r="E4463" s="18"/>
      <c r="F4463" s="18"/>
      <c r="G4463" s="18"/>
      <c r="H4463" s="18"/>
      <c r="I4463" s="18"/>
      <c r="J4463" s="18"/>
      <c r="K4463" s="18"/>
      <c r="L4463" s="18"/>
      <c r="M4463" s="18"/>
      <c r="N4463" s="18"/>
      <c r="O4463" s="18"/>
      <c r="P4463" s="19"/>
      <c r="Q4463" s="19"/>
      <c r="R4463" s="19"/>
      <c r="S4463" s="19"/>
      <c r="T4463" s="19"/>
      <c r="U4463" s="19"/>
      <c r="V4463" s="19"/>
      <c r="W4463" s="19"/>
      <c r="X4463" s="19"/>
      <c r="Y4463" s="19"/>
      <c r="Z4463" s="19"/>
      <c r="AA4463" s="19"/>
    </row>
    <row r="4464" spans="1:27" s="1" customFormat="1" ht="11.1" customHeight="1" outlineLevel="1" x14ac:dyDescent="0.2">
      <c r="A4464" s="16" t="s">
        <v>1172</v>
      </c>
      <c r="B4464" s="16"/>
      <c r="C4464" s="16"/>
      <c r="D4464" s="16"/>
      <c r="E4464" s="16"/>
      <c r="F4464" s="16"/>
      <c r="G4464" s="16"/>
      <c r="H4464" s="16"/>
      <c r="I4464" s="16"/>
      <c r="J4464" s="16"/>
      <c r="K4464" s="16"/>
      <c r="L4464" s="16"/>
      <c r="M4464" s="16"/>
      <c r="N4464" s="16"/>
      <c r="O4464" s="16"/>
      <c r="P4464" s="16"/>
      <c r="Q4464" s="16"/>
      <c r="R4464" s="16"/>
      <c r="S4464" s="16"/>
      <c r="T4464" s="16"/>
      <c r="U4464" s="16"/>
      <c r="V4464" s="16"/>
      <c r="W4464" s="16"/>
      <c r="X4464" s="16"/>
      <c r="Y4464" s="16"/>
      <c r="Z4464" s="16"/>
      <c r="AA4464" s="16"/>
    </row>
    <row r="4465" spans="1:27" s="1" customFormat="1" ht="11.1" customHeight="1" outlineLevel="1" x14ac:dyDescent="0.2">
      <c r="A4465" s="16"/>
      <c r="B4465" s="16"/>
      <c r="C4465" s="16"/>
      <c r="D4465" s="16"/>
      <c r="E4465" s="16"/>
      <c r="F4465" s="16"/>
      <c r="G4465" s="16"/>
      <c r="H4465" s="16"/>
      <c r="I4465" s="16"/>
      <c r="J4465" s="16"/>
      <c r="K4465" s="16"/>
      <c r="L4465" s="16"/>
      <c r="M4465" s="16"/>
      <c r="N4465" s="16"/>
      <c r="O4465" s="16"/>
      <c r="P4465" s="16"/>
      <c r="Q4465" s="16"/>
      <c r="R4465" s="16"/>
      <c r="S4465" s="16"/>
      <c r="T4465" s="16"/>
      <c r="U4465" s="16"/>
      <c r="V4465" s="16"/>
      <c r="W4465" s="16"/>
      <c r="X4465" s="16"/>
      <c r="Y4465" s="16"/>
      <c r="Z4465" s="16"/>
      <c r="AA4465" s="16"/>
    </row>
    <row r="4466" spans="1:27" s="1" customFormat="1" ht="14.1" customHeight="1" outlineLevel="2" x14ac:dyDescent="0.2">
      <c r="A4466" s="17">
        <v>16677</v>
      </c>
      <c r="B4466" s="17"/>
      <c r="C4466" s="17"/>
      <c r="D4466" s="18" t="s">
        <v>2227</v>
      </c>
      <c r="E4466" s="18"/>
      <c r="F4466" s="18"/>
      <c r="G4466" s="18"/>
      <c r="H4466" s="18"/>
      <c r="I4466" s="18"/>
      <c r="J4466" s="18"/>
      <c r="K4466" s="18"/>
      <c r="L4466" s="18"/>
      <c r="M4466" s="18"/>
      <c r="N4466" s="18"/>
      <c r="O4466" s="18"/>
      <c r="P4466" s="19">
        <v>250</v>
      </c>
      <c r="Q4466" s="19"/>
      <c r="R4466" s="19"/>
      <c r="S4466" s="19"/>
      <c r="T4466" s="19">
        <v>200</v>
      </c>
      <c r="U4466" s="19"/>
      <c r="V4466" s="19"/>
      <c r="W4466" s="19"/>
      <c r="X4466" s="19">
        <v>1</v>
      </c>
      <c r="Y4466" s="19"/>
      <c r="Z4466" s="19"/>
      <c r="AA4466" s="19"/>
    </row>
    <row r="4467" spans="1:27" s="1" customFormat="1" ht="14.1" customHeight="1" outlineLevel="2" x14ac:dyDescent="0.2">
      <c r="A4467" s="17"/>
      <c r="B4467" s="17"/>
      <c r="C4467" s="17"/>
      <c r="D4467" s="18"/>
      <c r="E4467" s="18"/>
      <c r="F4467" s="18"/>
      <c r="G4467" s="18"/>
      <c r="H4467" s="18"/>
      <c r="I4467" s="18"/>
      <c r="J4467" s="18"/>
      <c r="K4467" s="18"/>
      <c r="L4467" s="18"/>
      <c r="M4467" s="18"/>
      <c r="N4467" s="18"/>
      <c r="O4467" s="18"/>
      <c r="P4467" s="19"/>
      <c r="Q4467" s="19"/>
      <c r="R4467" s="19"/>
      <c r="S4467" s="19"/>
      <c r="T4467" s="19"/>
      <c r="U4467" s="19"/>
      <c r="V4467" s="19"/>
      <c r="W4467" s="19"/>
      <c r="X4467" s="19"/>
      <c r="Y4467" s="19"/>
      <c r="Z4467" s="19"/>
      <c r="AA4467" s="19"/>
    </row>
    <row r="4468" spans="1:27" s="1" customFormat="1" ht="11.1" customHeight="1" outlineLevel="2" x14ac:dyDescent="0.2">
      <c r="A4468" s="17">
        <v>1452</v>
      </c>
      <c r="B4468" s="17"/>
      <c r="C4468" s="17"/>
      <c r="D4468" s="18" t="s">
        <v>2228</v>
      </c>
      <c r="E4468" s="18"/>
      <c r="F4468" s="18"/>
      <c r="G4468" s="18"/>
      <c r="H4468" s="18"/>
      <c r="I4468" s="18"/>
      <c r="J4468" s="18"/>
      <c r="K4468" s="18"/>
      <c r="L4468" s="18"/>
      <c r="M4468" s="18"/>
      <c r="N4468" s="18"/>
      <c r="O4468" s="18"/>
      <c r="P4468" s="19">
        <v>150</v>
      </c>
      <c r="Q4468" s="19"/>
      <c r="R4468" s="19"/>
      <c r="S4468" s="19"/>
      <c r="T4468" s="19">
        <v>115</v>
      </c>
      <c r="U4468" s="19"/>
      <c r="V4468" s="19"/>
      <c r="W4468" s="19"/>
      <c r="X4468" s="19">
        <v>1</v>
      </c>
      <c r="Y4468" s="19"/>
      <c r="Z4468" s="19"/>
      <c r="AA4468" s="19"/>
    </row>
    <row r="4469" spans="1:27" s="1" customFormat="1" ht="11.1" customHeight="1" outlineLevel="2" x14ac:dyDescent="0.2">
      <c r="A4469" s="17"/>
      <c r="B4469" s="17"/>
      <c r="C4469" s="17"/>
      <c r="D4469" s="18"/>
      <c r="E4469" s="18"/>
      <c r="F4469" s="18"/>
      <c r="G4469" s="18"/>
      <c r="H4469" s="18"/>
      <c r="I4469" s="18"/>
      <c r="J4469" s="18"/>
      <c r="K4469" s="18"/>
      <c r="L4469" s="18"/>
      <c r="M4469" s="18"/>
      <c r="N4469" s="18"/>
      <c r="O4469" s="18"/>
      <c r="P4469" s="19"/>
      <c r="Q4469" s="19"/>
      <c r="R4469" s="19"/>
      <c r="S4469" s="19"/>
      <c r="T4469" s="19"/>
      <c r="U4469" s="19"/>
      <c r="V4469" s="19"/>
      <c r="W4469" s="19"/>
      <c r="X4469" s="19"/>
      <c r="Y4469" s="19"/>
      <c r="Z4469" s="19"/>
      <c r="AA4469" s="19"/>
    </row>
    <row r="4470" spans="1:27" s="1" customFormat="1" ht="14.1" customHeight="1" outlineLevel="2" x14ac:dyDescent="0.2">
      <c r="A4470" s="17">
        <v>16687</v>
      </c>
      <c r="B4470" s="17"/>
      <c r="C4470" s="17"/>
      <c r="D4470" s="18" t="s">
        <v>2229</v>
      </c>
      <c r="E4470" s="18"/>
      <c r="F4470" s="18"/>
      <c r="G4470" s="18"/>
      <c r="H4470" s="18"/>
      <c r="I4470" s="18"/>
      <c r="J4470" s="18"/>
      <c r="K4470" s="18"/>
      <c r="L4470" s="18"/>
      <c r="M4470" s="18"/>
      <c r="N4470" s="18"/>
      <c r="O4470" s="18"/>
      <c r="P4470" s="19">
        <v>250</v>
      </c>
      <c r="Q4470" s="19"/>
      <c r="R4470" s="19"/>
      <c r="S4470" s="19"/>
      <c r="T4470" s="19">
        <v>150</v>
      </c>
      <c r="U4470" s="19"/>
      <c r="V4470" s="19"/>
      <c r="W4470" s="19"/>
      <c r="X4470" s="19">
        <v>1</v>
      </c>
      <c r="Y4470" s="19"/>
      <c r="Z4470" s="19"/>
      <c r="AA4470" s="19"/>
    </row>
    <row r="4471" spans="1:27" s="1" customFormat="1" ht="14.1" customHeight="1" outlineLevel="2" x14ac:dyDescent="0.2">
      <c r="A4471" s="17"/>
      <c r="B4471" s="17"/>
      <c r="C4471" s="17"/>
      <c r="D4471" s="18"/>
      <c r="E4471" s="18"/>
      <c r="F4471" s="18"/>
      <c r="G4471" s="18"/>
      <c r="H4471" s="18"/>
      <c r="I4471" s="18"/>
      <c r="J4471" s="18"/>
      <c r="K4471" s="18"/>
      <c r="L4471" s="18"/>
      <c r="M4471" s="18"/>
      <c r="N4471" s="18"/>
      <c r="O4471" s="18"/>
      <c r="P4471" s="19"/>
      <c r="Q4471" s="19"/>
      <c r="R4471" s="19"/>
      <c r="S4471" s="19"/>
      <c r="T4471" s="19"/>
      <c r="U4471" s="19"/>
      <c r="V4471" s="19"/>
      <c r="W4471" s="19"/>
      <c r="X4471" s="19"/>
      <c r="Y4471" s="19"/>
      <c r="Z4471" s="19"/>
      <c r="AA4471" s="19"/>
    </row>
    <row r="4472" spans="1:27" s="1" customFormat="1" ht="11.1" customHeight="1" outlineLevel="2" x14ac:dyDescent="0.2">
      <c r="A4472" s="17">
        <v>1604</v>
      </c>
      <c r="B4472" s="17"/>
      <c r="C4472" s="17"/>
      <c r="D4472" s="18" t="s">
        <v>2230</v>
      </c>
      <c r="E4472" s="18"/>
      <c r="F4472" s="18"/>
      <c r="G4472" s="18"/>
      <c r="H4472" s="18"/>
      <c r="I4472" s="18"/>
      <c r="J4472" s="18"/>
      <c r="K4472" s="18"/>
      <c r="L4472" s="18"/>
      <c r="M4472" s="18"/>
      <c r="N4472" s="18"/>
      <c r="O4472" s="18"/>
      <c r="P4472" s="19">
        <v>190</v>
      </c>
      <c r="Q4472" s="19"/>
      <c r="R4472" s="19"/>
      <c r="S4472" s="19"/>
      <c r="T4472" s="19">
        <v>150</v>
      </c>
      <c r="U4472" s="19"/>
      <c r="V4472" s="19"/>
      <c r="W4472" s="19"/>
      <c r="X4472" s="19">
        <v>1</v>
      </c>
      <c r="Y4472" s="19"/>
      <c r="Z4472" s="19"/>
      <c r="AA4472" s="19"/>
    </row>
    <row r="4473" spans="1:27" s="1" customFormat="1" ht="11.1" customHeight="1" outlineLevel="2" x14ac:dyDescent="0.2">
      <c r="A4473" s="17"/>
      <c r="B4473" s="17"/>
      <c r="C4473" s="17"/>
      <c r="D4473" s="18"/>
      <c r="E4473" s="18"/>
      <c r="F4473" s="18"/>
      <c r="G4473" s="18"/>
      <c r="H4473" s="18"/>
      <c r="I4473" s="18"/>
      <c r="J4473" s="18"/>
      <c r="K4473" s="18"/>
      <c r="L4473" s="18"/>
      <c r="M4473" s="18"/>
      <c r="N4473" s="18"/>
      <c r="O4473" s="18"/>
      <c r="P4473" s="19"/>
      <c r="Q4473" s="19"/>
      <c r="R4473" s="19"/>
      <c r="S4473" s="19"/>
      <c r="T4473" s="19"/>
      <c r="U4473" s="19"/>
      <c r="V4473" s="19"/>
      <c r="W4473" s="19"/>
      <c r="X4473" s="19"/>
      <c r="Y4473" s="19"/>
      <c r="Z4473" s="19"/>
      <c r="AA4473" s="19"/>
    </row>
    <row r="4474" spans="1:27" s="1" customFormat="1" ht="11.1" customHeight="1" outlineLevel="2" x14ac:dyDescent="0.2">
      <c r="A4474" s="17">
        <v>1586</v>
      </c>
      <c r="B4474" s="17"/>
      <c r="C4474" s="17"/>
      <c r="D4474" s="18" t="s">
        <v>2231</v>
      </c>
      <c r="E4474" s="18"/>
      <c r="F4474" s="18"/>
      <c r="G4474" s="18"/>
      <c r="H4474" s="18"/>
      <c r="I4474" s="18"/>
      <c r="J4474" s="18"/>
      <c r="K4474" s="18"/>
      <c r="L4474" s="18"/>
      <c r="M4474" s="18"/>
      <c r="N4474" s="18"/>
      <c r="O4474" s="18"/>
      <c r="P4474" s="19">
        <v>160</v>
      </c>
      <c r="Q4474" s="19"/>
      <c r="R4474" s="19"/>
      <c r="S4474" s="19"/>
      <c r="T4474" s="19">
        <v>120</v>
      </c>
      <c r="U4474" s="19"/>
      <c r="V4474" s="19"/>
      <c r="W4474" s="19"/>
      <c r="X4474" s="19">
        <v>1</v>
      </c>
      <c r="Y4474" s="19"/>
      <c r="Z4474" s="19"/>
      <c r="AA4474" s="19"/>
    </row>
    <row r="4475" spans="1:27" s="1" customFormat="1" ht="11.1" customHeight="1" outlineLevel="2" x14ac:dyDescent="0.2">
      <c r="A4475" s="17"/>
      <c r="B4475" s="17"/>
      <c r="C4475" s="17"/>
      <c r="D4475" s="18"/>
      <c r="E4475" s="18"/>
      <c r="F4475" s="18"/>
      <c r="G4475" s="18"/>
      <c r="H4475" s="18"/>
      <c r="I4475" s="18"/>
      <c r="J4475" s="18"/>
      <c r="K4475" s="18"/>
      <c r="L4475" s="18"/>
      <c r="M4475" s="18"/>
      <c r="N4475" s="18"/>
      <c r="O4475" s="18"/>
      <c r="P4475" s="19"/>
      <c r="Q4475" s="19"/>
      <c r="R4475" s="19"/>
      <c r="S4475" s="19"/>
      <c r="T4475" s="19"/>
      <c r="U4475" s="19"/>
      <c r="V4475" s="19"/>
      <c r="W4475" s="19"/>
      <c r="X4475" s="19"/>
      <c r="Y4475" s="19"/>
      <c r="Z4475" s="19"/>
      <c r="AA4475" s="19"/>
    </row>
    <row r="4476" spans="1:27" s="1" customFormat="1" ht="14.1" customHeight="1" outlineLevel="2" x14ac:dyDescent="0.2">
      <c r="A4476" s="17">
        <v>16688</v>
      </c>
      <c r="B4476" s="17"/>
      <c r="C4476" s="17"/>
      <c r="D4476" s="18" t="s">
        <v>2232</v>
      </c>
      <c r="E4476" s="18"/>
      <c r="F4476" s="18"/>
      <c r="G4476" s="18"/>
      <c r="H4476" s="18"/>
      <c r="I4476" s="18"/>
      <c r="J4476" s="18"/>
      <c r="K4476" s="18"/>
      <c r="L4476" s="18"/>
      <c r="M4476" s="18"/>
      <c r="N4476" s="18"/>
      <c r="O4476" s="18"/>
      <c r="P4476" s="19">
        <v>400</v>
      </c>
      <c r="Q4476" s="19"/>
      <c r="R4476" s="19"/>
      <c r="S4476" s="19"/>
      <c r="T4476" s="19">
        <v>300</v>
      </c>
      <c r="U4476" s="19"/>
      <c r="V4476" s="19"/>
      <c r="W4476" s="19"/>
      <c r="X4476" s="19">
        <v>1</v>
      </c>
      <c r="Y4476" s="19"/>
      <c r="Z4476" s="19"/>
      <c r="AA4476" s="19"/>
    </row>
    <row r="4477" spans="1:27" s="1" customFormat="1" ht="14.1" customHeight="1" outlineLevel="2" x14ac:dyDescent="0.2">
      <c r="A4477" s="17"/>
      <c r="B4477" s="17"/>
      <c r="C4477" s="17"/>
      <c r="D4477" s="18"/>
      <c r="E4477" s="18"/>
      <c r="F4477" s="18"/>
      <c r="G4477" s="18"/>
      <c r="H4477" s="18"/>
      <c r="I4477" s="18"/>
      <c r="J4477" s="18"/>
      <c r="K4477" s="18"/>
      <c r="L4477" s="18"/>
      <c r="M4477" s="18"/>
      <c r="N4477" s="18"/>
      <c r="O4477" s="18"/>
      <c r="P4477" s="19"/>
      <c r="Q4477" s="19"/>
      <c r="R4477" s="19"/>
      <c r="S4477" s="19"/>
      <c r="T4477" s="19"/>
      <c r="U4477" s="19"/>
      <c r="V4477" s="19"/>
      <c r="W4477" s="19"/>
      <c r="X4477" s="19"/>
      <c r="Y4477" s="19"/>
      <c r="Z4477" s="19"/>
      <c r="AA4477" s="19"/>
    </row>
    <row r="4478" spans="1:27" s="1" customFormat="1" ht="11.1" customHeight="1" outlineLevel="1" x14ac:dyDescent="0.2">
      <c r="A4478" s="16" t="s">
        <v>1175</v>
      </c>
      <c r="B4478" s="16"/>
      <c r="C4478" s="16"/>
      <c r="D4478" s="16"/>
      <c r="E4478" s="16"/>
      <c r="F4478" s="16"/>
      <c r="G4478" s="16"/>
      <c r="H4478" s="16"/>
      <c r="I4478" s="16"/>
      <c r="J4478" s="16"/>
      <c r="K4478" s="16"/>
      <c r="L4478" s="16"/>
      <c r="M4478" s="16"/>
      <c r="N4478" s="16"/>
      <c r="O4478" s="16"/>
      <c r="P4478" s="16"/>
      <c r="Q4478" s="16"/>
      <c r="R4478" s="16"/>
      <c r="S4478" s="16"/>
      <c r="T4478" s="16"/>
      <c r="U4478" s="16"/>
      <c r="V4478" s="16"/>
      <c r="W4478" s="16"/>
      <c r="X4478" s="16"/>
      <c r="Y4478" s="16"/>
      <c r="Z4478" s="16"/>
      <c r="AA4478" s="16"/>
    </row>
    <row r="4479" spans="1:27" s="1" customFormat="1" ht="11.1" customHeight="1" outlineLevel="1" x14ac:dyDescent="0.2">
      <c r="A4479" s="16"/>
      <c r="B4479" s="16"/>
      <c r="C4479" s="16"/>
      <c r="D4479" s="16"/>
      <c r="E4479" s="16"/>
      <c r="F4479" s="16"/>
      <c r="G4479" s="16"/>
      <c r="H4479" s="16"/>
      <c r="I4479" s="16"/>
      <c r="J4479" s="16"/>
      <c r="K4479" s="16"/>
      <c r="L4479" s="16"/>
      <c r="M4479" s="16"/>
      <c r="N4479" s="16"/>
      <c r="O4479" s="16"/>
      <c r="P4479" s="16"/>
      <c r="Q4479" s="16"/>
      <c r="R4479" s="16"/>
      <c r="S4479" s="16"/>
      <c r="T4479" s="16"/>
      <c r="U4479" s="16"/>
      <c r="V4479" s="16"/>
      <c r="W4479" s="16"/>
      <c r="X4479" s="16"/>
      <c r="Y4479" s="16"/>
      <c r="Z4479" s="16"/>
      <c r="AA4479" s="16"/>
    </row>
    <row r="4480" spans="1:27" s="1" customFormat="1" ht="11.1" customHeight="1" outlineLevel="2" x14ac:dyDescent="0.2">
      <c r="A4480" s="17">
        <v>17058</v>
      </c>
      <c r="B4480" s="17"/>
      <c r="C4480" s="17"/>
      <c r="D4480" s="18" t="s">
        <v>2233</v>
      </c>
      <c r="E4480" s="18"/>
      <c r="F4480" s="18"/>
      <c r="G4480" s="18"/>
      <c r="H4480" s="18"/>
      <c r="I4480" s="18"/>
      <c r="J4480" s="18"/>
      <c r="K4480" s="18"/>
      <c r="L4480" s="18"/>
      <c r="M4480" s="18"/>
      <c r="N4480" s="18"/>
      <c r="O4480" s="18"/>
      <c r="P4480" s="19">
        <v>80</v>
      </c>
      <c r="Q4480" s="19"/>
      <c r="R4480" s="19"/>
      <c r="S4480" s="19"/>
      <c r="T4480" s="19">
        <v>50</v>
      </c>
      <c r="U4480" s="19"/>
      <c r="V4480" s="19"/>
      <c r="W4480" s="19"/>
      <c r="X4480" s="19">
        <v>1</v>
      </c>
      <c r="Y4480" s="19"/>
      <c r="Z4480" s="19"/>
      <c r="AA4480" s="19"/>
    </row>
    <row r="4481" spans="1:27" s="1" customFormat="1" ht="11.1" customHeight="1" outlineLevel="2" x14ac:dyDescent="0.2">
      <c r="A4481" s="17"/>
      <c r="B4481" s="17"/>
      <c r="C4481" s="17"/>
      <c r="D4481" s="18"/>
      <c r="E4481" s="18"/>
      <c r="F4481" s="18"/>
      <c r="G4481" s="18"/>
      <c r="H4481" s="18"/>
      <c r="I4481" s="18"/>
      <c r="J4481" s="18"/>
      <c r="K4481" s="18"/>
      <c r="L4481" s="18"/>
      <c r="M4481" s="18"/>
      <c r="N4481" s="18"/>
      <c r="O4481" s="18"/>
      <c r="P4481" s="19"/>
      <c r="Q4481" s="19"/>
      <c r="R4481" s="19"/>
      <c r="S4481" s="19"/>
      <c r="T4481" s="19"/>
      <c r="U4481" s="19"/>
      <c r="V4481" s="19"/>
      <c r="W4481" s="19"/>
      <c r="X4481" s="19"/>
      <c r="Y4481" s="19"/>
      <c r="Z4481" s="19"/>
      <c r="AA4481" s="19"/>
    </row>
    <row r="4482" spans="1:27" s="1" customFormat="1" ht="11.1" customHeight="1" outlineLevel="2" x14ac:dyDescent="0.2">
      <c r="A4482" s="17">
        <v>15844</v>
      </c>
      <c r="B4482" s="17"/>
      <c r="C4482" s="17"/>
      <c r="D4482" s="18" t="s">
        <v>2234</v>
      </c>
      <c r="E4482" s="18"/>
      <c r="F4482" s="18"/>
      <c r="G4482" s="18"/>
      <c r="H4482" s="18"/>
      <c r="I4482" s="18"/>
      <c r="J4482" s="18"/>
      <c r="K4482" s="18"/>
      <c r="L4482" s="18"/>
      <c r="M4482" s="18"/>
      <c r="N4482" s="18"/>
      <c r="O4482" s="18"/>
      <c r="P4482" s="19">
        <v>250</v>
      </c>
      <c r="Q4482" s="19"/>
      <c r="R4482" s="19"/>
      <c r="S4482" s="19"/>
      <c r="T4482" s="19">
        <v>200</v>
      </c>
      <c r="U4482" s="19"/>
      <c r="V4482" s="19"/>
      <c r="W4482" s="19"/>
      <c r="X4482" s="19">
        <v>1</v>
      </c>
      <c r="Y4482" s="19"/>
      <c r="Z4482" s="19"/>
      <c r="AA4482" s="19"/>
    </row>
    <row r="4483" spans="1:27" s="1" customFormat="1" ht="11.1" customHeight="1" outlineLevel="2" x14ac:dyDescent="0.2">
      <c r="A4483" s="17"/>
      <c r="B4483" s="17"/>
      <c r="C4483" s="17"/>
      <c r="D4483" s="18"/>
      <c r="E4483" s="18"/>
      <c r="F4483" s="18"/>
      <c r="G4483" s="18"/>
      <c r="H4483" s="18"/>
      <c r="I4483" s="18"/>
      <c r="J4483" s="18"/>
      <c r="K4483" s="18"/>
      <c r="L4483" s="18"/>
      <c r="M4483" s="18"/>
      <c r="N4483" s="18"/>
      <c r="O4483" s="18"/>
      <c r="P4483" s="19"/>
      <c r="Q4483" s="19"/>
      <c r="R4483" s="19"/>
      <c r="S4483" s="19"/>
      <c r="T4483" s="19"/>
      <c r="U4483" s="19"/>
      <c r="V4483" s="19"/>
      <c r="W4483" s="19"/>
      <c r="X4483" s="19"/>
      <c r="Y4483" s="19"/>
      <c r="Z4483" s="19"/>
      <c r="AA4483" s="19"/>
    </row>
    <row r="4484" spans="1:27" s="1" customFormat="1" ht="11.1" customHeight="1" outlineLevel="2" x14ac:dyDescent="0.2">
      <c r="A4484" s="17">
        <v>13726</v>
      </c>
      <c r="B4484" s="17"/>
      <c r="C4484" s="17"/>
      <c r="D4484" s="18" t="s">
        <v>2235</v>
      </c>
      <c r="E4484" s="18"/>
      <c r="F4484" s="18"/>
      <c r="G4484" s="18"/>
      <c r="H4484" s="18"/>
      <c r="I4484" s="18"/>
      <c r="J4484" s="18"/>
      <c r="K4484" s="18"/>
      <c r="L4484" s="18"/>
      <c r="M4484" s="18"/>
      <c r="N4484" s="18"/>
      <c r="O4484" s="18"/>
      <c r="P4484" s="19">
        <v>320</v>
      </c>
      <c r="Q4484" s="19"/>
      <c r="R4484" s="19"/>
      <c r="S4484" s="19"/>
      <c r="T4484" s="19">
        <v>250</v>
      </c>
      <c r="U4484" s="19"/>
      <c r="V4484" s="19"/>
      <c r="W4484" s="19"/>
      <c r="X4484" s="19">
        <v>5</v>
      </c>
      <c r="Y4484" s="19"/>
      <c r="Z4484" s="19"/>
      <c r="AA4484" s="19"/>
    </row>
    <row r="4485" spans="1:27" s="1" customFormat="1" ht="11.1" customHeight="1" outlineLevel="2" x14ac:dyDescent="0.2">
      <c r="A4485" s="17"/>
      <c r="B4485" s="17"/>
      <c r="C4485" s="17"/>
      <c r="D4485" s="18"/>
      <c r="E4485" s="18"/>
      <c r="F4485" s="18"/>
      <c r="G4485" s="18"/>
      <c r="H4485" s="18"/>
      <c r="I4485" s="18"/>
      <c r="J4485" s="18"/>
      <c r="K4485" s="18"/>
      <c r="L4485" s="18"/>
      <c r="M4485" s="18"/>
      <c r="N4485" s="18"/>
      <c r="O4485" s="18"/>
      <c r="P4485" s="19"/>
      <c r="Q4485" s="19"/>
      <c r="R4485" s="19"/>
      <c r="S4485" s="19"/>
      <c r="T4485" s="19"/>
      <c r="U4485" s="19"/>
      <c r="V4485" s="19"/>
      <c r="W4485" s="19"/>
      <c r="X4485" s="19"/>
      <c r="Y4485" s="19"/>
      <c r="Z4485" s="19"/>
      <c r="AA4485" s="19"/>
    </row>
    <row r="4486" spans="1:27" s="1" customFormat="1" ht="11.1" customHeight="1" outlineLevel="2" x14ac:dyDescent="0.2">
      <c r="A4486" s="17">
        <v>13727</v>
      </c>
      <c r="B4486" s="17"/>
      <c r="C4486" s="17"/>
      <c r="D4486" s="18" t="s">
        <v>2236</v>
      </c>
      <c r="E4486" s="18"/>
      <c r="F4486" s="18"/>
      <c r="G4486" s="18"/>
      <c r="H4486" s="18"/>
      <c r="I4486" s="18"/>
      <c r="J4486" s="18"/>
      <c r="K4486" s="18"/>
      <c r="L4486" s="18"/>
      <c r="M4486" s="18"/>
      <c r="N4486" s="18"/>
      <c r="O4486" s="18"/>
      <c r="P4486" s="19">
        <v>320</v>
      </c>
      <c r="Q4486" s="19"/>
      <c r="R4486" s="19"/>
      <c r="S4486" s="19"/>
      <c r="T4486" s="19">
        <v>250</v>
      </c>
      <c r="U4486" s="19"/>
      <c r="V4486" s="19"/>
      <c r="W4486" s="19"/>
      <c r="X4486" s="19">
        <v>10</v>
      </c>
      <c r="Y4486" s="19"/>
      <c r="Z4486" s="19"/>
      <c r="AA4486" s="19"/>
    </row>
    <row r="4487" spans="1:27" s="1" customFormat="1" ht="11.1" customHeight="1" outlineLevel="2" x14ac:dyDescent="0.2">
      <c r="A4487" s="17"/>
      <c r="B4487" s="17"/>
      <c r="C4487" s="17"/>
      <c r="D4487" s="18"/>
      <c r="E4487" s="18"/>
      <c r="F4487" s="18"/>
      <c r="G4487" s="18"/>
      <c r="H4487" s="18"/>
      <c r="I4487" s="18"/>
      <c r="J4487" s="18"/>
      <c r="K4487" s="18"/>
      <c r="L4487" s="18"/>
      <c r="M4487" s="18"/>
      <c r="N4487" s="18"/>
      <c r="O4487" s="18"/>
      <c r="P4487" s="19"/>
      <c r="Q4487" s="19"/>
      <c r="R4487" s="19"/>
      <c r="S4487" s="19"/>
      <c r="T4487" s="19"/>
      <c r="U4487" s="19"/>
      <c r="V4487" s="19"/>
      <c r="W4487" s="19"/>
      <c r="X4487" s="19"/>
      <c r="Y4487" s="19"/>
      <c r="Z4487" s="19"/>
      <c r="AA4487" s="19"/>
    </row>
    <row r="4488" spans="1:27" s="1" customFormat="1" ht="11.1" customHeight="1" outlineLevel="2" x14ac:dyDescent="0.2">
      <c r="A4488" s="17">
        <v>7597</v>
      </c>
      <c r="B4488" s="17"/>
      <c r="C4488" s="17"/>
      <c r="D4488" s="18" t="s">
        <v>2237</v>
      </c>
      <c r="E4488" s="18"/>
      <c r="F4488" s="18"/>
      <c r="G4488" s="18"/>
      <c r="H4488" s="18"/>
      <c r="I4488" s="18"/>
      <c r="J4488" s="18"/>
      <c r="K4488" s="18"/>
      <c r="L4488" s="18"/>
      <c r="M4488" s="18"/>
      <c r="N4488" s="18"/>
      <c r="O4488" s="18"/>
      <c r="P4488" s="19">
        <v>350</v>
      </c>
      <c r="Q4488" s="19"/>
      <c r="R4488" s="19"/>
      <c r="S4488" s="19"/>
      <c r="T4488" s="19">
        <v>290</v>
      </c>
      <c r="U4488" s="19"/>
      <c r="V4488" s="19"/>
      <c r="W4488" s="19"/>
      <c r="X4488" s="19">
        <v>34</v>
      </c>
      <c r="Y4488" s="19"/>
      <c r="Z4488" s="19"/>
      <c r="AA4488" s="19"/>
    </row>
    <row r="4489" spans="1:27" s="1" customFormat="1" ht="11.1" customHeight="1" outlineLevel="2" x14ac:dyDescent="0.2">
      <c r="A4489" s="17"/>
      <c r="B4489" s="17"/>
      <c r="C4489" s="17"/>
      <c r="D4489" s="18"/>
      <c r="E4489" s="18"/>
      <c r="F4489" s="18"/>
      <c r="G4489" s="18"/>
      <c r="H4489" s="18"/>
      <c r="I4489" s="18"/>
      <c r="J4489" s="18"/>
      <c r="K4489" s="18"/>
      <c r="L4489" s="18"/>
      <c r="M4489" s="18"/>
      <c r="N4489" s="18"/>
      <c r="O4489" s="18"/>
      <c r="P4489" s="19"/>
      <c r="Q4489" s="19"/>
      <c r="R4489" s="19"/>
      <c r="S4489" s="19"/>
      <c r="T4489" s="19"/>
      <c r="U4489" s="19"/>
      <c r="V4489" s="19"/>
      <c r="W4489" s="19"/>
      <c r="X4489" s="19"/>
      <c r="Y4489" s="19"/>
      <c r="Z4489" s="19"/>
      <c r="AA4489" s="19"/>
    </row>
    <row r="4490" spans="1:27" s="1" customFormat="1" ht="11.1" customHeight="1" outlineLevel="2" x14ac:dyDescent="0.2">
      <c r="A4490" s="17">
        <v>12542</v>
      </c>
      <c r="B4490" s="17"/>
      <c r="C4490" s="17"/>
      <c r="D4490" s="18" t="s">
        <v>2238</v>
      </c>
      <c r="E4490" s="18"/>
      <c r="F4490" s="18"/>
      <c r="G4490" s="18"/>
      <c r="H4490" s="18"/>
      <c r="I4490" s="18"/>
      <c r="J4490" s="18"/>
      <c r="K4490" s="18"/>
      <c r="L4490" s="18"/>
      <c r="M4490" s="18"/>
      <c r="N4490" s="18"/>
      <c r="O4490" s="18"/>
      <c r="P4490" s="19">
        <v>350</v>
      </c>
      <c r="Q4490" s="19"/>
      <c r="R4490" s="19"/>
      <c r="S4490" s="19"/>
      <c r="T4490" s="19">
        <v>290</v>
      </c>
      <c r="U4490" s="19"/>
      <c r="V4490" s="19"/>
      <c r="W4490" s="19"/>
      <c r="X4490" s="19">
        <v>14</v>
      </c>
      <c r="Y4490" s="19"/>
      <c r="Z4490" s="19"/>
      <c r="AA4490" s="19"/>
    </row>
    <row r="4491" spans="1:27" s="1" customFormat="1" ht="11.1" customHeight="1" outlineLevel="2" x14ac:dyDescent="0.2">
      <c r="A4491" s="17"/>
      <c r="B4491" s="17"/>
      <c r="C4491" s="17"/>
      <c r="D4491" s="18"/>
      <c r="E4491" s="18"/>
      <c r="F4491" s="18"/>
      <c r="G4491" s="18"/>
      <c r="H4491" s="18"/>
      <c r="I4491" s="18"/>
      <c r="J4491" s="18"/>
      <c r="K4491" s="18"/>
      <c r="L4491" s="18"/>
      <c r="M4491" s="18"/>
      <c r="N4491" s="18"/>
      <c r="O4491" s="18"/>
      <c r="P4491" s="19"/>
      <c r="Q4491" s="19"/>
      <c r="R4491" s="19"/>
      <c r="S4491" s="19"/>
      <c r="T4491" s="19"/>
      <c r="U4491" s="19"/>
      <c r="V4491" s="19"/>
      <c r="W4491" s="19"/>
      <c r="X4491" s="19"/>
      <c r="Y4491" s="19"/>
      <c r="Z4491" s="19"/>
      <c r="AA4491" s="19"/>
    </row>
    <row r="4492" spans="1:27" s="1" customFormat="1" ht="11.1" customHeight="1" outlineLevel="2" x14ac:dyDescent="0.2">
      <c r="A4492" s="17">
        <v>9489</v>
      </c>
      <c r="B4492" s="17"/>
      <c r="C4492" s="17"/>
      <c r="D4492" s="18" t="s">
        <v>2239</v>
      </c>
      <c r="E4492" s="18"/>
      <c r="F4492" s="18"/>
      <c r="G4492" s="18"/>
      <c r="H4492" s="18"/>
      <c r="I4492" s="18"/>
      <c r="J4492" s="18"/>
      <c r="K4492" s="18"/>
      <c r="L4492" s="18"/>
      <c r="M4492" s="18"/>
      <c r="N4492" s="18"/>
      <c r="O4492" s="18"/>
      <c r="P4492" s="19">
        <v>350</v>
      </c>
      <c r="Q4492" s="19"/>
      <c r="R4492" s="19"/>
      <c r="S4492" s="19"/>
      <c r="T4492" s="19">
        <v>290</v>
      </c>
      <c r="U4492" s="19"/>
      <c r="V4492" s="19"/>
      <c r="W4492" s="19"/>
      <c r="X4492" s="19">
        <v>16</v>
      </c>
      <c r="Y4492" s="19"/>
      <c r="Z4492" s="19"/>
      <c r="AA4492" s="19"/>
    </row>
    <row r="4493" spans="1:27" s="1" customFormat="1" ht="11.1" customHeight="1" outlineLevel="2" x14ac:dyDescent="0.2">
      <c r="A4493" s="17"/>
      <c r="B4493" s="17"/>
      <c r="C4493" s="17"/>
      <c r="D4493" s="18"/>
      <c r="E4493" s="18"/>
      <c r="F4493" s="18"/>
      <c r="G4493" s="18"/>
      <c r="H4493" s="18"/>
      <c r="I4493" s="18"/>
      <c r="J4493" s="18"/>
      <c r="K4493" s="18"/>
      <c r="L4493" s="18"/>
      <c r="M4493" s="18"/>
      <c r="N4493" s="18"/>
      <c r="O4493" s="18"/>
      <c r="P4493" s="19"/>
      <c r="Q4493" s="19"/>
      <c r="R4493" s="19"/>
      <c r="S4493" s="19"/>
      <c r="T4493" s="19"/>
      <c r="U4493" s="19"/>
      <c r="V4493" s="19"/>
      <c r="W4493" s="19"/>
      <c r="X4493" s="19"/>
      <c r="Y4493" s="19"/>
      <c r="Z4493" s="19"/>
      <c r="AA4493" s="19"/>
    </row>
    <row r="4494" spans="1:27" s="1" customFormat="1" ht="11.1" customHeight="1" outlineLevel="2" x14ac:dyDescent="0.2">
      <c r="A4494" s="17">
        <v>7591</v>
      </c>
      <c r="B4494" s="17"/>
      <c r="C4494" s="17"/>
      <c r="D4494" s="18" t="s">
        <v>2240</v>
      </c>
      <c r="E4494" s="18"/>
      <c r="F4494" s="18"/>
      <c r="G4494" s="18"/>
      <c r="H4494" s="18"/>
      <c r="I4494" s="18"/>
      <c r="J4494" s="18"/>
      <c r="K4494" s="18"/>
      <c r="L4494" s="18"/>
      <c r="M4494" s="18"/>
      <c r="N4494" s="18"/>
      <c r="O4494" s="18"/>
      <c r="P4494" s="19">
        <v>290</v>
      </c>
      <c r="Q4494" s="19"/>
      <c r="R4494" s="19"/>
      <c r="S4494" s="19"/>
      <c r="T4494" s="19">
        <v>230</v>
      </c>
      <c r="U4494" s="19"/>
      <c r="V4494" s="19"/>
      <c r="W4494" s="19"/>
      <c r="X4494" s="19">
        <v>19</v>
      </c>
      <c r="Y4494" s="19"/>
      <c r="Z4494" s="19"/>
      <c r="AA4494" s="19"/>
    </row>
    <row r="4495" spans="1:27" s="1" customFormat="1" ht="11.1" customHeight="1" outlineLevel="2" x14ac:dyDescent="0.2">
      <c r="A4495" s="17"/>
      <c r="B4495" s="17"/>
      <c r="C4495" s="17"/>
      <c r="D4495" s="18"/>
      <c r="E4495" s="18"/>
      <c r="F4495" s="18"/>
      <c r="G4495" s="18"/>
      <c r="H4495" s="18"/>
      <c r="I4495" s="18"/>
      <c r="J4495" s="18"/>
      <c r="K4495" s="18"/>
      <c r="L4495" s="18"/>
      <c r="M4495" s="18"/>
      <c r="N4495" s="18"/>
      <c r="O4495" s="18"/>
      <c r="P4495" s="19"/>
      <c r="Q4495" s="19"/>
      <c r="R4495" s="19"/>
      <c r="S4495" s="19"/>
      <c r="T4495" s="19"/>
      <c r="U4495" s="19"/>
      <c r="V4495" s="19"/>
      <c r="W4495" s="19"/>
      <c r="X4495" s="19"/>
      <c r="Y4495" s="19"/>
      <c r="Z4495" s="19"/>
      <c r="AA4495" s="19"/>
    </row>
    <row r="4496" spans="1:27" s="1" customFormat="1" ht="11.1" customHeight="1" outlineLevel="2" x14ac:dyDescent="0.2">
      <c r="A4496" s="17">
        <v>8667</v>
      </c>
      <c r="B4496" s="17"/>
      <c r="C4496" s="17"/>
      <c r="D4496" s="18" t="s">
        <v>2241</v>
      </c>
      <c r="E4496" s="18"/>
      <c r="F4496" s="18"/>
      <c r="G4496" s="18"/>
      <c r="H4496" s="18"/>
      <c r="I4496" s="18"/>
      <c r="J4496" s="18"/>
      <c r="K4496" s="18"/>
      <c r="L4496" s="18"/>
      <c r="M4496" s="18"/>
      <c r="N4496" s="18"/>
      <c r="O4496" s="18"/>
      <c r="P4496" s="19">
        <v>290</v>
      </c>
      <c r="Q4496" s="19"/>
      <c r="R4496" s="19"/>
      <c r="S4496" s="19"/>
      <c r="T4496" s="19">
        <v>230</v>
      </c>
      <c r="U4496" s="19"/>
      <c r="V4496" s="19"/>
      <c r="W4496" s="19"/>
      <c r="X4496" s="19">
        <v>20</v>
      </c>
      <c r="Y4496" s="19"/>
      <c r="Z4496" s="19"/>
      <c r="AA4496" s="19"/>
    </row>
    <row r="4497" spans="1:27" s="1" customFormat="1" ht="11.1" customHeight="1" outlineLevel="2" x14ac:dyDescent="0.2">
      <c r="A4497" s="17"/>
      <c r="B4497" s="17"/>
      <c r="C4497" s="17"/>
      <c r="D4497" s="18"/>
      <c r="E4497" s="18"/>
      <c r="F4497" s="18"/>
      <c r="G4497" s="18"/>
      <c r="H4497" s="18"/>
      <c r="I4497" s="18"/>
      <c r="J4497" s="18"/>
      <c r="K4497" s="18"/>
      <c r="L4497" s="18"/>
      <c r="M4497" s="18"/>
      <c r="N4497" s="18"/>
      <c r="O4497" s="18"/>
      <c r="P4497" s="19"/>
      <c r="Q4497" s="19"/>
      <c r="R4497" s="19"/>
      <c r="S4497" s="19"/>
      <c r="T4497" s="19"/>
      <c r="U4497" s="19"/>
      <c r="V4497" s="19"/>
      <c r="W4497" s="19"/>
      <c r="X4497" s="19"/>
      <c r="Y4497" s="19"/>
      <c r="Z4497" s="19"/>
      <c r="AA4497" s="19"/>
    </row>
    <row r="4498" spans="1:27" s="1" customFormat="1" ht="11.1" customHeight="1" outlineLevel="2" x14ac:dyDescent="0.2">
      <c r="A4498" s="17">
        <v>14753</v>
      </c>
      <c r="B4498" s="17"/>
      <c r="C4498" s="17"/>
      <c r="D4498" s="18" t="s">
        <v>2242</v>
      </c>
      <c r="E4498" s="18"/>
      <c r="F4498" s="18"/>
      <c r="G4498" s="18"/>
      <c r="H4498" s="18"/>
      <c r="I4498" s="18"/>
      <c r="J4498" s="18"/>
      <c r="K4498" s="18"/>
      <c r="L4498" s="18"/>
      <c r="M4498" s="18"/>
      <c r="N4498" s="18"/>
      <c r="O4498" s="18"/>
      <c r="P4498" s="19">
        <v>250</v>
      </c>
      <c r="Q4498" s="19"/>
      <c r="R4498" s="19"/>
      <c r="S4498" s="19"/>
      <c r="T4498" s="19">
        <v>190</v>
      </c>
      <c r="U4498" s="19"/>
      <c r="V4498" s="19"/>
      <c r="W4498" s="19"/>
      <c r="X4498" s="19">
        <v>37</v>
      </c>
      <c r="Y4498" s="19"/>
      <c r="Z4498" s="19"/>
      <c r="AA4498" s="19"/>
    </row>
    <row r="4499" spans="1:27" s="1" customFormat="1" ht="11.1" customHeight="1" outlineLevel="2" x14ac:dyDescent="0.2">
      <c r="A4499" s="17"/>
      <c r="B4499" s="17"/>
      <c r="C4499" s="17"/>
      <c r="D4499" s="18"/>
      <c r="E4499" s="18"/>
      <c r="F4499" s="18"/>
      <c r="G4499" s="18"/>
      <c r="H4499" s="18"/>
      <c r="I4499" s="18"/>
      <c r="J4499" s="18"/>
      <c r="K4499" s="18"/>
      <c r="L4499" s="18"/>
      <c r="M4499" s="18"/>
      <c r="N4499" s="18"/>
      <c r="O4499" s="18"/>
      <c r="P4499" s="19"/>
      <c r="Q4499" s="19"/>
      <c r="R4499" s="19"/>
      <c r="S4499" s="19"/>
      <c r="T4499" s="19"/>
      <c r="U4499" s="19"/>
      <c r="V4499" s="19"/>
      <c r="W4499" s="19"/>
      <c r="X4499" s="19"/>
      <c r="Y4499" s="19"/>
      <c r="Z4499" s="19"/>
      <c r="AA4499" s="19"/>
    </row>
    <row r="4500" spans="1:27" s="1" customFormat="1" ht="11.1" customHeight="1" outlineLevel="2" x14ac:dyDescent="0.2">
      <c r="A4500" s="17">
        <v>11383</v>
      </c>
      <c r="B4500" s="17"/>
      <c r="C4500" s="17"/>
      <c r="D4500" s="18" t="s">
        <v>2243</v>
      </c>
      <c r="E4500" s="18"/>
      <c r="F4500" s="18"/>
      <c r="G4500" s="18"/>
      <c r="H4500" s="18"/>
      <c r="I4500" s="18"/>
      <c r="J4500" s="18"/>
      <c r="K4500" s="18"/>
      <c r="L4500" s="18"/>
      <c r="M4500" s="18"/>
      <c r="N4500" s="18"/>
      <c r="O4500" s="18"/>
      <c r="P4500" s="19">
        <v>200</v>
      </c>
      <c r="Q4500" s="19"/>
      <c r="R4500" s="19"/>
      <c r="S4500" s="19"/>
      <c r="T4500" s="19">
        <v>150</v>
      </c>
      <c r="U4500" s="19"/>
      <c r="V4500" s="19"/>
      <c r="W4500" s="19"/>
      <c r="X4500" s="19">
        <v>19</v>
      </c>
      <c r="Y4500" s="19"/>
      <c r="Z4500" s="19"/>
      <c r="AA4500" s="19"/>
    </row>
    <row r="4501" spans="1:27" s="1" customFormat="1" ht="11.1" customHeight="1" outlineLevel="2" x14ac:dyDescent="0.2">
      <c r="A4501" s="17"/>
      <c r="B4501" s="17"/>
      <c r="C4501" s="17"/>
      <c r="D4501" s="18"/>
      <c r="E4501" s="18"/>
      <c r="F4501" s="18"/>
      <c r="G4501" s="18"/>
      <c r="H4501" s="18"/>
      <c r="I4501" s="18"/>
      <c r="J4501" s="18"/>
      <c r="K4501" s="18"/>
      <c r="L4501" s="18"/>
      <c r="M4501" s="18"/>
      <c r="N4501" s="18"/>
      <c r="O4501" s="18"/>
      <c r="P4501" s="19"/>
      <c r="Q4501" s="19"/>
      <c r="R4501" s="19"/>
      <c r="S4501" s="19"/>
      <c r="T4501" s="19"/>
      <c r="U4501" s="19"/>
      <c r="V4501" s="19"/>
      <c r="W4501" s="19"/>
      <c r="X4501" s="19"/>
      <c r="Y4501" s="19"/>
      <c r="Z4501" s="19"/>
      <c r="AA4501" s="19"/>
    </row>
    <row r="4502" spans="1:27" s="1" customFormat="1" ht="11.1" customHeight="1" outlineLevel="2" x14ac:dyDescent="0.2">
      <c r="A4502" s="17">
        <v>14752</v>
      </c>
      <c r="B4502" s="17"/>
      <c r="C4502" s="17"/>
      <c r="D4502" s="18" t="s">
        <v>2244</v>
      </c>
      <c r="E4502" s="18"/>
      <c r="F4502" s="18"/>
      <c r="G4502" s="18"/>
      <c r="H4502" s="18"/>
      <c r="I4502" s="18"/>
      <c r="J4502" s="18"/>
      <c r="K4502" s="18"/>
      <c r="L4502" s="18"/>
      <c r="M4502" s="18"/>
      <c r="N4502" s="18"/>
      <c r="O4502" s="18"/>
      <c r="P4502" s="19">
        <v>290</v>
      </c>
      <c r="Q4502" s="19"/>
      <c r="R4502" s="19"/>
      <c r="S4502" s="19"/>
      <c r="T4502" s="19">
        <v>220</v>
      </c>
      <c r="U4502" s="19"/>
      <c r="V4502" s="19"/>
      <c r="W4502" s="19"/>
      <c r="X4502" s="19">
        <v>44</v>
      </c>
      <c r="Y4502" s="19"/>
      <c r="Z4502" s="19"/>
      <c r="AA4502" s="19"/>
    </row>
    <row r="4503" spans="1:27" s="1" customFormat="1" ht="11.1" customHeight="1" outlineLevel="2" x14ac:dyDescent="0.2">
      <c r="A4503" s="17"/>
      <c r="B4503" s="17"/>
      <c r="C4503" s="17"/>
      <c r="D4503" s="18"/>
      <c r="E4503" s="18"/>
      <c r="F4503" s="18"/>
      <c r="G4503" s="18"/>
      <c r="H4503" s="18"/>
      <c r="I4503" s="18"/>
      <c r="J4503" s="18"/>
      <c r="K4503" s="18"/>
      <c r="L4503" s="18"/>
      <c r="M4503" s="18"/>
      <c r="N4503" s="18"/>
      <c r="O4503" s="18"/>
      <c r="P4503" s="19"/>
      <c r="Q4503" s="19"/>
      <c r="R4503" s="19"/>
      <c r="S4503" s="19"/>
      <c r="T4503" s="19"/>
      <c r="U4503" s="19"/>
      <c r="V4503" s="19"/>
      <c r="W4503" s="19"/>
      <c r="X4503" s="19"/>
      <c r="Y4503" s="19"/>
      <c r="Z4503" s="19"/>
      <c r="AA4503" s="19"/>
    </row>
    <row r="4504" spans="1:27" s="1" customFormat="1" ht="11.1" customHeight="1" outlineLevel="2" x14ac:dyDescent="0.2">
      <c r="A4504" s="17">
        <v>9070</v>
      </c>
      <c r="B4504" s="17"/>
      <c r="C4504" s="17"/>
      <c r="D4504" s="18" t="s">
        <v>2245</v>
      </c>
      <c r="E4504" s="18"/>
      <c r="F4504" s="18"/>
      <c r="G4504" s="18"/>
      <c r="H4504" s="18"/>
      <c r="I4504" s="18"/>
      <c r="J4504" s="18"/>
      <c r="K4504" s="18"/>
      <c r="L4504" s="18"/>
      <c r="M4504" s="18"/>
      <c r="N4504" s="18"/>
      <c r="O4504" s="18"/>
      <c r="P4504" s="19">
        <v>290</v>
      </c>
      <c r="Q4504" s="19"/>
      <c r="R4504" s="19"/>
      <c r="S4504" s="19"/>
      <c r="T4504" s="19">
        <v>200</v>
      </c>
      <c r="U4504" s="19"/>
      <c r="V4504" s="19"/>
      <c r="W4504" s="19"/>
      <c r="X4504" s="19">
        <v>21</v>
      </c>
      <c r="Y4504" s="19"/>
      <c r="Z4504" s="19"/>
      <c r="AA4504" s="19"/>
    </row>
    <row r="4505" spans="1:27" s="1" customFormat="1" ht="11.1" customHeight="1" outlineLevel="2" x14ac:dyDescent="0.2">
      <c r="A4505" s="17"/>
      <c r="B4505" s="17"/>
      <c r="C4505" s="17"/>
      <c r="D4505" s="18"/>
      <c r="E4505" s="18"/>
      <c r="F4505" s="18"/>
      <c r="G4505" s="18"/>
      <c r="H4505" s="18"/>
      <c r="I4505" s="18"/>
      <c r="J4505" s="18"/>
      <c r="K4505" s="18"/>
      <c r="L4505" s="18"/>
      <c r="M4505" s="18"/>
      <c r="N4505" s="18"/>
      <c r="O4505" s="18"/>
      <c r="P4505" s="19"/>
      <c r="Q4505" s="19"/>
      <c r="R4505" s="19"/>
      <c r="S4505" s="19"/>
      <c r="T4505" s="19"/>
      <c r="U4505" s="19"/>
      <c r="V4505" s="19"/>
      <c r="W4505" s="19"/>
      <c r="X4505" s="19"/>
      <c r="Y4505" s="19"/>
      <c r="Z4505" s="19"/>
      <c r="AA4505" s="19"/>
    </row>
    <row r="4506" spans="1:27" s="1" customFormat="1" ht="11.1" customHeight="1" outlineLevel="2" x14ac:dyDescent="0.2">
      <c r="A4506" s="17">
        <v>9320</v>
      </c>
      <c r="B4506" s="17"/>
      <c r="C4506" s="17"/>
      <c r="D4506" s="18" t="s">
        <v>2246</v>
      </c>
      <c r="E4506" s="18"/>
      <c r="F4506" s="18"/>
      <c r="G4506" s="18"/>
      <c r="H4506" s="18"/>
      <c r="I4506" s="18"/>
      <c r="J4506" s="18"/>
      <c r="K4506" s="18"/>
      <c r="L4506" s="18"/>
      <c r="M4506" s="18"/>
      <c r="N4506" s="18"/>
      <c r="O4506" s="18"/>
      <c r="P4506" s="19">
        <v>250</v>
      </c>
      <c r="Q4506" s="19"/>
      <c r="R4506" s="19"/>
      <c r="S4506" s="19"/>
      <c r="T4506" s="19">
        <v>190</v>
      </c>
      <c r="U4506" s="19"/>
      <c r="V4506" s="19"/>
      <c r="W4506" s="19"/>
      <c r="X4506" s="19">
        <v>41</v>
      </c>
      <c r="Y4506" s="19"/>
      <c r="Z4506" s="19"/>
      <c r="AA4506" s="19"/>
    </row>
    <row r="4507" spans="1:27" s="1" customFormat="1" ht="11.1" customHeight="1" outlineLevel="2" x14ac:dyDescent="0.2">
      <c r="A4507" s="17"/>
      <c r="B4507" s="17"/>
      <c r="C4507" s="17"/>
      <c r="D4507" s="18"/>
      <c r="E4507" s="18"/>
      <c r="F4507" s="18"/>
      <c r="G4507" s="18"/>
      <c r="H4507" s="18"/>
      <c r="I4507" s="18"/>
      <c r="J4507" s="18"/>
      <c r="K4507" s="18"/>
      <c r="L4507" s="18"/>
      <c r="M4507" s="18"/>
      <c r="N4507" s="18"/>
      <c r="O4507" s="18"/>
      <c r="P4507" s="19"/>
      <c r="Q4507" s="19"/>
      <c r="R4507" s="19"/>
      <c r="S4507" s="19"/>
      <c r="T4507" s="19"/>
      <c r="U4507" s="19"/>
      <c r="V4507" s="19"/>
      <c r="W4507" s="19"/>
      <c r="X4507" s="19"/>
      <c r="Y4507" s="19"/>
      <c r="Z4507" s="19"/>
      <c r="AA4507" s="19"/>
    </row>
    <row r="4508" spans="1:27" s="1" customFormat="1" ht="14.1" customHeight="1" outlineLevel="2" x14ac:dyDescent="0.2">
      <c r="A4508" s="17">
        <v>12014</v>
      </c>
      <c r="B4508" s="17"/>
      <c r="C4508" s="17"/>
      <c r="D4508" s="18" t="s">
        <v>2247</v>
      </c>
      <c r="E4508" s="18"/>
      <c r="F4508" s="18"/>
      <c r="G4508" s="18"/>
      <c r="H4508" s="18"/>
      <c r="I4508" s="18"/>
      <c r="J4508" s="18"/>
      <c r="K4508" s="18"/>
      <c r="L4508" s="18"/>
      <c r="M4508" s="18"/>
      <c r="N4508" s="18"/>
      <c r="O4508" s="18"/>
      <c r="P4508" s="19">
        <v>290</v>
      </c>
      <c r="Q4508" s="19"/>
      <c r="R4508" s="19"/>
      <c r="S4508" s="19"/>
      <c r="T4508" s="19">
        <v>230</v>
      </c>
      <c r="U4508" s="19"/>
      <c r="V4508" s="19"/>
      <c r="W4508" s="19"/>
      <c r="X4508" s="19">
        <v>16</v>
      </c>
      <c r="Y4508" s="19"/>
      <c r="Z4508" s="19"/>
      <c r="AA4508" s="19"/>
    </row>
    <row r="4509" spans="1:27" s="1" customFormat="1" ht="14.1" customHeight="1" outlineLevel="2" x14ac:dyDescent="0.2">
      <c r="A4509" s="17"/>
      <c r="B4509" s="17"/>
      <c r="C4509" s="17"/>
      <c r="D4509" s="18"/>
      <c r="E4509" s="18"/>
      <c r="F4509" s="18"/>
      <c r="G4509" s="18"/>
      <c r="H4509" s="18"/>
      <c r="I4509" s="18"/>
      <c r="J4509" s="18"/>
      <c r="K4509" s="18"/>
      <c r="L4509" s="18"/>
      <c r="M4509" s="18"/>
      <c r="N4509" s="18"/>
      <c r="O4509" s="18"/>
      <c r="P4509" s="19"/>
      <c r="Q4509" s="19"/>
      <c r="R4509" s="19"/>
      <c r="S4509" s="19"/>
      <c r="T4509" s="19"/>
      <c r="U4509" s="19"/>
      <c r="V4509" s="19"/>
      <c r="W4509" s="19"/>
      <c r="X4509" s="19"/>
      <c r="Y4509" s="19"/>
      <c r="Z4509" s="19"/>
      <c r="AA4509" s="19"/>
    </row>
    <row r="4510" spans="1:27" s="1" customFormat="1" ht="11.1" customHeight="1" outlineLevel="2" x14ac:dyDescent="0.2">
      <c r="A4510" s="17">
        <v>10716</v>
      </c>
      <c r="B4510" s="17"/>
      <c r="C4510" s="17"/>
      <c r="D4510" s="18" t="s">
        <v>2248</v>
      </c>
      <c r="E4510" s="18"/>
      <c r="F4510" s="18"/>
      <c r="G4510" s="18"/>
      <c r="H4510" s="18"/>
      <c r="I4510" s="18"/>
      <c r="J4510" s="18"/>
      <c r="K4510" s="18"/>
      <c r="L4510" s="18"/>
      <c r="M4510" s="18"/>
      <c r="N4510" s="18"/>
      <c r="O4510" s="18"/>
      <c r="P4510" s="19">
        <v>290</v>
      </c>
      <c r="Q4510" s="19"/>
      <c r="R4510" s="19"/>
      <c r="S4510" s="19"/>
      <c r="T4510" s="19">
        <v>230</v>
      </c>
      <c r="U4510" s="19"/>
      <c r="V4510" s="19"/>
      <c r="W4510" s="19"/>
      <c r="X4510" s="19">
        <v>24</v>
      </c>
      <c r="Y4510" s="19"/>
      <c r="Z4510" s="19"/>
      <c r="AA4510" s="19"/>
    </row>
    <row r="4511" spans="1:27" s="1" customFormat="1" ht="11.1" customHeight="1" outlineLevel="2" x14ac:dyDescent="0.2">
      <c r="A4511" s="17"/>
      <c r="B4511" s="17"/>
      <c r="C4511" s="17"/>
      <c r="D4511" s="18"/>
      <c r="E4511" s="18"/>
      <c r="F4511" s="18"/>
      <c r="G4511" s="18"/>
      <c r="H4511" s="18"/>
      <c r="I4511" s="18"/>
      <c r="J4511" s="18"/>
      <c r="K4511" s="18"/>
      <c r="L4511" s="18"/>
      <c r="M4511" s="18"/>
      <c r="N4511" s="18"/>
      <c r="O4511" s="18"/>
      <c r="P4511" s="19"/>
      <c r="Q4511" s="19"/>
      <c r="R4511" s="19"/>
      <c r="S4511" s="19"/>
      <c r="T4511" s="19"/>
      <c r="U4511" s="19"/>
      <c r="V4511" s="19"/>
      <c r="W4511" s="19"/>
      <c r="X4511" s="19"/>
      <c r="Y4511" s="19"/>
      <c r="Z4511" s="19"/>
      <c r="AA4511" s="19"/>
    </row>
    <row r="4512" spans="1:27" s="1" customFormat="1" ht="11.1" customHeight="1" outlineLevel="2" x14ac:dyDescent="0.2">
      <c r="A4512" s="17">
        <v>9837</v>
      </c>
      <c r="B4512" s="17"/>
      <c r="C4512" s="17"/>
      <c r="D4512" s="18" t="s">
        <v>2249</v>
      </c>
      <c r="E4512" s="18"/>
      <c r="F4512" s="18"/>
      <c r="G4512" s="18"/>
      <c r="H4512" s="18"/>
      <c r="I4512" s="18"/>
      <c r="J4512" s="18"/>
      <c r="K4512" s="18"/>
      <c r="L4512" s="18"/>
      <c r="M4512" s="18"/>
      <c r="N4512" s="18"/>
      <c r="O4512" s="18"/>
      <c r="P4512" s="19">
        <v>380</v>
      </c>
      <c r="Q4512" s="19"/>
      <c r="R4512" s="19"/>
      <c r="S4512" s="19"/>
      <c r="T4512" s="19">
        <v>320</v>
      </c>
      <c r="U4512" s="19"/>
      <c r="V4512" s="19"/>
      <c r="W4512" s="19"/>
      <c r="X4512" s="19">
        <v>1</v>
      </c>
      <c r="Y4512" s="19"/>
      <c r="Z4512" s="19"/>
      <c r="AA4512" s="19"/>
    </row>
    <row r="4513" spans="1:27" s="1" customFormat="1" ht="11.1" customHeight="1" outlineLevel="2" x14ac:dyDescent="0.2">
      <c r="A4513" s="17"/>
      <c r="B4513" s="17"/>
      <c r="C4513" s="17"/>
      <c r="D4513" s="18"/>
      <c r="E4513" s="18"/>
      <c r="F4513" s="18"/>
      <c r="G4513" s="18"/>
      <c r="H4513" s="18"/>
      <c r="I4513" s="18"/>
      <c r="J4513" s="18"/>
      <c r="K4513" s="18"/>
      <c r="L4513" s="18"/>
      <c r="M4513" s="18"/>
      <c r="N4513" s="18"/>
      <c r="O4513" s="18"/>
      <c r="P4513" s="19"/>
      <c r="Q4513" s="19"/>
      <c r="R4513" s="19"/>
      <c r="S4513" s="19"/>
      <c r="T4513" s="19"/>
      <c r="U4513" s="19"/>
      <c r="V4513" s="19"/>
      <c r="W4513" s="19"/>
      <c r="X4513" s="19"/>
      <c r="Y4513" s="19"/>
      <c r="Z4513" s="19"/>
      <c r="AA4513" s="19"/>
    </row>
    <row r="4514" spans="1:27" s="1" customFormat="1" ht="11.1" customHeight="1" outlineLevel="2" x14ac:dyDescent="0.2">
      <c r="A4514" s="17">
        <v>14754</v>
      </c>
      <c r="B4514" s="17"/>
      <c r="C4514" s="17"/>
      <c r="D4514" s="18" t="s">
        <v>2250</v>
      </c>
      <c r="E4514" s="18"/>
      <c r="F4514" s="18"/>
      <c r="G4514" s="18"/>
      <c r="H4514" s="18"/>
      <c r="I4514" s="18"/>
      <c r="J4514" s="18"/>
      <c r="K4514" s="18"/>
      <c r="L4514" s="18"/>
      <c r="M4514" s="18"/>
      <c r="N4514" s="18"/>
      <c r="O4514" s="18"/>
      <c r="P4514" s="19">
        <v>290</v>
      </c>
      <c r="Q4514" s="19"/>
      <c r="R4514" s="19"/>
      <c r="S4514" s="19"/>
      <c r="T4514" s="19">
        <v>230</v>
      </c>
      <c r="U4514" s="19"/>
      <c r="V4514" s="19"/>
      <c r="W4514" s="19"/>
      <c r="X4514" s="19">
        <v>5</v>
      </c>
      <c r="Y4514" s="19"/>
      <c r="Z4514" s="19"/>
      <c r="AA4514" s="19"/>
    </row>
    <row r="4515" spans="1:27" s="1" customFormat="1" ht="11.1" customHeight="1" outlineLevel="2" x14ac:dyDescent="0.2">
      <c r="A4515" s="17"/>
      <c r="B4515" s="17"/>
      <c r="C4515" s="17"/>
      <c r="D4515" s="18"/>
      <c r="E4515" s="18"/>
      <c r="F4515" s="18"/>
      <c r="G4515" s="18"/>
      <c r="H4515" s="18"/>
      <c r="I4515" s="18"/>
      <c r="J4515" s="18"/>
      <c r="K4515" s="18"/>
      <c r="L4515" s="18"/>
      <c r="M4515" s="18"/>
      <c r="N4515" s="18"/>
      <c r="O4515" s="18"/>
      <c r="P4515" s="19"/>
      <c r="Q4515" s="19"/>
      <c r="R4515" s="19"/>
      <c r="S4515" s="19"/>
      <c r="T4515" s="19"/>
      <c r="U4515" s="19"/>
      <c r="V4515" s="19"/>
      <c r="W4515" s="19"/>
      <c r="X4515" s="19"/>
      <c r="Y4515" s="19"/>
      <c r="Z4515" s="19"/>
      <c r="AA4515" s="19"/>
    </row>
    <row r="4516" spans="1:27" s="1" customFormat="1" ht="11.1" customHeight="1" outlineLevel="2" x14ac:dyDescent="0.2">
      <c r="A4516" s="17">
        <v>14755</v>
      </c>
      <c r="B4516" s="17"/>
      <c r="C4516" s="17"/>
      <c r="D4516" s="18" t="s">
        <v>2251</v>
      </c>
      <c r="E4516" s="18"/>
      <c r="F4516" s="18"/>
      <c r="G4516" s="18"/>
      <c r="H4516" s="18"/>
      <c r="I4516" s="18"/>
      <c r="J4516" s="18"/>
      <c r="K4516" s="18"/>
      <c r="L4516" s="18"/>
      <c r="M4516" s="18"/>
      <c r="N4516" s="18"/>
      <c r="O4516" s="18"/>
      <c r="P4516" s="19">
        <v>290</v>
      </c>
      <c r="Q4516" s="19"/>
      <c r="R4516" s="19"/>
      <c r="S4516" s="19"/>
      <c r="T4516" s="19">
        <v>230</v>
      </c>
      <c r="U4516" s="19"/>
      <c r="V4516" s="19"/>
      <c r="W4516" s="19"/>
      <c r="X4516" s="19">
        <v>10</v>
      </c>
      <c r="Y4516" s="19"/>
      <c r="Z4516" s="19"/>
      <c r="AA4516" s="19"/>
    </row>
    <row r="4517" spans="1:27" s="1" customFormat="1" ht="11.1" customHeight="1" outlineLevel="2" x14ac:dyDescent="0.2">
      <c r="A4517" s="17"/>
      <c r="B4517" s="17"/>
      <c r="C4517" s="17"/>
      <c r="D4517" s="18"/>
      <c r="E4517" s="18"/>
      <c r="F4517" s="18"/>
      <c r="G4517" s="18"/>
      <c r="H4517" s="18"/>
      <c r="I4517" s="18"/>
      <c r="J4517" s="18"/>
      <c r="K4517" s="18"/>
      <c r="L4517" s="18"/>
      <c r="M4517" s="18"/>
      <c r="N4517" s="18"/>
      <c r="O4517" s="18"/>
      <c r="P4517" s="19"/>
      <c r="Q4517" s="19"/>
      <c r="R4517" s="19"/>
      <c r="S4517" s="19"/>
      <c r="T4517" s="19"/>
      <c r="U4517" s="19"/>
      <c r="V4517" s="19"/>
      <c r="W4517" s="19"/>
      <c r="X4517" s="19"/>
      <c r="Y4517" s="19"/>
      <c r="Z4517" s="19"/>
      <c r="AA4517" s="19"/>
    </row>
    <row r="4518" spans="1:27" s="1" customFormat="1" ht="14.1" customHeight="1" outlineLevel="2" x14ac:dyDescent="0.2">
      <c r="A4518" s="17">
        <v>11687</v>
      </c>
      <c r="B4518" s="17"/>
      <c r="C4518" s="17"/>
      <c r="D4518" s="18" t="s">
        <v>2252</v>
      </c>
      <c r="E4518" s="18"/>
      <c r="F4518" s="18"/>
      <c r="G4518" s="18"/>
      <c r="H4518" s="18"/>
      <c r="I4518" s="18"/>
      <c r="J4518" s="18"/>
      <c r="K4518" s="18"/>
      <c r="L4518" s="18"/>
      <c r="M4518" s="18"/>
      <c r="N4518" s="18"/>
      <c r="O4518" s="18"/>
      <c r="P4518" s="19">
        <v>290</v>
      </c>
      <c r="Q4518" s="19"/>
      <c r="R4518" s="19"/>
      <c r="S4518" s="19"/>
      <c r="T4518" s="19">
        <v>240</v>
      </c>
      <c r="U4518" s="19"/>
      <c r="V4518" s="19"/>
      <c r="W4518" s="19"/>
      <c r="X4518" s="19">
        <v>1</v>
      </c>
      <c r="Y4518" s="19"/>
      <c r="Z4518" s="19"/>
      <c r="AA4518" s="19"/>
    </row>
    <row r="4519" spans="1:27" s="1" customFormat="1" ht="14.1" customHeight="1" outlineLevel="2" x14ac:dyDescent="0.2">
      <c r="A4519" s="17"/>
      <c r="B4519" s="17"/>
      <c r="C4519" s="17"/>
      <c r="D4519" s="18"/>
      <c r="E4519" s="18"/>
      <c r="F4519" s="18"/>
      <c r="G4519" s="18"/>
      <c r="H4519" s="18"/>
      <c r="I4519" s="18"/>
      <c r="J4519" s="18"/>
      <c r="K4519" s="18"/>
      <c r="L4519" s="18"/>
      <c r="M4519" s="18"/>
      <c r="N4519" s="18"/>
      <c r="O4519" s="18"/>
      <c r="P4519" s="19"/>
      <c r="Q4519" s="19"/>
      <c r="R4519" s="19"/>
      <c r="S4519" s="19"/>
      <c r="T4519" s="19"/>
      <c r="U4519" s="19"/>
      <c r="V4519" s="19"/>
      <c r="W4519" s="19"/>
      <c r="X4519" s="19"/>
      <c r="Y4519" s="19"/>
      <c r="Z4519" s="19"/>
      <c r="AA4519" s="19"/>
    </row>
    <row r="4520" spans="1:27" s="1" customFormat="1" ht="11.1" customHeight="1" outlineLevel="2" x14ac:dyDescent="0.2">
      <c r="A4520" s="17">
        <v>5930</v>
      </c>
      <c r="B4520" s="17"/>
      <c r="C4520" s="17"/>
      <c r="D4520" s="18" t="s">
        <v>2253</v>
      </c>
      <c r="E4520" s="18"/>
      <c r="F4520" s="18"/>
      <c r="G4520" s="18"/>
      <c r="H4520" s="18"/>
      <c r="I4520" s="18"/>
      <c r="J4520" s="18"/>
      <c r="K4520" s="18"/>
      <c r="L4520" s="18"/>
      <c r="M4520" s="18"/>
      <c r="N4520" s="18"/>
      <c r="O4520" s="18"/>
      <c r="P4520" s="19">
        <v>290</v>
      </c>
      <c r="Q4520" s="19"/>
      <c r="R4520" s="19"/>
      <c r="S4520" s="19"/>
      <c r="T4520" s="19">
        <v>240</v>
      </c>
      <c r="U4520" s="19"/>
      <c r="V4520" s="19"/>
      <c r="W4520" s="19"/>
      <c r="X4520" s="19">
        <v>1</v>
      </c>
      <c r="Y4520" s="19"/>
      <c r="Z4520" s="19"/>
      <c r="AA4520" s="19"/>
    </row>
    <row r="4521" spans="1:27" s="1" customFormat="1" ht="11.1" customHeight="1" outlineLevel="2" x14ac:dyDescent="0.2">
      <c r="A4521" s="17"/>
      <c r="B4521" s="17"/>
      <c r="C4521" s="17"/>
      <c r="D4521" s="18"/>
      <c r="E4521" s="18"/>
      <c r="F4521" s="18"/>
      <c r="G4521" s="18"/>
      <c r="H4521" s="18"/>
      <c r="I4521" s="18"/>
      <c r="J4521" s="18"/>
      <c r="K4521" s="18"/>
      <c r="L4521" s="18"/>
      <c r="M4521" s="18"/>
      <c r="N4521" s="18"/>
      <c r="O4521" s="18"/>
      <c r="P4521" s="19"/>
      <c r="Q4521" s="19"/>
      <c r="R4521" s="19"/>
      <c r="S4521" s="19"/>
      <c r="T4521" s="19"/>
      <c r="U4521" s="19"/>
      <c r="V4521" s="19"/>
      <c r="W4521" s="19"/>
      <c r="X4521" s="19"/>
      <c r="Y4521" s="19"/>
      <c r="Z4521" s="19"/>
      <c r="AA4521" s="19"/>
    </row>
    <row r="4522" spans="1:27" s="1" customFormat="1" ht="14.1" customHeight="1" outlineLevel="2" x14ac:dyDescent="0.2">
      <c r="A4522" s="17">
        <v>14759</v>
      </c>
      <c r="B4522" s="17"/>
      <c r="C4522" s="17"/>
      <c r="D4522" s="18" t="s">
        <v>2254</v>
      </c>
      <c r="E4522" s="18"/>
      <c r="F4522" s="18"/>
      <c r="G4522" s="18"/>
      <c r="H4522" s="18"/>
      <c r="I4522" s="18"/>
      <c r="J4522" s="18"/>
      <c r="K4522" s="18"/>
      <c r="L4522" s="18"/>
      <c r="M4522" s="18"/>
      <c r="N4522" s="18"/>
      <c r="O4522" s="18"/>
      <c r="P4522" s="19">
        <v>200</v>
      </c>
      <c r="Q4522" s="19"/>
      <c r="R4522" s="19"/>
      <c r="S4522" s="19"/>
      <c r="T4522" s="19">
        <v>150</v>
      </c>
      <c r="U4522" s="19"/>
      <c r="V4522" s="19"/>
      <c r="W4522" s="19"/>
      <c r="X4522" s="19">
        <v>9</v>
      </c>
      <c r="Y4522" s="19"/>
      <c r="Z4522" s="19"/>
      <c r="AA4522" s="19"/>
    </row>
    <row r="4523" spans="1:27" s="1" customFormat="1" ht="14.1" customHeight="1" outlineLevel="2" x14ac:dyDescent="0.2">
      <c r="A4523" s="17"/>
      <c r="B4523" s="17"/>
      <c r="C4523" s="17"/>
      <c r="D4523" s="18"/>
      <c r="E4523" s="18"/>
      <c r="F4523" s="18"/>
      <c r="G4523" s="18"/>
      <c r="H4523" s="18"/>
      <c r="I4523" s="18"/>
      <c r="J4523" s="18"/>
      <c r="K4523" s="18"/>
      <c r="L4523" s="18"/>
      <c r="M4523" s="18"/>
      <c r="N4523" s="18"/>
      <c r="O4523" s="18"/>
      <c r="P4523" s="19"/>
      <c r="Q4523" s="19"/>
      <c r="R4523" s="19"/>
      <c r="S4523" s="19"/>
      <c r="T4523" s="19"/>
      <c r="U4523" s="19"/>
      <c r="V4523" s="19"/>
      <c r="W4523" s="19"/>
      <c r="X4523" s="19"/>
      <c r="Y4523" s="19"/>
      <c r="Z4523" s="19"/>
      <c r="AA4523" s="19"/>
    </row>
    <row r="4524" spans="1:27" s="1" customFormat="1" ht="14.1" customHeight="1" outlineLevel="2" x14ac:dyDescent="0.2">
      <c r="A4524" s="17">
        <v>14758</v>
      </c>
      <c r="B4524" s="17"/>
      <c r="C4524" s="17"/>
      <c r="D4524" s="18" t="s">
        <v>2255</v>
      </c>
      <c r="E4524" s="18"/>
      <c r="F4524" s="18"/>
      <c r="G4524" s="18"/>
      <c r="H4524" s="18"/>
      <c r="I4524" s="18"/>
      <c r="J4524" s="18"/>
      <c r="K4524" s="18"/>
      <c r="L4524" s="18"/>
      <c r="M4524" s="18"/>
      <c r="N4524" s="18"/>
      <c r="O4524" s="18"/>
      <c r="P4524" s="19">
        <v>200</v>
      </c>
      <c r="Q4524" s="19"/>
      <c r="R4524" s="19"/>
      <c r="S4524" s="19"/>
      <c r="T4524" s="19">
        <v>150</v>
      </c>
      <c r="U4524" s="19"/>
      <c r="V4524" s="19"/>
      <c r="W4524" s="19"/>
      <c r="X4524" s="19">
        <v>9</v>
      </c>
      <c r="Y4524" s="19"/>
      <c r="Z4524" s="19"/>
      <c r="AA4524" s="19"/>
    </row>
    <row r="4525" spans="1:27" s="1" customFormat="1" ht="14.1" customHeight="1" outlineLevel="2" x14ac:dyDescent="0.2">
      <c r="A4525" s="17"/>
      <c r="B4525" s="17"/>
      <c r="C4525" s="17"/>
      <c r="D4525" s="18"/>
      <c r="E4525" s="18"/>
      <c r="F4525" s="18"/>
      <c r="G4525" s="18"/>
      <c r="H4525" s="18"/>
      <c r="I4525" s="18"/>
      <c r="J4525" s="18"/>
      <c r="K4525" s="18"/>
      <c r="L4525" s="18"/>
      <c r="M4525" s="18"/>
      <c r="N4525" s="18"/>
      <c r="O4525" s="18"/>
      <c r="P4525" s="19"/>
      <c r="Q4525" s="19"/>
      <c r="R4525" s="19"/>
      <c r="S4525" s="19"/>
      <c r="T4525" s="19"/>
      <c r="U4525" s="19"/>
      <c r="V4525" s="19"/>
      <c r="W4525" s="19"/>
      <c r="X4525" s="19"/>
      <c r="Y4525" s="19"/>
      <c r="Z4525" s="19"/>
      <c r="AA4525" s="19"/>
    </row>
    <row r="4526" spans="1:27" s="1" customFormat="1" ht="14.1" customHeight="1" outlineLevel="2" x14ac:dyDescent="0.2">
      <c r="A4526" s="17">
        <v>6830</v>
      </c>
      <c r="B4526" s="17"/>
      <c r="C4526" s="17"/>
      <c r="D4526" s="18" t="s">
        <v>2256</v>
      </c>
      <c r="E4526" s="18"/>
      <c r="F4526" s="18"/>
      <c r="G4526" s="18"/>
      <c r="H4526" s="18"/>
      <c r="I4526" s="18"/>
      <c r="J4526" s="18"/>
      <c r="K4526" s="18"/>
      <c r="L4526" s="18"/>
      <c r="M4526" s="18"/>
      <c r="N4526" s="18"/>
      <c r="O4526" s="18"/>
      <c r="P4526" s="19">
        <v>200</v>
      </c>
      <c r="Q4526" s="19"/>
      <c r="R4526" s="19"/>
      <c r="S4526" s="19"/>
      <c r="T4526" s="19">
        <v>150</v>
      </c>
      <c r="U4526" s="19"/>
      <c r="V4526" s="19"/>
      <c r="W4526" s="19"/>
      <c r="X4526" s="19">
        <v>9</v>
      </c>
      <c r="Y4526" s="19"/>
      <c r="Z4526" s="19"/>
      <c r="AA4526" s="19"/>
    </row>
    <row r="4527" spans="1:27" s="1" customFormat="1" ht="14.1" customHeight="1" outlineLevel="2" x14ac:dyDescent="0.2">
      <c r="A4527" s="17"/>
      <c r="B4527" s="17"/>
      <c r="C4527" s="17"/>
      <c r="D4527" s="18"/>
      <c r="E4527" s="18"/>
      <c r="F4527" s="18"/>
      <c r="G4527" s="18"/>
      <c r="H4527" s="18"/>
      <c r="I4527" s="18"/>
      <c r="J4527" s="18"/>
      <c r="K4527" s="18"/>
      <c r="L4527" s="18"/>
      <c r="M4527" s="18"/>
      <c r="N4527" s="18"/>
      <c r="O4527" s="18"/>
      <c r="P4527" s="19"/>
      <c r="Q4527" s="19"/>
      <c r="R4527" s="19"/>
      <c r="S4527" s="19"/>
      <c r="T4527" s="19"/>
      <c r="U4527" s="19"/>
      <c r="V4527" s="19"/>
      <c r="W4527" s="19"/>
      <c r="X4527" s="19"/>
      <c r="Y4527" s="19"/>
      <c r="Z4527" s="19"/>
      <c r="AA4527" s="19"/>
    </row>
    <row r="4528" spans="1:27" s="1" customFormat="1" ht="14.1" customHeight="1" outlineLevel="2" x14ac:dyDescent="0.2">
      <c r="A4528" s="17">
        <v>6829</v>
      </c>
      <c r="B4528" s="17"/>
      <c r="C4528" s="17"/>
      <c r="D4528" s="18" t="s">
        <v>2257</v>
      </c>
      <c r="E4528" s="18"/>
      <c r="F4528" s="18"/>
      <c r="G4528" s="18"/>
      <c r="H4528" s="18"/>
      <c r="I4528" s="18"/>
      <c r="J4528" s="18"/>
      <c r="K4528" s="18"/>
      <c r="L4528" s="18"/>
      <c r="M4528" s="18"/>
      <c r="N4528" s="18"/>
      <c r="O4528" s="18"/>
      <c r="P4528" s="19">
        <v>200</v>
      </c>
      <c r="Q4528" s="19"/>
      <c r="R4528" s="19"/>
      <c r="S4528" s="19"/>
      <c r="T4528" s="19">
        <v>150</v>
      </c>
      <c r="U4528" s="19"/>
      <c r="V4528" s="19"/>
      <c r="W4528" s="19"/>
      <c r="X4528" s="19">
        <v>3</v>
      </c>
      <c r="Y4528" s="19"/>
      <c r="Z4528" s="19"/>
      <c r="AA4528" s="19"/>
    </row>
    <row r="4529" spans="1:27" s="1" customFormat="1" ht="14.1" customHeight="1" outlineLevel="2" x14ac:dyDescent="0.2">
      <c r="A4529" s="17"/>
      <c r="B4529" s="17"/>
      <c r="C4529" s="17"/>
      <c r="D4529" s="18"/>
      <c r="E4529" s="18"/>
      <c r="F4529" s="18"/>
      <c r="G4529" s="18"/>
      <c r="H4529" s="18"/>
      <c r="I4529" s="18"/>
      <c r="J4529" s="18"/>
      <c r="K4529" s="18"/>
      <c r="L4529" s="18"/>
      <c r="M4529" s="18"/>
      <c r="N4529" s="18"/>
      <c r="O4529" s="18"/>
      <c r="P4529" s="19"/>
      <c r="Q4529" s="19"/>
      <c r="R4529" s="19"/>
      <c r="S4529" s="19"/>
      <c r="T4529" s="19"/>
      <c r="U4529" s="19"/>
      <c r="V4529" s="19"/>
      <c r="W4529" s="19"/>
      <c r="X4529" s="19"/>
      <c r="Y4529" s="19"/>
      <c r="Z4529" s="19"/>
      <c r="AA4529" s="19"/>
    </row>
    <row r="4530" spans="1:27" s="1" customFormat="1" ht="14.1" customHeight="1" outlineLevel="2" x14ac:dyDescent="0.2">
      <c r="A4530" s="17">
        <v>13728</v>
      </c>
      <c r="B4530" s="17"/>
      <c r="C4530" s="17"/>
      <c r="D4530" s="18" t="s">
        <v>2258</v>
      </c>
      <c r="E4530" s="18"/>
      <c r="F4530" s="18"/>
      <c r="G4530" s="18"/>
      <c r="H4530" s="18"/>
      <c r="I4530" s="18"/>
      <c r="J4530" s="18"/>
      <c r="K4530" s="18"/>
      <c r="L4530" s="18"/>
      <c r="M4530" s="18"/>
      <c r="N4530" s="18"/>
      <c r="O4530" s="18"/>
      <c r="P4530" s="19">
        <v>220</v>
      </c>
      <c r="Q4530" s="19"/>
      <c r="R4530" s="19"/>
      <c r="S4530" s="19"/>
      <c r="T4530" s="19">
        <v>170</v>
      </c>
      <c r="U4530" s="19"/>
      <c r="V4530" s="19"/>
      <c r="W4530" s="19"/>
      <c r="X4530" s="19">
        <v>3</v>
      </c>
      <c r="Y4530" s="19"/>
      <c r="Z4530" s="19"/>
      <c r="AA4530" s="19"/>
    </row>
    <row r="4531" spans="1:27" s="1" customFormat="1" ht="14.1" customHeight="1" outlineLevel="2" x14ac:dyDescent="0.2">
      <c r="A4531" s="17"/>
      <c r="B4531" s="17"/>
      <c r="C4531" s="17"/>
      <c r="D4531" s="18"/>
      <c r="E4531" s="18"/>
      <c r="F4531" s="18"/>
      <c r="G4531" s="18"/>
      <c r="H4531" s="18"/>
      <c r="I4531" s="18"/>
      <c r="J4531" s="18"/>
      <c r="K4531" s="18"/>
      <c r="L4531" s="18"/>
      <c r="M4531" s="18"/>
      <c r="N4531" s="18"/>
      <c r="O4531" s="18"/>
      <c r="P4531" s="19"/>
      <c r="Q4531" s="19"/>
      <c r="R4531" s="19"/>
      <c r="S4531" s="19"/>
      <c r="T4531" s="19"/>
      <c r="U4531" s="19"/>
      <c r="V4531" s="19"/>
      <c r="W4531" s="19"/>
      <c r="X4531" s="19"/>
      <c r="Y4531" s="19"/>
      <c r="Z4531" s="19"/>
      <c r="AA4531" s="19"/>
    </row>
    <row r="4532" spans="1:27" s="1" customFormat="1" ht="11.1" customHeight="1" outlineLevel="2" x14ac:dyDescent="0.2">
      <c r="A4532" s="17">
        <v>8434</v>
      </c>
      <c r="B4532" s="17"/>
      <c r="C4532" s="17"/>
      <c r="D4532" s="18" t="s">
        <v>2259</v>
      </c>
      <c r="E4532" s="18"/>
      <c r="F4532" s="18"/>
      <c r="G4532" s="18"/>
      <c r="H4532" s="18"/>
      <c r="I4532" s="18"/>
      <c r="J4532" s="18"/>
      <c r="K4532" s="18"/>
      <c r="L4532" s="18"/>
      <c r="M4532" s="18"/>
      <c r="N4532" s="18"/>
      <c r="O4532" s="18"/>
      <c r="P4532" s="19">
        <v>250</v>
      </c>
      <c r="Q4532" s="19"/>
      <c r="R4532" s="19"/>
      <c r="S4532" s="19"/>
      <c r="T4532" s="19">
        <v>190</v>
      </c>
      <c r="U4532" s="19"/>
      <c r="V4532" s="19"/>
      <c r="W4532" s="19"/>
      <c r="X4532" s="19">
        <v>31</v>
      </c>
      <c r="Y4532" s="19"/>
      <c r="Z4532" s="19"/>
      <c r="AA4532" s="19"/>
    </row>
    <row r="4533" spans="1:27" s="1" customFormat="1" ht="11.1" customHeight="1" outlineLevel="2" x14ac:dyDescent="0.2">
      <c r="A4533" s="17"/>
      <c r="B4533" s="17"/>
      <c r="C4533" s="17"/>
      <c r="D4533" s="18"/>
      <c r="E4533" s="18"/>
      <c r="F4533" s="18"/>
      <c r="G4533" s="18"/>
      <c r="H4533" s="18"/>
      <c r="I4533" s="18"/>
      <c r="J4533" s="18"/>
      <c r="K4533" s="18"/>
      <c r="L4533" s="18"/>
      <c r="M4533" s="18"/>
      <c r="N4533" s="18"/>
      <c r="O4533" s="18"/>
      <c r="P4533" s="19"/>
      <c r="Q4533" s="19"/>
      <c r="R4533" s="19"/>
      <c r="S4533" s="19"/>
      <c r="T4533" s="19"/>
      <c r="U4533" s="19"/>
      <c r="V4533" s="19"/>
      <c r="W4533" s="19"/>
      <c r="X4533" s="19"/>
      <c r="Y4533" s="19"/>
      <c r="Z4533" s="19"/>
      <c r="AA4533" s="19"/>
    </row>
    <row r="4534" spans="1:27" s="1" customFormat="1" ht="11.1" customHeight="1" outlineLevel="2" x14ac:dyDescent="0.2">
      <c r="A4534" s="17">
        <v>6984</v>
      </c>
      <c r="B4534" s="17"/>
      <c r="C4534" s="17"/>
      <c r="D4534" s="18" t="s">
        <v>2260</v>
      </c>
      <c r="E4534" s="18"/>
      <c r="F4534" s="18"/>
      <c r="G4534" s="18"/>
      <c r="H4534" s="18"/>
      <c r="I4534" s="18"/>
      <c r="J4534" s="18"/>
      <c r="K4534" s="18"/>
      <c r="L4534" s="18"/>
      <c r="M4534" s="18"/>
      <c r="N4534" s="18"/>
      <c r="O4534" s="18"/>
      <c r="P4534" s="19">
        <v>250</v>
      </c>
      <c r="Q4534" s="19"/>
      <c r="R4534" s="19"/>
      <c r="S4534" s="19"/>
      <c r="T4534" s="19">
        <v>190</v>
      </c>
      <c r="U4534" s="19"/>
      <c r="V4534" s="19"/>
      <c r="W4534" s="19"/>
      <c r="X4534" s="19">
        <v>33</v>
      </c>
      <c r="Y4534" s="19"/>
      <c r="Z4534" s="19"/>
      <c r="AA4534" s="19"/>
    </row>
    <row r="4535" spans="1:27" s="1" customFormat="1" ht="11.1" customHeight="1" outlineLevel="2" x14ac:dyDescent="0.2">
      <c r="A4535" s="17"/>
      <c r="B4535" s="17"/>
      <c r="C4535" s="17"/>
      <c r="D4535" s="18"/>
      <c r="E4535" s="18"/>
      <c r="F4535" s="18"/>
      <c r="G4535" s="18"/>
      <c r="H4535" s="18"/>
      <c r="I4535" s="18"/>
      <c r="J4535" s="18"/>
      <c r="K4535" s="18"/>
      <c r="L4535" s="18"/>
      <c r="M4535" s="18"/>
      <c r="N4535" s="18"/>
      <c r="O4535" s="18"/>
      <c r="P4535" s="19"/>
      <c r="Q4535" s="19"/>
      <c r="R4535" s="19"/>
      <c r="S4535" s="19"/>
      <c r="T4535" s="19"/>
      <c r="U4535" s="19"/>
      <c r="V4535" s="19"/>
      <c r="W4535" s="19"/>
      <c r="X4535" s="19"/>
      <c r="Y4535" s="19"/>
      <c r="Z4535" s="19"/>
      <c r="AA4535" s="19"/>
    </row>
    <row r="4536" spans="1:27" s="1" customFormat="1" ht="11.1" customHeight="1" outlineLevel="2" x14ac:dyDescent="0.2">
      <c r="A4536" s="17">
        <v>6985</v>
      </c>
      <c r="B4536" s="17"/>
      <c r="C4536" s="17"/>
      <c r="D4536" s="18" t="s">
        <v>2261</v>
      </c>
      <c r="E4536" s="18"/>
      <c r="F4536" s="18"/>
      <c r="G4536" s="18"/>
      <c r="H4536" s="18"/>
      <c r="I4536" s="18"/>
      <c r="J4536" s="18"/>
      <c r="K4536" s="18"/>
      <c r="L4536" s="18"/>
      <c r="M4536" s="18"/>
      <c r="N4536" s="18"/>
      <c r="O4536" s="18"/>
      <c r="P4536" s="19">
        <v>250</v>
      </c>
      <c r="Q4536" s="19"/>
      <c r="R4536" s="19"/>
      <c r="S4536" s="19"/>
      <c r="T4536" s="19">
        <v>190</v>
      </c>
      <c r="U4536" s="19"/>
      <c r="V4536" s="19"/>
      <c r="W4536" s="19"/>
      <c r="X4536" s="19">
        <v>42</v>
      </c>
      <c r="Y4536" s="19"/>
      <c r="Z4536" s="19"/>
      <c r="AA4536" s="19"/>
    </row>
    <row r="4537" spans="1:27" s="1" customFormat="1" ht="11.1" customHeight="1" outlineLevel="2" x14ac:dyDescent="0.2">
      <c r="A4537" s="17"/>
      <c r="B4537" s="17"/>
      <c r="C4537" s="17"/>
      <c r="D4537" s="18"/>
      <c r="E4537" s="18"/>
      <c r="F4537" s="18"/>
      <c r="G4537" s="18"/>
      <c r="H4537" s="18"/>
      <c r="I4537" s="18"/>
      <c r="J4537" s="18"/>
      <c r="K4537" s="18"/>
      <c r="L4537" s="18"/>
      <c r="M4537" s="18"/>
      <c r="N4537" s="18"/>
      <c r="O4537" s="18"/>
      <c r="P4537" s="19"/>
      <c r="Q4537" s="19"/>
      <c r="R4537" s="19"/>
      <c r="S4537" s="19"/>
      <c r="T4537" s="19"/>
      <c r="U4537" s="19"/>
      <c r="V4537" s="19"/>
      <c r="W4537" s="19"/>
      <c r="X4537" s="19"/>
      <c r="Y4537" s="19"/>
      <c r="Z4537" s="19"/>
      <c r="AA4537" s="19"/>
    </row>
    <row r="4538" spans="1:27" s="1" customFormat="1" ht="14.1" customHeight="1" outlineLevel="2" x14ac:dyDescent="0.2">
      <c r="A4538" s="17">
        <v>13729</v>
      </c>
      <c r="B4538" s="17"/>
      <c r="C4538" s="17"/>
      <c r="D4538" s="18" t="s">
        <v>2262</v>
      </c>
      <c r="E4538" s="18"/>
      <c r="F4538" s="18"/>
      <c r="G4538" s="18"/>
      <c r="H4538" s="18"/>
      <c r="I4538" s="18"/>
      <c r="J4538" s="18"/>
      <c r="K4538" s="18"/>
      <c r="L4538" s="18"/>
      <c r="M4538" s="18"/>
      <c r="N4538" s="18"/>
      <c r="O4538" s="18"/>
      <c r="P4538" s="19">
        <v>280</v>
      </c>
      <c r="Q4538" s="19"/>
      <c r="R4538" s="19"/>
      <c r="S4538" s="19"/>
      <c r="T4538" s="19">
        <v>220</v>
      </c>
      <c r="U4538" s="19"/>
      <c r="V4538" s="19"/>
      <c r="W4538" s="19"/>
      <c r="X4538" s="19">
        <v>17</v>
      </c>
      <c r="Y4538" s="19"/>
      <c r="Z4538" s="19"/>
      <c r="AA4538" s="19"/>
    </row>
    <row r="4539" spans="1:27" s="1" customFormat="1" ht="14.1" customHeight="1" outlineLevel="2" x14ac:dyDescent="0.2">
      <c r="A4539" s="17"/>
      <c r="B4539" s="17"/>
      <c r="C4539" s="17"/>
      <c r="D4539" s="18"/>
      <c r="E4539" s="18"/>
      <c r="F4539" s="18"/>
      <c r="G4539" s="18"/>
      <c r="H4539" s="18"/>
      <c r="I4539" s="18"/>
      <c r="J4539" s="18"/>
      <c r="K4539" s="18"/>
      <c r="L4539" s="18"/>
      <c r="M4539" s="18"/>
      <c r="N4539" s="18"/>
      <c r="O4539" s="18"/>
      <c r="P4539" s="19"/>
      <c r="Q4539" s="19"/>
      <c r="R4539" s="19"/>
      <c r="S4539" s="19"/>
      <c r="T4539" s="19"/>
      <c r="U4539" s="19"/>
      <c r="V4539" s="19"/>
      <c r="W4539" s="19"/>
      <c r="X4539" s="19"/>
      <c r="Y4539" s="19"/>
      <c r="Z4539" s="19"/>
      <c r="AA4539" s="19"/>
    </row>
    <row r="4540" spans="1:27" s="1" customFormat="1" ht="11.1" customHeight="1" outlineLevel="2" x14ac:dyDescent="0.2">
      <c r="A4540" s="17">
        <v>13730</v>
      </c>
      <c r="B4540" s="17"/>
      <c r="C4540" s="17"/>
      <c r="D4540" s="18" t="s">
        <v>2263</v>
      </c>
      <c r="E4540" s="18"/>
      <c r="F4540" s="18"/>
      <c r="G4540" s="18"/>
      <c r="H4540" s="18"/>
      <c r="I4540" s="18"/>
      <c r="J4540" s="18"/>
      <c r="K4540" s="18"/>
      <c r="L4540" s="18"/>
      <c r="M4540" s="18"/>
      <c r="N4540" s="18"/>
      <c r="O4540" s="18"/>
      <c r="P4540" s="19">
        <v>250</v>
      </c>
      <c r="Q4540" s="19"/>
      <c r="R4540" s="19"/>
      <c r="S4540" s="19"/>
      <c r="T4540" s="19">
        <v>190</v>
      </c>
      <c r="U4540" s="19"/>
      <c r="V4540" s="19"/>
      <c r="W4540" s="19"/>
      <c r="X4540" s="19">
        <v>27</v>
      </c>
      <c r="Y4540" s="19"/>
      <c r="Z4540" s="19"/>
      <c r="AA4540" s="19"/>
    </row>
    <row r="4541" spans="1:27" s="1" customFormat="1" ht="11.1" customHeight="1" outlineLevel="2" x14ac:dyDescent="0.2">
      <c r="A4541" s="17"/>
      <c r="B4541" s="17"/>
      <c r="C4541" s="17"/>
      <c r="D4541" s="18"/>
      <c r="E4541" s="18"/>
      <c r="F4541" s="18"/>
      <c r="G4541" s="18"/>
      <c r="H4541" s="18"/>
      <c r="I4541" s="18"/>
      <c r="J4541" s="18"/>
      <c r="K4541" s="18"/>
      <c r="L4541" s="18"/>
      <c r="M4541" s="18"/>
      <c r="N4541" s="18"/>
      <c r="O4541" s="18"/>
      <c r="P4541" s="19"/>
      <c r="Q4541" s="19"/>
      <c r="R4541" s="19"/>
      <c r="S4541" s="19"/>
      <c r="T4541" s="19"/>
      <c r="U4541" s="19"/>
      <c r="V4541" s="19"/>
      <c r="W4541" s="19"/>
      <c r="X4541" s="19"/>
      <c r="Y4541" s="19"/>
      <c r="Z4541" s="19"/>
      <c r="AA4541" s="19"/>
    </row>
    <row r="4542" spans="1:27" s="1" customFormat="1" ht="11.1" customHeight="1" outlineLevel="2" x14ac:dyDescent="0.2">
      <c r="A4542" s="17">
        <v>7268</v>
      </c>
      <c r="B4542" s="17"/>
      <c r="C4542" s="17"/>
      <c r="D4542" s="18" t="s">
        <v>2264</v>
      </c>
      <c r="E4542" s="18"/>
      <c r="F4542" s="18"/>
      <c r="G4542" s="18"/>
      <c r="H4542" s="18"/>
      <c r="I4542" s="18"/>
      <c r="J4542" s="18"/>
      <c r="K4542" s="18"/>
      <c r="L4542" s="18"/>
      <c r="M4542" s="18"/>
      <c r="N4542" s="18"/>
      <c r="O4542" s="18"/>
      <c r="P4542" s="19">
        <v>250</v>
      </c>
      <c r="Q4542" s="19"/>
      <c r="R4542" s="19"/>
      <c r="S4542" s="19"/>
      <c r="T4542" s="19">
        <v>190</v>
      </c>
      <c r="U4542" s="19"/>
      <c r="V4542" s="19"/>
      <c r="W4542" s="19"/>
      <c r="X4542" s="19">
        <v>10</v>
      </c>
      <c r="Y4542" s="19"/>
      <c r="Z4542" s="19"/>
      <c r="AA4542" s="19"/>
    </row>
    <row r="4543" spans="1:27" s="1" customFormat="1" ht="11.1" customHeight="1" outlineLevel="2" x14ac:dyDescent="0.2">
      <c r="A4543" s="17"/>
      <c r="B4543" s="17"/>
      <c r="C4543" s="17"/>
      <c r="D4543" s="18"/>
      <c r="E4543" s="18"/>
      <c r="F4543" s="18"/>
      <c r="G4543" s="18"/>
      <c r="H4543" s="18"/>
      <c r="I4543" s="18"/>
      <c r="J4543" s="18"/>
      <c r="K4543" s="18"/>
      <c r="L4543" s="18"/>
      <c r="M4543" s="18"/>
      <c r="N4543" s="18"/>
      <c r="O4543" s="18"/>
      <c r="P4543" s="19"/>
      <c r="Q4543" s="19"/>
      <c r="R4543" s="19"/>
      <c r="S4543" s="19"/>
      <c r="T4543" s="19"/>
      <c r="U4543" s="19"/>
      <c r="V4543" s="19"/>
      <c r="W4543" s="19"/>
      <c r="X4543" s="19"/>
      <c r="Y4543" s="19"/>
      <c r="Z4543" s="19"/>
      <c r="AA4543" s="19"/>
    </row>
    <row r="4544" spans="1:27" s="1" customFormat="1" ht="11.1" customHeight="1" outlineLevel="2" x14ac:dyDescent="0.2">
      <c r="A4544" s="17">
        <v>9134</v>
      </c>
      <c r="B4544" s="17"/>
      <c r="C4544" s="17"/>
      <c r="D4544" s="18" t="s">
        <v>2265</v>
      </c>
      <c r="E4544" s="18"/>
      <c r="F4544" s="18"/>
      <c r="G4544" s="18"/>
      <c r="H4544" s="18"/>
      <c r="I4544" s="18"/>
      <c r="J4544" s="18"/>
      <c r="K4544" s="18"/>
      <c r="L4544" s="18"/>
      <c r="M4544" s="18"/>
      <c r="N4544" s="18"/>
      <c r="O4544" s="18"/>
      <c r="P4544" s="19">
        <v>250</v>
      </c>
      <c r="Q4544" s="19"/>
      <c r="R4544" s="19"/>
      <c r="S4544" s="19"/>
      <c r="T4544" s="19">
        <v>190</v>
      </c>
      <c r="U4544" s="19"/>
      <c r="V4544" s="19"/>
      <c r="W4544" s="19"/>
      <c r="X4544" s="19">
        <v>32</v>
      </c>
      <c r="Y4544" s="19"/>
      <c r="Z4544" s="19"/>
      <c r="AA4544" s="19"/>
    </row>
    <row r="4545" spans="1:27" s="1" customFormat="1" ht="11.1" customHeight="1" outlineLevel="2" x14ac:dyDescent="0.2">
      <c r="A4545" s="17"/>
      <c r="B4545" s="17"/>
      <c r="C4545" s="17"/>
      <c r="D4545" s="18"/>
      <c r="E4545" s="18"/>
      <c r="F4545" s="18"/>
      <c r="G4545" s="18"/>
      <c r="H4545" s="18"/>
      <c r="I4545" s="18"/>
      <c r="J4545" s="18"/>
      <c r="K4545" s="18"/>
      <c r="L4545" s="18"/>
      <c r="M4545" s="18"/>
      <c r="N4545" s="18"/>
      <c r="O4545" s="18"/>
      <c r="P4545" s="19"/>
      <c r="Q4545" s="19"/>
      <c r="R4545" s="19"/>
      <c r="S4545" s="19"/>
      <c r="T4545" s="19"/>
      <c r="U4545" s="19"/>
      <c r="V4545" s="19"/>
      <c r="W4545" s="19"/>
      <c r="X4545" s="19"/>
      <c r="Y4545" s="19"/>
      <c r="Z4545" s="19"/>
      <c r="AA4545" s="19"/>
    </row>
    <row r="4546" spans="1:27" s="1" customFormat="1" ht="11.1" customHeight="1" outlineLevel="2" x14ac:dyDescent="0.2">
      <c r="A4546" s="17">
        <v>9087</v>
      </c>
      <c r="B4546" s="17"/>
      <c r="C4546" s="17"/>
      <c r="D4546" s="18" t="s">
        <v>2266</v>
      </c>
      <c r="E4546" s="18"/>
      <c r="F4546" s="18"/>
      <c r="G4546" s="18"/>
      <c r="H4546" s="18"/>
      <c r="I4546" s="18"/>
      <c r="J4546" s="18"/>
      <c r="K4546" s="18"/>
      <c r="L4546" s="18"/>
      <c r="M4546" s="18"/>
      <c r="N4546" s="18"/>
      <c r="O4546" s="18"/>
      <c r="P4546" s="19">
        <v>250</v>
      </c>
      <c r="Q4546" s="19"/>
      <c r="R4546" s="19"/>
      <c r="S4546" s="19"/>
      <c r="T4546" s="19">
        <v>190</v>
      </c>
      <c r="U4546" s="19"/>
      <c r="V4546" s="19"/>
      <c r="W4546" s="19"/>
      <c r="X4546" s="19">
        <v>41</v>
      </c>
      <c r="Y4546" s="19"/>
      <c r="Z4546" s="19"/>
      <c r="AA4546" s="19"/>
    </row>
    <row r="4547" spans="1:27" s="1" customFormat="1" ht="11.1" customHeight="1" outlineLevel="2" x14ac:dyDescent="0.2">
      <c r="A4547" s="17"/>
      <c r="B4547" s="17"/>
      <c r="C4547" s="17"/>
      <c r="D4547" s="18"/>
      <c r="E4547" s="18"/>
      <c r="F4547" s="18"/>
      <c r="G4547" s="18"/>
      <c r="H4547" s="18"/>
      <c r="I4547" s="18"/>
      <c r="J4547" s="18"/>
      <c r="K4547" s="18"/>
      <c r="L4547" s="18"/>
      <c r="M4547" s="18"/>
      <c r="N4547" s="18"/>
      <c r="O4547" s="18"/>
      <c r="P4547" s="19"/>
      <c r="Q4547" s="19"/>
      <c r="R4547" s="19"/>
      <c r="S4547" s="19"/>
      <c r="T4547" s="19"/>
      <c r="U4547" s="19"/>
      <c r="V4547" s="19"/>
      <c r="W4547" s="19"/>
      <c r="X4547" s="19"/>
      <c r="Y4547" s="19"/>
      <c r="Z4547" s="19"/>
      <c r="AA4547" s="19"/>
    </row>
    <row r="4548" spans="1:27" s="1" customFormat="1" ht="14.1" customHeight="1" outlineLevel="2" x14ac:dyDescent="0.2">
      <c r="A4548" s="17">
        <v>14757</v>
      </c>
      <c r="B4548" s="17"/>
      <c r="C4548" s="17"/>
      <c r="D4548" s="18" t="s">
        <v>2267</v>
      </c>
      <c r="E4548" s="18"/>
      <c r="F4548" s="18"/>
      <c r="G4548" s="18"/>
      <c r="H4548" s="18"/>
      <c r="I4548" s="18"/>
      <c r="J4548" s="18"/>
      <c r="K4548" s="18"/>
      <c r="L4548" s="18"/>
      <c r="M4548" s="18"/>
      <c r="N4548" s="18"/>
      <c r="O4548" s="18"/>
      <c r="P4548" s="19">
        <v>260</v>
      </c>
      <c r="Q4548" s="19"/>
      <c r="R4548" s="19"/>
      <c r="S4548" s="19"/>
      <c r="T4548" s="19">
        <v>200</v>
      </c>
      <c r="U4548" s="19"/>
      <c r="V4548" s="19"/>
      <c r="W4548" s="19"/>
      <c r="X4548" s="19">
        <v>17</v>
      </c>
      <c r="Y4548" s="19"/>
      <c r="Z4548" s="19"/>
      <c r="AA4548" s="19"/>
    </row>
    <row r="4549" spans="1:27" s="1" customFormat="1" ht="14.1" customHeight="1" outlineLevel="2" x14ac:dyDescent="0.2">
      <c r="A4549" s="17"/>
      <c r="B4549" s="17"/>
      <c r="C4549" s="17"/>
      <c r="D4549" s="18"/>
      <c r="E4549" s="18"/>
      <c r="F4549" s="18"/>
      <c r="G4549" s="18"/>
      <c r="H4549" s="18"/>
      <c r="I4549" s="18"/>
      <c r="J4549" s="18"/>
      <c r="K4549" s="18"/>
      <c r="L4549" s="18"/>
      <c r="M4549" s="18"/>
      <c r="N4549" s="18"/>
      <c r="O4549" s="18"/>
      <c r="P4549" s="19"/>
      <c r="Q4549" s="19"/>
      <c r="R4549" s="19"/>
      <c r="S4549" s="19"/>
      <c r="T4549" s="19"/>
      <c r="U4549" s="19"/>
      <c r="V4549" s="19"/>
      <c r="W4549" s="19"/>
      <c r="X4549" s="19"/>
      <c r="Y4549" s="19"/>
      <c r="Z4549" s="19"/>
      <c r="AA4549" s="19"/>
    </row>
    <row r="4550" spans="1:27" s="1" customFormat="1" ht="14.1" customHeight="1" outlineLevel="2" x14ac:dyDescent="0.2">
      <c r="A4550" s="17">
        <v>14756</v>
      </c>
      <c r="B4550" s="17"/>
      <c r="C4550" s="17"/>
      <c r="D4550" s="18" t="s">
        <v>2268</v>
      </c>
      <c r="E4550" s="18"/>
      <c r="F4550" s="18"/>
      <c r="G4550" s="18"/>
      <c r="H4550" s="18"/>
      <c r="I4550" s="18"/>
      <c r="J4550" s="18"/>
      <c r="K4550" s="18"/>
      <c r="L4550" s="18"/>
      <c r="M4550" s="18"/>
      <c r="N4550" s="18"/>
      <c r="O4550" s="18"/>
      <c r="P4550" s="19">
        <v>260</v>
      </c>
      <c r="Q4550" s="19"/>
      <c r="R4550" s="19"/>
      <c r="S4550" s="19"/>
      <c r="T4550" s="19">
        <v>200</v>
      </c>
      <c r="U4550" s="19"/>
      <c r="V4550" s="19"/>
      <c r="W4550" s="19"/>
      <c r="X4550" s="19">
        <v>19</v>
      </c>
      <c r="Y4550" s="19"/>
      <c r="Z4550" s="19"/>
      <c r="AA4550" s="19"/>
    </row>
    <row r="4551" spans="1:27" s="1" customFormat="1" ht="14.1" customHeight="1" outlineLevel="2" x14ac:dyDescent="0.2">
      <c r="A4551" s="17"/>
      <c r="B4551" s="17"/>
      <c r="C4551" s="17"/>
      <c r="D4551" s="18"/>
      <c r="E4551" s="18"/>
      <c r="F4551" s="18"/>
      <c r="G4551" s="18"/>
      <c r="H4551" s="18"/>
      <c r="I4551" s="18"/>
      <c r="J4551" s="18"/>
      <c r="K4551" s="18"/>
      <c r="L4551" s="18"/>
      <c r="M4551" s="18"/>
      <c r="N4551" s="18"/>
      <c r="O4551" s="18"/>
      <c r="P4551" s="19"/>
      <c r="Q4551" s="19"/>
      <c r="R4551" s="19"/>
      <c r="S4551" s="19"/>
      <c r="T4551" s="19"/>
      <c r="U4551" s="19"/>
      <c r="V4551" s="19"/>
      <c r="W4551" s="19"/>
      <c r="X4551" s="19"/>
      <c r="Y4551" s="19"/>
      <c r="Z4551" s="19"/>
      <c r="AA4551" s="19"/>
    </row>
    <row r="4552" spans="1:27" s="1" customFormat="1" ht="11.1" customHeight="1" outlineLevel="2" x14ac:dyDescent="0.2">
      <c r="A4552" s="17">
        <v>17261</v>
      </c>
      <c r="B4552" s="17"/>
      <c r="C4552" s="17"/>
      <c r="D4552" s="18" t="s">
        <v>2269</v>
      </c>
      <c r="E4552" s="18"/>
      <c r="F4552" s="18"/>
      <c r="G4552" s="18"/>
      <c r="H4552" s="18"/>
      <c r="I4552" s="18"/>
      <c r="J4552" s="18"/>
      <c r="K4552" s="18"/>
      <c r="L4552" s="18"/>
      <c r="M4552" s="18"/>
      <c r="N4552" s="18"/>
      <c r="O4552" s="18"/>
      <c r="P4552" s="19">
        <v>320</v>
      </c>
      <c r="Q4552" s="19"/>
      <c r="R4552" s="19"/>
      <c r="S4552" s="19"/>
      <c r="T4552" s="19">
        <v>250</v>
      </c>
      <c r="U4552" s="19"/>
      <c r="V4552" s="19"/>
      <c r="W4552" s="19"/>
      <c r="X4552" s="19">
        <v>10</v>
      </c>
      <c r="Y4552" s="19"/>
      <c r="Z4552" s="19"/>
      <c r="AA4552" s="19"/>
    </row>
    <row r="4553" spans="1:27" s="1" customFormat="1" ht="11.1" customHeight="1" outlineLevel="2" x14ac:dyDescent="0.2">
      <c r="A4553" s="17"/>
      <c r="B4553" s="17"/>
      <c r="C4553" s="17"/>
      <c r="D4553" s="18"/>
      <c r="E4553" s="18"/>
      <c r="F4553" s="18"/>
      <c r="G4553" s="18"/>
      <c r="H4553" s="18"/>
      <c r="I4553" s="18"/>
      <c r="J4553" s="18"/>
      <c r="K4553" s="18"/>
      <c r="L4553" s="18"/>
      <c r="M4553" s="18"/>
      <c r="N4553" s="18"/>
      <c r="O4553" s="18"/>
      <c r="P4553" s="19"/>
      <c r="Q4553" s="19"/>
      <c r="R4553" s="19"/>
      <c r="S4553" s="19"/>
      <c r="T4553" s="19"/>
      <c r="U4553" s="19"/>
      <c r="V4553" s="19"/>
      <c r="W4553" s="19"/>
      <c r="X4553" s="19"/>
      <c r="Y4553" s="19"/>
      <c r="Z4553" s="19"/>
      <c r="AA4553" s="19"/>
    </row>
    <row r="4554" spans="1:27" s="1" customFormat="1" ht="11.1" customHeight="1" outlineLevel="2" x14ac:dyDescent="0.2">
      <c r="A4554" s="17">
        <v>17260</v>
      </c>
      <c r="B4554" s="17"/>
      <c r="C4554" s="17"/>
      <c r="D4554" s="18" t="s">
        <v>2270</v>
      </c>
      <c r="E4554" s="18"/>
      <c r="F4554" s="18"/>
      <c r="G4554" s="18"/>
      <c r="H4554" s="18"/>
      <c r="I4554" s="18"/>
      <c r="J4554" s="18"/>
      <c r="K4554" s="18"/>
      <c r="L4554" s="18"/>
      <c r="M4554" s="18"/>
      <c r="N4554" s="18"/>
      <c r="O4554" s="18"/>
      <c r="P4554" s="19">
        <v>320</v>
      </c>
      <c r="Q4554" s="19"/>
      <c r="R4554" s="19"/>
      <c r="S4554" s="19"/>
      <c r="T4554" s="19">
        <v>250</v>
      </c>
      <c r="U4554" s="19"/>
      <c r="V4554" s="19"/>
      <c r="W4554" s="19"/>
      <c r="X4554" s="19">
        <v>10</v>
      </c>
      <c r="Y4554" s="19"/>
      <c r="Z4554" s="19"/>
      <c r="AA4554" s="19"/>
    </row>
    <row r="4555" spans="1:27" s="1" customFormat="1" ht="11.1" customHeight="1" outlineLevel="2" x14ac:dyDescent="0.2">
      <c r="A4555" s="17"/>
      <c r="B4555" s="17"/>
      <c r="C4555" s="17"/>
      <c r="D4555" s="18"/>
      <c r="E4555" s="18"/>
      <c r="F4555" s="18"/>
      <c r="G4555" s="18"/>
      <c r="H4555" s="18"/>
      <c r="I4555" s="18"/>
      <c r="J4555" s="18"/>
      <c r="K4555" s="18"/>
      <c r="L4555" s="18"/>
      <c r="M4555" s="18"/>
      <c r="N4555" s="18"/>
      <c r="O4555" s="18"/>
      <c r="P4555" s="19"/>
      <c r="Q4555" s="19"/>
      <c r="R4555" s="19"/>
      <c r="S4555" s="19"/>
      <c r="T4555" s="19"/>
      <c r="U4555" s="19"/>
      <c r="V4555" s="19"/>
      <c r="W4555" s="19"/>
      <c r="X4555" s="19"/>
      <c r="Y4555" s="19"/>
      <c r="Z4555" s="19"/>
      <c r="AA4555" s="19"/>
    </row>
    <row r="4556" spans="1:27" s="1" customFormat="1" ht="14.1" customHeight="1" outlineLevel="2" x14ac:dyDescent="0.2">
      <c r="A4556" s="17">
        <v>17262</v>
      </c>
      <c r="B4556" s="17"/>
      <c r="C4556" s="17"/>
      <c r="D4556" s="18" t="s">
        <v>2271</v>
      </c>
      <c r="E4556" s="18"/>
      <c r="F4556" s="18"/>
      <c r="G4556" s="18"/>
      <c r="H4556" s="18"/>
      <c r="I4556" s="18"/>
      <c r="J4556" s="18"/>
      <c r="K4556" s="18"/>
      <c r="L4556" s="18"/>
      <c r="M4556" s="18"/>
      <c r="N4556" s="18"/>
      <c r="O4556" s="18"/>
      <c r="P4556" s="19">
        <v>320</v>
      </c>
      <c r="Q4556" s="19"/>
      <c r="R4556" s="19"/>
      <c r="S4556" s="19"/>
      <c r="T4556" s="19">
        <v>250</v>
      </c>
      <c r="U4556" s="19"/>
      <c r="V4556" s="19"/>
      <c r="W4556" s="19"/>
      <c r="X4556" s="19">
        <v>10</v>
      </c>
      <c r="Y4556" s="19"/>
      <c r="Z4556" s="19"/>
      <c r="AA4556" s="19"/>
    </row>
    <row r="4557" spans="1:27" s="1" customFormat="1" ht="14.1" customHeight="1" outlineLevel="2" x14ac:dyDescent="0.2">
      <c r="A4557" s="17"/>
      <c r="B4557" s="17"/>
      <c r="C4557" s="17"/>
      <c r="D4557" s="18"/>
      <c r="E4557" s="18"/>
      <c r="F4557" s="18"/>
      <c r="G4557" s="18"/>
      <c r="H4557" s="18"/>
      <c r="I4557" s="18"/>
      <c r="J4557" s="18"/>
      <c r="K4557" s="18"/>
      <c r="L4557" s="18"/>
      <c r="M4557" s="18"/>
      <c r="N4557" s="18"/>
      <c r="O4557" s="18"/>
      <c r="P4557" s="19"/>
      <c r="Q4557" s="19"/>
      <c r="R4557" s="19"/>
      <c r="S4557" s="19"/>
      <c r="T4557" s="19"/>
      <c r="U4557" s="19"/>
      <c r="V4557" s="19"/>
      <c r="W4557" s="19"/>
      <c r="X4557" s="19"/>
      <c r="Y4557" s="19"/>
      <c r="Z4557" s="19"/>
      <c r="AA4557" s="19"/>
    </row>
    <row r="4558" spans="1:27" s="1" customFormat="1" ht="11.1" customHeight="1" outlineLevel="2" x14ac:dyDescent="0.2">
      <c r="A4558" s="17">
        <v>17259</v>
      </c>
      <c r="B4558" s="17"/>
      <c r="C4558" s="17"/>
      <c r="D4558" s="18" t="s">
        <v>2272</v>
      </c>
      <c r="E4558" s="18"/>
      <c r="F4558" s="18"/>
      <c r="G4558" s="18"/>
      <c r="H4558" s="18"/>
      <c r="I4558" s="18"/>
      <c r="J4558" s="18"/>
      <c r="K4558" s="18"/>
      <c r="L4558" s="18"/>
      <c r="M4558" s="18"/>
      <c r="N4558" s="18"/>
      <c r="O4558" s="18"/>
      <c r="P4558" s="19">
        <v>320</v>
      </c>
      <c r="Q4558" s="19"/>
      <c r="R4558" s="19"/>
      <c r="S4558" s="19"/>
      <c r="T4558" s="19">
        <v>250</v>
      </c>
      <c r="U4558" s="19"/>
      <c r="V4558" s="19"/>
      <c r="W4558" s="19"/>
      <c r="X4558" s="19">
        <v>10</v>
      </c>
      <c r="Y4558" s="19"/>
      <c r="Z4558" s="19"/>
      <c r="AA4558" s="19"/>
    </row>
    <row r="4559" spans="1:27" s="1" customFormat="1" ht="11.1" customHeight="1" outlineLevel="2" x14ac:dyDescent="0.2">
      <c r="A4559" s="17"/>
      <c r="B4559" s="17"/>
      <c r="C4559" s="17"/>
      <c r="D4559" s="18"/>
      <c r="E4559" s="18"/>
      <c r="F4559" s="18"/>
      <c r="G4559" s="18"/>
      <c r="H4559" s="18"/>
      <c r="I4559" s="18"/>
      <c r="J4559" s="18"/>
      <c r="K4559" s="18"/>
      <c r="L4559" s="18"/>
      <c r="M4559" s="18"/>
      <c r="N4559" s="18"/>
      <c r="O4559" s="18"/>
      <c r="P4559" s="19"/>
      <c r="Q4559" s="19"/>
      <c r="R4559" s="19"/>
      <c r="S4559" s="19"/>
      <c r="T4559" s="19"/>
      <c r="U4559" s="19"/>
      <c r="V4559" s="19"/>
      <c r="W4559" s="19"/>
      <c r="X4559" s="19"/>
      <c r="Y4559" s="19"/>
      <c r="Z4559" s="19"/>
      <c r="AA4559" s="19"/>
    </row>
    <row r="4560" spans="1:27" s="1" customFormat="1" ht="11.1" customHeight="1" outlineLevel="2" x14ac:dyDescent="0.2">
      <c r="A4560" s="17">
        <v>16401</v>
      </c>
      <c r="B4560" s="17"/>
      <c r="C4560" s="17"/>
      <c r="D4560" s="18" t="s">
        <v>2273</v>
      </c>
      <c r="E4560" s="18"/>
      <c r="F4560" s="18"/>
      <c r="G4560" s="18"/>
      <c r="H4560" s="18"/>
      <c r="I4560" s="18"/>
      <c r="J4560" s="18"/>
      <c r="K4560" s="18"/>
      <c r="L4560" s="18"/>
      <c r="M4560" s="18"/>
      <c r="N4560" s="18"/>
      <c r="O4560" s="18"/>
      <c r="P4560" s="19">
        <v>390</v>
      </c>
      <c r="Q4560" s="19"/>
      <c r="R4560" s="19"/>
      <c r="S4560" s="19"/>
      <c r="T4560" s="19">
        <v>300</v>
      </c>
      <c r="U4560" s="19"/>
      <c r="V4560" s="19"/>
      <c r="W4560" s="19"/>
      <c r="X4560" s="19">
        <v>10</v>
      </c>
      <c r="Y4560" s="19"/>
      <c r="Z4560" s="19"/>
      <c r="AA4560" s="19"/>
    </row>
    <row r="4561" spans="1:27" s="1" customFormat="1" ht="11.1" customHeight="1" outlineLevel="2" x14ac:dyDescent="0.2">
      <c r="A4561" s="17"/>
      <c r="B4561" s="17"/>
      <c r="C4561" s="17"/>
      <c r="D4561" s="18"/>
      <c r="E4561" s="18"/>
      <c r="F4561" s="18"/>
      <c r="G4561" s="18"/>
      <c r="H4561" s="18"/>
      <c r="I4561" s="18"/>
      <c r="J4561" s="18"/>
      <c r="K4561" s="18"/>
      <c r="L4561" s="18"/>
      <c r="M4561" s="18"/>
      <c r="N4561" s="18"/>
      <c r="O4561" s="18"/>
      <c r="P4561" s="19"/>
      <c r="Q4561" s="19"/>
      <c r="R4561" s="19"/>
      <c r="S4561" s="19"/>
      <c r="T4561" s="19"/>
      <c r="U4561" s="19"/>
      <c r="V4561" s="19"/>
      <c r="W4561" s="19"/>
      <c r="X4561" s="19"/>
      <c r="Y4561" s="19"/>
      <c r="Z4561" s="19"/>
      <c r="AA4561" s="19"/>
    </row>
    <row r="4562" spans="1:27" s="1" customFormat="1" ht="11.1" customHeight="1" outlineLevel="2" x14ac:dyDescent="0.2">
      <c r="A4562" s="17">
        <v>16400</v>
      </c>
      <c r="B4562" s="17"/>
      <c r="C4562" s="17"/>
      <c r="D4562" s="18" t="s">
        <v>2274</v>
      </c>
      <c r="E4562" s="18"/>
      <c r="F4562" s="18"/>
      <c r="G4562" s="18"/>
      <c r="H4562" s="18"/>
      <c r="I4562" s="18"/>
      <c r="J4562" s="18"/>
      <c r="K4562" s="18"/>
      <c r="L4562" s="18"/>
      <c r="M4562" s="18"/>
      <c r="N4562" s="18"/>
      <c r="O4562" s="18"/>
      <c r="P4562" s="19">
        <v>390</v>
      </c>
      <c r="Q4562" s="19"/>
      <c r="R4562" s="19"/>
      <c r="S4562" s="19"/>
      <c r="T4562" s="19">
        <v>300</v>
      </c>
      <c r="U4562" s="19"/>
      <c r="V4562" s="19"/>
      <c r="W4562" s="19"/>
      <c r="X4562" s="19">
        <v>10</v>
      </c>
      <c r="Y4562" s="19"/>
      <c r="Z4562" s="19"/>
      <c r="AA4562" s="19"/>
    </row>
    <row r="4563" spans="1:27" s="1" customFormat="1" ht="11.1" customHeight="1" outlineLevel="2" x14ac:dyDescent="0.2">
      <c r="A4563" s="17"/>
      <c r="B4563" s="17"/>
      <c r="C4563" s="17"/>
      <c r="D4563" s="18"/>
      <c r="E4563" s="18"/>
      <c r="F4563" s="18"/>
      <c r="G4563" s="18"/>
      <c r="H4563" s="18"/>
      <c r="I4563" s="18"/>
      <c r="J4563" s="18"/>
      <c r="K4563" s="18"/>
      <c r="L4563" s="18"/>
      <c r="M4563" s="18"/>
      <c r="N4563" s="18"/>
      <c r="O4563" s="18"/>
      <c r="P4563" s="19"/>
      <c r="Q4563" s="19"/>
      <c r="R4563" s="19"/>
      <c r="S4563" s="19"/>
      <c r="T4563" s="19"/>
      <c r="U4563" s="19"/>
      <c r="V4563" s="19"/>
      <c r="W4563" s="19"/>
      <c r="X4563" s="19"/>
      <c r="Y4563" s="19"/>
      <c r="Z4563" s="19"/>
      <c r="AA4563" s="19"/>
    </row>
    <row r="4564" spans="1:27" s="1" customFormat="1" ht="11.1" customHeight="1" outlineLevel="2" x14ac:dyDescent="0.2">
      <c r="A4564" s="17">
        <v>16399</v>
      </c>
      <c r="B4564" s="17"/>
      <c r="C4564" s="17"/>
      <c r="D4564" s="18" t="s">
        <v>2275</v>
      </c>
      <c r="E4564" s="18"/>
      <c r="F4564" s="18"/>
      <c r="G4564" s="18"/>
      <c r="H4564" s="18"/>
      <c r="I4564" s="18"/>
      <c r="J4564" s="18"/>
      <c r="K4564" s="18"/>
      <c r="L4564" s="18"/>
      <c r="M4564" s="18"/>
      <c r="N4564" s="18"/>
      <c r="O4564" s="18"/>
      <c r="P4564" s="19">
        <v>390</v>
      </c>
      <c r="Q4564" s="19"/>
      <c r="R4564" s="19"/>
      <c r="S4564" s="19"/>
      <c r="T4564" s="19">
        <v>300</v>
      </c>
      <c r="U4564" s="19"/>
      <c r="V4564" s="19"/>
      <c r="W4564" s="19"/>
      <c r="X4564" s="19">
        <v>10</v>
      </c>
      <c r="Y4564" s="19"/>
      <c r="Z4564" s="19"/>
      <c r="AA4564" s="19"/>
    </row>
    <row r="4565" spans="1:27" s="1" customFormat="1" ht="11.1" customHeight="1" outlineLevel="2" x14ac:dyDescent="0.2">
      <c r="A4565" s="17"/>
      <c r="B4565" s="17"/>
      <c r="C4565" s="17"/>
      <c r="D4565" s="18"/>
      <c r="E4565" s="18"/>
      <c r="F4565" s="18"/>
      <c r="G4565" s="18"/>
      <c r="H4565" s="18"/>
      <c r="I4565" s="18"/>
      <c r="J4565" s="18"/>
      <c r="K4565" s="18"/>
      <c r="L4565" s="18"/>
      <c r="M4565" s="18"/>
      <c r="N4565" s="18"/>
      <c r="O4565" s="18"/>
      <c r="P4565" s="19"/>
      <c r="Q4565" s="19"/>
      <c r="R4565" s="19"/>
      <c r="S4565" s="19"/>
      <c r="T4565" s="19"/>
      <c r="U4565" s="19"/>
      <c r="V4565" s="19"/>
      <c r="W4565" s="19"/>
      <c r="X4565" s="19"/>
      <c r="Y4565" s="19"/>
      <c r="Z4565" s="19"/>
      <c r="AA4565" s="19"/>
    </row>
    <row r="4566" spans="1:27" s="1" customFormat="1" ht="14.1" customHeight="1" outlineLevel="2" x14ac:dyDescent="0.2">
      <c r="A4566" s="17">
        <v>17497</v>
      </c>
      <c r="B4566" s="17"/>
      <c r="C4566" s="17"/>
      <c r="D4566" s="18" t="s">
        <v>2276</v>
      </c>
      <c r="E4566" s="18"/>
      <c r="F4566" s="18"/>
      <c r="G4566" s="18"/>
      <c r="H4566" s="18"/>
      <c r="I4566" s="18"/>
      <c r="J4566" s="18"/>
      <c r="K4566" s="18"/>
      <c r="L4566" s="18"/>
      <c r="M4566" s="18"/>
      <c r="N4566" s="18"/>
      <c r="O4566" s="18"/>
      <c r="P4566" s="19">
        <v>500</v>
      </c>
      <c r="Q4566" s="19"/>
      <c r="R4566" s="19"/>
      <c r="S4566" s="19"/>
      <c r="T4566" s="19">
        <v>400</v>
      </c>
      <c r="U4566" s="19"/>
      <c r="V4566" s="19"/>
      <c r="W4566" s="19"/>
      <c r="X4566" s="19">
        <v>1</v>
      </c>
      <c r="Y4566" s="19"/>
      <c r="Z4566" s="19"/>
      <c r="AA4566" s="19"/>
    </row>
    <row r="4567" spans="1:27" s="1" customFormat="1" ht="14.1" customHeight="1" outlineLevel="2" x14ac:dyDescent="0.2">
      <c r="A4567" s="17"/>
      <c r="B4567" s="17"/>
      <c r="C4567" s="17"/>
      <c r="D4567" s="18"/>
      <c r="E4567" s="18"/>
      <c r="F4567" s="18"/>
      <c r="G4567" s="18"/>
      <c r="H4567" s="18"/>
      <c r="I4567" s="18"/>
      <c r="J4567" s="18"/>
      <c r="K4567" s="18"/>
      <c r="L4567" s="18"/>
      <c r="M4567" s="18"/>
      <c r="N4567" s="18"/>
      <c r="O4567" s="18"/>
      <c r="P4567" s="19"/>
      <c r="Q4567" s="19"/>
      <c r="R4567" s="19"/>
      <c r="S4567" s="19"/>
      <c r="T4567" s="19"/>
      <c r="U4567" s="19"/>
      <c r="V4567" s="19"/>
      <c r="W4567" s="19"/>
      <c r="X4567" s="19"/>
      <c r="Y4567" s="19"/>
      <c r="Z4567" s="19"/>
      <c r="AA4567" s="19"/>
    </row>
    <row r="4568" spans="1:27" s="1" customFormat="1" ht="11.1" customHeight="1" outlineLevel="2" x14ac:dyDescent="0.2">
      <c r="A4568" s="17">
        <v>17267</v>
      </c>
      <c r="B4568" s="17"/>
      <c r="C4568" s="17"/>
      <c r="D4568" s="18" t="s">
        <v>2277</v>
      </c>
      <c r="E4568" s="18"/>
      <c r="F4568" s="18"/>
      <c r="G4568" s="18"/>
      <c r="H4568" s="18"/>
      <c r="I4568" s="18"/>
      <c r="J4568" s="18"/>
      <c r="K4568" s="18"/>
      <c r="L4568" s="18"/>
      <c r="M4568" s="18"/>
      <c r="N4568" s="18"/>
      <c r="O4568" s="18"/>
      <c r="P4568" s="19">
        <v>300</v>
      </c>
      <c r="Q4568" s="19"/>
      <c r="R4568" s="19"/>
      <c r="S4568" s="19"/>
      <c r="T4568" s="19">
        <v>250</v>
      </c>
      <c r="U4568" s="19"/>
      <c r="V4568" s="19"/>
      <c r="W4568" s="19"/>
      <c r="X4568" s="19">
        <v>5</v>
      </c>
      <c r="Y4568" s="19"/>
      <c r="Z4568" s="19"/>
      <c r="AA4568" s="19"/>
    </row>
    <row r="4569" spans="1:27" s="1" customFormat="1" ht="11.1" customHeight="1" outlineLevel="2" x14ac:dyDescent="0.2">
      <c r="A4569" s="17"/>
      <c r="B4569" s="17"/>
      <c r="C4569" s="17"/>
      <c r="D4569" s="18"/>
      <c r="E4569" s="18"/>
      <c r="F4569" s="18"/>
      <c r="G4569" s="18"/>
      <c r="H4569" s="18"/>
      <c r="I4569" s="18"/>
      <c r="J4569" s="18"/>
      <c r="K4569" s="18"/>
      <c r="L4569" s="18"/>
      <c r="M4569" s="18"/>
      <c r="N4569" s="18"/>
      <c r="O4569" s="18"/>
      <c r="P4569" s="19"/>
      <c r="Q4569" s="19"/>
      <c r="R4569" s="19"/>
      <c r="S4569" s="19"/>
      <c r="T4569" s="19"/>
      <c r="U4569" s="19"/>
      <c r="V4569" s="19"/>
      <c r="W4569" s="19"/>
      <c r="X4569" s="19"/>
      <c r="Y4569" s="19"/>
      <c r="Z4569" s="19"/>
      <c r="AA4569" s="19"/>
    </row>
    <row r="4570" spans="1:27" s="1" customFormat="1" ht="11.1" customHeight="1" outlineLevel="2" x14ac:dyDescent="0.2">
      <c r="A4570" s="17">
        <v>17266</v>
      </c>
      <c r="B4570" s="17"/>
      <c r="C4570" s="17"/>
      <c r="D4570" s="18" t="s">
        <v>2278</v>
      </c>
      <c r="E4570" s="18"/>
      <c r="F4570" s="18"/>
      <c r="G4570" s="18"/>
      <c r="H4570" s="18"/>
      <c r="I4570" s="18"/>
      <c r="J4570" s="18"/>
      <c r="K4570" s="18"/>
      <c r="L4570" s="18"/>
      <c r="M4570" s="18"/>
      <c r="N4570" s="18"/>
      <c r="O4570" s="18"/>
      <c r="P4570" s="19">
        <v>300</v>
      </c>
      <c r="Q4570" s="19"/>
      <c r="R4570" s="19"/>
      <c r="S4570" s="19"/>
      <c r="T4570" s="19">
        <v>250</v>
      </c>
      <c r="U4570" s="19"/>
      <c r="V4570" s="19"/>
      <c r="W4570" s="19"/>
      <c r="X4570" s="19">
        <v>5</v>
      </c>
      <c r="Y4570" s="19"/>
      <c r="Z4570" s="19"/>
      <c r="AA4570" s="19"/>
    </row>
    <row r="4571" spans="1:27" s="1" customFormat="1" ht="11.1" customHeight="1" outlineLevel="2" x14ac:dyDescent="0.2">
      <c r="A4571" s="17"/>
      <c r="B4571" s="17"/>
      <c r="C4571" s="17"/>
      <c r="D4571" s="18"/>
      <c r="E4571" s="18"/>
      <c r="F4571" s="18"/>
      <c r="G4571" s="18"/>
      <c r="H4571" s="18"/>
      <c r="I4571" s="18"/>
      <c r="J4571" s="18"/>
      <c r="K4571" s="18"/>
      <c r="L4571" s="18"/>
      <c r="M4571" s="18"/>
      <c r="N4571" s="18"/>
      <c r="O4571" s="18"/>
      <c r="P4571" s="19"/>
      <c r="Q4571" s="19"/>
      <c r="R4571" s="19"/>
      <c r="S4571" s="19"/>
      <c r="T4571" s="19"/>
      <c r="U4571" s="19"/>
      <c r="V4571" s="19"/>
      <c r="W4571" s="19"/>
      <c r="X4571" s="19"/>
      <c r="Y4571" s="19"/>
      <c r="Z4571" s="19"/>
      <c r="AA4571" s="19"/>
    </row>
    <row r="4572" spans="1:27" s="1" customFormat="1" ht="11.1" customHeight="1" outlineLevel="2" x14ac:dyDescent="0.2">
      <c r="A4572" s="17">
        <v>17264</v>
      </c>
      <c r="B4572" s="17"/>
      <c r="C4572" s="17"/>
      <c r="D4572" s="18" t="s">
        <v>2279</v>
      </c>
      <c r="E4572" s="18"/>
      <c r="F4572" s="18"/>
      <c r="G4572" s="18"/>
      <c r="H4572" s="18"/>
      <c r="I4572" s="18"/>
      <c r="J4572" s="18"/>
      <c r="K4572" s="18"/>
      <c r="L4572" s="18"/>
      <c r="M4572" s="18"/>
      <c r="N4572" s="18"/>
      <c r="O4572" s="18"/>
      <c r="P4572" s="19">
        <v>300</v>
      </c>
      <c r="Q4572" s="19"/>
      <c r="R4572" s="19"/>
      <c r="S4572" s="19"/>
      <c r="T4572" s="19">
        <v>250</v>
      </c>
      <c r="U4572" s="19"/>
      <c r="V4572" s="19"/>
      <c r="W4572" s="19"/>
      <c r="X4572" s="19">
        <v>5</v>
      </c>
      <c r="Y4572" s="19"/>
      <c r="Z4572" s="19"/>
      <c r="AA4572" s="19"/>
    </row>
    <row r="4573" spans="1:27" s="1" customFormat="1" ht="11.1" customHeight="1" outlineLevel="2" x14ac:dyDescent="0.2">
      <c r="A4573" s="17"/>
      <c r="B4573" s="17"/>
      <c r="C4573" s="17"/>
      <c r="D4573" s="18"/>
      <c r="E4573" s="18"/>
      <c r="F4573" s="18"/>
      <c r="G4573" s="18"/>
      <c r="H4573" s="18"/>
      <c r="I4573" s="18"/>
      <c r="J4573" s="18"/>
      <c r="K4573" s="18"/>
      <c r="L4573" s="18"/>
      <c r="M4573" s="18"/>
      <c r="N4573" s="18"/>
      <c r="O4573" s="18"/>
      <c r="P4573" s="19"/>
      <c r="Q4573" s="19"/>
      <c r="R4573" s="19"/>
      <c r="S4573" s="19"/>
      <c r="T4573" s="19"/>
      <c r="U4573" s="19"/>
      <c r="V4573" s="19"/>
      <c r="W4573" s="19"/>
      <c r="X4573" s="19"/>
      <c r="Y4573" s="19"/>
      <c r="Z4573" s="19"/>
      <c r="AA4573" s="19"/>
    </row>
    <row r="4574" spans="1:27" s="1" customFormat="1" ht="11.1" customHeight="1" outlineLevel="2" x14ac:dyDescent="0.2">
      <c r="A4574" s="17">
        <v>17263</v>
      </c>
      <c r="B4574" s="17"/>
      <c r="C4574" s="17"/>
      <c r="D4574" s="18" t="s">
        <v>2280</v>
      </c>
      <c r="E4574" s="18"/>
      <c r="F4574" s="18"/>
      <c r="G4574" s="18"/>
      <c r="H4574" s="18"/>
      <c r="I4574" s="18"/>
      <c r="J4574" s="18"/>
      <c r="K4574" s="18"/>
      <c r="L4574" s="18"/>
      <c r="M4574" s="18"/>
      <c r="N4574" s="18"/>
      <c r="O4574" s="18"/>
      <c r="P4574" s="19">
        <v>300</v>
      </c>
      <c r="Q4574" s="19"/>
      <c r="R4574" s="19"/>
      <c r="S4574" s="19"/>
      <c r="T4574" s="19">
        <v>250</v>
      </c>
      <c r="U4574" s="19"/>
      <c r="V4574" s="19"/>
      <c r="W4574" s="19"/>
      <c r="X4574" s="19">
        <v>5</v>
      </c>
      <c r="Y4574" s="19"/>
      <c r="Z4574" s="19"/>
      <c r="AA4574" s="19"/>
    </row>
    <row r="4575" spans="1:27" s="1" customFormat="1" ht="11.1" customHeight="1" outlineLevel="2" x14ac:dyDescent="0.2">
      <c r="A4575" s="17"/>
      <c r="B4575" s="17"/>
      <c r="C4575" s="17"/>
      <c r="D4575" s="18"/>
      <c r="E4575" s="18"/>
      <c r="F4575" s="18"/>
      <c r="G4575" s="18"/>
      <c r="H4575" s="18"/>
      <c r="I4575" s="18"/>
      <c r="J4575" s="18"/>
      <c r="K4575" s="18"/>
      <c r="L4575" s="18"/>
      <c r="M4575" s="18"/>
      <c r="N4575" s="18"/>
      <c r="O4575" s="18"/>
      <c r="P4575" s="19"/>
      <c r="Q4575" s="19"/>
      <c r="R4575" s="19"/>
      <c r="S4575" s="19"/>
      <c r="T4575" s="19"/>
      <c r="U4575" s="19"/>
      <c r="V4575" s="19"/>
      <c r="W4575" s="19"/>
      <c r="X4575" s="19"/>
      <c r="Y4575" s="19"/>
      <c r="Z4575" s="19"/>
      <c r="AA4575" s="19"/>
    </row>
    <row r="4576" spans="1:27" s="1" customFormat="1" ht="11.1" customHeight="1" outlineLevel="2" x14ac:dyDescent="0.2">
      <c r="A4576" s="17">
        <v>17265</v>
      </c>
      <c r="B4576" s="17"/>
      <c r="C4576" s="17"/>
      <c r="D4576" s="18" t="s">
        <v>2281</v>
      </c>
      <c r="E4576" s="18"/>
      <c r="F4576" s="18"/>
      <c r="G4576" s="18"/>
      <c r="H4576" s="18"/>
      <c r="I4576" s="18"/>
      <c r="J4576" s="18"/>
      <c r="K4576" s="18"/>
      <c r="L4576" s="18"/>
      <c r="M4576" s="18"/>
      <c r="N4576" s="18"/>
      <c r="O4576" s="18"/>
      <c r="P4576" s="19">
        <v>300</v>
      </c>
      <c r="Q4576" s="19"/>
      <c r="R4576" s="19"/>
      <c r="S4576" s="19"/>
      <c r="T4576" s="19">
        <v>250</v>
      </c>
      <c r="U4576" s="19"/>
      <c r="V4576" s="19"/>
      <c r="W4576" s="19"/>
      <c r="X4576" s="19">
        <v>4</v>
      </c>
      <c r="Y4576" s="19"/>
      <c r="Z4576" s="19"/>
      <c r="AA4576" s="19"/>
    </row>
    <row r="4577" spans="1:27" s="1" customFormat="1" ht="11.1" customHeight="1" outlineLevel="2" x14ac:dyDescent="0.2">
      <c r="A4577" s="17"/>
      <c r="B4577" s="17"/>
      <c r="C4577" s="17"/>
      <c r="D4577" s="18"/>
      <c r="E4577" s="18"/>
      <c r="F4577" s="18"/>
      <c r="G4577" s="18"/>
      <c r="H4577" s="18"/>
      <c r="I4577" s="18"/>
      <c r="J4577" s="18"/>
      <c r="K4577" s="18"/>
      <c r="L4577" s="18"/>
      <c r="M4577" s="18"/>
      <c r="N4577" s="18"/>
      <c r="O4577" s="18"/>
      <c r="P4577" s="19"/>
      <c r="Q4577" s="19"/>
      <c r="R4577" s="19"/>
      <c r="S4577" s="19"/>
      <c r="T4577" s="19"/>
      <c r="U4577" s="19"/>
      <c r="V4577" s="19"/>
      <c r="W4577" s="19"/>
      <c r="X4577" s="19"/>
      <c r="Y4577" s="19"/>
      <c r="Z4577" s="19"/>
      <c r="AA4577" s="19"/>
    </row>
    <row r="4578" spans="1:27" s="1" customFormat="1" ht="14.1" customHeight="1" outlineLevel="2" x14ac:dyDescent="0.2">
      <c r="A4578" s="17">
        <v>17934</v>
      </c>
      <c r="B4578" s="17"/>
      <c r="C4578" s="17"/>
      <c r="D4578" s="18" t="s">
        <v>2282</v>
      </c>
      <c r="E4578" s="18"/>
      <c r="F4578" s="18"/>
      <c r="G4578" s="18"/>
      <c r="H4578" s="18"/>
      <c r="I4578" s="18"/>
      <c r="J4578" s="18"/>
      <c r="K4578" s="18"/>
      <c r="L4578" s="18"/>
      <c r="M4578" s="18"/>
      <c r="N4578" s="18"/>
      <c r="O4578" s="18"/>
      <c r="P4578" s="19">
        <v>500</v>
      </c>
      <c r="Q4578" s="19"/>
      <c r="R4578" s="19"/>
      <c r="S4578" s="19"/>
      <c r="T4578" s="19">
        <v>400</v>
      </c>
      <c r="U4578" s="19"/>
      <c r="V4578" s="19"/>
      <c r="W4578" s="19"/>
      <c r="X4578" s="19">
        <v>1</v>
      </c>
      <c r="Y4578" s="19"/>
      <c r="Z4578" s="19"/>
      <c r="AA4578" s="19"/>
    </row>
    <row r="4579" spans="1:27" s="1" customFormat="1" ht="14.1" customHeight="1" outlineLevel="2" x14ac:dyDescent="0.2">
      <c r="A4579" s="17"/>
      <c r="B4579" s="17"/>
      <c r="C4579" s="17"/>
      <c r="D4579" s="18"/>
      <c r="E4579" s="18"/>
      <c r="F4579" s="18"/>
      <c r="G4579" s="18"/>
      <c r="H4579" s="18"/>
      <c r="I4579" s="18"/>
      <c r="J4579" s="18"/>
      <c r="K4579" s="18"/>
      <c r="L4579" s="18"/>
      <c r="M4579" s="18"/>
      <c r="N4579" s="18"/>
      <c r="O4579" s="18"/>
      <c r="P4579" s="19"/>
      <c r="Q4579" s="19"/>
      <c r="R4579" s="19"/>
      <c r="S4579" s="19"/>
      <c r="T4579" s="19"/>
      <c r="U4579" s="19"/>
      <c r="V4579" s="19"/>
      <c r="W4579" s="19"/>
      <c r="X4579" s="19"/>
      <c r="Y4579" s="19"/>
      <c r="Z4579" s="19"/>
      <c r="AA4579" s="19"/>
    </row>
    <row r="4580" spans="1:27" s="1" customFormat="1" ht="11.1" customHeight="1" outlineLevel="2" x14ac:dyDescent="0.2">
      <c r="A4580" s="17">
        <v>7109</v>
      </c>
      <c r="B4580" s="17"/>
      <c r="C4580" s="17"/>
      <c r="D4580" s="18" t="s">
        <v>2283</v>
      </c>
      <c r="E4580" s="18"/>
      <c r="F4580" s="18"/>
      <c r="G4580" s="18"/>
      <c r="H4580" s="18"/>
      <c r="I4580" s="18"/>
      <c r="J4580" s="18"/>
      <c r="K4580" s="18"/>
      <c r="L4580" s="18"/>
      <c r="M4580" s="18"/>
      <c r="N4580" s="18"/>
      <c r="O4580" s="18"/>
      <c r="P4580" s="19">
        <v>290</v>
      </c>
      <c r="Q4580" s="19"/>
      <c r="R4580" s="19"/>
      <c r="S4580" s="19"/>
      <c r="T4580" s="19">
        <v>250</v>
      </c>
      <c r="U4580" s="19"/>
      <c r="V4580" s="19"/>
      <c r="W4580" s="19"/>
      <c r="X4580" s="19">
        <v>1</v>
      </c>
      <c r="Y4580" s="19"/>
      <c r="Z4580" s="19"/>
      <c r="AA4580" s="19"/>
    </row>
    <row r="4581" spans="1:27" s="1" customFormat="1" ht="11.1" customHeight="1" outlineLevel="2" x14ac:dyDescent="0.2">
      <c r="A4581" s="17"/>
      <c r="B4581" s="17"/>
      <c r="C4581" s="17"/>
      <c r="D4581" s="18"/>
      <c r="E4581" s="18"/>
      <c r="F4581" s="18"/>
      <c r="G4581" s="18"/>
      <c r="H4581" s="18"/>
      <c r="I4581" s="18"/>
      <c r="J4581" s="18"/>
      <c r="K4581" s="18"/>
      <c r="L4581" s="18"/>
      <c r="M4581" s="18"/>
      <c r="N4581" s="18"/>
      <c r="O4581" s="18"/>
      <c r="P4581" s="19"/>
      <c r="Q4581" s="19"/>
      <c r="R4581" s="19"/>
      <c r="S4581" s="19"/>
      <c r="T4581" s="19"/>
      <c r="U4581" s="19"/>
      <c r="V4581" s="19"/>
      <c r="W4581" s="19"/>
      <c r="X4581" s="19"/>
      <c r="Y4581" s="19"/>
      <c r="Z4581" s="19"/>
      <c r="AA4581" s="19"/>
    </row>
    <row r="4582" spans="1:27" s="1" customFormat="1" ht="11.1" customHeight="1" outlineLevel="2" x14ac:dyDescent="0.2">
      <c r="A4582" s="17">
        <v>13731</v>
      </c>
      <c r="B4582" s="17"/>
      <c r="C4582" s="17"/>
      <c r="D4582" s="18" t="s">
        <v>2284</v>
      </c>
      <c r="E4582" s="18"/>
      <c r="F4582" s="18"/>
      <c r="G4582" s="18"/>
      <c r="H4582" s="18"/>
      <c r="I4582" s="18"/>
      <c r="J4582" s="18"/>
      <c r="K4582" s="18"/>
      <c r="L4582" s="18"/>
      <c r="M4582" s="18"/>
      <c r="N4582" s="18"/>
      <c r="O4582" s="18"/>
      <c r="P4582" s="19">
        <v>220</v>
      </c>
      <c r="Q4582" s="19"/>
      <c r="R4582" s="19"/>
      <c r="S4582" s="19"/>
      <c r="T4582" s="19">
        <v>170</v>
      </c>
      <c r="U4582" s="19"/>
      <c r="V4582" s="19"/>
      <c r="W4582" s="19"/>
      <c r="X4582" s="19">
        <v>10</v>
      </c>
      <c r="Y4582" s="19"/>
      <c r="Z4582" s="19"/>
      <c r="AA4582" s="19"/>
    </row>
    <row r="4583" spans="1:27" s="1" customFormat="1" ht="11.1" customHeight="1" outlineLevel="2" x14ac:dyDescent="0.2">
      <c r="A4583" s="17"/>
      <c r="B4583" s="17"/>
      <c r="C4583" s="17"/>
      <c r="D4583" s="18"/>
      <c r="E4583" s="18"/>
      <c r="F4583" s="18"/>
      <c r="G4583" s="18"/>
      <c r="H4583" s="18"/>
      <c r="I4583" s="18"/>
      <c r="J4583" s="18"/>
      <c r="K4583" s="18"/>
      <c r="L4583" s="18"/>
      <c r="M4583" s="18"/>
      <c r="N4583" s="18"/>
      <c r="O4583" s="18"/>
      <c r="P4583" s="19"/>
      <c r="Q4583" s="19"/>
      <c r="R4583" s="19"/>
      <c r="S4583" s="19"/>
      <c r="T4583" s="19"/>
      <c r="U4583" s="19"/>
      <c r="V4583" s="19"/>
      <c r="W4583" s="19"/>
      <c r="X4583" s="19"/>
      <c r="Y4583" s="19"/>
      <c r="Z4583" s="19"/>
      <c r="AA4583" s="19"/>
    </row>
    <row r="4584" spans="1:27" s="1" customFormat="1" ht="11.1" customHeight="1" outlineLevel="2" x14ac:dyDescent="0.2">
      <c r="A4584" s="17">
        <v>15639</v>
      </c>
      <c r="B4584" s="17"/>
      <c r="C4584" s="17"/>
      <c r="D4584" s="18" t="s">
        <v>2285</v>
      </c>
      <c r="E4584" s="18"/>
      <c r="F4584" s="18"/>
      <c r="G4584" s="18"/>
      <c r="H4584" s="18"/>
      <c r="I4584" s="18"/>
      <c r="J4584" s="18"/>
      <c r="K4584" s="18"/>
      <c r="L4584" s="18"/>
      <c r="M4584" s="18"/>
      <c r="N4584" s="18"/>
      <c r="O4584" s="18"/>
      <c r="P4584" s="19">
        <v>200</v>
      </c>
      <c r="Q4584" s="19"/>
      <c r="R4584" s="19"/>
      <c r="S4584" s="19"/>
      <c r="T4584" s="19">
        <v>150</v>
      </c>
      <c r="U4584" s="19"/>
      <c r="V4584" s="19"/>
      <c r="W4584" s="19"/>
      <c r="X4584" s="19">
        <v>3</v>
      </c>
      <c r="Y4584" s="19"/>
      <c r="Z4584" s="19"/>
      <c r="AA4584" s="19"/>
    </row>
    <row r="4585" spans="1:27" s="1" customFormat="1" ht="11.1" customHeight="1" outlineLevel="2" x14ac:dyDescent="0.2">
      <c r="A4585" s="17"/>
      <c r="B4585" s="17"/>
      <c r="C4585" s="17"/>
      <c r="D4585" s="18"/>
      <c r="E4585" s="18"/>
      <c r="F4585" s="18"/>
      <c r="G4585" s="18"/>
      <c r="H4585" s="18"/>
      <c r="I4585" s="18"/>
      <c r="J4585" s="18"/>
      <c r="K4585" s="18"/>
      <c r="L4585" s="18"/>
      <c r="M4585" s="18"/>
      <c r="N4585" s="18"/>
      <c r="O4585" s="18"/>
      <c r="P4585" s="19"/>
      <c r="Q4585" s="19"/>
      <c r="R4585" s="19"/>
      <c r="S4585" s="19"/>
      <c r="T4585" s="19"/>
      <c r="U4585" s="19"/>
      <c r="V4585" s="19"/>
      <c r="W4585" s="19"/>
      <c r="X4585" s="19"/>
      <c r="Y4585" s="19"/>
      <c r="Z4585" s="19"/>
      <c r="AA4585" s="19"/>
    </row>
    <row r="4586" spans="1:27" s="1" customFormat="1" ht="11.1" customHeight="1" outlineLevel="2" x14ac:dyDescent="0.2">
      <c r="A4586" s="17">
        <v>6987</v>
      </c>
      <c r="B4586" s="17"/>
      <c r="C4586" s="17"/>
      <c r="D4586" s="18" t="s">
        <v>2286</v>
      </c>
      <c r="E4586" s="18"/>
      <c r="F4586" s="18"/>
      <c r="G4586" s="18"/>
      <c r="H4586" s="18"/>
      <c r="I4586" s="18"/>
      <c r="J4586" s="18"/>
      <c r="K4586" s="18"/>
      <c r="L4586" s="18"/>
      <c r="M4586" s="18"/>
      <c r="N4586" s="18"/>
      <c r="O4586" s="18"/>
      <c r="P4586" s="19">
        <v>230</v>
      </c>
      <c r="Q4586" s="19"/>
      <c r="R4586" s="19"/>
      <c r="S4586" s="19"/>
      <c r="T4586" s="19">
        <v>170</v>
      </c>
      <c r="U4586" s="19"/>
      <c r="V4586" s="19"/>
      <c r="W4586" s="19"/>
      <c r="X4586" s="19">
        <v>8</v>
      </c>
      <c r="Y4586" s="19"/>
      <c r="Z4586" s="19"/>
      <c r="AA4586" s="19"/>
    </row>
    <row r="4587" spans="1:27" s="1" customFormat="1" ht="11.1" customHeight="1" outlineLevel="2" x14ac:dyDescent="0.2">
      <c r="A4587" s="17"/>
      <c r="B4587" s="17"/>
      <c r="C4587" s="17"/>
      <c r="D4587" s="18"/>
      <c r="E4587" s="18"/>
      <c r="F4587" s="18"/>
      <c r="G4587" s="18"/>
      <c r="H4587" s="18"/>
      <c r="I4587" s="18"/>
      <c r="J4587" s="18"/>
      <c r="K4587" s="18"/>
      <c r="L4587" s="18"/>
      <c r="M4587" s="18"/>
      <c r="N4587" s="18"/>
      <c r="O4587" s="18"/>
      <c r="P4587" s="19"/>
      <c r="Q4587" s="19"/>
      <c r="R4587" s="19"/>
      <c r="S4587" s="19"/>
      <c r="T4587" s="19"/>
      <c r="U4587" s="19"/>
      <c r="V4587" s="19"/>
      <c r="W4587" s="19"/>
      <c r="X4587" s="19"/>
      <c r="Y4587" s="19"/>
      <c r="Z4587" s="19"/>
      <c r="AA4587" s="19"/>
    </row>
    <row r="4588" spans="1:27" s="1" customFormat="1" ht="11.1" customHeight="1" outlineLevel="2" x14ac:dyDescent="0.2">
      <c r="A4588" s="17">
        <v>6986</v>
      </c>
      <c r="B4588" s="17"/>
      <c r="C4588" s="17"/>
      <c r="D4588" s="18" t="s">
        <v>2287</v>
      </c>
      <c r="E4588" s="18"/>
      <c r="F4588" s="18"/>
      <c r="G4588" s="18"/>
      <c r="H4588" s="18"/>
      <c r="I4588" s="18"/>
      <c r="J4588" s="18"/>
      <c r="K4588" s="18"/>
      <c r="L4588" s="18"/>
      <c r="M4588" s="18"/>
      <c r="N4588" s="18"/>
      <c r="O4588" s="18"/>
      <c r="P4588" s="19">
        <v>230</v>
      </c>
      <c r="Q4588" s="19"/>
      <c r="R4588" s="19"/>
      <c r="S4588" s="19"/>
      <c r="T4588" s="19">
        <v>170</v>
      </c>
      <c r="U4588" s="19"/>
      <c r="V4588" s="19"/>
      <c r="W4588" s="19"/>
      <c r="X4588" s="19">
        <v>9</v>
      </c>
      <c r="Y4588" s="19"/>
      <c r="Z4588" s="19"/>
      <c r="AA4588" s="19"/>
    </row>
    <row r="4589" spans="1:27" s="1" customFormat="1" ht="11.1" customHeight="1" outlineLevel="2" x14ac:dyDescent="0.2">
      <c r="A4589" s="17"/>
      <c r="B4589" s="17"/>
      <c r="C4589" s="17"/>
      <c r="D4589" s="18"/>
      <c r="E4589" s="18"/>
      <c r="F4589" s="18"/>
      <c r="G4589" s="18"/>
      <c r="H4589" s="18"/>
      <c r="I4589" s="18"/>
      <c r="J4589" s="18"/>
      <c r="K4589" s="18"/>
      <c r="L4589" s="18"/>
      <c r="M4589" s="18"/>
      <c r="N4589" s="18"/>
      <c r="O4589" s="18"/>
      <c r="P4589" s="19"/>
      <c r="Q4589" s="19"/>
      <c r="R4589" s="19"/>
      <c r="S4589" s="19"/>
      <c r="T4589" s="19"/>
      <c r="U4589" s="19"/>
      <c r="V4589" s="19"/>
      <c r="W4589" s="19"/>
      <c r="X4589" s="19"/>
      <c r="Y4589" s="19"/>
      <c r="Z4589" s="19"/>
      <c r="AA4589" s="19"/>
    </row>
    <row r="4590" spans="1:27" s="1" customFormat="1" ht="14.1" customHeight="1" outlineLevel="2" x14ac:dyDescent="0.2">
      <c r="A4590" s="17">
        <v>16250</v>
      </c>
      <c r="B4590" s="17"/>
      <c r="C4590" s="17"/>
      <c r="D4590" s="18" t="s">
        <v>2288</v>
      </c>
      <c r="E4590" s="18"/>
      <c r="F4590" s="18"/>
      <c r="G4590" s="18"/>
      <c r="H4590" s="18"/>
      <c r="I4590" s="18"/>
      <c r="J4590" s="18"/>
      <c r="K4590" s="18"/>
      <c r="L4590" s="18"/>
      <c r="M4590" s="18"/>
      <c r="N4590" s="18"/>
      <c r="O4590" s="18"/>
      <c r="P4590" s="19">
        <v>300</v>
      </c>
      <c r="Q4590" s="19"/>
      <c r="R4590" s="19"/>
      <c r="S4590" s="19"/>
      <c r="T4590" s="19">
        <v>250</v>
      </c>
      <c r="U4590" s="19"/>
      <c r="V4590" s="19"/>
      <c r="W4590" s="19"/>
      <c r="X4590" s="19">
        <v>1</v>
      </c>
      <c r="Y4590" s="19"/>
      <c r="Z4590" s="19"/>
      <c r="AA4590" s="19"/>
    </row>
    <row r="4591" spans="1:27" s="1" customFormat="1" ht="14.1" customHeight="1" outlineLevel="2" x14ac:dyDescent="0.2">
      <c r="A4591" s="17"/>
      <c r="B4591" s="17"/>
      <c r="C4591" s="17"/>
      <c r="D4591" s="18"/>
      <c r="E4591" s="18"/>
      <c r="F4591" s="18"/>
      <c r="G4591" s="18"/>
      <c r="H4591" s="18"/>
      <c r="I4591" s="18"/>
      <c r="J4591" s="18"/>
      <c r="K4591" s="18"/>
      <c r="L4591" s="18"/>
      <c r="M4591" s="18"/>
      <c r="N4591" s="18"/>
      <c r="O4591" s="18"/>
      <c r="P4591" s="19"/>
      <c r="Q4591" s="19"/>
      <c r="R4591" s="19"/>
      <c r="S4591" s="19"/>
      <c r="T4591" s="19"/>
      <c r="U4591" s="19"/>
      <c r="V4591" s="19"/>
      <c r="W4591" s="19"/>
      <c r="X4591" s="19"/>
      <c r="Y4591" s="19"/>
      <c r="Z4591" s="19"/>
      <c r="AA4591" s="19"/>
    </row>
    <row r="4592" spans="1:27" s="1" customFormat="1" ht="14.1" customHeight="1" outlineLevel="2" x14ac:dyDescent="0.2">
      <c r="A4592" s="17">
        <v>17431</v>
      </c>
      <c r="B4592" s="17"/>
      <c r="C4592" s="17"/>
      <c r="D4592" s="18" t="s">
        <v>2289</v>
      </c>
      <c r="E4592" s="18"/>
      <c r="F4592" s="18"/>
      <c r="G4592" s="18"/>
      <c r="H4592" s="18"/>
      <c r="I4592" s="18"/>
      <c r="J4592" s="18"/>
      <c r="K4592" s="18"/>
      <c r="L4592" s="18"/>
      <c r="M4592" s="18"/>
      <c r="N4592" s="18"/>
      <c r="O4592" s="18"/>
      <c r="P4592" s="19">
        <v>250</v>
      </c>
      <c r="Q4592" s="19"/>
      <c r="R4592" s="19"/>
      <c r="S4592" s="19"/>
      <c r="T4592" s="19">
        <v>200</v>
      </c>
      <c r="U4592" s="19"/>
      <c r="V4592" s="19"/>
      <c r="W4592" s="19"/>
      <c r="X4592" s="19">
        <v>1</v>
      </c>
      <c r="Y4592" s="19"/>
      <c r="Z4592" s="19"/>
      <c r="AA4592" s="19"/>
    </row>
    <row r="4593" spans="1:27" s="1" customFormat="1" ht="14.1" customHeight="1" outlineLevel="2" x14ac:dyDescent="0.2">
      <c r="A4593" s="17"/>
      <c r="B4593" s="17"/>
      <c r="C4593" s="17"/>
      <c r="D4593" s="18"/>
      <c r="E4593" s="18"/>
      <c r="F4593" s="18"/>
      <c r="G4593" s="18"/>
      <c r="H4593" s="18"/>
      <c r="I4593" s="18"/>
      <c r="J4593" s="18"/>
      <c r="K4593" s="18"/>
      <c r="L4593" s="18"/>
      <c r="M4593" s="18"/>
      <c r="N4593" s="18"/>
      <c r="O4593" s="18"/>
      <c r="P4593" s="19"/>
      <c r="Q4593" s="19"/>
      <c r="R4593" s="19"/>
      <c r="S4593" s="19"/>
      <c r="T4593" s="19"/>
      <c r="U4593" s="19"/>
      <c r="V4593" s="19"/>
      <c r="W4593" s="19"/>
      <c r="X4593" s="19"/>
      <c r="Y4593" s="19"/>
      <c r="Z4593" s="19"/>
      <c r="AA4593" s="19"/>
    </row>
    <row r="4594" spans="1:27" s="1" customFormat="1" ht="14.1" customHeight="1" outlineLevel="2" x14ac:dyDescent="0.2">
      <c r="A4594" s="17">
        <v>12730</v>
      </c>
      <c r="B4594" s="17"/>
      <c r="C4594" s="17"/>
      <c r="D4594" s="18" t="s">
        <v>2290</v>
      </c>
      <c r="E4594" s="18"/>
      <c r="F4594" s="18"/>
      <c r="G4594" s="18"/>
      <c r="H4594" s="18"/>
      <c r="I4594" s="18"/>
      <c r="J4594" s="18"/>
      <c r="K4594" s="18"/>
      <c r="L4594" s="18"/>
      <c r="M4594" s="18"/>
      <c r="N4594" s="18"/>
      <c r="O4594" s="18"/>
      <c r="P4594" s="19">
        <v>90</v>
      </c>
      <c r="Q4594" s="19"/>
      <c r="R4594" s="19"/>
      <c r="S4594" s="19"/>
      <c r="T4594" s="19">
        <v>50</v>
      </c>
      <c r="U4594" s="19"/>
      <c r="V4594" s="19"/>
      <c r="W4594" s="19"/>
      <c r="X4594" s="19">
        <v>1</v>
      </c>
      <c r="Y4594" s="19"/>
      <c r="Z4594" s="19"/>
      <c r="AA4594" s="19"/>
    </row>
    <row r="4595" spans="1:27" s="1" customFormat="1" ht="14.1" customHeight="1" outlineLevel="2" x14ac:dyDescent="0.2">
      <c r="A4595" s="17"/>
      <c r="B4595" s="17"/>
      <c r="C4595" s="17"/>
      <c r="D4595" s="18"/>
      <c r="E4595" s="18"/>
      <c r="F4595" s="18"/>
      <c r="G4595" s="18"/>
      <c r="H4595" s="18"/>
      <c r="I4595" s="18"/>
      <c r="J4595" s="18"/>
      <c r="K4595" s="18"/>
      <c r="L4595" s="18"/>
      <c r="M4595" s="18"/>
      <c r="N4595" s="18"/>
      <c r="O4595" s="18"/>
      <c r="P4595" s="19"/>
      <c r="Q4595" s="19"/>
      <c r="R4595" s="19"/>
      <c r="S4595" s="19"/>
      <c r="T4595" s="19"/>
      <c r="U4595" s="19"/>
      <c r="V4595" s="19"/>
      <c r="W4595" s="19"/>
      <c r="X4595" s="19"/>
      <c r="Y4595" s="19"/>
      <c r="Z4595" s="19"/>
      <c r="AA4595" s="19"/>
    </row>
    <row r="4596" spans="1:27" s="1" customFormat="1" ht="14.1" customHeight="1" outlineLevel="2" x14ac:dyDescent="0.2">
      <c r="A4596" s="17">
        <v>15045</v>
      </c>
      <c r="B4596" s="17"/>
      <c r="C4596" s="17"/>
      <c r="D4596" s="18" t="s">
        <v>2291</v>
      </c>
      <c r="E4596" s="18"/>
      <c r="F4596" s="18"/>
      <c r="G4596" s="18"/>
      <c r="H4596" s="18"/>
      <c r="I4596" s="18"/>
      <c r="J4596" s="18"/>
      <c r="K4596" s="18"/>
      <c r="L4596" s="18"/>
      <c r="M4596" s="18"/>
      <c r="N4596" s="18"/>
      <c r="O4596" s="18"/>
      <c r="P4596" s="20">
        <v>1300</v>
      </c>
      <c r="Q4596" s="20"/>
      <c r="R4596" s="20"/>
      <c r="S4596" s="20"/>
      <c r="T4596" s="20">
        <v>1200</v>
      </c>
      <c r="U4596" s="20"/>
      <c r="V4596" s="20"/>
      <c r="W4596" s="20"/>
      <c r="X4596" s="19">
        <v>1</v>
      </c>
      <c r="Y4596" s="19"/>
      <c r="Z4596" s="19"/>
      <c r="AA4596" s="19"/>
    </row>
    <row r="4597" spans="1:27" s="1" customFormat="1" ht="14.1" customHeight="1" outlineLevel="2" x14ac:dyDescent="0.2">
      <c r="A4597" s="17"/>
      <c r="B4597" s="17"/>
      <c r="C4597" s="17"/>
      <c r="D4597" s="18"/>
      <c r="E4597" s="18"/>
      <c r="F4597" s="18"/>
      <c r="G4597" s="18"/>
      <c r="H4597" s="18"/>
      <c r="I4597" s="18"/>
      <c r="J4597" s="18"/>
      <c r="K4597" s="18"/>
      <c r="L4597" s="18"/>
      <c r="M4597" s="18"/>
      <c r="N4597" s="18"/>
      <c r="O4597" s="18"/>
      <c r="P4597" s="20"/>
      <c r="Q4597" s="20"/>
      <c r="R4597" s="20"/>
      <c r="S4597" s="20"/>
      <c r="T4597" s="20"/>
      <c r="U4597" s="20"/>
      <c r="V4597" s="20"/>
      <c r="W4597" s="20"/>
      <c r="X4597" s="19"/>
      <c r="Y4597" s="19"/>
      <c r="Z4597" s="19"/>
      <c r="AA4597" s="19"/>
    </row>
    <row r="4598" spans="1:27" s="1" customFormat="1" ht="11.1" customHeight="1" outlineLevel="2" x14ac:dyDescent="0.2">
      <c r="A4598" s="17">
        <v>11595</v>
      </c>
      <c r="B4598" s="17"/>
      <c r="C4598" s="17"/>
      <c r="D4598" s="18" t="s">
        <v>2292</v>
      </c>
      <c r="E4598" s="18"/>
      <c r="F4598" s="18"/>
      <c r="G4598" s="18"/>
      <c r="H4598" s="18"/>
      <c r="I4598" s="18"/>
      <c r="J4598" s="18"/>
      <c r="K4598" s="18"/>
      <c r="L4598" s="18"/>
      <c r="M4598" s="18"/>
      <c r="N4598" s="18"/>
      <c r="O4598" s="18"/>
      <c r="P4598" s="19">
        <v>130</v>
      </c>
      <c r="Q4598" s="19"/>
      <c r="R4598" s="19"/>
      <c r="S4598" s="19"/>
      <c r="T4598" s="19">
        <v>90</v>
      </c>
      <c r="U4598" s="19"/>
      <c r="V4598" s="19"/>
      <c r="W4598" s="19"/>
      <c r="X4598" s="19">
        <v>3</v>
      </c>
      <c r="Y4598" s="19"/>
      <c r="Z4598" s="19"/>
      <c r="AA4598" s="19"/>
    </row>
    <row r="4599" spans="1:27" s="1" customFormat="1" ht="11.1" customHeight="1" outlineLevel="2" x14ac:dyDescent="0.2">
      <c r="A4599" s="17"/>
      <c r="B4599" s="17"/>
      <c r="C4599" s="17"/>
      <c r="D4599" s="18"/>
      <c r="E4599" s="18"/>
      <c r="F4599" s="18"/>
      <c r="G4599" s="18"/>
      <c r="H4599" s="18"/>
      <c r="I4599" s="18"/>
      <c r="J4599" s="18"/>
      <c r="K4599" s="18"/>
      <c r="L4599" s="18"/>
      <c r="M4599" s="18"/>
      <c r="N4599" s="18"/>
      <c r="O4599" s="18"/>
      <c r="P4599" s="19"/>
      <c r="Q4599" s="19"/>
      <c r="R4599" s="19"/>
      <c r="S4599" s="19"/>
      <c r="T4599" s="19"/>
      <c r="U4599" s="19"/>
      <c r="V4599" s="19"/>
      <c r="W4599" s="19"/>
      <c r="X4599" s="19"/>
      <c r="Y4599" s="19"/>
      <c r="Z4599" s="19"/>
      <c r="AA4599" s="19"/>
    </row>
    <row r="4600" spans="1:27" s="1" customFormat="1" ht="11.1" customHeight="1" outlineLevel="2" x14ac:dyDescent="0.2">
      <c r="A4600" s="17">
        <v>17400</v>
      </c>
      <c r="B4600" s="17"/>
      <c r="C4600" s="17"/>
      <c r="D4600" s="18" t="s">
        <v>2293</v>
      </c>
      <c r="E4600" s="18"/>
      <c r="F4600" s="18"/>
      <c r="G4600" s="18"/>
      <c r="H4600" s="18"/>
      <c r="I4600" s="18"/>
      <c r="J4600" s="18"/>
      <c r="K4600" s="18"/>
      <c r="L4600" s="18"/>
      <c r="M4600" s="18"/>
      <c r="N4600" s="18"/>
      <c r="O4600" s="18"/>
      <c r="P4600" s="19">
        <v>200</v>
      </c>
      <c r="Q4600" s="19"/>
      <c r="R4600" s="19"/>
      <c r="S4600" s="19"/>
      <c r="T4600" s="19">
        <v>100</v>
      </c>
      <c r="U4600" s="19"/>
      <c r="V4600" s="19"/>
      <c r="W4600" s="19"/>
      <c r="X4600" s="19">
        <v>1</v>
      </c>
      <c r="Y4600" s="19"/>
      <c r="Z4600" s="19"/>
      <c r="AA4600" s="19"/>
    </row>
    <row r="4601" spans="1:27" s="1" customFormat="1" ht="11.1" customHeight="1" outlineLevel="2" x14ac:dyDescent="0.2">
      <c r="A4601" s="17"/>
      <c r="B4601" s="17"/>
      <c r="C4601" s="17"/>
      <c r="D4601" s="18"/>
      <c r="E4601" s="18"/>
      <c r="F4601" s="18"/>
      <c r="G4601" s="18"/>
      <c r="H4601" s="18"/>
      <c r="I4601" s="18"/>
      <c r="J4601" s="18"/>
      <c r="K4601" s="18"/>
      <c r="L4601" s="18"/>
      <c r="M4601" s="18"/>
      <c r="N4601" s="18"/>
      <c r="O4601" s="18"/>
      <c r="P4601" s="19"/>
      <c r="Q4601" s="19"/>
      <c r="R4601" s="19"/>
      <c r="S4601" s="19"/>
      <c r="T4601" s="19"/>
      <c r="U4601" s="19"/>
      <c r="V4601" s="19"/>
      <c r="W4601" s="19"/>
      <c r="X4601" s="19"/>
      <c r="Y4601" s="19"/>
      <c r="Z4601" s="19"/>
      <c r="AA4601" s="19"/>
    </row>
    <row r="4602" spans="1:27" s="1" customFormat="1" ht="14.1" customHeight="1" outlineLevel="2" x14ac:dyDescent="0.2">
      <c r="A4602" s="17">
        <v>11734</v>
      </c>
      <c r="B4602" s="17"/>
      <c r="C4602" s="17"/>
      <c r="D4602" s="18" t="s">
        <v>2294</v>
      </c>
      <c r="E4602" s="18"/>
      <c r="F4602" s="18"/>
      <c r="G4602" s="18"/>
      <c r="H4602" s="18"/>
      <c r="I4602" s="18"/>
      <c r="J4602" s="18"/>
      <c r="K4602" s="18"/>
      <c r="L4602" s="18"/>
      <c r="M4602" s="18"/>
      <c r="N4602" s="18"/>
      <c r="O4602" s="18"/>
      <c r="P4602" s="19">
        <v>130</v>
      </c>
      <c r="Q4602" s="19"/>
      <c r="R4602" s="19"/>
      <c r="S4602" s="19"/>
      <c r="T4602" s="19">
        <v>80</v>
      </c>
      <c r="U4602" s="19"/>
      <c r="V4602" s="19"/>
      <c r="W4602" s="19"/>
      <c r="X4602" s="19">
        <v>21</v>
      </c>
      <c r="Y4602" s="19"/>
      <c r="Z4602" s="19"/>
      <c r="AA4602" s="19"/>
    </row>
    <row r="4603" spans="1:27" s="1" customFormat="1" ht="14.1" customHeight="1" outlineLevel="2" x14ac:dyDescent="0.2">
      <c r="A4603" s="17"/>
      <c r="B4603" s="17"/>
      <c r="C4603" s="17"/>
      <c r="D4603" s="18"/>
      <c r="E4603" s="18"/>
      <c r="F4603" s="18"/>
      <c r="G4603" s="18"/>
      <c r="H4603" s="18"/>
      <c r="I4603" s="18"/>
      <c r="J4603" s="18"/>
      <c r="K4603" s="18"/>
      <c r="L4603" s="18"/>
      <c r="M4603" s="18"/>
      <c r="N4603" s="18"/>
      <c r="O4603" s="18"/>
      <c r="P4603" s="19"/>
      <c r="Q4603" s="19"/>
      <c r="R4603" s="19"/>
      <c r="S4603" s="19"/>
      <c r="T4603" s="19"/>
      <c r="U4603" s="19"/>
      <c r="V4603" s="19"/>
      <c r="W4603" s="19"/>
      <c r="X4603" s="19"/>
      <c r="Y4603" s="19"/>
      <c r="Z4603" s="19"/>
      <c r="AA4603" s="19"/>
    </row>
    <row r="4604" spans="1:27" s="1" customFormat="1" ht="11.1" customHeight="1" outlineLevel="2" x14ac:dyDescent="0.2">
      <c r="A4604" s="17">
        <v>11733</v>
      </c>
      <c r="B4604" s="17"/>
      <c r="C4604" s="17"/>
      <c r="D4604" s="18" t="s">
        <v>2295</v>
      </c>
      <c r="E4604" s="18"/>
      <c r="F4604" s="18"/>
      <c r="G4604" s="18"/>
      <c r="H4604" s="18"/>
      <c r="I4604" s="18"/>
      <c r="J4604" s="18"/>
      <c r="K4604" s="18"/>
      <c r="L4604" s="18"/>
      <c r="M4604" s="18"/>
      <c r="N4604" s="18"/>
      <c r="O4604" s="18"/>
      <c r="P4604" s="19">
        <v>90</v>
      </c>
      <c r="Q4604" s="19"/>
      <c r="R4604" s="19"/>
      <c r="S4604" s="19"/>
      <c r="T4604" s="19">
        <v>60</v>
      </c>
      <c r="U4604" s="19"/>
      <c r="V4604" s="19"/>
      <c r="W4604" s="19"/>
      <c r="X4604" s="19">
        <v>2</v>
      </c>
      <c r="Y4604" s="19"/>
      <c r="Z4604" s="19"/>
      <c r="AA4604" s="19"/>
    </row>
    <row r="4605" spans="1:27" s="1" customFormat="1" ht="11.1" customHeight="1" outlineLevel="2" x14ac:dyDescent="0.2">
      <c r="A4605" s="17"/>
      <c r="B4605" s="17"/>
      <c r="C4605" s="17"/>
      <c r="D4605" s="18"/>
      <c r="E4605" s="18"/>
      <c r="F4605" s="18"/>
      <c r="G4605" s="18"/>
      <c r="H4605" s="18"/>
      <c r="I4605" s="18"/>
      <c r="J4605" s="18"/>
      <c r="K4605" s="18"/>
      <c r="L4605" s="18"/>
      <c r="M4605" s="18"/>
      <c r="N4605" s="18"/>
      <c r="O4605" s="18"/>
      <c r="P4605" s="19"/>
      <c r="Q4605" s="19"/>
      <c r="R4605" s="19"/>
      <c r="S4605" s="19"/>
      <c r="T4605" s="19"/>
      <c r="U4605" s="19"/>
      <c r="V4605" s="19"/>
      <c r="W4605" s="19"/>
      <c r="X4605" s="19"/>
      <c r="Y4605" s="19"/>
      <c r="Z4605" s="19"/>
      <c r="AA4605" s="19"/>
    </row>
    <row r="4606" spans="1:27" s="1" customFormat="1" ht="11.1" customHeight="1" outlineLevel="2" x14ac:dyDescent="0.2">
      <c r="A4606" s="17">
        <v>11732</v>
      </c>
      <c r="B4606" s="17"/>
      <c r="C4606" s="17"/>
      <c r="D4606" s="18" t="s">
        <v>2296</v>
      </c>
      <c r="E4606" s="18"/>
      <c r="F4606" s="18"/>
      <c r="G4606" s="18"/>
      <c r="H4606" s="18"/>
      <c r="I4606" s="18"/>
      <c r="J4606" s="18"/>
      <c r="K4606" s="18"/>
      <c r="L4606" s="18"/>
      <c r="M4606" s="18"/>
      <c r="N4606" s="18"/>
      <c r="O4606" s="18"/>
      <c r="P4606" s="19">
        <v>90</v>
      </c>
      <c r="Q4606" s="19"/>
      <c r="R4606" s="19"/>
      <c r="S4606" s="19"/>
      <c r="T4606" s="19">
        <v>60</v>
      </c>
      <c r="U4606" s="19"/>
      <c r="V4606" s="19"/>
      <c r="W4606" s="19"/>
      <c r="X4606" s="19">
        <v>1</v>
      </c>
      <c r="Y4606" s="19"/>
      <c r="Z4606" s="19"/>
      <c r="AA4606" s="19"/>
    </row>
    <row r="4607" spans="1:27" s="1" customFormat="1" ht="11.1" customHeight="1" outlineLevel="2" x14ac:dyDescent="0.2">
      <c r="A4607" s="17"/>
      <c r="B4607" s="17"/>
      <c r="C4607" s="17"/>
      <c r="D4607" s="18"/>
      <c r="E4607" s="18"/>
      <c r="F4607" s="18"/>
      <c r="G4607" s="18"/>
      <c r="H4607" s="18"/>
      <c r="I4607" s="18"/>
      <c r="J4607" s="18"/>
      <c r="K4607" s="18"/>
      <c r="L4607" s="18"/>
      <c r="M4607" s="18"/>
      <c r="N4607" s="18"/>
      <c r="O4607" s="18"/>
      <c r="P4607" s="19"/>
      <c r="Q4607" s="19"/>
      <c r="R4607" s="19"/>
      <c r="S4607" s="19"/>
      <c r="T4607" s="19"/>
      <c r="U4607" s="19"/>
      <c r="V4607" s="19"/>
      <c r="W4607" s="19"/>
      <c r="X4607" s="19"/>
      <c r="Y4607" s="19"/>
      <c r="Z4607" s="19"/>
      <c r="AA4607" s="19"/>
    </row>
    <row r="4608" spans="1:27" s="1" customFormat="1" ht="14.1" customHeight="1" outlineLevel="2" x14ac:dyDescent="0.2">
      <c r="A4608" s="17">
        <v>11731</v>
      </c>
      <c r="B4608" s="17"/>
      <c r="C4608" s="17"/>
      <c r="D4608" s="18" t="s">
        <v>2297</v>
      </c>
      <c r="E4608" s="18"/>
      <c r="F4608" s="18"/>
      <c r="G4608" s="18"/>
      <c r="H4608" s="18"/>
      <c r="I4608" s="18"/>
      <c r="J4608" s="18"/>
      <c r="K4608" s="18"/>
      <c r="L4608" s="18"/>
      <c r="M4608" s="18"/>
      <c r="N4608" s="18"/>
      <c r="O4608" s="18"/>
      <c r="P4608" s="19">
        <v>150</v>
      </c>
      <c r="Q4608" s="19"/>
      <c r="R4608" s="19"/>
      <c r="S4608" s="19"/>
      <c r="T4608" s="19">
        <v>100</v>
      </c>
      <c r="U4608" s="19"/>
      <c r="V4608" s="19"/>
      <c r="W4608" s="19"/>
      <c r="X4608" s="19">
        <v>1</v>
      </c>
      <c r="Y4608" s="19"/>
      <c r="Z4608" s="19"/>
      <c r="AA4608" s="19"/>
    </row>
    <row r="4609" spans="1:27" s="1" customFormat="1" ht="14.1" customHeight="1" outlineLevel="2" x14ac:dyDescent="0.2">
      <c r="A4609" s="17"/>
      <c r="B4609" s="17"/>
      <c r="C4609" s="17"/>
      <c r="D4609" s="18"/>
      <c r="E4609" s="18"/>
      <c r="F4609" s="18"/>
      <c r="G4609" s="18"/>
      <c r="H4609" s="18"/>
      <c r="I4609" s="18"/>
      <c r="J4609" s="18"/>
      <c r="K4609" s="18"/>
      <c r="L4609" s="18"/>
      <c r="M4609" s="18"/>
      <c r="N4609" s="18"/>
      <c r="O4609" s="18"/>
      <c r="P4609" s="19"/>
      <c r="Q4609" s="19"/>
      <c r="R4609" s="19"/>
      <c r="S4609" s="19"/>
      <c r="T4609" s="19"/>
      <c r="U4609" s="19"/>
      <c r="V4609" s="19"/>
      <c r="W4609" s="19"/>
      <c r="X4609" s="19"/>
      <c r="Y4609" s="19"/>
      <c r="Z4609" s="19"/>
      <c r="AA4609" s="19"/>
    </row>
    <row r="4610" spans="1:27" s="1" customFormat="1" ht="11.1" customHeight="1" outlineLevel="2" x14ac:dyDescent="0.2">
      <c r="A4610" s="17">
        <v>10310</v>
      </c>
      <c r="B4610" s="17"/>
      <c r="C4610" s="17"/>
      <c r="D4610" s="18" t="s">
        <v>2298</v>
      </c>
      <c r="E4610" s="18"/>
      <c r="F4610" s="18"/>
      <c r="G4610" s="18"/>
      <c r="H4610" s="18"/>
      <c r="I4610" s="18"/>
      <c r="J4610" s="18"/>
      <c r="K4610" s="18"/>
      <c r="L4610" s="18"/>
      <c r="M4610" s="18"/>
      <c r="N4610" s="18"/>
      <c r="O4610" s="18"/>
      <c r="P4610" s="19">
        <v>90</v>
      </c>
      <c r="Q4610" s="19"/>
      <c r="R4610" s="19"/>
      <c r="S4610" s="19"/>
      <c r="T4610" s="19">
        <v>60</v>
      </c>
      <c r="U4610" s="19"/>
      <c r="V4610" s="19"/>
      <c r="W4610" s="19"/>
      <c r="X4610" s="19">
        <v>1</v>
      </c>
      <c r="Y4610" s="19"/>
      <c r="Z4610" s="19"/>
      <c r="AA4610" s="19"/>
    </row>
    <row r="4611" spans="1:27" s="1" customFormat="1" ht="11.1" customHeight="1" outlineLevel="2" x14ac:dyDescent="0.2">
      <c r="A4611" s="17"/>
      <c r="B4611" s="17"/>
      <c r="C4611" s="17"/>
      <c r="D4611" s="18"/>
      <c r="E4611" s="18"/>
      <c r="F4611" s="18"/>
      <c r="G4611" s="18"/>
      <c r="H4611" s="18"/>
      <c r="I4611" s="18"/>
      <c r="J4611" s="18"/>
      <c r="K4611" s="18"/>
      <c r="L4611" s="18"/>
      <c r="M4611" s="18"/>
      <c r="N4611" s="18"/>
      <c r="O4611" s="18"/>
      <c r="P4611" s="19"/>
      <c r="Q4611" s="19"/>
      <c r="R4611" s="19"/>
      <c r="S4611" s="19"/>
      <c r="T4611" s="19"/>
      <c r="U4611" s="19"/>
      <c r="V4611" s="19"/>
      <c r="W4611" s="19"/>
      <c r="X4611" s="19"/>
      <c r="Y4611" s="19"/>
      <c r="Z4611" s="19"/>
      <c r="AA4611" s="19"/>
    </row>
    <row r="4612" spans="1:27" s="1" customFormat="1" ht="11.1" customHeight="1" outlineLevel="2" x14ac:dyDescent="0.2">
      <c r="A4612" s="17">
        <v>11735</v>
      </c>
      <c r="B4612" s="17"/>
      <c r="C4612" s="17"/>
      <c r="D4612" s="18" t="s">
        <v>2299</v>
      </c>
      <c r="E4612" s="18"/>
      <c r="F4612" s="18"/>
      <c r="G4612" s="18"/>
      <c r="H4612" s="18"/>
      <c r="I4612" s="18"/>
      <c r="J4612" s="18"/>
      <c r="K4612" s="18"/>
      <c r="L4612" s="18"/>
      <c r="M4612" s="18"/>
      <c r="N4612" s="18"/>
      <c r="O4612" s="18"/>
      <c r="P4612" s="19">
        <v>95</v>
      </c>
      <c r="Q4612" s="19"/>
      <c r="R4612" s="19"/>
      <c r="S4612" s="19"/>
      <c r="T4612" s="19">
        <v>65</v>
      </c>
      <c r="U4612" s="19"/>
      <c r="V4612" s="19"/>
      <c r="W4612" s="19"/>
      <c r="X4612" s="19">
        <v>1</v>
      </c>
      <c r="Y4612" s="19"/>
      <c r="Z4612" s="19"/>
      <c r="AA4612" s="19"/>
    </row>
    <row r="4613" spans="1:27" s="1" customFormat="1" ht="11.1" customHeight="1" outlineLevel="2" x14ac:dyDescent="0.2">
      <c r="A4613" s="17"/>
      <c r="B4613" s="17"/>
      <c r="C4613" s="17"/>
      <c r="D4613" s="18"/>
      <c r="E4613" s="18"/>
      <c r="F4613" s="18"/>
      <c r="G4613" s="18"/>
      <c r="H4613" s="18"/>
      <c r="I4613" s="18"/>
      <c r="J4613" s="18"/>
      <c r="K4613" s="18"/>
      <c r="L4613" s="18"/>
      <c r="M4613" s="18"/>
      <c r="N4613" s="18"/>
      <c r="O4613" s="18"/>
      <c r="P4613" s="19"/>
      <c r="Q4613" s="19"/>
      <c r="R4613" s="19"/>
      <c r="S4613" s="19"/>
      <c r="T4613" s="19"/>
      <c r="U4613" s="19"/>
      <c r="V4613" s="19"/>
      <c r="W4613" s="19"/>
      <c r="X4613" s="19"/>
      <c r="Y4613" s="19"/>
      <c r="Z4613" s="19"/>
      <c r="AA4613" s="19"/>
    </row>
    <row r="4614" spans="1:27" s="1" customFormat="1" ht="14.1" customHeight="1" outlineLevel="2" x14ac:dyDescent="0.2">
      <c r="A4614" s="17">
        <v>13566</v>
      </c>
      <c r="B4614" s="17"/>
      <c r="C4614" s="17"/>
      <c r="D4614" s="18" t="s">
        <v>2300</v>
      </c>
      <c r="E4614" s="18"/>
      <c r="F4614" s="18"/>
      <c r="G4614" s="18"/>
      <c r="H4614" s="18"/>
      <c r="I4614" s="18"/>
      <c r="J4614" s="18"/>
      <c r="K4614" s="18"/>
      <c r="L4614" s="18"/>
      <c r="M4614" s="18"/>
      <c r="N4614" s="18"/>
      <c r="O4614" s="18"/>
      <c r="P4614" s="19">
        <v>120</v>
      </c>
      <c r="Q4614" s="19"/>
      <c r="R4614" s="19"/>
      <c r="S4614" s="19"/>
      <c r="T4614" s="19">
        <v>80</v>
      </c>
      <c r="U4614" s="19"/>
      <c r="V4614" s="19"/>
      <c r="W4614" s="19"/>
      <c r="X4614" s="19">
        <v>19</v>
      </c>
      <c r="Y4614" s="19"/>
      <c r="Z4614" s="19"/>
      <c r="AA4614" s="19"/>
    </row>
    <row r="4615" spans="1:27" s="1" customFormat="1" ht="14.1" customHeight="1" outlineLevel="2" x14ac:dyDescent="0.2">
      <c r="A4615" s="17"/>
      <c r="B4615" s="17"/>
      <c r="C4615" s="17"/>
      <c r="D4615" s="18"/>
      <c r="E4615" s="18"/>
      <c r="F4615" s="18"/>
      <c r="G4615" s="18"/>
      <c r="H4615" s="18"/>
      <c r="I4615" s="18"/>
      <c r="J4615" s="18"/>
      <c r="K4615" s="18"/>
      <c r="L4615" s="18"/>
      <c r="M4615" s="18"/>
      <c r="N4615" s="18"/>
      <c r="O4615" s="18"/>
      <c r="P4615" s="19"/>
      <c r="Q4615" s="19"/>
      <c r="R4615" s="19"/>
      <c r="S4615" s="19"/>
      <c r="T4615" s="19"/>
      <c r="U4615" s="19"/>
      <c r="V4615" s="19"/>
      <c r="W4615" s="19"/>
      <c r="X4615" s="19"/>
      <c r="Y4615" s="19"/>
      <c r="Z4615" s="19"/>
      <c r="AA4615" s="19"/>
    </row>
    <row r="4616" spans="1:27" s="1" customFormat="1" ht="14.1" customHeight="1" outlineLevel="2" x14ac:dyDescent="0.2">
      <c r="A4616" s="17">
        <v>13565</v>
      </c>
      <c r="B4616" s="17"/>
      <c r="C4616" s="17"/>
      <c r="D4616" s="18" t="s">
        <v>2301</v>
      </c>
      <c r="E4616" s="18"/>
      <c r="F4616" s="18"/>
      <c r="G4616" s="18"/>
      <c r="H4616" s="18"/>
      <c r="I4616" s="18"/>
      <c r="J4616" s="18"/>
      <c r="K4616" s="18"/>
      <c r="L4616" s="18"/>
      <c r="M4616" s="18"/>
      <c r="N4616" s="18"/>
      <c r="O4616" s="18"/>
      <c r="P4616" s="19">
        <v>120</v>
      </c>
      <c r="Q4616" s="19"/>
      <c r="R4616" s="19"/>
      <c r="S4616" s="19"/>
      <c r="T4616" s="19">
        <v>80</v>
      </c>
      <c r="U4616" s="19"/>
      <c r="V4616" s="19"/>
      <c r="W4616" s="19"/>
      <c r="X4616" s="19">
        <v>18</v>
      </c>
      <c r="Y4616" s="19"/>
      <c r="Z4616" s="19"/>
      <c r="AA4616" s="19"/>
    </row>
    <row r="4617" spans="1:27" s="1" customFormat="1" ht="14.1" customHeight="1" outlineLevel="2" x14ac:dyDescent="0.2">
      <c r="A4617" s="17"/>
      <c r="B4617" s="17"/>
      <c r="C4617" s="17"/>
      <c r="D4617" s="18"/>
      <c r="E4617" s="18"/>
      <c r="F4617" s="18"/>
      <c r="G4617" s="18"/>
      <c r="H4617" s="18"/>
      <c r="I4617" s="18"/>
      <c r="J4617" s="18"/>
      <c r="K4617" s="18"/>
      <c r="L4617" s="18"/>
      <c r="M4617" s="18"/>
      <c r="N4617" s="18"/>
      <c r="O4617" s="18"/>
      <c r="P4617" s="19"/>
      <c r="Q4617" s="19"/>
      <c r="R4617" s="19"/>
      <c r="S4617" s="19"/>
      <c r="T4617" s="19"/>
      <c r="U4617" s="19"/>
      <c r="V4617" s="19"/>
      <c r="W4617" s="19"/>
      <c r="X4617" s="19"/>
      <c r="Y4617" s="19"/>
      <c r="Z4617" s="19"/>
      <c r="AA4617" s="19"/>
    </row>
    <row r="4618" spans="1:27" s="1" customFormat="1" ht="14.1" customHeight="1" outlineLevel="2" x14ac:dyDescent="0.2">
      <c r="A4618" s="17">
        <v>13568</v>
      </c>
      <c r="B4618" s="17"/>
      <c r="C4618" s="17"/>
      <c r="D4618" s="18" t="s">
        <v>2302</v>
      </c>
      <c r="E4618" s="18"/>
      <c r="F4618" s="18"/>
      <c r="G4618" s="18"/>
      <c r="H4618" s="18"/>
      <c r="I4618" s="18"/>
      <c r="J4618" s="18"/>
      <c r="K4618" s="18"/>
      <c r="L4618" s="18"/>
      <c r="M4618" s="18"/>
      <c r="N4618" s="18"/>
      <c r="O4618" s="18"/>
      <c r="P4618" s="19">
        <v>50</v>
      </c>
      <c r="Q4618" s="19"/>
      <c r="R4618" s="19"/>
      <c r="S4618" s="19"/>
      <c r="T4618" s="19">
        <v>30</v>
      </c>
      <c r="U4618" s="19"/>
      <c r="V4618" s="19"/>
      <c r="W4618" s="19"/>
      <c r="X4618" s="19">
        <v>39</v>
      </c>
      <c r="Y4618" s="19"/>
      <c r="Z4618" s="19"/>
      <c r="AA4618" s="19"/>
    </row>
    <row r="4619" spans="1:27" s="1" customFormat="1" ht="14.1" customHeight="1" outlineLevel="2" x14ac:dyDescent="0.2">
      <c r="A4619" s="17"/>
      <c r="B4619" s="17"/>
      <c r="C4619" s="17"/>
      <c r="D4619" s="18"/>
      <c r="E4619" s="18"/>
      <c r="F4619" s="18"/>
      <c r="G4619" s="18"/>
      <c r="H4619" s="18"/>
      <c r="I4619" s="18"/>
      <c r="J4619" s="18"/>
      <c r="K4619" s="18"/>
      <c r="L4619" s="18"/>
      <c r="M4619" s="18"/>
      <c r="N4619" s="18"/>
      <c r="O4619" s="18"/>
      <c r="P4619" s="19"/>
      <c r="Q4619" s="19"/>
      <c r="R4619" s="19"/>
      <c r="S4619" s="19"/>
      <c r="T4619" s="19"/>
      <c r="U4619" s="19"/>
      <c r="V4619" s="19"/>
      <c r="W4619" s="19"/>
      <c r="X4619" s="19"/>
      <c r="Y4619" s="19"/>
      <c r="Z4619" s="19"/>
      <c r="AA4619" s="19"/>
    </row>
    <row r="4620" spans="1:27" s="1" customFormat="1" ht="14.1" customHeight="1" outlineLevel="2" x14ac:dyDescent="0.2">
      <c r="A4620" s="17">
        <v>13567</v>
      </c>
      <c r="B4620" s="17"/>
      <c r="C4620" s="17"/>
      <c r="D4620" s="18" t="s">
        <v>2303</v>
      </c>
      <c r="E4620" s="18"/>
      <c r="F4620" s="18"/>
      <c r="G4620" s="18"/>
      <c r="H4620" s="18"/>
      <c r="I4620" s="18"/>
      <c r="J4620" s="18"/>
      <c r="K4620" s="18"/>
      <c r="L4620" s="18"/>
      <c r="M4620" s="18"/>
      <c r="N4620" s="18"/>
      <c r="O4620" s="18"/>
      <c r="P4620" s="19">
        <v>50</v>
      </c>
      <c r="Q4620" s="19"/>
      <c r="R4620" s="19"/>
      <c r="S4620" s="19"/>
      <c r="T4620" s="19">
        <v>30</v>
      </c>
      <c r="U4620" s="19"/>
      <c r="V4620" s="19"/>
      <c r="W4620" s="19"/>
      <c r="X4620" s="19">
        <v>39</v>
      </c>
      <c r="Y4620" s="19"/>
      <c r="Z4620" s="19"/>
      <c r="AA4620" s="19"/>
    </row>
    <row r="4621" spans="1:27" s="1" customFormat="1" ht="14.1" customHeight="1" outlineLevel="2" x14ac:dyDescent="0.2">
      <c r="A4621" s="17"/>
      <c r="B4621" s="17"/>
      <c r="C4621" s="17"/>
      <c r="D4621" s="18"/>
      <c r="E4621" s="18"/>
      <c r="F4621" s="18"/>
      <c r="G4621" s="18"/>
      <c r="H4621" s="18"/>
      <c r="I4621" s="18"/>
      <c r="J4621" s="18"/>
      <c r="K4621" s="18"/>
      <c r="L4621" s="18"/>
      <c r="M4621" s="18"/>
      <c r="N4621" s="18"/>
      <c r="O4621" s="18"/>
      <c r="P4621" s="19"/>
      <c r="Q4621" s="19"/>
      <c r="R4621" s="19"/>
      <c r="S4621" s="19"/>
      <c r="T4621" s="19"/>
      <c r="U4621" s="19"/>
      <c r="V4621" s="19"/>
      <c r="W4621" s="19"/>
      <c r="X4621" s="19"/>
      <c r="Y4621" s="19"/>
      <c r="Z4621" s="19"/>
      <c r="AA4621" s="19"/>
    </row>
    <row r="4622" spans="1:27" s="1" customFormat="1" ht="14.1" customHeight="1" outlineLevel="2" x14ac:dyDescent="0.2">
      <c r="A4622" s="17">
        <v>13570</v>
      </c>
      <c r="B4622" s="17"/>
      <c r="C4622" s="17"/>
      <c r="D4622" s="18" t="s">
        <v>2304</v>
      </c>
      <c r="E4622" s="18"/>
      <c r="F4622" s="18"/>
      <c r="G4622" s="18"/>
      <c r="H4622" s="18"/>
      <c r="I4622" s="18"/>
      <c r="J4622" s="18"/>
      <c r="K4622" s="18"/>
      <c r="L4622" s="18"/>
      <c r="M4622" s="18"/>
      <c r="N4622" s="18"/>
      <c r="O4622" s="18"/>
      <c r="P4622" s="19">
        <v>120</v>
      </c>
      <c r="Q4622" s="19"/>
      <c r="R4622" s="19"/>
      <c r="S4622" s="19"/>
      <c r="T4622" s="19">
        <v>80</v>
      </c>
      <c r="U4622" s="19"/>
      <c r="V4622" s="19"/>
      <c r="W4622" s="19"/>
      <c r="X4622" s="19">
        <v>18</v>
      </c>
      <c r="Y4622" s="19"/>
      <c r="Z4622" s="19"/>
      <c r="AA4622" s="19"/>
    </row>
    <row r="4623" spans="1:27" s="1" customFormat="1" ht="14.1" customHeight="1" outlineLevel="2" x14ac:dyDescent="0.2">
      <c r="A4623" s="17"/>
      <c r="B4623" s="17"/>
      <c r="C4623" s="17"/>
      <c r="D4623" s="18"/>
      <c r="E4623" s="18"/>
      <c r="F4623" s="18"/>
      <c r="G4623" s="18"/>
      <c r="H4623" s="18"/>
      <c r="I4623" s="18"/>
      <c r="J4623" s="18"/>
      <c r="K4623" s="18"/>
      <c r="L4623" s="18"/>
      <c r="M4623" s="18"/>
      <c r="N4623" s="18"/>
      <c r="O4623" s="18"/>
      <c r="P4623" s="19"/>
      <c r="Q4623" s="19"/>
      <c r="R4623" s="19"/>
      <c r="S4623" s="19"/>
      <c r="T4623" s="19"/>
      <c r="U4623" s="19"/>
      <c r="V4623" s="19"/>
      <c r="W4623" s="19"/>
      <c r="X4623" s="19"/>
      <c r="Y4623" s="19"/>
      <c r="Z4623" s="19"/>
      <c r="AA4623" s="19"/>
    </row>
    <row r="4624" spans="1:27" s="1" customFormat="1" ht="14.1" customHeight="1" outlineLevel="2" x14ac:dyDescent="0.2">
      <c r="A4624" s="17">
        <v>13569</v>
      </c>
      <c r="B4624" s="17"/>
      <c r="C4624" s="17"/>
      <c r="D4624" s="18" t="s">
        <v>2305</v>
      </c>
      <c r="E4624" s="18"/>
      <c r="F4624" s="18"/>
      <c r="G4624" s="18"/>
      <c r="H4624" s="18"/>
      <c r="I4624" s="18"/>
      <c r="J4624" s="18"/>
      <c r="K4624" s="18"/>
      <c r="L4624" s="18"/>
      <c r="M4624" s="18"/>
      <c r="N4624" s="18"/>
      <c r="O4624" s="18"/>
      <c r="P4624" s="19">
        <v>120</v>
      </c>
      <c r="Q4624" s="19"/>
      <c r="R4624" s="19"/>
      <c r="S4624" s="19"/>
      <c r="T4624" s="19">
        <v>80</v>
      </c>
      <c r="U4624" s="19"/>
      <c r="V4624" s="19"/>
      <c r="W4624" s="19"/>
      <c r="X4624" s="19">
        <v>12</v>
      </c>
      <c r="Y4624" s="19"/>
      <c r="Z4624" s="19"/>
      <c r="AA4624" s="19"/>
    </row>
    <row r="4625" spans="1:27" s="1" customFormat="1" ht="14.1" customHeight="1" outlineLevel="2" x14ac:dyDescent="0.2">
      <c r="A4625" s="17"/>
      <c r="B4625" s="17"/>
      <c r="C4625" s="17"/>
      <c r="D4625" s="18"/>
      <c r="E4625" s="18"/>
      <c r="F4625" s="18"/>
      <c r="G4625" s="18"/>
      <c r="H4625" s="18"/>
      <c r="I4625" s="18"/>
      <c r="J4625" s="18"/>
      <c r="K4625" s="18"/>
      <c r="L4625" s="18"/>
      <c r="M4625" s="18"/>
      <c r="N4625" s="18"/>
      <c r="O4625" s="18"/>
      <c r="P4625" s="19"/>
      <c r="Q4625" s="19"/>
      <c r="R4625" s="19"/>
      <c r="S4625" s="19"/>
      <c r="T4625" s="19"/>
      <c r="U4625" s="19"/>
      <c r="V4625" s="19"/>
      <c r="W4625" s="19"/>
      <c r="X4625" s="19"/>
      <c r="Y4625" s="19"/>
      <c r="Z4625" s="19"/>
      <c r="AA4625" s="19"/>
    </row>
    <row r="4626" spans="1:27" s="1" customFormat="1" ht="14.1" customHeight="1" outlineLevel="2" x14ac:dyDescent="0.2">
      <c r="A4626" s="17">
        <v>13935</v>
      </c>
      <c r="B4626" s="17"/>
      <c r="C4626" s="17"/>
      <c r="D4626" s="18" t="s">
        <v>2306</v>
      </c>
      <c r="E4626" s="18"/>
      <c r="F4626" s="18"/>
      <c r="G4626" s="18"/>
      <c r="H4626" s="18"/>
      <c r="I4626" s="18"/>
      <c r="J4626" s="18"/>
      <c r="K4626" s="18"/>
      <c r="L4626" s="18"/>
      <c r="M4626" s="18"/>
      <c r="N4626" s="18"/>
      <c r="O4626" s="18"/>
      <c r="P4626" s="19">
        <v>140</v>
      </c>
      <c r="Q4626" s="19"/>
      <c r="R4626" s="19"/>
      <c r="S4626" s="19"/>
      <c r="T4626" s="19">
        <v>90</v>
      </c>
      <c r="U4626" s="19"/>
      <c r="V4626" s="19"/>
      <c r="W4626" s="19"/>
      <c r="X4626" s="19">
        <v>20</v>
      </c>
      <c r="Y4626" s="19"/>
      <c r="Z4626" s="19"/>
      <c r="AA4626" s="19"/>
    </row>
    <row r="4627" spans="1:27" s="1" customFormat="1" ht="14.1" customHeight="1" outlineLevel="2" x14ac:dyDescent="0.2">
      <c r="A4627" s="17"/>
      <c r="B4627" s="17"/>
      <c r="C4627" s="17"/>
      <c r="D4627" s="18"/>
      <c r="E4627" s="18"/>
      <c r="F4627" s="18"/>
      <c r="G4627" s="18"/>
      <c r="H4627" s="18"/>
      <c r="I4627" s="18"/>
      <c r="J4627" s="18"/>
      <c r="K4627" s="18"/>
      <c r="L4627" s="18"/>
      <c r="M4627" s="18"/>
      <c r="N4627" s="18"/>
      <c r="O4627" s="18"/>
      <c r="P4627" s="19"/>
      <c r="Q4627" s="19"/>
      <c r="R4627" s="19"/>
      <c r="S4627" s="19"/>
      <c r="T4627" s="19"/>
      <c r="U4627" s="19"/>
      <c r="V4627" s="19"/>
      <c r="W4627" s="19"/>
      <c r="X4627" s="19"/>
      <c r="Y4627" s="19"/>
      <c r="Z4627" s="19"/>
      <c r="AA4627" s="19"/>
    </row>
    <row r="4628" spans="1:27" s="1" customFormat="1" ht="14.1" customHeight="1" outlineLevel="2" x14ac:dyDescent="0.2">
      <c r="A4628" s="17">
        <v>16255</v>
      </c>
      <c r="B4628" s="17"/>
      <c r="C4628" s="17"/>
      <c r="D4628" s="18" t="s">
        <v>2307</v>
      </c>
      <c r="E4628" s="18"/>
      <c r="F4628" s="18"/>
      <c r="G4628" s="18"/>
      <c r="H4628" s="18"/>
      <c r="I4628" s="18"/>
      <c r="J4628" s="18"/>
      <c r="K4628" s="18"/>
      <c r="L4628" s="18"/>
      <c r="M4628" s="18"/>
      <c r="N4628" s="18"/>
      <c r="O4628" s="18"/>
      <c r="P4628" s="19">
        <v>200</v>
      </c>
      <c r="Q4628" s="19"/>
      <c r="R4628" s="19"/>
      <c r="S4628" s="19"/>
      <c r="T4628" s="19">
        <v>100</v>
      </c>
      <c r="U4628" s="19"/>
      <c r="V4628" s="19"/>
      <c r="W4628" s="19"/>
      <c r="X4628" s="19">
        <v>1</v>
      </c>
      <c r="Y4628" s="19"/>
      <c r="Z4628" s="19"/>
      <c r="AA4628" s="19"/>
    </row>
    <row r="4629" spans="1:27" s="1" customFormat="1" ht="14.1" customHeight="1" outlineLevel="2" x14ac:dyDescent="0.2">
      <c r="A4629" s="17"/>
      <c r="B4629" s="17"/>
      <c r="C4629" s="17"/>
      <c r="D4629" s="18"/>
      <c r="E4629" s="18"/>
      <c r="F4629" s="18"/>
      <c r="G4629" s="18"/>
      <c r="H4629" s="18"/>
      <c r="I4629" s="18"/>
      <c r="J4629" s="18"/>
      <c r="K4629" s="18"/>
      <c r="L4629" s="18"/>
      <c r="M4629" s="18"/>
      <c r="N4629" s="18"/>
      <c r="O4629" s="18"/>
      <c r="P4629" s="19"/>
      <c r="Q4629" s="19"/>
      <c r="R4629" s="19"/>
      <c r="S4629" s="19"/>
      <c r="T4629" s="19"/>
      <c r="U4629" s="19"/>
      <c r="V4629" s="19"/>
      <c r="W4629" s="19"/>
      <c r="X4629" s="19"/>
      <c r="Y4629" s="19"/>
      <c r="Z4629" s="19"/>
      <c r="AA4629" s="19"/>
    </row>
    <row r="4630" spans="1:27" s="1" customFormat="1" ht="11.1" customHeight="1" outlineLevel="2" x14ac:dyDescent="0.2">
      <c r="A4630" s="17">
        <v>10506</v>
      </c>
      <c r="B4630" s="17"/>
      <c r="C4630" s="17"/>
      <c r="D4630" s="18" t="s">
        <v>2308</v>
      </c>
      <c r="E4630" s="18"/>
      <c r="F4630" s="18"/>
      <c r="G4630" s="18"/>
      <c r="H4630" s="18"/>
      <c r="I4630" s="18"/>
      <c r="J4630" s="18"/>
      <c r="K4630" s="18"/>
      <c r="L4630" s="18"/>
      <c r="M4630" s="18"/>
      <c r="N4630" s="18"/>
      <c r="O4630" s="18"/>
      <c r="P4630" s="19">
        <v>150</v>
      </c>
      <c r="Q4630" s="19"/>
      <c r="R4630" s="19"/>
      <c r="S4630" s="19"/>
      <c r="T4630" s="19">
        <v>120</v>
      </c>
      <c r="U4630" s="19"/>
      <c r="V4630" s="19"/>
      <c r="W4630" s="19"/>
      <c r="X4630" s="19">
        <v>1</v>
      </c>
      <c r="Y4630" s="19"/>
      <c r="Z4630" s="19"/>
      <c r="AA4630" s="19"/>
    </row>
    <row r="4631" spans="1:27" s="1" customFormat="1" ht="11.1" customHeight="1" outlineLevel="2" x14ac:dyDescent="0.2">
      <c r="A4631" s="17"/>
      <c r="B4631" s="17"/>
      <c r="C4631" s="17"/>
      <c r="D4631" s="18"/>
      <c r="E4631" s="18"/>
      <c r="F4631" s="18"/>
      <c r="G4631" s="18"/>
      <c r="H4631" s="18"/>
      <c r="I4631" s="18"/>
      <c r="J4631" s="18"/>
      <c r="K4631" s="18"/>
      <c r="L4631" s="18"/>
      <c r="M4631" s="18"/>
      <c r="N4631" s="18"/>
      <c r="O4631" s="18"/>
      <c r="P4631" s="19"/>
      <c r="Q4631" s="19"/>
      <c r="R4631" s="19"/>
      <c r="S4631" s="19"/>
      <c r="T4631" s="19"/>
      <c r="U4631" s="19"/>
      <c r="V4631" s="19"/>
      <c r="W4631" s="19"/>
      <c r="X4631" s="19"/>
      <c r="Y4631" s="19"/>
      <c r="Z4631" s="19"/>
      <c r="AA4631" s="19"/>
    </row>
    <row r="4632" spans="1:27" s="1" customFormat="1" ht="14.1" customHeight="1" outlineLevel="2" x14ac:dyDescent="0.2">
      <c r="A4632" s="17">
        <v>17944</v>
      </c>
      <c r="B4632" s="17"/>
      <c r="C4632" s="17"/>
      <c r="D4632" s="18" t="s">
        <v>2309</v>
      </c>
      <c r="E4632" s="18"/>
      <c r="F4632" s="18"/>
      <c r="G4632" s="18"/>
      <c r="H4632" s="18"/>
      <c r="I4632" s="18"/>
      <c r="J4632" s="18"/>
      <c r="K4632" s="18"/>
      <c r="L4632" s="18"/>
      <c r="M4632" s="18"/>
      <c r="N4632" s="18"/>
      <c r="O4632" s="18"/>
      <c r="P4632" s="19">
        <v>200</v>
      </c>
      <c r="Q4632" s="19"/>
      <c r="R4632" s="19"/>
      <c r="S4632" s="19"/>
      <c r="T4632" s="19">
        <v>150</v>
      </c>
      <c r="U4632" s="19"/>
      <c r="V4632" s="19"/>
      <c r="W4632" s="19"/>
      <c r="X4632" s="19">
        <v>1</v>
      </c>
      <c r="Y4632" s="19"/>
      <c r="Z4632" s="19"/>
      <c r="AA4632" s="19"/>
    </row>
    <row r="4633" spans="1:27" s="1" customFormat="1" ht="14.1" customHeight="1" outlineLevel="2" x14ac:dyDescent="0.2">
      <c r="A4633" s="17"/>
      <c r="B4633" s="17"/>
      <c r="C4633" s="17"/>
      <c r="D4633" s="18"/>
      <c r="E4633" s="18"/>
      <c r="F4633" s="18"/>
      <c r="G4633" s="18"/>
      <c r="H4633" s="18"/>
      <c r="I4633" s="18"/>
      <c r="J4633" s="18"/>
      <c r="K4633" s="18"/>
      <c r="L4633" s="18"/>
      <c r="M4633" s="18"/>
      <c r="N4633" s="18"/>
      <c r="O4633" s="18"/>
      <c r="P4633" s="19"/>
      <c r="Q4633" s="19"/>
      <c r="R4633" s="19"/>
      <c r="S4633" s="19"/>
      <c r="T4633" s="19"/>
      <c r="U4633" s="19"/>
      <c r="V4633" s="19"/>
      <c r="W4633" s="19"/>
      <c r="X4633" s="19"/>
      <c r="Y4633" s="19"/>
      <c r="Z4633" s="19"/>
      <c r="AA4633" s="19"/>
    </row>
    <row r="4634" spans="1:27" s="1" customFormat="1" ht="11.1" customHeight="1" outlineLevel="2" x14ac:dyDescent="0.2">
      <c r="A4634" s="17">
        <v>13929</v>
      </c>
      <c r="B4634" s="17"/>
      <c r="C4634" s="17"/>
      <c r="D4634" s="18" t="s">
        <v>2310</v>
      </c>
      <c r="E4634" s="18"/>
      <c r="F4634" s="18"/>
      <c r="G4634" s="18"/>
      <c r="H4634" s="18"/>
      <c r="I4634" s="18"/>
      <c r="J4634" s="18"/>
      <c r="K4634" s="18"/>
      <c r="L4634" s="18"/>
      <c r="M4634" s="18"/>
      <c r="N4634" s="18"/>
      <c r="O4634" s="18"/>
      <c r="P4634" s="19">
        <v>580</v>
      </c>
      <c r="Q4634" s="19"/>
      <c r="R4634" s="19"/>
      <c r="S4634" s="19"/>
      <c r="T4634" s="19">
        <v>490</v>
      </c>
      <c r="U4634" s="19"/>
      <c r="V4634" s="19"/>
      <c r="W4634" s="19"/>
      <c r="X4634" s="19">
        <v>7</v>
      </c>
      <c r="Y4634" s="19"/>
      <c r="Z4634" s="19"/>
      <c r="AA4634" s="19"/>
    </row>
    <row r="4635" spans="1:27" s="1" customFormat="1" ht="11.1" customHeight="1" outlineLevel="2" x14ac:dyDescent="0.2">
      <c r="A4635" s="17"/>
      <c r="B4635" s="17"/>
      <c r="C4635" s="17"/>
      <c r="D4635" s="18"/>
      <c r="E4635" s="18"/>
      <c r="F4635" s="18"/>
      <c r="G4635" s="18"/>
      <c r="H4635" s="18"/>
      <c r="I4635" s="18"/>
      <c r="J4635" s="18"/>
      <c r="K4635" s="18"/>
      <c r="L4635" s="18"/>
      <c r="M4635" s="18"/>
      <c r="N4635" s="18"/>
      <c r="O4635" s="18"/>
      <c r="P4635" s="19"/>
      <c r="Q4635" s="19"/>
      <c r="R4635" s="19"/>
      <c r="S4635" s="19"/>
      <c r="T4635" s="19"/>
      <c r="U4635" s="19"/>
      <c r="V4635" s="19"/>
      <c r="W4635" s="19"/>
      <c r="X4635" s="19"/>
      <c r="Y4635" s="19"/>
      <c r="Z4635" s="19"/>
      <c r="AA4635" s="19"/>
    </row>
    <row r="4636" spans="1:27" s="1" customFormat="1" ht="14.1" customHeight="1" outlineLevel="2" x14ac:dyDescent="0.2">
      <c r="A4636" s="17">
        <v>15506</v>
      </c>
      <c r="B4636" s="17"/>
      <c r="C4636" s="17"/>
      <c r="D4636" s="18" t="s">
        <v>2311</v>
      </c>
      <c r="E4636" s="18"/>
      <c r="F4636" s="18"/>
      <c r="G4636" s="18"/>
      <c r="H4636" s="18"/>
      <c r="I4636" s="18"/>
      <c r="J4636" s="18"/>
      <c r="K4636" s="18"/>
      <c r="L4636" s="18"/>
      <c r="M4636" s="18"/>
      <c r="N4636" s="18"/>
      <c r="O4636" s="18"/>
      <c r="P4636" s="20">
        <v>1100</v>
      </c>
      <c r="Q4636" s="20"/>
      <c r="R4636" s="20"/>
      <c r="S4636" s="20"/>
      <c r="T4636" s="20">
        <v>1000</v>
      </c>
      <c r="U4636" s="20"/>
      <c r="V4636" s="20"/>
      <c r="W4636" s="20"/>
      <c r="X4636" s="19">
        <v>1</v>
      </c>
      <c r="Y4636" s="19"/>
      <c r="Z4636" s="19"/>
      <c r="AA4636" s="19"/>
    </row>
    <row r="4637" spans="1:27" s="1" customFormat="1" ht="14.1" customHeight="1" outlineLevel="2" x14ac:dyDescent="0.2">
      <c r="A4637" s="17"/>
      <c r="B4637" s="17"/>
      <c r="C4637" s="17"/>
      <c r="D4637" s="18"/>
      <c r="E4637" s="18"/>
      <c r="F4637" s="18"/>
      <c r="G4637" s="18"/>
      <c r="H4637" s="18"/>
      <c r="I4637" s="18"/>
      <c r="J4637" s="18"/>
      <c r="K4637" s="18"/>
      <c r="L4637" s="18"/>
      <c r="M4637" s="18"/>
      <c r="N4637" s="18"/>
      <c r="O4637" s="18"/>
      <c r="P4637" s="20"/>
      <c r="Q4637" s="20"/>
      <c r="R4637" s="20"/>
      <c r="S4637" s="20"/>
      <c r="T4637" s="20"/>
      <c r="U4637" s="20"/>
      <c r="V4637" s="20"/>
      <c r="W4637" s="20"/>
      <c r="X4637" s="19"/>
      <c r="Y4637" s="19"/>
      <c r="Z4637" s="19"/>
      <c r="AA4637" s="19"/>
    </row>
    <row r="4638" spans="1:27" s="1" customFormat="1" ht="11.1" customHeight="1" outlineLevel="2" x14ac:dyDescent="0.2">
      <c r="A4638" s="17">
        <v>6193</v>
      </c>
      <c r="B4638" s="17"/>
      <c r="C4638" s="17"/>
      <c r="D4638" s="18" t="s">
        <v>2312</v>
      </c>
      <c r="E4638" s="18"/>
      <c r="F4638" s="18"/>
      <c r="G4638" s="18"/>
      <c r="H4638" s="18"/>
      <c r="I4638" s="18"/>
      <c r="J4638" s="18"/>
      <c r="K4638" s="18"/>
      <c r="L4638" s="18"/>
      <c r="M4638" s="18"/>
      <c r="N4638" s="18"/>
      <c r="O4638" s="18"/>
      <c r="P4638" s="19">
        <v>390</v>
      </c>
      <c r="Q4638" s="19"/>
      <c r="R4638" s="19"/>
      <c r="S4638" s="19"/>
      <c r="T4638" s="19">
        <v>340</v>
      </c>
      <c r="U4638" s="19"/>
      <c r="V4638" s="19"/>
      <c r="W4638" s="19"/>
      <c r="X4638" s="19">
        <v>1</v>
      </c>
      <c r="Y4638" s="19"/>
      <c r="Z4638" s="19"/>
      <c r="AA4638" s="19"/>
    </row>
    <row r="4639" spans="1:27" s="1" customFormat="1" ht="11.1" customHeight="1" outlineLevel="2" x14ac:dyDescent="0.2">
      <c r="A4639" s="17"/>
      <c r="B4639" s="17"/>
      <c r="C4639" s="17"/>
      <c r="D4639" s="18"/>
      <c r="E4639" s="18"/>
      <c r="F4639" s="18"/>
      <c r="G4639" s="18"/>
      <c r="H4639" s="18"/>
      <c r="I4639" s="18"/>
      <c r="J4639" s="18"/>
      <c r="K4639" s="18"/>
      <c r="L4639" s="18"/>
      <c r="M4639" s="18"/>
      <c r="N4639" s="18"/>
      <c r="O4639" s="18"/>
      <c r="P4639" s="19"/>
      <c r="Q4639" s="19"/>
      <c r="R4639" s="19"/>
      <c r="S4639" s="19"/>
      <c r="T4639" s="19"/>
      <c r="U4639" s="19"/>
      <c r="V4639" s="19"/>
      <c r="W4639" s="19"/>
      <c r="X4639" s="19"/>
      <c r="Y4639" s="19"/>
      <c r="Z4639" s="19"/>
      <c r="AA4639" s="19"/>
    </row>
    <row r="4640" spans="1:27" s="1" customFormat="1" ht="14.1" customHeight="1" outlineLevel="2" x14ac:dyDescent="0.2">
      <c r="A4640" s="17">
        <v>14801</v>
      </c>
      <c r="B4640" s="17"/>
      <c r="C4640" s="17"/>
      <c r="D4640" s="18" t="s">
        <v>2313</v>
      </c>
      <c r="E4640" s="18"/>
      <c r="F4640" s="18"/>
      <c r="G4640" s="18"/>
      <c r="H4640" s="18"/>
      <c r="I4640" s="18"/>
      <c r="J4640" s="18"/>
      <c r="K4640" s="18"/>
      <c r="L4640" s="18"/>
      <c r="M4640" s="18"/>
      <c r="N4640" s="18"/>
      <c r="O4640" s="18"/>
      <c r="P4640" s="19">
        <v>200</v>
      </c>
      <c r="Q4640" s="19"/>
      <c r="R4640" s="19"/>
      <c r="S4640" s="19"/>
      <c r="T4640" s="19">
        <v>150</v>
      </c>
      <c r="U4640" s="19"/>
      <c r="V4640" s="19"/>
      <c r="W4640" s="19"/>
      <c r="X4640" s="19">
        <v>8</v>
      </c>
      <c r="Y4640" s="19"/>
      <c r="Z4640" s="19"/>
      <c r="AA4640" s="19"/>
    </row>
    <row r="4641" spans="1:27" s="1" customFormat="1" ht="14.1" customHeight="1" outlineLevel="2" x14ac:dyDescent="0.2">
      <c r="A4641" s="17"/>
      <c r="B4641" s="17"/>
      <c r="C4641" s="17"/>
      <c r="D4641" s="18"/>
      <c r="E4641" s="18"/>
      <c r="F4641" s="18"/>
      <c r="G4641" s="18"/>
      <c r="H4641" s="18"/>
      <c r="I4641" s="18"/>
      <c r="J4641" s="18"/>
      <c r="K4641" s="18"/>
      <c r="L4641" s="18"/>
      <c r="M4641" s="18"/>
      <c r="N4641" s="18"/>
      <c r="O4641" s="18"/>
      <c r="P4641" s="19"/>
      <c r="Q4641" s="19"/>
      <c r="R4641" s="19"/>
      <c r="S4641" s="19"/>
      <c r="T4641" s="19"/>
      <c r="U4641" s="19"/>
      <c r="V4641" s="19"/>
      <c r="W4641" s="19"/>
      <c r="X4641" s="19"/>
      <c r="Y4641" s="19"/>
      <c r="Z4641" s="19"/>
      <c r="AA4641" s="19"/>
    </row>
    <row r="4642" spans="1:27" s="1" customFormat="1" ht="14.1" customHeight="1" outlineLevel="2" x14ac:dyDescent="0.2">
      <c r="A4642" s="17">
        <v>12269</v>
      </c>
      <c r="B4642" s="17"/>
      <c r="C4642" s="17"/>
      <c r="D4642" s="18" t="s">
        <v>2314</v>
      </c>
      <c r="E4642" s="18"/>
      <c r="F4642" s="18"/>
      <c r="G4642" s="18"/>
      <c r="H4642" s="18"/>
      <c r="I4642" s="18"/>
      <c r="J4642" s="18"/>
      <c r="K4642" s="18"/>
      <c r="L4642" s="18"/>
      <c r="M4642" s="18"/>
      <c r="N4642" s="18"/>
      <c r="O4642" s="18"/>
      <c r="P4642" s="19">
        <v>200</v>
      </c>
      <c r="Q4642" s="19"/>
      <c r="R4642" s="19"/>
      <c r="S4642" s="19"/>
      <c r="T4642" s="19">
        <v>150</v>
      </c>
      <c r="U4642" s="19"/>
      <c r="V4642" s="19"/>
      <c r="W4642" s="19"/>
      <c r="X4642" s="19">
        <v>6</v>
      </c>
      <c r="Y4642" s="19"/>
      <c r="Z4642" s="19"/>
      <c r="AA4642" s="19"/>
    </row>
    <row r="4643" spans="1:27" s="1" customFormat="1" ht="14.1" customHeight="1" outlineLevel="2" x14ac:dyDescent="0.2">
      <c r="A4643" s="17"/>
      <c r="B4643" s="17"/>
      <c r="C4643" s="17"/>
      <c r="D4643" s="18"/>
      <c r="E4643" s="18"/>
      <c r="F4643" s="18"/>
      <c r="G4643" s="18"/>
      <c r="H4643" s="18"/>
      <c r="I4643" s="18"/>
      <c r="J4643" s="18"/>
      <c r="K4643" s="18"/>
      <c r="L4643" s="18"/>
      <c r="M4643" s="18"/>
      <c r="N4643" s="18"/>
      <c r="O4643" s="18"/>
      <c r="P4643" s="19"/>
      <c r="Q4643" s="19"/>
      <c r="R4643" s="19"/>
      <c r="S4643" s="19"/>
      <c r="T4643" s="19"/>
      <c r="U4643" s="19"/>
      <c r="V4643" s="19"/>
      <c r="W4643" s="19"/>
      <c r="X4643" s="19"/>
      <c r="Y4643" s="19"/>
      <c r="Z4643" s="19"/>
      <c r="AA4643" s="19"/>
    </row>
    <row r="4644" spans="1:27" s="1" customFormat="1" ht="11.1" customHeight="1" outlineLevel="2" x14ac:dyDescent="0.2">
      <c r="A4644" s="17">
        <v>14802</v>
      </c>
      <c r="B4644" s="17"/>
      <c r="C4644" s="17"/>
      <c r="D4644" s="18" t="s">
        <v>2315</v>
      </c>
      <c r="E4644" s="18"/>
      <c r="F4644" s="18"/>
      <c r="G4644" s="18"/>
      <c r="H4644" s="18"/>
      <c r="I4644" s="18"/>
      <c r="J4644" s="18"/>
      <c r="K4644" s="18"/>
      <c r="L4644" s="18"/>
      <c r="M4644" s="18"/>
      <c r="N4644" s="18"/>
      <c r="O4644" s="18"/>
      <c r="P4644" s="19">
        <v>560</v>
      </c>
      <c r="Q4644" s="19"/>
      <c r="R4644" s="19"/>
      <c r="S4644" s="19"/>
      <c r="T4644" s="19">
        <v>480</v>
      </c>
      <c r="U4644" s="19"/>
      <c r="V4644" s="19"/>
      <c r="W4644" s="19"/>
      <c r="X4644" s="19">
        <v>9</v>
      </c>
      <c r="Y4644" s="19"/>
      <c r="Z4644" s="19"/>
      <c r="AA4644" s="19"/>
    </row>
    <row r="4645" spans="1:27" s="1" customFormat="1" ht="11.1" customHeight="1" outlineLevel="2" x14ac:dyDescent="0.2">
      <c r="A4645" s="17"/>
      <c r="B4645" s="17"/>
      <c r="C4645" s="17"/>
      <c r="D4645" s="18"/>
      <c r="E4645" s="18"/>
      <c r="F4645" s="18"/>
      <c r="G4645" s="18"/>
      <c r="H4645" s="18"/>
      <c r="I4645" s="18"/>
      <c r="J4645" s="18"/>
      <c r="K4645" s="18"/>
      <c r="L4645" s="18"/>
      <c r="M4645" s="18"/>
      <c r="N4645" s="18"/>
      <c r="O4645" s="18"/>
      <c r="P4645" s="19"/>
      <c r="Q4645" s="19"/>
      <c r="R4645" s="19"/>
      <c r="S4645" s="19"/>
      <c r="T4645" s="19"/>
      <c r="U4645" s="19"/>
      <c r="V4645" s="19"/>
      <c r="W4645" s="19"/>
      <c r="X4645" s="19"/>
      <c r="Y4645" s="19"/>
      <c r="Z4645" s="19"/>
      <c r="AA4645" s="19"/>
    </row>
    <row r="4646" spans="1:27" s="1" customFormat="1" ht="14.1" customHeight="1" outlineLevel="2" x14ac:dyDescent="0.2">
      <c r="A4646" s="17">
        <v>13056</v>
      </c>
      <c r="B4646" s="17"/>
      <c r="C4646" s="17"/>
      <c r="D4646" s="18" t="s">
        <v>2316</v>
      </c>
      <c r="E4646" s="18"/>
      <c r="F4646" s="18"/>
      <c r="G4646" s="18"/>
      <c r="H4646" s="18"/>
      <c r="I4646" s="18"/>
      <c r="J4646" s="18"/>
      <c r="K4646" s="18"/>
      <c r="L4646" s="18"/>
      <c r="M4646" s="18"/>
      <c r="N4646" s="18"/>
      <c r="O4646" s="18"/>
      <c r="P4646" s="19">
        <v>140</v>
      </c>
      <c r="Q4646" s="19"/>
      <c r="R4646" s="19"/>
      <c r="S4646" s="19"/>
      <c r="T4646" s="19">
        <v>100</v>
      </c>
      <c r="U4646" s="19"/>
      <c r="V4646" s="19"/>
      <c r="W4646" s="19"/>
      <c r="X4646" s="19">
        <v>1</v>
      </c>
      <c r="Y4646" s="19"/>
      <c r="Z4646" s="19"/>
      <c r="AA4646" s="19"/>
    </row>
    <row r="4647" spans="1:27" s="1" customFormat="1" ht="14.1" customHeight="1" outlineLevel="2" x14ac:dyDescent="0.2">
      <c r="A4647" s="17"/>
      <c r="B4647" s="17"/>
      <c r="C4647" s="17"/>
      <c r="D4647" s="18"/>
      <c r="E4647" s="18"/>
      <c r="F4647" s="18"/>
      <c r="G4647" s="18"/>
      <c r="H4647" s="18"/>
      <c r="I4647" s="18"/>
      <c r="J4647" s="18"/>
      <c r="K4647" s="18"/>
      <c r="L4647" s="18"/>
      <c r="M4647" s="18"/>
      <c r="N4647" s="18"/>
      <c r="O4647" s="18"/>
      <c r="P4647" s="19"/>
      <c r="Q4647" s="19"/>
      <c r="R4647" s="19"/>
      <c r="S4647" s="19"/>
      <c r="T4647" s="19"/>
      <c r="U4647" s="19"/>
      <c r="V4647" s="19"/>
      <c r="W4647" s="19"/>
      <c r="X4647" s="19"/>
      <c r="Y4647" s="19"/>
      <c r="Z4647" s="19"/>
      <c r="AA4647" s="19"/>
    </row>
    <row r="4648" spans="1:27" s="1" customFormat="1" ht="14.1" customHeight="1" outlineLevel="2" x14ac:dyDescent="0.2">
      <c r="A4648" s="17">
        <v>14803</v>
      </c>
      <c r="B4648" s="17"/>
      <c r="C4648" s="17"/>
      <c r="D4648" s="18" t="s">
        <v>2317</v>
      </c>
      <c r="E4648" s="18"/>
      <c r="F4648" s="18"/>
      <c r="G4648" s="18"/>
      <c r="H4648" s="18"/>
      <c r="I4648" s="18"/>
      <c r="J4648" s="18"/>
      <c r="K4648" s="18"/>
      <c r="L4648" s="18"/>
      <c r="M4648" s="18"/>
      <c r="N4648" s="18"/>
      <c r="O4648" s="18"/>
      <c r="P4648" s="19">
        <v>370</v>
      </c>
      <c r="Q4648" s="19"/>
      <c r="R4648" s="19"/>
      <c r="S4648" s="19"/>
      <c r="T4648" s="19">
        <v>300</v>
      </c>
      <c r="U4648" s="19"/>
      <c r="V4648" s="19"/>
      <c r="W4648" s="19"/>
      <c r="X4648" s="19">
        <v>8</v>
      </c>
      <c r="Y4648" s="19"/>
      <c r="Z4648" s="19"/>
      <c r="AA4648" s="19"/>
    </row>
    <row r="4649" spans="1:27" s="1" customFormat="1" ht="14.1" customHeight="1" outlineLevel="2" x14ac:dyDescent="0.2">
      <c r="A4649" s="17"/>
      <c r="B4649" s="17"/>
      <c r="C4649" s="17"/>
      <c r="D4649" s="18"/>
      <c r="E4649" s="18"/>
      <c r="F4649" s="18"/>
      <c r="G4649" s="18"/>
      <c r="H4649" s="18"/>
      <c r="I4649" s="18"/>
      <c r="J4649" s="18"/>
      <c r="K4649" s="18"/>
      <c r="L4649" s="18"/>
      <c r="M4649" s="18"/>
      <c r="N4649" s="18"/>
      <c r="O4649" s="18"/>
      <c r="P4649" s="19"/>
      <c r="Q4649" s="19"/>
      <c r="R4649" s="19"/>
      <c r="S4649" s="19"/>
      <c r="T4649" s="19"/>
      <c r="U4649" s="19"/>
      <c r="V4649" s="19"/>
      <c r="W4649" s="19"/>
      <c r="X4649" s="19"/>
      <c r="Y4649" s="19"/>
      <c r="Z4649" s="19"/>
      <c r="AA4649" s="19"/>
    </row>
    <row r="4650" spans="1:27" s="1" customFormat="1" ht="14.1" customHeight="1" outlineLevel="2" x14ac:dyDescent="0.2">
      <c r="A4650" s="17">
        <v>14804</v>
      </c>
      <c r="B4650" s="17"/>
      <c r="C4650" s="17"/>
      <c r="D4650" s="18" t="s">
        <v>2318</v>
      </c>
      <c r="E4650" s="18"/>
      <c r="F4650" s="18"/>
      <c r="G4650" s="18"/>
      <c r="H4650" s="18"/>
      <c r="I4650" s="18"/>
      <c r="J4650" s="18"/>
      <c r="K4650" s="18"/>
      <c r="L4650" s="18"/>
      <c r="M4650" s="18"/>
      <c r="N4650" s="18"/>
      <c r="O4650" s="18"/>
      <c r="P4650" s="19">
        <v>370</v>
      </c>
      <c r="Q4650" s="19"/>
      <c r="R4650" s="19"/>
      <c r="S4650" s="19"/>
      <c r="T4650" s="19">
        <v>300</v>
      </c>
      <c r="U4650" s="19"/>
      <c r="V4650" s="19"/>
      <c r="W4650" s="19"/>
      <c r="X4650" s="19">
        <v>10</v>
      </c>
      <c r="Y4650" s="19"/>
      <c r="Z4650" s="19"/>
      <c r="AA4650" s="19"/>
    </row>
    <row r="4651" spans="1:27" s="1" customFormat="1" ht="14.1" customHeight="1" outlineLevel="2" x14ac:dyDescent="0.2">
      <c r="A4651" s="17"/>
      <c r="B4651" s="17"/>
      <c r="C4651" s="17"/>
      <c r="D4651" s="18"/>
      <c r="E4651" s="18"/>
      <c r="F4651" s="18"/>
      <c r="G4651" s="18"/>
      <c r="H4651" s="18"/>
      <c r="I4651" s="18"/>
      <c r="J4651" s="18"/>
      <c r="K4651" s="18"/>
      <c r="L4651" s="18"/>
      <c r="M4651" s="18"/>
      <c r="N4651" s="18"/>
      <c r="O4651" s="18"/>
      <c r="P4651" s="19"/>
      <c r="Q4651" s="19"/>
      <c r="R4651" s="19"/>
      <c r="S4651" s="19"/>
      <c r="T4651" s="19"/>
      <c r="U4651" s="19"/>
      <c r="V4651" s="19"/>
      <c r="W4651" s="19"/>
      <c r="X4651" s="19"/>
      <c r="Y4651" s="19"/>
      <c r="Z4651" s="19"/>
      <c r="AA4651" s="19"/>
    </row>
    <row r="4652" spans="1:27" s="1" customFormat="1" ht="14.1" customHeight="1" outlineLevel="2" x14ac:dyDescent="0.2">
      <c r="A4652" s="17">
        <v>17506</v>
      </c>
      <c r="B4652" s="17"/>
      <c r="C4652" s="17"/>
      <c r="D4652" s="18" t="s">
        <v>2319</v>
      </c>
      <c r="E4652" s="18"/>
      <c r="F4652" s="18"/>
      <c r="G4652" s="18"/>
      <c r="H4652" s="18"/>
      <c r="I4652" s="18"/>
      <c r="J4652" s="18"/>
      <c r="K4652" s="18"/>
      <c r="L4652" s="18"/>
      <c r="M4652" s="18"/>
      <c r="N4652" s="18"/>
      <c r="O4652" s="18"/>
      <c r="P4652" s="19">
        <v>300</v>
      </c>
      <c r="Q4652" s="19"/>
      <c r="R4652" s="19"/>
      <c r="S4652" s="19"/>
      <c r="T4652" s="19">
        <v>200</v>
      </c>
      <c r="U4652" s="19"/>
      <c r="V4652" s="19"/>
      <c r="W4652" s="19"/>
      <c r="X4652" s="19">
        <v>1</v>
      </c>
      <c r="Y4652" s="19"/>
      <c r="Z4652" s="19"/>
      <c r="AA4652" s="19"/>
    </row>
    <row r="4653" spans="1:27" s="1" customFormat="1" ht="14.1" customHeight="1" outlineLevel="2" x14ac:dyDescent="0.2">
      <c r="A4653" s="17"/>
      <c r="B4653" s="17"/>
      <c r="C4653" s="17"/>
      <c r="D4653" s="18"/>
      <c r="E4653" s="18"/>
      <c r="F4653" s="18"/>
      <c r="G4653" s="18"/>
      <c r="H4653" s="18"/>
      <c r="I4653" s="18"/>
      <c r="J4653" s="18"/>
      <c r="K4653" s="18"/>
      <c r="L4653" s="18"/>
      <c r="M4653" s="18"/>
      <c r="N4653" s="18"/>
      <c r="O4653" s="18"/>
      <c r="P4653" s="19"/>
      <c r="Q4653" s="19"/>
      <c r="R4653" s="19"/>
      <c r="S4653" s="19"/>
      <c r="T4653" s="19"/>
      <c r="U4653" s="19"/>
      <c r="V4653" s="19"/>
      <c r="W4653" s="19"/>
      <c r="X4653" s="19"/>
      <c r="Y4653" s="19"/>
      <c r="Z4653" s="19"/>
      <c r="AA4653" s="19"/>
    </row>
    <row r="4654" spans="1:27" s="1" customFormat="1" ht="14.1" customHeight="1" outlineLevel="2" x14ac:dyDescent="0.2">
      <c r="A4654" s="17">
        <v>16799</v>
      </c>
      <c r="B4654" s="17"/>
      <c r="C4654" s="17"/>
      <c r="D4654" s="18" t="s">
        <v>2320</v>
      </c>
      <c r="E4654" s="18"/>
      <c r="F4654" s="18"/>
      <c r="G4654" s="18"/>
      <c r="H4654" s="18"/>
      <c r="I4654" s="18"/>
      <c r="J4654" s="18"/>
      <c r="K4654" s="18"/>
      <c r="L4654" s="18"/>
      <c r="M4654" s="18"/>
      <c r="N4654" s="18"/>
      <c r="O4654" s="18"/>
      <c r="P4654" s="19">
        <v>500</v>
      </c>
      <c r="Q4654" s="19"/>
      <c r="R4654" s="19"/>
      <c r="S4654" s="19"/>
      <c r="T4654" s="19">
        <v>400</v>
      </c>
      <c r="U4654" s="19"/>
      <c r="V4654" s="19"/>
      <c r="W4654" s="19"/>
      <c r="X4654" s="19">
        <v>1</v>
      </c>
      <c r="Y4654" s="19"/>
      <c r="Z4654" s="19"/>
      <c r="AA4654" s="19"/>
    </row>
    <row r="4655" spans="1:27" s="1" customFormat="1" ht="14.1" customHeight="1" outlineLevel="2" x14ac:dyDescent="0.2">
      <c r="A4655" s="17"/>
      <c r="B4655" s="17"/>
      <c r="C4655" s="17"/>
      <c r="D4655" s="18"/>
      <c r="E4655" s="18"/>
      <c r="F4655" s="18"/>
      <c r="G4655" s="18"/>
      <c r="H4655" s="18"/>
      <c r="I4655" s="18"/>
      <c r="J4655" s="18"/>
      <c r="K4655" s="18"/>
      <c r="L4655" s="18"/>
      <c r="M4655" s="18"/>
      <c r="N4655" s="18"/>
      <c r="O4655" s="18"/>
      <c r="P4655" s="19"/>
      <c r="Q4655" s="19"/>
      <c r="R4655" s="19"/>
      <c r="S4655" s="19"/>
      <c r="T4655" s="19"/>
      <c r="U4655" s="19"/>
      <c r="V4655" s="19"/>
      <c r="W4655" s="19"/>
      <c r="X4655" s="19"/>
      <c r="Y4655" s="19"/>
      <c r="Z4655" s="19"/>
      <c r="AA4655" s="19"/>
    </row>
    <row r="4656" spans="1:27" s="1" customFormat="1" ht="14.1" customHeight="1" outlineLevel="2" x14ac:dyDescent="0.2">
      <c r="A4656" s="17">
        <v>15266</v>
      </c>
      <c r="B4656" s="17"/>
      <c r="C4656" s="17"/>
      <c r="D4656" s="18" t="s">
        <v>2321</v>
      </c>
      <c r="E4656" s="18"/>
      <c r="F4656" s="18"/>
      <c r="G4656" s="18"/>
      <c r="H4656" s="18"/>
      <c r="I4656" s="18"/>
      <c r="J4656" s="18"/>
      <c r="K4656" s="18"/>
      <c r="L4656" s="18"/>
      <c r="M4656" s="18"/>
      <c r="N4656" s="18"/>
      <c r="O4656" s="18"/>
      <c r="P4656" s="19">
        <v>250</v>
      </c>
      <c r="Q4656" s="19"/>
      <c r="R4656" s="19"/>
      <c r="S4656" s="19"/>
      <c r="T4656" s="19">
        <v>190</v>
      </c>
      <c r="U4656" s="19"/>
      <c r="V4656" s="19"/>
      <c r="W4656" s="19"/>
      <c r="X4656" s="19">
        <v>8</v>
      </c>
      <c r="Y4656" s="19"/>
      <c r="Z4656" s="19"/>
      <c r="AA4656" s="19"/>
    </row>
    <row r="4657" spans="1:27" s="1" customFormat="1" ht="14.1" customHeight="1" outlineLevel="2" x14ac:dyDescent="0.2">
      <c r="A4657" s="17"/>
      <c r="B4657" s="17"/>
      <c r="C4657" s="17"/>
      <c r="D4657" s="18"/>
      <c r="E4657" s="18"/>
      <c r="F4657" s="18"/>
      <c r="G4657" s="18"/>
      <c r="H4657" s="18"/>
      <c r="I4657" s="18"/>
      <c r="J4657" s="18"/>
      <c r="K4657" s="18"/>
      <c r="L4657" s="18"/>
      <c r="M4657" s="18"/>
      <c r="N4657" s="18"/>
      <c r="O4657" s="18"/>
      <c r="P4657" s="19"/>
      <c r="Q4657" s="19"/>
      <c r="R4657" s="19"/>
      <c r="S4657" s="19"/>
      <c r="T4657" s="19"/>
      <c r="U4657" s="19"/>
      <c r="V4657" s="19"/>
      <c r="W4657" s="19"/>
      <c r="X4657" s="19"/>
      <c r="Y4657" s="19"/>
      <c r="Z4657" s="19"/>
      <c r="AA4657" s="19"/>
    </row>
    <row r="4658" spans="1:27" s="1" customFormat="1" ht="11.1" customHeight="1" outlineLevel="2" x14ac:dyDescent="0.2">
      <c r="A4658" s="17">
        <v>13928</v>
      </c>
      <c r="B4658" s="17"/>
      <c r="C4658" s="17"/>
      <c r="D4658" s="18" t="s">
        <v>2322</v>
      </c>
      <c r="E4658" s="18"/>
      <c r="F4658" s="18"/>
      <c r="G4658" s="18"/>
      <c r="H4658" s="18"/>
      <c r="I4658" s="18"/>
      <c r="J4658" s="18"/>
      <c r="K4658" s="18"/>
      <c r="L4658" s="18"/>
      <c r="M4658" s="18"/>
      <c r="N4658" s="18"/>
      <c r="O4658" s="18"/>
      <c r="P4658" s="19">
        <v>270</v>
      </c>
      <c r="Q4658" s="19"/>
      <c r="R4658" s="19"/>
      <c r="S4658" s="19"/>
      <c r="T4658" s="19">
        <v>210</v>
      </c>
      <c r="U4658" s="19"/>
      <c r="V4658" s="19"/>
      <c r="W4658" s="19"/>
      <c r="X4658" s="19">
        <v>10</v>
      </c>
      <c r="Y4658" s="19"/>
      <c r="Z4658" s="19"/>
      <c r="AA4658" s="19"/>
    </row>
    <row r="4659" spans="1:27" s="1" customFormat="1" ht="11.1" customHeight="1" outlineLevel="2" x14ac:dyDescent="0.2">
      <c r="A4659" s="17"/>
      <c r="B4659" s="17"/>
      <c r="C4659" s="17"/>
      <c r="D4659" s="18"/>
      <c r="E4659" s="18"/>
      <c r="F4659" s="18"/>
      <c r="G4659" s="18"/>
      <c r="H4659" s="18"/>
      <c r="I4659" s="18"/>
      <c r="J4659" s="18"/>
      <c r="K4659" s="18"/>
      <c r="L4659" s="18"/>
      <c r="M4659" s="18"/>
      <c r="N4659" s="18"/>
      <c r="O4659" s="18"/>
      <c r="P4659" s="19"/>
      <c r="Q4659" s="19"/>
      <c r="R4659" s="19"/>
      <c r="S4659" s="19"/>
      <c r="T4659" s="19"/>
      <c r="U4659" s="19"/>
      <c r="V4659" s="19"/>
      <c r="W4659" s="19"/>
      <c r="X4659" s="19"/>
      <c r="Y4659" s="19"/>
      <c r="Z4659" s="19"/>
      <c r="AA4659" s="19"/>
    </row>
    <row r="4660" spans="1:27" s="1" customFormat="1" ht="14.1" customHeight="1" outlineLevel="2" x14ac:dyDescent="0.2">
      <c r="A4660" s="17">
        <v>16254</v>
      </c>
      <c r="B4660" s="17"/>
      <c r="C4660" s="17"/>
      <c r="D4660" s="18" t="s">
        <v>2323</v>
      </c>
      <c r="E4660" s="18"/>
      <c r="F4660" s="18"/>
      <c r="G4660" s="18"/>
      <c r="H4660" s="18"/>
      <c r="I4660" s="18"/>
      <c r="J4660" s="18"/>
      <c r="K4660" s="18"/>
      <c r="L4660" s="18"/>
      <c r="M4660" s="18"/>
      <c r="N4660" s="18"/>
      <c r="O4660" s="18"/>
      <c r="P4660" s="19">
        <v>600</v>
      </c>
      <c r="Q4660" s="19"/>
      <c r="R4660" s="19"/>
      <c r="S4660" s="19"/>
      <c r="T4660" s="19">
        <v>500</v>
      </c>
      <c r="U4660" s="19"/>
      <c r="V4660" s="19"/>
      <c r="W4660" s="19"/>
      <c r="X4660" s="19">
        <v>1</v>
      </c>
      <c r="Y4660" s="19"/>
      <c r="Z4660" s="19"/>
      <c r="AA4660" s="19"/>
    </row>
    <row r="4661" spans="1:27" s="1" customFormat="1" ht="14.1" customHeight="1" outlineLevel="2" x14ac:dyDescent="0.2">
      <c r="A4661" s="17"/>
      <c r="B4661" s="17"/>
      <c r="C4661" s="17"/>
      <c r="D4661" s="18"/>
      <c r="E4661" s="18"/>
      <c r="F4661" s="18"/>
      <c r="G4661" s="18"/>
      <c r="H4661" s="18"/>
      <c r="I4661" s="18"/>
      <c r="J4661" s="18"/>
      <c r="K4661" s="18"/>
      <c r="L4661" s="18"/>
      <c r="M4661" s="18"/>
      <c r="N4661" s="18"/>
      <c r="O4661" s="18"/>
      <c r="P4661" s="19"/>
      <c r="Q4661" s="19"/>
      <c r="R4661" s="19"/>
      <c r="S4661" s="19"/>
      <c r="T4661" s="19"/>
      <c r="U4661" s="19"/>
      <c r="V4661" s="19"/>
      <c r="W4661" s="19"/>
      <c r="X4661" s="19"/>
      <c r="Y4661" s="19"/>
      <c r="Z4661" s="19"/>
      <c r="AA4661" s="19"/>
    </row>
    <row r="4662" spans="1:27" s="1" customFormat="1" ht="11.1" customHeight="1" outlineLevel="2" x14ac:dyDescent="0.2">
      <c r="A4662" s="17">
        <v>17453</v>
      </c>
      <c r="B4662" s="17"/>
      <c r="C4662" s="17"/>
      <c r="D4662" s="18" t="s">
        <v>2324</v>
      </c>
      <c r="E4662" s="18"/>
      <c r="F4662" s="18"/>
      <c r="G4662" s="18"/>
      <c r="H4662" s="18"/>
      <c r="I4662" s="18"/>
      <c r="J4662" s="18"/>
      <c r="K4662" s="18"/>
      <c r="L4662" s="18"/>
      <c r="M4662" s="18"/>
      <c r="N4662" s="18"/>
      <c r="O4662" s="18"/>
      <c r="P4662" s="20">
        <v>1300</v>
      </c>
      <c r="Q4662" s="20"/>
      <c r="R4662" s="20"/>
      <c r="S4662" s="20"/>
      <c r="T4662" s="20">
        <v>1000</v>
      </c>
      <c r="U4662" s="20"/>
      <c r="V4662" s="20"/>
      <c r="W4662" s="20"/>
      <c r="X4662" s="19">
        <v>1</v>
      </c>
      <c r="Y4662" s="19"/>
      <c r="Z4662" s="19"/>
      <c r="AA4662" s="19"/>
    </row>
    <row r="4663" spans="1:27" s="1" customFormat="1" ht="11.1" customHeight="1" outlineLevel="2" x14ac:dyDescent="0.2">
      <c r="A4663" s="17"/>
      <c r="B4663" s="17"/>
      <c r="C4663" s="17"/>
      <c r="D4663" s="18"/>
      <c r="E4663" s="18"/>
      <c r="F4663" s="18"/>
      <c r="G4663" s="18"/>
      <c r="H4663" s="18"/>
      <c r="I4663" s="18"/>
      <c r="J4663" s="18"/>
      <c r="K4663" s="18"/>
      <c r="L4663" s="18"/>
      <c r="M4663" s="18"/>
      <c r="N4663" s="18"/>
      <c r="O4663" s="18"/>
      <c r="P4663" s="20"/>
      <c r="Q4663" s="20"/>
      <c r="R4663" s="20"/>
      <c r="S4663" s="20"/>
      <c r="T4663" s="20"/>
      <c r="U4663" s="20"/>
      <c r="V4663" s="20"/>
      <c r="W4663" s="20"/>
      <c r="X4663" s="19"/>
      <c r="Y4663" s="19"/>
      <c r="Z4663" s="19"/>
      <c r="AA4663" s="19"/>
    </row>
    <row r="4664" spans="1:27" s="1" customFormat="1" ht="11.1" customHeight="1" outlineLevel="2" x14ac:dyDescent="0.2">
      <c r="A4664" s="17">
        <v>16832</v>
      </c>
      <c r="B4664" s="17"/>
      <c r="C4664" s="17"/>
      <c r="D4664" s="18" t="s">
        <v>2325</v>
      </c>
      <c r="E4664" s="18"/>
      <c r="F4664" s="18"/>
      <c r="G4664" s="18"/>
      <c r="H4664" s="18"/>
      <c r="I4664" s="18"/>
      <c r="J4664" s="18"/>
      <c r="K4664" s="18"/>
      <c r="L4664" s="18"/>
      <c r="M4664" s="18"/>
      <c r="N4664" s="18"/>
      <c r="O4664" s="18"/>
      <c r="P4664" s="19">
        <v>150</v>
      </c>
      <c r="Q4664" s="19"/>
      <c r="R4664" s="19"/>
      <c r="S4664" s="19"/>
      <c r="T4664" s="19">
        <v>80</v>
      </c>
      <c r="U4664" s="19"/>
      <c r="V4664" s="19"/>
      <c r="W4664" s="19"/>
      <c r="X4664" s="19">
        <v>3</v>
      </c>
      <c r="Y4664" s="19"/>
      <c r="Z4664" s="19"/>
      <c r="AA4664" s="19"/>
    </row>
    <row r="4665" spans="1:27" s="1" customFormat="1" ht="11.1" customHeight="1" outlineLevel="2" x14ac:dyDescent="0.2">
      <c r="A4665" s="17"/>
      <c r="B4665" s="17"/>
      <c r="C4665" s="17"/>
      <c r="D4665" s="18"/>
      <c r="E4665" s="18"/>
      <c r="F4665" s="18"/>
      <c r="G4665" s="18"/>
      <c r="H4665" s="18"/>
      <c r="I4665" s="18"/>
      <c r="J4665" s="18"/>
      <c r="K4665" s="18"/>
      <c r="L4665" s="18"/>
      <c r="M4665" s="18"/>
      <c r="N4665" s="18"/>
      <c r="O4665" s="18"/>
      <c r="P4665" s="19"/>
      <c r="Q4665" s="19"/>
      <c r="R4665" s="19"/>
      <c r="S4665" s="19"/>
      <c r="T4665" s="19"/>
      <c r="U4665" s="19"/>
      <c r="V4665" s="19"/>
      <c r="W4665" s="19"/>
      <c r="X4665" s="19"/>
      <c r="Y4665" s="19"/>
      <c r="Z4665" s="19"/>
      <c r="AA4665" s="19"/>
    </row>
    <row r="4666" spans="1:27" s="1" customFormat="1" ht="11.1" customHeight="1" outlineLevel="2" x14ac:dyDescent="0.2">
      <c r="A4666" s="17">
        <v>16833</v>
      </c>
      <c r="B4666" s="17"/>
      <c r="C4666" s="17"/>
      <c r="D4666" s="18" t="s">
        <v>2326</v>
      </c>
      <c r="E4666" s="18"/>
      <c r="F4666" s="18"/>
      <c r="G4666" s="18"/>
      <c r="H4666" s="18"/>
      <c r="I4666" s="18"/>
      <c r="J4666" s="18"/>
      <c r="K4666" s="18"/>
      <c r="L4666" s="18"/>
      <c r="M4666" s="18"/>
      <c r="N4666" s="18"/>
      <c r="O4666" s="18"/>
      <c r="P4666" s="19">
        <v>150</v>
      </c>
      <c r="Q4666" s="19"/>
      <c r="R4666" s="19"/>
      <c r="S4666" s="19"/>
      <c r="T4666" s="19">
        <v>80</v>
      </c>
      <c r="U4666" s="19"/>
      <c r="V4666" s="19"/>
      <c r="W4666" s="19"/>
      <c r="X4666" s="19">
        <v>3</v>
      </c>
      <c r="Y4666" s="19"/>
      <c r="Z4666" s="19"/>
      <c r="AA4666" s="19"/>
    </row>
    <row r="4667" spans="1:27" s="1" customFormat="1" ht="11.1" customHeight="1" outlineLevel="2" x14ac:dyDescent="0.2">
      <c r="A4667" s="17"/>
      <c r="B4667" s="17"/>
      <c r="C4667" s="17"/>
      <c r="D4667" s="18"/>
      <c r="E4667" s="18"/>
      <c r="F4667" s="18"/>
      <c r="G4667" s="18"/>
      <c r="H4667" s="18"/>
      <c r="I4667" s="18"/>
      <c r="J4667" s="18"/>
      <c r="K4667" s="18"/>
      <c r="L4667" s="18"/>
      <c r="M4667" s="18"/>
      <c r="N4667" s="18"/>
      <c r="O4667" s="18"/>
      <c r="P4667" s="19"/>
      <c r="Q4667" s="19"/>
      <c r="R4667" s="19"/>
      <c r="S4667" s="19"/>
      <c r="T4667" s="19"/>
      <c r="U4667" s="19"/>
      <c r="V4667" s="19"/>
      <c r="W4667" s="19"/>
      <c r="X4667" s="19"/>
      <c r="Y4667" s="19"/>
      <c r="Z4667" s="19"/>
      <c r="AA4667" s="19"/>
    </row>
    <row r="4668" spans="1:27" s="1" customFormat="1" ht="14.1" customHeight="1" outlineLevel="2" x14ac:dyDescent="0.2">
      <c r="A4668" s="17">
        <v>16834</v>
      </c>
      <c r="B4668" s="17"/>
      <c r="C4668" s="17"/>
      <c r="D4668" s="18" t="s">
        <v>2327</v>
      </c>
      <c r="E4668" s="18"/>
      <c r="F4668" s="18"/>
      <c r="G4668" s="18"/>
      <c r="H4668" s="18"/>
      <c r="I4668" s="18"/>
      <c r="J4668" s="18"/>
      <c r="K4668" s="18"/>
      <c r="L4668" s="18"/>
      <c r="M4668" s="18"/>
      <c r="N4668" s="18"/>
      <c r="O4668" s="18"/>
      <c r="P4668" s="19">
        <v>150</v>
      </c>
      <c r="Q4668" s="19"/>
      <c r="R4668" s="19"/>
      <c r="S4668" s="19"/>
      <c r="T4668" s="19">
        <v>80</v>
      </c>
      <c r="U4668" s="19"/>
      <c r="V4668" s="19"/>
      <c r="W4668" s="19"/>
      <c r="X4668" s="19">
        <v>9</v>
      </c>
      <c r="Y4668" s="19"/>
      <c r="Z4668" s="19"/>
      <c r="AA4668" s="19"/>
    </row>
    <row r="4669" spans="1:27" s="1" customFormat="1" ht="14.1" customHeight="1" outlineLevel="2" x14ac:dyDescent="0.2">
      <c r="A4669" s="17"/>
      <c r="B4669" s="17"/>
      <c r="C4669" s="17"/>
      <c r="D4669" s="18"/>
      <c r="E4669" s="18"/>
      <c r="F4669" s="18"/>
      <c r="G4669" s="18"/>
      <c r="H4669" s="18"/>
      <c r="I4669" s="18"/>
      <c r="J4669" s="18"/>
      <c r="K4669" s="18"/>
      <c r="L4669" s="18"/>
      <c r="M4669" s="18"/>
      <c r="N4669" s="18"/>
      <c r="O4669" s="18"/>
      <c r="P4669" s="19"/>
      <c r="Q4669" s="19"/>
      <c r="R4669" s="19"/>
      <c r="S4669" s="19"/>
      <c r="T4669" s="19"/>
      <c r="U4669" s="19"/>
      <c r="V4669" s="19"/>
      <c r="W4669" s="19"/>
      <c r="X4669" s="19"/>
      <c r="Y4669" s="19"/>
      <c r="Z4669" s="19"/>
      <c r="AA4669" s="19"/>
    </row>
    <row r="4670" spans="1:27" s="1" customFormat="1" ht="14.1" customHeight="1" outlineLevel="2" x14ac:dyDescent="0.2">
      <c r="A4670" s="17">
        <v>17961</v>
      </c>
      <c r="B4670" s="17"/>
      <c r="C4670" s="17"/>
      <c r="D4670" s="18" t="s">
        <v>2328</v>
      </c>
      <c r="E4670" s="18"/>
      <c r="F4670" s="18"/>
      <c r="G4670" s="18"/>
      <c r="H4670" s="18"/>
      <c r="I4670" s="18"/>
      <c r="J4670" s="18"/>
      <c r="K4670" s="18"/>
      <c r="L4670" s="18"/>
      <c r="M4670" s="18"/>
      <c r="N4670" s="18"/>
      <c r="O4670" s="18"/>
      <c r="P4670" s="19">
        <v>150</v>
      </c>
      <c r="Q4670" s="19"/>
      <c r="R4670" s="19"/>
      <c r="S4670" s="19"/>
      <c r="T4670" s="19">
        <v>100</v>
      </c>
      <c r="U4670" s="19"/>
      <c r="V4670" s="19"/>
      <c r="W4670" s="19"/>
      <c r="X4670" s="19">
        <v>1</v>
      </c>
      <c r="Y4670" s="19"/>
      <c r="Z4670" s="19"/>
      <c r="AA4670" s="19"/>
    </row>
    <row r="4671" spans="1:27" s="1" customFormat="1" ht="14.1" customHeight="1" outlineLevel="2" x14ac:dyDescent="0.2">
      <c r="A4671" s="17"/>
      <c r="B4671" s="17"/>
      <c r="C4671" s="17"/>
      <c r="D4671" s="18"/>
      <c r="E4671" s="18"/>
      <c r="F4671" s="18"/>
      <c r="G4671" s="18"/>
      <c r="H4671" s="18"/>
      <c r="I4671" s="18"/>
      <c r="J4671" s="18"/>
      <c r="K4671" s="18"/>
      <c r="L4671" s="18"/>
      <c r="M4671" s="18"/>
      <c r="N4671" s="18"/>
      <c r="O4671" s="18"/>
      <c r="P4671" s="19"/>
      <c r="Q4671" s="19"/>
      <c r="R4671" s="19"/>
      <c r="S4671" s="19"/>
      <c r="T4671" s="19"/>
      <c r="U4671" s="19"/>
      <c r="V4671" s="19"/>
      <c r="W4671" s="19"/>
      <c r="X4671" s="19"/>
      <c r="Y4671" s="19"/>
      <c r="Z4671" s="19"/>
      <c r="AA4671" s="19"/>
    </row>
    <row r="4672" spans="1:27" s="1" customFormat="1" ht="11.1" customHeight="1" outlineLevel="2" x14ac:dyDescent="0.2">
      <c r="A4672" s="17">
        <v>12795</v>
      </c>
      <c r="B4672" s="17"/>
      <c r="C4672" s="17"/>
      <c r="D4672" s="18" t="s">
        <v>2329</v>
      </c>
      <c r="E4672" s="18"/>
      <c r="F4672" s="18"/>
      <c r="G4672" s="18"/>
      <c r="H4672" s="18"/>
      <c r="I4672" s="18"/>
      <c r="J4672" s="18"/>
      <c r="K4672" s="18"/>
      <c r="L4672" s="18"/>
      <c r="M4672" s="18"/>
      <c r="N4672" s="18"/>
      <c r="O4672" s="18"/>
      <c r="P4672" s="19">
        <v>120</v>
      </c>
      <c r="Q4672" s="19"/>
      <c r="R4672" s="19"/>
      <c r="S4672" s="19"/>
      <c r="T4672" s="19">
        <v>90</v>
      </c>
      <c r="U4672" s="19"/>
      <c r="V4672" s="19"/>
      <c r="W4672" s="19"/>
      <c r="X4672" s="19">
        <v>1</v>
      </c>
      <c r="Y4672" s="19"/>
      <c r="Z4672" s="19"/>
      <c r="AA4672" s="19"/>
    </row>
    <row r="4673" spans="1:27" s="1" customFormat="1" ht="11.1" customHeight="1" outlineLevel="2" x14ac:dyDescent="0.2">
      <c r="A4673" s="17"/>
      <c r="B4673" s="17"/>
      <c r="C4673" s="17"/>
      <c r="D4673" s="18"/>
      <c r="E4673" s="18"/>
      <c r="F4673" s="18"/>
      <c r="G4673" s="18"/>
      <c r="H4673" s="18"/>
      <c r="I4673" s="18"/>
      <c r="J4673" s="18"/>
      <c r="K4673" s="18"/>
      <c r="L4673" s="18"/>
      <c r="M4673" s="18"/>
      <c r="N4673" s="18"/>
      <c r="O4673" s="18"/>
      <c r="P4673" s="19"/>
      <c r="Q4673" s="19"/>
      <c r="R4673" s="19"/>
      <c r="S4673" s="19"/>
      <c r="T4673" s="19"/>
      <c r="U4673" s="19"/>
      <c r="V4673" s="19"/>
      <c r="W4673" s="19"/>
      <c r="X4673" s="19"/>
      <c r="Y4673" s="19"/>
      <c r="Z4673" s="19"/>
      <c r="AA4673" s="19"/>
    </row>
    <row r="4674" spans="1:27" s="1" customFormat="1" ht="14.1" customHeight="1" outlineLevel="2" x14ac:dyDescent="0.2">
      <c r="A4674" s="17">
        <v>17935</v>
      </c>
      <c r="B4674" s="17"/>
      <c r="C4674" s="17"/>
      <c r="D4674" s="18" t="s">
        <v>2330</v>
      </c>
      <c r="E4674" s="18"/>
      <c r="F4674" s="18"/>
      <c r="G4674" s="18"/>
      <c r="H4674" s="18"/>
      <c r="I4674" s="18"/>
      <c r="J4674" s="18"/>
      <c r="K4674" s="18"/>
      <c r="L4674" s="18"/>
      <c r="M4674" s="18"/>
      <c r="N4674" s="18"/>
      <c r="O4674" s="18"/>
      <c r="P4674" s="19">
        <v>800</v>
      </c>
      <c r="Q4674" s="19"/>
      <c r="R4674" s="19"/>
      <c r="S4674" s="19"/>
      <c r="T4674" s="19">
        <v>700</v>
      </c>
      <c r="U4674" s="19"/>
      <c r="V4674" s="19"/>
      <c r="W4674" s="19"/>
      <c r="X4674" s="19">
        <v>1</v>
      </c>
      <c r="Y4674" s="19"/>
      <c r="Z4674" s="19"/>
      <c r="AA4674" s="19"/>
    </row>
    <row r="4675" spans="1:27" s="1" customFormat="1" ht="14.1" customHeight="1" outlineLevel="2" x14ac:dyDescent="0.2">
      <c r="A4675" s="17"/>
      <c r="B4675" s="17"/>
      <c r="C4675" s="17"/>
      <c r="D4675" s="18"/>
      <c r="E4675" s="18"/>
      <c r="F4675" s="18"/>
      <c r="G4675" s="18"/>
      <c r="H4675" s="18"/>
      <c r="I4675" s="18"/>
      <c r="J4675" s="18"/>
      <c r="K4675" s="18"/>
      <c r="L4675" s="18"/>
      <c r="M4675" s="18"/>
      <c r="N4675" s="18"/>
      <c r="O4675" s="18"/>
      <c r="P4675" s="19"/>
      <c r="Q4675" s="19"/>
      <c r="R4675" s="19"/>
      <c r="S4675" s="19"/>
      <c r="T4675" s="19"/>
      <c r="U4675" s="19"/>
      <c r="V4675" s="19"/>
      <c r="W4675" s="19"/>
      <c r="X4675" s="19"/>
      <c r="Y4675" s="19"/>
      <c r="Z4675" s="19"/>
      <c r="AA4675" s="19"/>
    </row>
    <row r="4676" spans="1:27" s="1" customFormat="1" ht="14.1" customHeight="1" outlineLevel="2" x14ac:dyDescent="0.2">
      <c r="A4676" s="17">
        <v>16262</v>
      </c>
      <c r="B4676" s="17"/>
      <c r="C4676" s="17"/>
      <c r="D4676" s="18" t="s">
        <v>2331</v>
      </c>
      <c r="E4676" s="18"/>
      <c r="F4676" s="18"/>
      <c r="G4676" s="18"/>
      <c r="H4676" s="18"/>
      <c r="I4676" s="18"/>
      <c r="J4676" s="18"/>
      <c r="K4676" s="18"/>
      <c r="L4676" s="18"/>
      <c r="M4676" s="18"/>
      <c r="N4676" s="18"/>
      <c r="O4676" s="18"/>
      <c r="P4676" s="19">
        <v>400</v>
      </c>
      <c r="Q4676" s="19"/>
      <c r="R4676" s="19"/>
      <c r="S4676" s="19"/>
      <c r="T4676" s="19">
        <v>300</v>
      </c>
      <c r="U4676" s="19"/>
      <c r="V4676" s="19"/>
      <c r="W4676" s="19"/>
      <c r="X4676" s="19">
        <v>1</v>
      </c>
      <c r="Y4676" s="19"/>
      <c r="Z4676" s="19"/>
      <c r="AA4676" s="19"/>
    </row>
    <row r="4677" spans="1:27" s="1" customFormat="1" ht="14.1" customHeight="1" outlineLevel="2" x14ac:dyDescent="0.2">
      <c r="A4677" s="17"/>
      <c r="B4677" s="17"/>
      <c r="C4677" s="17"/>
      <c r="D4677" s="18"/>
      <c r="E4677" s="18"/>
      <c r="F4677" s="18"/>
      <c r="G4677" s="18"/>
      <c r="H4677" s="18"/>
      <c r="I4677" s="18"/>
      <c r="J4677" s="18"/>
      <c r="K4677" s="18"/>
      <c r="L4677" s="18"/>
      <c r="M4677" s="18"/>
      <c r="N4677" s="18"/>
      <c r="O4677" s="18"/>
      <c r="P4677" s="19"/>
      <c r="Q4677" s="19"/>
      <c r="R4677" s="19"/>
      <c r="S4677" s="19"/>
      <c r="T4677" s="19"/>
      <c r="U4677" s="19"/>
      <c r="V4677" s="19"/>
      <c r="W4677" s="19"/>
      <c r="X4677" s="19"/>
      <c r="Y4677" s="19"/>
      <c r="Z4677" s="19"/>
      <c r="AA4677" s="19"/>
    </row>
    <row r="4678" spans="1:27" s="1" customFormat="1" ht="14.1" customHeight="1" outlineLevel="2" x14ac:dyDescent="0.2">
      <c r="A4678" s="17">
        <v>17399</v>
      </c>
      <c r="B4678" s="17"/>
      <c r="C4678" s="17"/>
      <c r="D4678" s="18" t="s">
        <v>2332</v>
      </c>
      <c r="E4678" s="18"/>
      <c r="F4678" s="18"/>
      <c r="G4678" s="18"/>
      <c r="H4678" s="18"/>
      <c r="I4678" s="18"/>
      <c r="J4678" s="18"/>
      <c r="K4678" s="18"/>
      <c r="L4678" s="18"/>
      <c r="M4678" s="18"/>
      <c r="N4678" s="18"/>
      <c r="O4678" s="18"/>
      <c r="P4678" s="19">
        <v>250</v>
      </c>
      <c r="Q4678" s="19"/>
      <c r="R4678" s="19"/>
      <c r="S4678" s="19"/>
      <c r="T4678" s="19">
        <v>150</v>
      </c>
      <c r="U4678" s="19"/>
      <c r="V4678" s="19"/>
      <c r="W4678" s="19"/>
      <c r="X4678" s="19">
        <v>1</v>
      </c>
      <c r="Y4678" s="19"/>
      <c r="Z4678" s="19"/>
      <c r="AA4678" s="19"/>
    </row>
    <row r="4679" spans="1:27" s="1" customFormat="1" ht="14.1" customHeight="1" outlineLevel="2" x14ac:dyDescent="0.2">
      <c r="A4679" s="17"/>
      <c r="B4679" s="17"/>
      <c r="C4679" s="17"/>
      <c r="D4679" s="18"/>
      <c r="E4679" s="18"/>
      <c r="F4679" s="18"/>
      <c r="G4679" s="18"/>
      <c r="H4679" s="18"/>
      <c r="I4679" s="18"/>
      <c r="J4679" s="18"/>
      <c r="K4679" s="18"/>
      <c r="L4679" s="18"/>
      <c r="M4679" s="18"/>
      <c r="N4679" s="18"/>
      <c r="O4679" s="18"/>
      <c r="P4679" s="19"/>
      <c r="Q4679" s="19"/>
      <c r="R4679" s="19"/>
      <c r="S4679" s="19"/>
      <c r="T4679" s="19"/>
      <c r="U4679" s="19"/>
      <c r="V4679" s="19"/>
      <c r="W4679" s="19"/>
      <c r="X4679" s="19"/>
      <c r="Y4679" s="19"/>
      <c r="Z4679" s="19"/>
      <c r="AA4679" s="19"/>
    </row>
    <row r="4680" spans="1:27" s="1" customFormat="1" ht="11.1" customHeight="1" outlineLevel="2" x14ac:dyDescent="0.2">
      <c r="A4680" s="17">
        <v>16932</v>
      </c>
      <c r="B4680" s="17"/>
      <c r="C4680" s="17"/>
      <c r="D4680" s="18" t="s">
        <v>2333</v>
      </c>
      <c r="E4680" s="18"/>
      <c r="F4680" s="18"/>
      <c r="G4680" s="18"/>
      <c r="H4680" s="18"/>
      <c r="I4680" s="18"/>
      <c r="J4680" s="18"/>
      <c r="K4680" s="18"/>
      <c r="L4680" s="18"/>
      <c r="M4680" s="18"/>
      <c r="N4680" s="18"/>
      <c r="O4680" s="18"/>
      <c r="P4680" s="19">
        <v>150</v>
      </c>
      <c r="Q4680" s="19"/>
      <c r="R4680" s="19"/>
      <c r="S4680" s="19"/>
      <c r="T4680" s="19">
        <v>100</v>
      </c>
      <c r="U4680" s="19"/>
      <c r="V4680" s="19"/>
      <c r="W4680" s="19"/>
      <c r="X4680" s="19">
        <v>3</v>
      </c>
      <c r="Y4680" s="19"/>
      <c r="Z4680" s="19"/>
      <c r="AA4680" s="19"/>
    </row>
    <row r="4681" spans="1:27" s="1" customFormat="1" ht="11.1" customHeight="1" outlineLevel="2" x14ac:dyDescent="0.2">
      <c r="A4681" s="17"/>
      <c r="B4681" s="17"/>
      <c r="C4681" s="17"/>
      <c r="D4681" s="18"/>
      <c r="E4681" s="18"/>
      <c r="F4681" s="18"/>
      <c r="G4681" s="18"/>
      <c r="H4681" s="18"/>
      <c r="I4681" s="18"/>
      <c r="J4681" s="18"/>
      <c r="K4681" s="18"/>
      <c r="L4681" s="18"/>
      <c r="M4681" s="18"/>
      <c r="N4681" s="18"/>
      <c r="O4681" s="18"/>
      <c r="P4681" s="19"/>
      <c r="Q4681" s="19"/>
      <c r="R4681" s="19"/>
      <c r="S4681" s="19"/>
      <c r="T4681" s="19"/>
      <c r="U4681" s="19"/>
      <c r="V4681" s="19"/>
      <c r="W4681" s="19"/>
      <c r="X4681" s="19"/>
      <c r="Y4681" s="19"/>
      <c r="Z4681" s="19"/>
      <c r="AA4681" s="19"/>
    </row>
    <row r="4682" spans="1:27" s="1" customFormat="1" ht="11.1" customHeight="1" outlineLevel="2" x14ac:dyDescent="0.2">
      <c r="A4682" s="17">
        <v>16934</v>
      </c>
      <c r="B4682" s="17"/>
      <c r="C4682" s="17"/>
      <c r="D4682" s="18" t="s">
        <v>2334</v>
      </c>
      <c r="E4682" s="18"/>
      <c r="F4682" s="18"/>
      <c r="G4682" s="18"/>
      <c r="H4682" s="18"/>
      <c r="I4682" s="18"/>
      <c r="J4682" s="18"/>
      <c r="K4682" s="18"/>
      <c r="L4682" s="18"/>
      <c r="M4682" s="18"/>
      <c r="N4682" s="18"/>
      <c r="O4682" s="18"/>
      <c r="P4682" s="19">
        <v>150</v>
      </c>
      <c r="Q4682" s="19"/>
      <c r="R4682" s="19"/>
      <c r="S4682" s="19"/>
      <c r="T4682" s="19">
        <v>100</v>
      </c>
      <c r="U4682" s="19"/>
      <c r="V4682" s="19"/>
      <c r="W4682" s="19"/>
      <c r="X4682" s="19">
        <v>1</v>
      </c>
      <c r="Y4682" s="19"/>
      <c r="Z4682" s="19"/>
      <c r="AA4682" s="19"/>
    </row>
    <row r="4683" spans="1:27" s="1" customFormat="1" ht="11.1" customHeight="1" outlineLevel="2" x14ac:dyDescent="0.2">
      <c r="A4683" s="17"/>
      <c r="B4683" s="17"/>
      <c r="C4683" s="17"/>
      <c r="D4683" s="18"/>
      <c r="E4683" s="18"/>
      <c r="F4683" s="18"/>
      <c r="G4683" s="18"/>
      <c r="H4683" s="18"/>
      <c r="I4683" s="18"/>
      <c r="J4683" s="18"/>
      <c r="K4683" s="18"/>
      <c r="L4683" s="18"/>
      <c r="M4683" s="18"/>
      <c r="N4683" s="18"/>
      <c r="O4683" s="18"/>
      <c r="P4683" s="19"/>
      <c r="Q4683" s="19"/>
      <c r="R4683" s="19"/>
      <c r="S4683" s="19"/>
      <c r="T4683" s="19"/>
      <c r="U4683" s="19"/>
      <c r="V4683" s="19"/>
      <c r="W4683" s="19"/>
      <c r="X4683" s="19"/>
      <c r="Y4683" s="19"/>
      <c r="Z4683" s="19"/>
      <c r="AA4683" s="19"/>
    </row>
    <row r="4684" spans="1:27" s="1" customFormat="1" ht="14.1" customHeight="1" outlineLevel="2" x14ac:dyDescent="0.2">
      <c r="A4684" s="17">
        <v>16933</v>
      </c>
      <c r="B4684" s="17"/>
      <c r="C4684" s="17"/>
      <c r="D4684" s="18" t="s">
        <v>2335</v>
      </c>
      <c r="E4684" s="18"/>
      <c r="F4684" s="18"/>
      <c r="G4684" s="18"/>
      <c r="H4684" s="18"/>
      <c r="I4684" s="18"/>
      <c r="J4684" s="18"/>
      <c r="K4684" s="18"/>
      <c r="L4684" s="18"/>
      <c r="M4684" s="18"/>
      <c r="N4684" s="18"/>
      <c r="O4684" s="18"/>
      <c r="P4684" s="19">
        <v>150</v>
      </c>
      <c r="Q4684" s="19"/>
      <c r="R4684" s="19"/>
      <c r="S4684" s="19"/>
      <c r="T4684" s="19">
        <v>100</v>
      </c>
      <c r="U4684" s="19"/>
      <c r="V4684" s="19"/>
      <c r="W4684" s="19"/>
      <c r="X4684" s="19">
        <v>2</v>
      </c>
      <c r="Y4684" s="19"/>
      <c r="Z4684" s="19"/>
      <c r="AA4684" s="19"/>
    </row>
    <row r="4685" spans="1:27" s="1" customFormat="1" ht="14.1" customHeight="1" outlineLevel="2" x14ac:dyDescent="0.2">
      <c r="A4685" s="17"/>
      <c r="B4685" s="17"/>
      <c r="C4685" s="17"/>
      <c r="D4685" s="18"/>
      <c r="E4685" s="18"/>
      <c r="F4685" s="18"/>
      <c r="G4685" s="18"/>
      <c r="H4685" s="18"/>
      <c r="I4685" s="18"/>
      <c r="J4685" s="18"/>
      <c r="K4685" s="18"/>
      <c r="L4685" s="18"/>
      <c r="M4685" s="18"/>
      <c r="N4685" s="18"/>
      <c r="O4685" s="18"/>
      <c r="P4685" s="19"/>
      <c r="Q4685" s="19"/>
      <c r="R4685" s="19"/>
      <c r="S4685" s="19"/>
      <c r="T4685" s="19"/>
      <c r="U4685" s="19"/>
      <c r="V4685" s="19"/>
      <c r="W4685" s="19"/>
      <c r="X4685" s="19"/>
      <c r="Y4685" s="19"/>
      <c r="Z4685" s="19"/>
      <c r="AA4685" s="19"/>
    </row>
    <row r="4686" spans="1:27" s="1" customFormat="1" ht="11.1" customHeight="1" outlineLevel="1" x14ac:dyDescent="0.2">
      <c r="A4686" s="16" t="s">
        <v>2336</v>
      </c>
      <c r="B4686" s="16"/>
      <c r="C4686" s="16"/>
      <c r="D4686" s="16"/>
      <c r="E4686" s="16"/>
      <c r="F4686" s="16"/>
      <c r="G4686" s="16"/>
      <c r="H4686" s="16"/>
      <c r="I4686" s="16"/>
      <c r="J4686" s="16"/>
      <c r="K4686" s="16"/>
      <c r="L4686" s="16"/>
      <c r="M4686" s="16"/>
      <c r="N4686" s="16"/>
      <c r="O4686" s="16"/>
      <c r="P4686" s="16"/>
      <c r="Q4686" s="16"/>
      <c r="R4686" s="16"/>
      <c r="S4686" s="16"/>
      <c r="T4686" s="16"/>
      <c r="U4686" s="16"/>
      <c r="V4686" s="16"/>
      <c r="W4686" s="16"/>
      <c r="X4686" s="16"/>
      <c r="Y4686" s="16"/>
      <c r="Z4686" s="16"/>
      <c r="AA4686" s="16"/>
    </row>
    <row r="4687" spans="1:27" s="1" customFormat="1" ht="11.1" customHeight="1" outlineLevel="1" x14ac:dyDescent="0.2">
      <c r="A4687" s="16"/>
      <c r="B4687" s="16"/>
      <c r="C4687" s="16"/>
      <c r="D4687" s="16"/>
      <c r="E4687" s="16"/>
      <c r="F4687" s="16"/>
      <c r="G4687" s="16"/>
      <c r="H4687" s="16"/>
      <c r="I4687" s="16"/>
      <c r="J4687" s="16"/>
      <c r="K4687" s="16"/>
      <c r="L4687" s="16"/>
      <c r="M4687" s="16"/>
      <c r="N4687" s="16"/>
      <c r="O4687" s="16"/>
      <c r="P4687" s="16"/>
      <c r="Q4687" s="16"/>
      <c r="R4687" s="16"/>
      <c r="S4687" s="16"/>
      <c r="T4687" s="16"/>
      <c r="U4687" s="16"/>
      <c r="V4687" s="16"/>
      <c r="W4687" s="16"/>
      <c r="X4687" s="16"/>
      <c r="Y4687" s="16"/>
      <c r="Z4687" s="16"/>
      <c r="AA4687" s="16"/>
    </row>
    <row r="4688" spans="1:27" s="1" customFormat="1" ht="11.1" customHeight="1" outlineLevel="2" x14ac:dyDescent="0.2">
      <c r="A4688" s="17">
        <v>17164</v>
      </c>
      <c r="B4688" s="17"/>
      <c r="C4688" s="17"/>
      <c r="D4688" s="18" t="s">
        <v>2337</v>
      </c>
      <c r="E4688" s="18"/>
      <c r="F4688" s="18"/>
      <c r="G4688" s="18"/>
      <c r="H4688" s="18"/>
      <c r="I4688" s="18"/>
      <c r="J4688" s="18"/>
      <c r="K4688" s="18"/>
      <c r="L4688" s="18"/>
      <c r="M4688" s="18"/>
      <c r="N4688" s="18"/>
      <c r="O4688" s="18"/>
      <c r="P4688" s="19">
        <v>450</v>
      </c>
      <c r="Q4688" s="19"/>
      <c r="R4688" s="19"/>
      <c r="S4688" s="19"/>
      <c r="T4688" s="19">
        <v>290</v>
      </c>
      <c r="U4688" s="19"/>
      <c r="V4688" s="19"/>
      <c r="W4688" s="19"/>
      <c r="X4688" s="19">
        <v>5</v>
      </c>
      <c r="Y4688" s="19"/>
      <c r="Z4688" s="19"/>
      <c r="AA4688" s="19"/>
    </row>
    <row r="4689" spans="1:27" s="1" customFormat="1" ht="11.1" customHeight="1" outlineLevel="2" x14ac:dyDescent="0.2">
      <c r="A4689" s="17"/>
      <c r="B4689" s="17"/>
      <c r="C4689" s="17"/>
      <c r="D4689" s="18"/>
      <c r="E4689" s="18"/>
      <c r="F4689" s="18"/>
      <c r="G4689" s="18"/>
      <c r="H4689" s="18"/>
      <c r="I4689" s="18"/>
      <c r="J4689" s="18"/>
      <c r="K4689" s="18"/>
      <c r="L4689" s="18"/>
      <c r="M4689" s="18"/>
      <c r="N4689" s="18"/>
      <c r="O4689" s="18"/>
      <c r="P4689" s="19"/>
      <c r="Q4689" s="19"/>
      <c r="R4689" s="19"/>
      <c r="S4689" s="19"/>
      <c r="T4689" s="19"/>
      <c r="U4689" s="19"/>
      <c r="V4689" s="19"/>
      <c r="W4689" s="19"/>
      <c r="X4689" s="19"/>
      <c r="Y4689" s="19"/>
      <c r="Z4689" s="19"/>
      <c r="AA4689" s="19"/>
    </row>
    <row r="4690" spans="1:27" s="1" customFormat="1" ht="11.1" customHeight="1" outlineLevel="2" x14ac:dyDescent="0.2">
      <c r="A4690" s="17">
        <v>17162</v>
      </c>
      <c r="B4690" s="17"/>
      <c r="C4690" s="17"/>
      <c r="D4690" s="18" t="s">
        <v>2338</v>
      </c>
      <c r="E4690" s="18"/>
      <c r="F4690" s="18"/>
      <c r="G4690" s="18"/>
      <c r="H4690" s="18"/>
      <c r="I4690" s="18"/>
      <c r="J4690" s="18"/>
      <c r="K4690" s="18"/>
      <c r="L4690" s="18"/>
      <c r="M4690" s="18"/>
      <c r="N4690" s="18"/>
      <c r="O4690" s="18"/>
      <c r="P4690" s="19">
        <v>450</v>
      </c>
      <c r="Q4690" s="19"/>
      <c r="R4690" s="19"/>
      <c r="S4690" s="19"/>
      <c r="T4690" s="19">
        <v>290</v>
      </c>
      <c r="U4690" s="19"/>
      <c r="V4690" s="19"/>
      <c r="W4690" s="19"/>
      <c r="X4690" s="19">
        <v>5</v>
      </c>
      <c r="Y4690" s="19"/>
      <c r="Z4690" s="19"/>
      <c r="AA4690" s="19"/>
    </row>
    <row r="4691" spans="1:27" s="1" customFormat="1" ht="11.1" customHeight="1" outlineLevel="2" x14ac:dyDescent="0.2">
      <c r="A4691" s="17"/>
      <c r="B4691" s="17"/>
      <c r="C4691" s="17"/>
      <c r="D4691" s="18"/>
      <c r="E4691" s="18"/>
      <c r="F4691" s="18"/>
      <c r="G4691" s="18"/>
      <c r="H4691" s="18"/>
      <c r="I4691" s="18"/>
      <c r="J4691" s="18"/>
      <c r="K4691" s="18"/>
      <c r="L4691" s="18"/>
      <c r="M4691" s="18"/>
      <c r="N4691" s="18"/>
      <c r="O4691" s="18"/>
      <c r="P4691" s="19"/>
      <c r="Q4691" s="19"/>
      <c r="R4691" s="19"/>
      <c r="S4691" s="19"/>
      <c r="T4691" s="19"/>
      <c r="U4691" s="19"/>
      <c r="V4691" s="19"/>
      <c r="W4691" s="19"/>
      <c r="X4691" s="19"/>
      <c r="Y4691" s="19"/>
      <c r="Z4691" s="19"/>
      <c r="AA4691" s="19"/>
    </row>
    <row r="4692" spans="1:27" s="1" customFormat="1" ht="11.1" customHeight="1" outlineLevel="2" x14ac:dyDescent="0.2">
      <c r="A4692" s="17">
        <v>17163</v>
      </c>
      <c r="B4692" s="17"/>
      <c r="C4692" s="17"/>
      <c r="D4692" s="18" t="s">
        <v>2339</v>
      </c>
      <c r="E4692" s="18"/>
      <c r="F4692" s="18"/>
      <c r="G4692" s="18"/>
      <c r="H4692" s="18"/>
      <c r="I4692" s="18"/>
      <c r="J4692" s="18"/>
      <c r="K4692" s="18"/>
      <c r="L4692" s="18"/>
      <c r="M4692" s="18"/>
      <c r="N4692" s="18"/>
      <c r="O4692" s="18"/>
      <c r="P4692" s="19">
        <v>450</v>
      </c>
      <c r="Q4692" s="19"/>
      <c r="R4692" s="19"/>
      <c r="S4692" s="19"/>
      <c r="T4692" s="19">
        <v>290</v>
      </c>
      <c r="U4692" s="19"/>
      <c r="V4692" s="19"/>
      <c r="W4692" s="19"/>
      <c r="X4692" s="19">
        <v>5</v>
      </c>
      <c r="Y4692" s="19"/>
      <c r="Z4692" s="19"/>
      <c r="AA4692" s="19"/>
    </row>
    <row r="4693" spans="1:27" s="1" customFormat="1" ht="11.1" customHeight="1" outlineLevel="2" x14ac:dyDescent="0.2">
      <c r="A4693" s="17"/>
      <c r="B4693" s="17"/>
      <c r="C4693" s="17"/>
      <c r="D4693" s="18"/>
      <c r="E4693" s="18"/>
      <c r="F4693" s="18"/>
      <c r="G4693" s="18"/>
      <c r="H4693" s="18"/>
      <c r="I4693" s="18"/>
      <c r="J4693" s="18"/>
      <c r="K4693" s="18"/>
      <c r="L4693" s="18"/>
      <c r="M4693" s="18"/>
      <c r="N4693" s="18"/>
      <c r="O4693" s="18"/>
      <c r="P4693" s="19"/>
      <c r="Q4693" s="19"/>
      <c r="R4693" s="19"/>
      <c r="S4693" s="19"/>
      <c r="T4693" s="19"/>
      <c r="U4693" s="19"/>
      <c r="V4693" s="19"/>
      <c r="W4693" s="19"/>
      <c r="X4693" s="19"/>
      <c r="Y4693" s="19"/>
      <c r="Z4693" s="19"/>
      <c r="AA4693" s="19"/>
    </row>
    <row r="4694" spans="1:27" s="1" customFormat="1" ht="11.1" customHeight="1" outlineLevel="2" x14ac:dyDescent="0.2">
      <c r="A4694" s="17">
        <v>17239</v>
      </c>
      <c r="B4694" s="17"/>
      <c r="C4694" s="17"/>
      <c r="D4694" s="18" t="s">
        <v>2340</v>
      </c>
      <c r="E4694" s="18"/>
      <c r="F4694" s="18"/>
      <c r="G4694" s="18"/>
      <c r="H4694" s="18"/>
      <c r="I4694" s="18"/>
      <c r="J4694" s="18"/>
      <c r="K4694" s="18"/>
      <c r="L4694" s="18"/>
      <c r="M4694" s="18"/>
      <c r="N4694" s="18"/>
      <c r="O4694" s="18"/>
      <c r="P4694" s="19">
        <v>450</v>
      </c>
      <c r="Q4694" s="19"/>
      <c r="R4694" s="19"/>
      <c r="S4694" s="19"/>
      <c r="T4694" s="19">
        <v>290</v>
      </c>
      <c r="U4694" s="19"/>
      <c r="V4694" s="19"/>
      <c r="W4694" s="19"/>
      <c r="X4694" s="19">
        <v>5</v>
      </c>
      <c r="Y4694" s="19"/>
      <c r="Z4694" s="19"/>
      <c r="AA4694" s="19"/>
    </row>
    <row r="4695" spans="1:27" s="1" customFormat="1" ht="11.1" customHeight="1" outlineLevel="2" x14ac:dyDescent="0.2">
      <c r="A4695" s="17"/>
      <c r="B4695" s="17"/>
      <c r="C4695" s="17"/>
      <c r="D4695" s="18"/>
      <c r="E4695" s="18"/>
      <c r="F4695" s="18"/>
      <c r="G4695" s="18"/>
      <c r="H4695" s="18"/>
      <c r="I4695" s="18"/>
      <c r="J4695" s="18"/>
      <c r="K4695" s="18"/>
      <c r="L4695" s="18"/>
      <c r="M4695" s="18"/>
      <c r="N4695" s="18"/>
      <c r="O4695" s="18"/>
      <c r="P4695" s="19"/>
      <c r="Q4695" s="19"/>
      <c r="R4695" s="19"/>
      <c r="S4695" s="19"/>
      <c r="T4695" s="19"/>
      <c r="U4695" s="19"/>
      <c r="V4695" s="19"/>
      <c r="W4695" s="19"/>
      <c r="X4695" s="19"/>
      <c r="Y4695" s="19"/>
      <c r="Z4695" s="19"/>
      <c r="AA4695" s="19"/>
    </row>
    <row r="4696" spans="1:27" s="1" customFormat="1" ht="11.1" customHeight="1" outlineLevel="2" x14ac:dyDescent="0.2">
      <c r="A4696" s="17">
        <v>17240</v>
      </c>
      <c r="B4696" s="17"/>
      <c r="C4696" s="17"/>
      <c r="D4696" s="18" t="s">
        <v>2341</v>
      </c>
      <c r="E4696" s="18"/>
      <c r="F4696" s="18"/>
      <c r="G4696" s="18"/>
      <c r="H4696" s="18"/>
      <c r="I4696" s="18"/>
      <c r="J4696" s="18"/>
      <c r="K4696" s="18"/>
      <c r="L4696" s="18"/>
      <c r="M4696" s="18"/>
      <c r="N4696" s="18"/>
      <c r="O4696" s="18"/>
      <c r="P4696" s="19">
        <v>450</v>
      </c>
      <c r="Q4696" s="19"/>
      <c r="R4696" s="19"/>
      <c r="S4696" s="19"/>
      <c r="T4696" s="19">
        <v>290</v>
      </c>
      <c r="U4696" s="19"/>
      <c r="V4696" s="19"/>
      <c r="W4696" s="19"/>
      <c r="X4696" s="19">
        <v>5</v>
      </c>
      <c r="Y4696" s="19"/>
      <c r="Z4696" s="19"/>
      <c r="AA4696" s="19"/>
    </row>
    <row r="4697" spans="1:27" s="1" customFormat="1" ht="11.1" customHeight="1" outlineLevel="2" x14ac:dyDescent="0.2">
      <c r="A4697" s="17"/>
      <c r="B4697" s="17"/>
      <c r="C4697" s="17"/>
      <c r="D4697" s="18"/>
      <c r="E4697" s="18"/>
      <c r="F4697" s="18"/>
      <c r="G4697" s="18"/>
      <c r="H4697" s="18"/>
      <c r="I4697" s="18"/>
      <c r="J4697" s="18"/>
      <c r="K4697" s="18"/>
      <c r="L4697" s="18"/>
      <c r="M4697" s="18"/>
      <c r="N4697" s="18"/>
      <c r="O4697" s="18"/>
      <c r="P4697" s="19"/>
      <c r="Q4697" s="19"/>
      <c r="R4697" s="19"/>
      <c r="S4697" s="19"/>
      <c r="T4697" s="19"/>
      <c r="U4697" s="19"/>
      <c r="V4697" s="19"/>
      <c r="W4697" s="19"/>
      <c r="X4697" s="19"/>
      <c r="Y4697" s="19"/>
      <c r="Z4697" s="19"/>
      <c r="AA4697" s="19"/>
    </row>
    <row r="4698" spans="1:27" s="1" customFormat="1" ht="11.1" customHeight="1" outlineLevel="2" x14ac:dyDescent="0.2">
      <c r="A4698" s="17">
        <v>17238</v>
      </c>
      <c r="B4698" s="17"/>
      <c r="C4698" s="17"/>
      <c r="D4698" s="18" t="s">
        <v>2342</v>
      </c>
      <c r="E4698" s="18"/>
      <c r="F4698" s="18"/>
      <c r="G4698" s="18"/>
      <c r="H4698" s="18"/>
      <c r="I4698" s="18"/>
      <c r="J4698" s="18"/>
      <c r="K4698" s="18"/>
      <c r="L4698" s="18"/>
      <c r="M4698" s="18"/>
      <c r="N4698" s="18"/>
      <c r="O4698" s="18"/>
      <c r="P4698" s="19">
        <v>450</v>
      </c>
      <c r="Q4698" s="19"/>
      <c r="R4698" s="19"/>
      <c r="S4698" s="19"/>
      <c r="T4698" s="19">
        <v>290</v>
      </c>
      <c r="U4698" s="19"/>
      <c r="V4698" s="19"/>
      <c r="W4698" s="19"/>
      <c r="X4698" s="19">
        <v>5</v>
      </c>
      <c r="Y4698" s="19"/>
      <c r="Z4698" s="19"/>
      <c r="AA4698" s="19"/>
    </row>
    <row r="4699" spans="1:27" s="1" customFormat="1" ht="11.1" customHeight="1" outlineLevel="2" x14ac:dyDescent="0.2">
      <c r="A4699" s="17"/>
      <c r="B4699" s="17"/>
      <c r="C4699" s="17"/>
      <c r="D4699" s="18"/>
      <c r="E4699" s="18"/>
      <c r="F4699" s="18"/>
      <c r="G4699" s="18"/>
      <c r="H4699" s="18"/>
      <c r="I4699" s="18"/>
      <c r="J4699" s="18"/>
      <c r="K4699" s="18"/>
      <c r="L4699" s="18"/>
      <c r="M4699" s="18"/>
      <c r="N4699" s="18"/>
      <c r="O4699" s="18"/>
      <c r="P4699" s="19"/>
      <c r="Q4699" s="19"/>
      <c r="R4699" s="19"/>
      <c r="S4699" s="19"/>
      <c r="T4699" s="19"/>
      <c r="U4699" s="19"/>
      <c r="V4699" s="19"/>
      <c r="W4699" s="19"/>
      <c r="X4699" s="19"/>
      <c r="Y4699" s="19"/>
      <c r="Z4699" s="19"/>
      <c r="AA4699" s="19"/>
    </row>
    <row r="4700" spans="1:27" s="1" customFormat="1" ht="11.1" customHeight="1" outlineLevel="2" x14ac:dyDescent="0.2">
      <c r="A4700" s="17">
        <v>17225</v>
      </c>
      <c r="B4700" s="17"/>
      <c r="C4700" s="17"/>
      <c r="D4700" s="18" t="s">
        <v>2343</v>
      </c>
      <c r="E4700" s="18"/>
      <c r="F4700" s="18"/>
      <c r="G4700" s="18"/>
      <c r="H4700" s="18"/>
      <c r="I4700" s="18"/>
      <c r="J4700" s="18"/>
      <c r="K4700" s="18"/>
      <c r="L4700" s="18"/>
      <c r="M4700" s="18"/>
      <c r="N4700" s="18"/>
      <c r="O4700" s="18"/>
      <c r="P4700" s="19">
        <v>450</v>
      </c>
      <c r="Q4700" s="19"/>
      <c r="R4700" s="19"/>
      <c r="S4700" s="19"/>
      <c r="T4700" s="19">
        <v>290</v>
      </c>
      <c r="U4700" s="19"/>
      <c r="V4700" s="19"/>
      <c r="W4700" s="19"/>
      <c r="X4700" s="19">
        <v>5</v>
      </c>
      <c r="Y4700" s="19"/>
      <c r="Z4700" s="19"/>
      <c r="AA4700" s="19"/>
    </row>
    <row r="4701" spans="1:27" s="1" customFormat="1" ht="11.1" customHeight="1" outlineLevel="2" x14ac:dyDescent="0.2">
      <c r="A4701" s="17"/>
      <c r="B4701" s="17"/>
      <c r="C4701" s="17"/>
      <c r="D4701" s="18"/>
      <c r="E4701" s="18"/>
      <c r="F4701" s="18"/>
      <c r="G4701" s="18"/>
      <c r="H4701" s="18"/>
      <c r="I4701" s="18"/>
      <c r="J4701" s="18"/>
      <c r="K4701" s="18"/>
      <c r="L4701" s="18"/>
      <c r="M4701" s="18"/>
      <c r="N4701" s="18"/>
      <c r="O4701" s="18"/>
      <c r="P4701" s="19"/>
      <c r="Q4701" s="19"/>
      <c r="R4701" s="19"/>
      <c r="S4701" s="19"/>
      <c r="T4701" s="19"/>
      <c r="U4701" s="19"/>
      <c r="V4701" s="19"/>
      <c r="W4701" s="19"/>
      <c r="X4701" s="19"/>
      <c r="Y4701" s="19"/>
      <c r="Z4701" s="19"/>
      <c r="AA4701" s="19"/>
    </row>
    <row r="4702" spans="1:27" s="1" customFormat="1" ht="14.1" customHeight="1" outlineLevel="2" x14ac:dyDescent="0.2">
      <c r="A4702" s="17">
        <v>17226</v>
      </c>
      <c r="B4702" s="17"/>
      <c r="C4702" s="17"/>
      <c r="D4702" s="18" t="s">
        <v>2344</v>
      </c>
      <c r="E4702" s="18"/>
      <c r="F4702" s="18"/>
      <c r="G4702" s="18"/>
      <c r="H4702" s="18"/>
      <c r="I4702" s="18"/>
      <c r="J4702" s="18"/>
      <c r="K4702" s="18"/>
      <c r="L4702" s="18"/>
      <c r="M4702" s="18"/>
      <c r="N4702" s="18"/>
      <c r="O4702" s="18"/>
      <c r="P4702" s="19">
        <v>450</v>
      </c>
      <c r="Q4702" s="19"/>
      <c r="R4702" s="19"/>
      <c r="S4702" s="19"/>
      <c r="T4702" s="19">
        <v>290</v>
      </c>
      <c r="U4702" s="19"/>
      <c r="V4702" s="19"/>
      <c r="W4702" s="19"/>
      <c r="X4702" s="19">
        <v>5</v>
      </c>
      <c r="Y4702" s="19"/>
      <c r="Z4702" s="19"/>
      <c r="AA4702" s="19"/>
    </row>
    <row r="4703" spans="1:27" s="1" customFormat="1" ht="14.1" customHeight="1" outlineLevel="2" x14ac:dyDescent="0.2">
      <c r="A4703" s="17"/>
      <c r="B4703" s="17"/>
      <c r="C4703" s="17"/>
      <c r="D4703" s="18"/>
      <c r="E4703" s="18"/>
      <c r="F4703" s="18"/>
      <c r="G4703" s="18"/>
      <c r="H4703" s="18"/>
      <c r="I4703" s="18"/>
      <c r="J4703" s="18"/>
      <c r="K4703" s="18"/>
      <c r="L4703" s="18"/>
      <c r="M4703" s="18"/>
      <c r="N4703" s="18"/>
      <c r="O4703" s="18"/>
      <c r="P4703" s="19"/>
      <c r="Q4703" s="19"/>
      <c r="R4703" s="19"/>
      <c r="S4703" s="19"/>
      <c r="T4703" s="19"/>
      <c r="U4703" s="19"/>
      <c r="V4703" s="19"/>
      <c r="W4703" s="19"/>
      <c r="X4703" s="19"/>
      <c r="Y4703" s="19"/>
      <c r="Z4703" s="19"/>
      <c r="AA4703" s="19"/>
    </row>
    <row r="4704" spans="1:27" s="1" customFormat="1" ht="11.1" customHeight="1" outlineLevel="2" x14ac:dyDescent="0.2">
      <c r="A4704" s="17">
        <v>17224</v>
      </c>
      <c r="B4704" s="17"/>
      <c r="C4704" s="17"/>
      <c r="D4704" s="18" t="s">
        <v>2345</v>
      </c>
      <c r="E4704" s="18"/>
      <c r="F4704" s="18"/>
      <c r="G4704" s="18"/>
      <c r="H4704" s="18"/>
      <c r="I4704" s="18"/>
      <c r="J4704" s="18"/>
      <c r="K4704" s="18"/>
      <c r="L4704" s="18"/>
      <c r="M4704" s="18"/>
      <c r="N4704" s="18"/>
      <c r="O4704" s="18"/>
      <c r="P4704" s="19">
        <v>450</v>
      </c>
      <c r="Q4704" s="19"/>
      <c r="R4704" s="19"/>
      <c r="S4704" s="19"/>
      <c r="T4704" s="19">
        <v>290</v>
      </c>
      <c r="U4704" s="19"/>
      <c r="V4704" s="19"/>
      <c r="W4704" s="19"/>
      <c r="X4704" s="19">
        <v>5</v>
      </c>
      <c r="Y4704" s="19"/>
      <c r="Z4704" s="19"/>
      <c r="AA4704" s="19"/>
    </row>
    <row r="4705" spans="1:27" s="1" customFormat="1" ht="11.1" customHeight="1" outlineLevel="2" x14ac:dyDescent="0.2">
      <c r="A4705" s="17"/>
      <c r="B4705" s="17"/>
      <c r="C4705" s="17"/>
      <c r="D4705" s="18"/>
      <c r="E4705" s="18"/>
      <c r="F4705" s="18"/>
      <c r="G4705" s="18"/>
      <c r="H4705" s="18"/>
      <c r="I4705" s="18"/>
      <c r="J4705" s="18"/>
      <c r="K4705" s="18"/>
      <c r="L4705" s="18"/>
      <c r="M4705" s="18"/>
      <c r="N4705" s="18"/>
      <c r="O4705" s="18"/>
      <c r="P4705" s="19"/>
      <c r="Q4705" s="19"/>
      <c r="R4705" s="19"/>
      <c r="S4705" s="19"/>
      <c r="T4705" s="19"/>
      <c r="U4705" s="19"/>
      <c r="V4705" s="19"/>
      <c r="W4705" s="19"/>
      <c r="X4705" s="19"/>
      <c r="Y4705" s="19"/>
      <c r="Z4705" s="19"/>
      <c r="AA4705" s="19"/>
    </row>
    <row r="4706" spans="1:27" s="1" customFormat="1" ht="11.1" customHeight="1" outlineLevel="2" x14ac:dyDescent="0.2">
      <c r="A4706" s="17">
        <v>17195</v>
      </c>
      <c r="B4706" s="17"/>
      <c r="C4706" s="17"/>
      <c r="D4706" s="18" t="s">
        <v>2346</v>
      </c>
      <c r="E4706" s="18"/>
      <c r="F4706" s="18"/>
      <c r="G4706" s="18"/>
      <c r="H4706" s="18"/>
      <c r="I4706" s="18"/>
      <c r="J4706" s="18"/>
      <c r="K4706" s="18"/>
      <c r="L4706" s="18"/>
      <c r="M4706" s="18"/>
      <c r="N4706" s="18"/>
      <c r="O4706" s="18"/>
      <c r="P4706" s="19">
        <v>450</v>
      </c>
      <c r="Q4706" s="19"/>
      <c r="R4706" s="19"/>
      <c r="S4706" s="19"/>
      <c r="T4706" s="19">
        <v>290</v>
      </c>
      <c r="U4706" s="19"/>
      <c r="V4706" s="19"/>
      <c r="W4706" s="19"/>
      <c r="X4706" s="19">
        <v>5</v>
      </c>
      <c r="Y4706" s="19"/>
      <c r="Z4706" s="19"/>
      <c r="AA4706" s="19"/>
    </row>
    <row r="4707" spans="1:27" s="1" customFormat="1" ht="11.1" customHeight="1" outlineLevel="2" x14ac:dyDescent="0.2">
      <c r="A4707" s="17"/>
      <c r="B4707" s="17"/>
      <c r="C4707" s="17"/>
      <c r="D4707" s="18"/>
      <c r="E4707" s="18"/>
      <c r="F4707" s="18"/>
      <c r="G4707" s="18"/>
      <c r="H4707" s="18"/>
      <c r="I4707" s="18"/>
      <c r="J4707" s="18"/>
      <c r="K4707" s="18"/>
      <c r="L4707" s="18"/>
      <c r="M4707" s="18"/>
      <c r="N4707" s="18"/>
      <c r="O4707" s="18"/>
      <c r="P4707" s="19"/>
      <c r="Q4707" s="19"/>
      <c r="R4707" s="19"/>
      <c r="S4707" s="19"/>
      <c r="T4707" s="19"/>
      <c r="U4707" s="19"/>
      <c r="V4707" s="19"/>
      <c r="W4707" s="19"/>
      <c r="X4707" s="19"/>
      <c r="Y4707" s="19"/>
      <c r="Z4707" s="19"/>
      <c r="AA4707" s="19"/>
    </row>
    <row r="4708" spans="1:27" s="1" customFormat="1" ht="14.1" customHeight="1" outlineLevel="2" x14ac:dyDescent="0.2">
      <c r="A4708" s="17">
        <v>17193</v>
      </c>
      <c r="B4708" s="17"/>
      <c r="C4708" s="17"/>
      <c r="D4708" s="18" t="s">
        <v>2347</v>
      </c>
      <c r="E4708" s="18"/>
      <c r="F4708" s="18"/>
      <c r="G4708" s="18"/>
      <c r="H4708" s="18"/>
      <c r="I4708" s="18"/>
      <c r="J4708" s="18"/>
      <c r="K4708" s="18"/>
      <c r="L4708" s="18"/>
      <c r="M4708" s="18"/>
      <c r="N4708" s="18"/>
      <c r="O4708" s="18"/>
      <c r="P4708" s="19">
        <v>450</v>
      </c>
      <c r="Q4708" s="19"/>
      <c r="R4708" s="19"/>
      <c r="S4708" s="19"/>
      <c r="T4708" s="19">
        <v>290</v>
      </c>
      <c r="U4708" s="19"/>
      <c r="V4708" s="19"/>
      <c r="W4708" s="19"/>
      <c r="X4708" s="19">
        <v>5</v>
      </c>
      <c r="Y4708" s="19"/>
      <c r="Z4708" s="19"/>
      <c r="AA4708" s="19"/>
    </row>
    <row r="4709" spans="1:27" s="1" customFormat="1" ht="14.1" customHeight="1" outlineLevel="2" x14ac:dyDescent="0.2">
      <c r="A4709" s="17"/>
      <c r="B4709" s="17"/>
      <c r="C4709" s="17"/>
      <c r="D4709" s="18"/>
      <c r="E4709" s="18"/>
      <c r="F4709" s="18"/>
      <c r="G4709" s="18"/>
      <c r="H4709" s="18"/>
      <c r="I4709" s="18"/>
      <c r="J4709" s="18"/>
      <c r="K4709" s="18"/>
      <c r="L4709" s="18"/>
      <c r="M4709" s="18"/>
      <c r="N4709" s="18"/>
      <c r="O4709" s="18"/>
      <c r="P4709" s="19"/>
      <c r="Q4709" s="19"/>
      <c r="R4709" s="19"/>
      <c r="S4709" s="19"/>
      <c r="T4709" s="19"/>
      <c r="U4709" s="19"/>
      <c r="V4709" s="19"/>
      <c r="W4709" s="19"/>
      <c r="X4709" s="19"/>
      <c r="Y4709" s="19"/>
      <c r="Z4709" s="19"/>
      <c r="AA4709" s="19"/>
    </row>
    <row r="4710" spans="1:27" s="1" customFormat="1" ht="14.1" customHeight="1" outlineLevel="2" x14ac:dyDescent="0.2">
      <c r="A4710" s="17">
        <v>17194</v>
      </c>
      <c r="B4710" s="17"/>
      <c r="C4710" s="17"/>
      <c r="D4710" s="18" t="s">
        <v>2348</v>
      </c>
      <c r="E4710" s="18"/>
      <c r="F4710" s="18"/>
      <c r="G4710" s="18"/>
      <c r="H4710" s="18"/>
      <c r="I4710" s="18"/>
      <c r="J4710" s="18"/>
      <c r="K4710" s="18"/>
      <c r="L4710" s="18"/>
      <c r="M4710" s="18"/>
      <c r="N4710" s="18"/>
      <c r="O4710" s="18"/>
      <c r="P4710" s="19">
        <v>450</v>
      </c>
      <c r="Q4710" s="19"/>
      <c r="R4710" s="19"/>
      <c r="S4710" s="19"/>
      <c r="T4710" s="19">
        <v>290</v>
      </c>
      <c r="U4710" s="19"/>
      <c r="V4710" s="19"/>
      <c r="W4710" s="19"/>
      <c r="X4710" s="19">
        <v>5</v>
      </c>
      <c r="Y4710" s="19"/>
      <c r="Z4710" s="19"/>
      <c r="AA4710" s="19"/>
    </row>
    <row r="4711" spans="1:27" s="1" customFormat="1" ht="14.1" customHeight="1" outlineLevel="2" x14ac:dyDescent="0.2">
      <c r="A4711" s="17"/>
      <c r="B4711" s="17"/>
      <c r="C4711" s="17"/>
      <c r="D4711" s="18"/>
      <c r="E4711" s="18"/>
      <c r="F4711" s="18"/>
      <c r="G4711" s="18"/>
      <c r="H4711" s="18"/>
      <c r="I4711" s="18"/>
      <c r="J4711" s="18"/>
      <c r="K4711" s="18"/>
      <c r="L4711" s="18"/>
      <c r="M4711" s="18"/>
      <c r="N4711" s="18"/>
      <c r="O4711" s="18"/>
      <c r="P4711" s="19"/>
      <c r="Q4711" s="19"/>
      <c r="R4711" s="19"/>
      <c r="S4711" s="19"/>
      <c r="T4711" s="19"/>
      <c r="U4711" s="19"/>
      <c r="V4711" s="19"/>
      <c r="W4711" s="19"/>
      <c r="X4711" s="19"/>
      <c r="Y4711" s="19"/>
      <c r="Z4711" s="19"/>
      <c r="AA4711" s="19"/>
    </row>
    <row r="4712" spans="1:27" s="1" customFormat="1" ht="14.1" customHeight="1" outlineLevel="2" x14ac:dyDescent="0.2">
      <c r="A4712" s="17">
        <v>17166</v>
      </c>
      <c r="B4712" s="17"/>
      <c r="C4712" s="17"/>
      <c r="D4712" s="18" t="s">
        <v>2349</v>
      </c>
      <c r="E4712" s="18"/>
      <c r="F4712" s="18"/>
      <c r="G4712" s="18"/>
      <c r="H4712" s="18"/>
      <c r="I4712" s="18"/>
      <c r="J4712" s="18"/>
      <c r="K4712" s="18"/>
      <c r="L4712" s="18"/>
      <c r="M4712" s="18"/>
      <c r="N4712" s="18"/>
      <c r="O4712" s="18"/>
      <c r="P4712" s="19">
        <v>450</v>
      </c>
      <c r="Q4712" s="19"/>
      <c r="R4712" s="19"/>
      <c r="S4712" s="19"/>
      <c r="T4712" s="19">
        <v>290</v>
      </c>
      <c r="U4712" s="19"/>
      <c r="V4712" s="19"/>
      <c r="W4712" s="19"/>
      <c r="X4712" s="19">
        <v>5</v>
      </c>
      <c r="Y4712" s="19"/>
      <c r="Z4712" s="19"/>
      <c r="AA4712" s="19"/>
    </row>
    <row r="4713" spans="1:27" s="1" customFormat="1" ht="14.1" customHeight="1" outlineLevel="2" x14ac:dyDescent="0.2">
      <c r="A4713" s="17"/>
      <c r="B4713" s="17"/>
      <c r="C4713" s="17"/>
      <c r="D4713" s="18"/>
      <c r="E4713" s="18"/>
      <c r="F4713" s="18"/>
      <c r="G4713" s="18"/>
      <c r="H4713" s="18"/>
      <c r="I4713" s="18"/>
      <c r="J4713" s="18"/>
      <c r="K4713" s="18"/>
      <c r="L4713" s="18"/>
      <c r="M4713" s="18"/>
      <c r="N4713" s="18"/>
      <c r="O4713" s="18"/>
      <c r="P4713" s="19"/>
      <c r="Q4713" s="19"/>
      <c r="R4713" s="19"/>
      <c r="S4713" s="19"/>
      <c r="T4713" s="19"/>
      <c r="U4713" s="19"/>
      <c r="V4713" s="19"/>
      <c r="W4713" s="19"/>
      <c r="X4713" s="19"/>
      <c r="Y4713" s="19"/>
      <c r="Z4713" s="19"/>
      <c r="AA4713" s="19"/>
    </row>
    <row r="4714" spans="1:27" s="1" customFormat="1" ht="14.1" customHeight="1" outlineLevel="2" x14ac:dyDescent="0.2">
      <c r="A4714" s="17">
        <v>17167</v>
      </c>
      <c r="B4714" s="17"/>
      <c r="C4714" s="17"/>
      <c r="D4714" s="18" t="s">
        <v>2350</v>
      </c>
      <c r="E4714" s="18"/>
      <c r="F4714" s="18"/>
      <c r="G4714" s="18"/>
      <c r="H4714" s="18"/>
      <c r="I4714" s="18"/>
      <c r="J4714" s="18"/>
      <c r="K4714" s="18"/>
      <c r="L4714" s="18"/>
      <c r="M4714" s="18"/>
      <c r="N4714" s="18"/>
      <c r="O4714" s="18"/>
      <c r="P4714" s="19">
        <v>450</v>
      </c>
      <c r="Q4714" s="19"/>
      <c r="R4714" s="19"/>
      <c r="S4714" s="19"/>
      <c r="T4714" s="19">
        <v>290</v>
      </c>
      <c r="U4714" s="19"/>
      <c r="V4714" s="19"/>
      <c r="W4714" s="19"/>
      <c r="X4714" s="19">
        <v>5</v>
      </c>
      <c r="Y4714" s="19"/>
      <c r="Z4714" s="19"/>
      <c r="AA4714" s="19"/>
    </row>
    <row r="4715" spans="1:27" s="1" customFormat="1" ht="14.1" customHeight="1" outlineLevel="2" x14ac:dyDescent="0.2">
      <c r="A4715" s="17"/>
      <c r="B4715" s="17"/>
      <c r="C4715" s="17"/>
      <c r="D4715" s="18"/>
      <c r="E4715" s="18"/>
      <c r="F4715" s="18"/>
      <c r="G4715" s="18"/>
      <c r="H4715" s="18"/>
      <c r="I4715" s="18"/>
      <c r="J4715" s="18"/>
      <c r="K4715" s="18"/>
      <c r="L4715" s="18"/>
      <c r="M4715" s="18"/>
      <c r="N4715" s="18"/>
      <c r="O4715" s="18"/>
      <c r="P4715" s="19"/>
      <c r="Q4715" s="19"/>
      <c r="R4715" s="19"/>
      <c r="S4715" s="19"/>
      <c r="T4715" s="19"/>
      <c r="U4715" s="19"/>
      <c r="V4715" s="19"/>
      <c r="W4715" s="19"/>
      <c r="X4715" s="19"/>
      <c r="Y4715" s="19"/>
      <c r="Z4715" s="19"/>
      <c r="AA4715" s="19"/>
    </row>
    <row r="4716" spans="1:27" s="1" customFormat="1" ht="11.1" customHeight="1" outlineLevel="2" x14ac:dyDescent="0.2">
      <c r="A4716" s="17">
        <v>17165</v>
      </c>
      <c r="B4716" s="17"/>
      <c r="C4716" s="17"/>
      <c r="D4716" s="18" t="s">
        <v>2351</v>
      </c>
      <c r="E4716" s="18"/>
      <c r="F4716" s="18"/>
      <c r="G4716" s="18"/>
      <c r="H4716" s="18"/>
      <c r="I4716" s="18"/>
      <c r="J4716" s="18"/>
      <c r="K4716" s="18"/>
      <c r="L4716" s="18"/>
      <c r="M4716" s="18"/>
      <c r="N4716" s="18"/>
      <c r="O4716" s="18"/>
      <c r="P4716" s="19">
        <v>450</v>
      </c>
      <c r="Q4716" s="19"/>
      <c r="R4716" s="19"/>
      <c r="S4716" s="19"/>
      <c r="T4716" s="19">
        <v>290</v>
      </c>
      <c r="U4716" s="19"/>
      <c r="V4716" s="19"/>
      <c r="W4716" s="19"/>
      <c r="X4716" s="19">
        <v>5</v>
      </c>
      <c r="Y4716" s="19"/>
      <c r="Z4716" s="19"/>
      <c r="AA4716" s="19"/>
    </row>
    <row r="4717" spans="1:27" s="1" customFormat="1" ht="11.1" customHeight="1" outlineLevel="2" x14ac:dyDescent="0.2">
      <c r="A4717" s="17"/>
      <c r="B4717" s="17"/>
      <c r="C4717" s="17"/>
      <c r="D4717" s="18"/>
      <c r="E4717" s="18"/>
      <c r="F4717" s="18"/>
      <c r="G4717" s="18"/>
      <c r="H4717" s="18"/>
      <c r="I4717" s="18"/>
      <c r="J4717" s="18"/>
      <c r="K4717" s="18"/>
      <c r="L4717" s="18"/>
      <c r="M4717" s="18"/>
      <c r="N4717" s="18"/>
      <c r="O4717" s="18"/>
      <c r="P4717" s="19"/>
      <c r="Q4717" s="19"/>
      <c r="R4717" s="19"/>
      <c r="S4717" s="19"/>
      <c r="T4717" s="19"/>
      <c r="U4717" s="19"/>
      <c r="V4717" s="19"/>
      <c r="W4717" s="19"/>
      <c r="X4717" s="19"/>
      <c r="Y4717" s="19"/>
      <c r="Z4717" s="19"/>
      <c r="AA4717" s="19"/>
    </row>
    <row r="4718" spans="1:27" s="1" customFormat="1" ht="11.1" customHeight="1" outlineLevel="2" x14ac:dyDescent="0.2">
      <c r="A4718" s="17">
        <v>17218</v>
      </c>
      <c r="B4718" s="17"/>
      <c r="C4718" s="17"/>
      <c r="D4718" s="18" t="s">
        <v>2352</v>
      </c>
      <c r="E4718" s="18"/>
      <c r="F4718" s="18"/>
      <c r="G4718" s="18"/>
      <c r="H4718" s="18"/>
      <c r="I4718" s="18"/>
      <c r="J4718" s="18"/>
      <c r="K4718" s="18"/>
      <c r="L4718" s="18"/>
      <c r="M4718" s="18"/>
      <c r="N4718" s="18"/>
      <c r="O4718" s="18"/>
      <c r="P4718" s="19">
        <v>450</v>
      </c>
      <c r="Q4718" s="19"/>
      <c r="R4718" s="19"/>
      <c r="S4718" s="19"/>
      <c r="T4718" s="19">
        <v>290</v>
      </c>
      <c r="U4718" s="19"/>
      <c r="V4718" s="19"/>
      <c r="W4718" s="19"/>
      <c r="X4718" s="19">
        <v>5</v>
      </c>
      <c r="Y4718" s="19"/>
      <c r="Z4718" s="19"/>
      <c r="AA4718" s="19"/>
    </row>
    <row r="4719" spans="1:27" s="1" customFormat="1" ht="11.1" customHeight="1" outlineLevel="2" x14ac:dyDescent="0.2">
      <c r="A4719" s="17"/>
      <c r="B4719" s="17"/>
      <c r="C4719" s="17"/>
      <c r="D4719" s="18"/>
      <c r="E4719" s="18"/>
      <c r="F4719" s="18"/>
      <c r="G4719" s="18"/>
      <c r="H4719" s="18"/>
      <c r="I4719" s="18"/>
      <c r="J4719" s="18"/>
      <c r="K4719" s="18"/>
      <c r="L4719" s="18"/>
      <c r="M4719" s="18"/>
      <c r="N4719" s="18"/>
      <c r="O4719" s="18"/>
      <c r="P4719" s="19"/>
      <c r="Q4719" s="19"/>
      <c r="R4719" s="19"/>
      <c r="S4719" s="19"/>
      <c r="T4719" s="19"/>
      <c r="U4719" s="19"/>
      <c r="V4719" s="19"/>
      <c r="W4719" s="19"/>
      <c r="X4719" s="19"/>
      <c r="Y4719" s="19"/>
      <c r="Z4719" s="19"/>
      <c r="AA4719" s="19"/>
    </row>
    <row r="4720" spans="1:27" s="1" customFormat="1" ht="11.1" customHeight="1" outlineLevel="2" x14ac:dyDescent="0.2">
      <c r="A4720" s="17">
        <v>17220</v>
      </c>
      <c r="B4720" s="17"/>
      <c r="C4720" s="17"/>
      <c r="D4720" s="18" t="s">
        <v>2353</v>
      </c>
      <c r="E4720" s="18"/>
      <c r="F4720" s="18"/>
      <c r="G4720" s="18"/>
      <c r="H4720" s="18"/>
      <c r="I4720" s="18"/>
      <c r="J4720" s="18"/>
      <c r="K4720" s="18"/>
      <c r="L4720" s="18"/>
      <c r="M4720" s="18"/>
      <c r="N4720" s="18"/>
      <c r="O4720" s="18"/>
      <c r="P4720" s="19">
        <v>450</v>
      </c>
      <c r="Q4720" s="19"/>
      <c r="R4720" s="19"/>
      <c r="S4720" s="19"/>
      <c r="T4720" s="19">
        <v>290</v>
      </c>
      <c r="U4720" s="19"/>
      <c r="V4720" s="19"/>
      <c r="W4720" s="19"/>
      <c r="X4720" s="19">
        <v>5</v>
      </c>
      <c r="Y4720" s="19"/>
      <c r="Z4720" s="19"/>
      <c r="AA4720" s="19"/>
    </row>
    <row r="4721" spans="1:27" s="1" customFormat="1" ht="11.1" customHeight="1" outlineLevel="2" x14ac:dyDescent="0.2">
      <c r="A4721" s="17"/>
      <c r="B4721" s="17"/>
      <c r="C4721" s="17"/>
      <c r="D4721" s="18"/>
      <c r="E4721" s="18"/>
      <c r="F4721" s="18"/>
      <c r="G4721" s="18"/>
      <c r="H4721" s="18"/>
      <c r="I4721" s="18"/>
      <c r="J4721" s="18"/>
      <c r="K4721" s="18"/>
      <c r="L4721" s="18"/>
      <c r="M4721" s="18"/>
      <c r="N4721" s="18"/>
      <c r="O4721" s="18"/>
      <c r="P4721" s="19"/>
      <c r="Q4721" s="19"/>
      <c r="R4721" s="19"/>
      <c r="S4721" s="19"/>
      <c r="T4721" s="19"/>
      <c r="U4721" s="19"/>
      <c r="V4721" s="19"/>
      <c r="W4721" s="19"/>
      <c r="X4721" s="19"/>
      <c r="Y4721" s="19"/>
      <c r="Z4721" s="19"/>
      <c r="AA4721" s="19"/>
    </row>
    <row r="4722" spans="1:27" s="1" customFormat="1" ht="11.1" customHeight="1" outlineLevel="2" x14ac:dyDescent="0.2">
      <c r="A4722" s="17">
        <v>17219</v>
      </c>
      <c r="B4722" s="17"/>
      <c r="C4722" s="17"/>
      <c r="D4722" s="18" t="s">
        <v>2354</v>
      </c>
      <c r="E4722" s="18"/>
      <c r="F4722" s="18"/>
      <c r="G4722" s="18"/>
      <c r="H4722" s="18"/>
      <c r="I4722" s="18"/>
      <c r="J4722" s="18"/>
      <c r="K4722" s="18"/>
      <c r="L4722" s="18"/>
      <c r="M4722" s="18"/>
      <c r="N4722" s="18"/>
      <c r="O4722" s="18"/>
      <c r="P4722" s="19">
        <v>450</v>
      </c>
      <c r="Q4722" s="19"/>
      <c r="R4722" s="19"/>
      <c r="S4722" s="19"/>
      <c r="T4722" s="19">
        <v>290</v>
      </c>
      <c r="U4722" s="19"/>
      <c r="V4722" s="19"/>
      <c r="W4722" s="19"/>
      <c r="X4722" s="19">
        <v>5</v>
      </c>
      <c r="Y4722" s="19"/>
      <c r="Z4722" s="19"/>
      <c r="AA4722" s="19"/>
    </row>
    <row r="4723" spans="1:27" s="1" customFormat="1" ht="11.1" customHeight="1" outlineLevel="2" x14ac:dyDescent="0.2">
      <c r="A4723" s="17"/>
      <c r="B4723" s="17"/>
      <c r="C4723" s="17"/>
      <c r="D4723" s="18"/>
      <c r="E4723" s="18"/>
      <c r="F4723" s="18"/>
      <c r="G4723" s="18"/>
      <c r="H4723" s="18"/>
      <c r="I4723" s="18"/>
      <c r="J4723" s="18"/>
      <c r="K4723" s="18"/>
      <c r="L4723" s="18"/>
      <c r="M4723" s="18"/>
      <c r="N4723" s="18"/>
      <c r="O4723" s="18"/>
      <c r="P4723" s="19"/>
      <c r="Q4723" s="19"/>
      <c r="R4723" s="19"/>
      <c r="S4723" s="19"/>
      <c r="T4723" s="19"/>
      <c r="U4723" s="19"/>
      <c r="V4723" s="19"/>
      <c r="W4723" s="19"/>
      <c r="X4723" s="19"/>
      <c r="Y4723" s="19"/>
      <c r="Z4723" s="19"/>
      <c r="AA4723" s="19"/>
    </row>
    <row r="4724" spans="1:27" s="1" customFormat="1" ht="11.1" customHeight="1" outlineLevel="2" x14ac:dyDescent="0.2">
      <c r="A4724" s="17">
        <v>17216</v>
      </c>
      <c r="B4724" s="17"/>
      <c r="C4724" s="17"/>
      <c r="D4724" s="18" t="s">
        <v>2355</v>
      </c>
      <c r="E4724" s="18"/>
      <c r="F4724" s="18"/>
      <c r="G4724" s="18"/>
      <c r="H4724" s="18"/>
      <c r="I4724" s="18"/>
      <c r="J4724" s="18"/>
      <c r="K4724" s="18"/>
      <c r="L4724" s="18"/>
      <c r="M4724" s="18"/>
      <c r="N4724" s="18"/>
      <c r="O4724" s="18"/>
      <c r="P4724" s="19">
        <v>450</v>
      </c>
      <c r="Q4724" s="19"/>
      <c r="R4724" s="19"/>
      <c r="S4724" s="19"/>
      <c r="T4724" s="19">
        <v>290</v>
      </c>
      <c r="U4724" s="19"/>
      <c r="V4724" s="19"/>
      <c r="W4724" s="19"/>
      <c r="X4724" s="19">
        <v>5</v>
      </c>
      <c r="Y4724" s="19"/>
      <c r="Z4724" s="19"/>
      <c r="AA4724" s="19"/>
    </row>
    <row r="4725" spans="1:27" s="1" customFormat="1" ht="11.1" customHeight="1" outlineLevel="2" x14ac:dyDescent="0.2">
      <c r="A4725" s="17"/>
      <c r="B4725" s="17"/>
      <c r="C4725" s="17"/>
      <c r="D4725" s="18"/>
      <c r="E4725" s="18"/>
      <c r="F4725" s="18"/>
      <c r="G4725" s="18"/>
      <c r="H4725" s="18"/>
      <c r="I4725" s="18"/>
      <c r="J4725" s="18"/>
      <c r="K4725" s="18"/>
      <c r="L4725" s="18"/>
      <c r="M4725" s="18"/>
      <c r="N4725" s="18"/>
      <c r="O4725" s="18"/>
      <c r="P4725" s="19"/>
      <c r="Q4725" s="19"/>
      <c r="R4725" s="19"/>
      <c r="S4725" s="19"/>
      <c r="T4725" s="19"/>
      <c r="U4725" s="19"/>
      <c r="V4725" s="19"/>
      <c r="W4725" s="19"/>
      <c r="X4725" s="19"/>
      <c r="Y4725" s="19"/>
      <c r="Z4725" s="19"/>
      <c r="AA4725" s="19"/>
    </row>
    <row r="4726" spans="1:27" s="1" customFormat="1" ht="11.1" customHeight="1" outlineLevel="2" x14ac:dyDescent="0.2">
      <c r="A4726" s="17">
        <v>17215</v>
      </c>
      <c r="B4726" s="17"/>
      <c r="C4726" s="17"/>
      <c r="D4726" s="18" t="s">
        <v>2356</v>
      </c>
      <c r="E4726" s="18"/>
      <c r="F4726" s="18"/>
      <c r="G4726" s="18"/>
      <c r="H4726" s="18"/>
      <c r="I4726" s="18"/>
      <c r="J4726" s="18"/>
      <c r="K4726" s="18"/>
      <c r="L4726" s="18"/>
      <c r="M4726" s="18"/>
      <c r="N4726" s="18"/>
      <c r="O4726" s="18"/>
      <c r="P4726" s="19">
        <v>450</v>
      </c>
      <c r="Q4726" s="19"/>
      <c r="R4726" s="19"/>
      <c r="S4726" s="19"/>
      <c r="T4726" s="19">
        <v>290</v>
      </c>
      <c r="U4726" s="19"/>
      <c r="V4726" s="19"/>
      <c r="W4726" s="19"/>
      <c r="X4726" s="19">
        <v>5</v>
      </c>
      <c r="Y4726" s="19"/>
      <c r="Z4726" s="19"/>
      <c r="AA4726" s="19"/>
    </row>
    <row r="4727" spans="1:27" s="1" customFormat="1" ht="11.1" customHeight="1" outlineLevel="2" x14ac:dyDescent="0.2">
      <c r="A4727" s="17"/>
      <c r="B4727" s="17"/>
      <c r="C4727" s="17"/>
      <c r="D4727" s="18"/>
      <c r="E4727" s="18"/>
      <c r="F4727" s="18"/>
      <c r="G4727" s="18"/>
      <c r="H4727" s="18"/>
      <c r="I4727" s="18"/>
      <c r="J4727" s="18"/>
      <c r="K4727" s="18"/>
      <c r="L4727" s="18"/>
      <c r="M4727" s="18"/>
      <c r="N4727" s="18"/>
      <c r="O4727" s="18"/>
      <c r="P4727" s="19"/>
      <c r="Q4727" s="19"/>
      <c r="R4727" s="19"/>
      <c r="S4727" s="19"/>
      <c r="T4727" s="19"/>
      <c r="U4727" s="19"/>
      <c r="V4727" s="19"/>
      <c r="W4727" s="19"/>
      <c r="X4727" s="19"/>
      <c r="Y4727" s="19"/>
      <c r="Z4727" s="19"/>
      <c r="AA4727" s="19"/>
    </row>
    <row r="4728" spans="1:27" s="1" customFormat="1" ht="11.1" customHeight="1" outlineLevel="2" x14ac:dyDescent="0.2">
      <c r="A4728" s="17">
        <v>17217</v>
      </c>
      <c r="B4728" s="17"/>
      <c r="C4728" s="17"/>
      <c r="D4728" s="18" t="s">
        <v>2357</v>
      </c>
      <c r="E4728" s="18"/>
      <c r="F4728" s="18"/>
      <c r="G4728" s="18"/>
      <c r="H4728" s="18"/>
      <c r="I4728" s="18"/>
      <c r="J4728" s="18"/>
      <c r="K4728" s="18"/>
      <c r="L4728" s="18"/>
      <c r="M4728" s="18"/>
      <c r="N4728" s="18"/>
      <c r="O4728" s="18"/>
      <c r="P4728" s="19">
        <v>450</v>
      </c>
      <c r="Q4728" s="19"/>
      <c r="R4728" s="19"/>
      <c r="S4728" s="19"/>
      <c r="T4728" s="19">
        <v>290</v>
      </c>
      <c r="U4728" s="19"/>
      <c r="V4728" s="19"/>
      <c r="W4728" s="19"/>
      <c r="X4728" s="19">
        <v>5</v>
      </c>
      <c r="Y4728" s="19"/>
      <c r="Z4728" s="19"/>
      <c r="AA4728" s="19"/>
    </row>
    <row r="4729" spans="1:27" s="1" customFormat="1" ht="11.1" customHeight="1" outlineLevel="2" x14ac:dyDescent="0.2">
      <c r="A4729" s="17"/>
      <c r="B4729" s="17"/>
      <c r="C4729" s="17"/>
      <c r="D4729" s="18"/>
      <c r="E4729" s="18"/>
      <c r="F4729" s="18"/>
      <c r="G4729" s="18"/>
      <c r="H4729" s="18"/>
      <c r="I4729" s="18"/>
      <c r="J4729" s="18"/>
      <c r="K4729" s="18"/>
      <c r="L4729" s="18"/>
      <c r="M4729" s="18"/>
      <c r="N4729" s="18"/>
      <c r="O4729" s="18"/>
      <c r="P4729" s="19"/>
      <c r="Q4729" s="19"/>
      <c r="R4729" s="19"/>
      <c r="S4729" s="19"/>
      <c r="T4729" s="19"/>
      <c r="U4729" s="19"/>
      <c r="V4729" s="19"/>
      <c r="W4729" s="19"/>
      <c r="X4729" s="19"/>
      <c r="Y4729" s="19"/>
      <c r="Z4729" s="19"/>
      <c r="AA4729" s="19"/>
    </row>
    <row r="4730" spans="1:27" s="1" customFormat="1" ht="14.1" customHeight="1" outlineLevel="2" x14ac:dyDescent="0.2">
      <c r="A4730" s="17">
        <v>17204</v>
      </c>
      <c r="B4730" s="17"/>
      <c r="C4730" s="17"/>
      <c r="D4730" s="18" t="s">
        <v>2358</v>
      </c>
      <c r="E4730" s="18"/>
      <c r="F4730" s="18"/>
      <c r="G4730" s="18"/>
      <c r="H4730" s="18"/>
      <c r="I4730" s="18"/>
      <c r="J4730" s="18"/>
      <c r="K4730" s="18"/>
      <c r="L4730" s="18"/>
      <c r="M4730" s="18"/>
      <c r="N4730" s="18"/>
      <c r="O4730" s="18"/>
      <c r="P4730" s="19">
        <v>450</v>
      </c>
      <c r="Q4730" s="19"/>
      <c r="R4730" s="19"/>
      <c r="S4730" s="19"/>
      <c r="T4730" s="19">
        <v>290</v>
      </c>
      <c r="U4730" s="19"/>
      <c r="V4730" s="19"/>
      <c r="W4730" s="19"/>
      <c r="X4730" s="19">
        <v>5</v>
      </c>
      <c r="Y4730" s="19"/>
      <c r="Z4730" s="19"/>
      <c r="AA4730" s="19"/>
    </row>
    <row r="4731" spans="1:27" s="1" customFormat="1" ht="14.1" customHeight="1" outlineLevel="2" x14ac:dyDescent="0.2">
      <c r="A4731" s="17"/>
      <c r="B4731" s="17"/>
      <c r="C4731" s="17"/>
      <c r="D4731" s="18"/>
      <c r="E4731" s="18"/>
      <c r="F4731" s="18"/>
      <c r="G4731" s="18"/>
      <c r="H4731" s="18"/>
      <c r="I4731" s="18"/>
      <c r="J4731" s="18"/>
      <c r="K4731" s="18"/>
      <c r="L4731" s="18"/>
      <c r="M4731" s="18"/>
      <c r="N4731" s="18"/>
      <c r="O4731" s="18"/>
      <c r="P4731" s="19"/>
      <c r="Q4731" s="19"/>
      <c r="R4731" s="19"/>
      <c r="S4731" s="19"/>
      <c r="T4731" s="19"/>
      <c r="U4731" s="19"/>
      <c r="V4731" s="19"/>
      <c r="W4731" s="19"/>
      <c r="X4731" s="19"/>
      <c r="Y4731" s="19"/>
      <c r="Z4731" s="19"/>
      <c r="AA4731" s="19"/>
    </row>
    <row r="4732" spans="1:27" s="1" customFormat="1" ht="14.1" customHeight="1" outlineLevel="2" x14ac:dyDescent="0.2">
      <c r="A4732" s="17">
        <v>17203</v>
      </c>
      <c r="B4732" s="17"/>
      <c r="C4732" s="17"/>
      <c r="D4732" s="18" t="s">
        <v>2359</v>
      </c>
      <c r="E4732" s="18"/>
      <c r="F4732" s="18"/>
      <c r="G4732" s="18"/>
      <c r="H4732" s="18"/>
      <c r="I4732" s="18"/>
      <c r="J4732" s="18"/>
      <c r="K4732" s="18"/>
      <c r="L4732" s="18"/>
      <c r="M4732" s="18"/>
      <c r="N4732" s="18"/>
      <c r="O4732" s="18"/>
      <c r="P4732" s="19">
        <v>450</v>
      </c>
      <c r="Q4732" s="19"/>
      <c r="R4732" s="19"/>
      <c r="S4732" s="19"/>
      <c r="T4732" s="19">
        <v>290</v>
      </c>
      <c r="U4732" s="19"/>
      <c r="V4732" s="19"/>
      <c r="W4732" s="19"/>
      <c r="X4732" s="19">
        <v>5</v>
      </c>
      <c r="Y4732" s="19"/>
      <c r="Z4732" s="19"/>
      <c r="AA4732" s="19"/>
    </row>
    <row r="4733" spans="1:27" s="1" customFormat="1" ht="14.1" customHeight="1" outlineLevel="2" x14ac:dyDescent="0.2">
      <c r="A4733" s="17"/>
      <c r="B4733" s="17"/>
      <c r="C4733" s="17"/>
      <c r="D4733" s="18"/>
      <c r="E4733" s="18"/>
      <c r="F4733" s="18"/>
      <c r="G4733" s="18"/>
      <c r="H4733" s="18"/>
      <c r="I4733" s="18"/>
      <c r="J4733" s="18"/>
      <c r="K4733" s="18"/>
      <c r="L4733" s="18"/>
      <c r="M4733" s="18"/>
      <c r="N4733" s="18"/>
      <c r="O4733" s="18"/>
      <c r="P4733" s="19"/>
      <c r="Q4733" s="19"/>
      <c r="R4733" s="19"/>
      <c r="S4733" s="19"/>
      <c r="T4733" s="19"/>
      <c r="U4733" s="19"/>
      <c r="V4733" s="19"/>
      <c r="W4733" s="19"/>
      <c r="X4733" s="19"/>
      <c r="Y4733" s="19"/>
      <c r="Z4733" s="19"/>
      <c r="AA4733" s="19"/>
    </row>
    <row r="4734" spans="1:27" s="1" customFormat="1" ht="14.1" customHeight="1" outlineLevel="2" x14ac:dyDescent="0.2">
      <c r="A4734" s="17">
        <v>17202</v>
      </c>
      <c r="B4734" s="17"/>
      <c r="C4734" s="17"/>
      <c r="D4734" s="18" t="s">
        <v>2360</v>
      </c>
      <c r="E4734" s="18"/>
      <c r="F4734" s="18"/>
      <c r="G4734" s="18"/>
      <c r="H4734" s="18"/>
      <c r="I4734" s="18"/>
      <c r="J4734" s="18"/>
      <c r="K4734" s="18"/>
      <c r="L4734" s="18"/>
      <c r="M4734" s="18"/>
      <c r="N4734" s="18"/>
      <c r="O4734" s="18"/>
      <c r="P4734" s="19">
        <v>450</v>
      </c>
      <c r="Q4734" s="19"/>
      <c r="R4734" s="19"/>
      <c r="S4734" s="19"/>
      <c r="T4734" s="19">
        <v>290</v>
      </c>
      <c r="U4734" s="19"/>
      <c r="V4734" s="19"/>
      <c r="W4734" s="19"/>
      <c r="X4734" s="19">
        <v>5</v>
      </c>
      <c r="Y4734" s="19"/>
      <c r="Z4734" s="19"/>
      <c r="AA4734" s="19"/>
    </row>
    <row r="4735" spans="1:27" s="1" customFormat="1" ht="14.1" customHeight="1" outlineLevel="2" x14ac:dyDescent="0.2">
      <c r="A4735" s="17"/>
      <c r="B4735" s="17"/>
      <c r="C4735" s="17"/>
      <c r="D4735" s="18"/>
      <c r="E4735" s="18"/>
      <c r="F4735" s="18"/>
      <c r="G4735" s="18"/>
      <c r="H4735" s="18"/>
      <c r="I4735" s="18"/>
      <c r="J4735" s="18"/>
      <c r="K4735" s="18"/>
      <c r="L4735" s="18"/>
      <c r="M4735" s="18"/>
      <c r="N4735" s="18"/>
      <c r="O4735" s="18"/>
      <c r="P4735" s="19"/>
      <c r="Q4735" s="19"/>
      <c r="R4735" s="19"/>
      <c r="S4735" s="19"/>
      <c r="T4735" s="19"/>
      <c r="U4735" s="19"/>
      <c r="V4735" s="19"/>
      <c r="W4735" s="19"/>
      <c r="X4735" s="19"/>
      <c r="Y4735" s="19"/>
      <c r="Z4735" s="19"/>
      <c r="AA4735" s="19"/>
    </row>
    <row r="4736" spans="1:27" s="1" customFormat="1" ht="11.1" customHeight="1" outlineLevel="2" x14ac:dyDescent="0.2">
      <c r="A4736" s="17">
        <v>17243</v>
      </c>
      <c r="B4736" s="17"/>
      <c r="C4736" s="17"/>
      <c r="D4736" s="18" t="s">
        <v>2361</v>
      </c>
      <c r="E4736" s="18"/>
      <c r="F4736" s="18"/>
      <c r="G4736" s="18"/>
      <c r="H4736" s="18"/>
      <c r="I4736" s="18"/>
      <c r="J4736" s="18"/>
      <c r="K4736" s="18"/>
      <c r="L4736" s="18"/>
      <c r="M4736" s="18"/>
      <c r="N4736" s="18"/>
      <c r="O4736" s="18"/>
      <c r="P4736" s="19">
        <v>450</v>
      </c>
      <c r="Q4736" s="19"/>
      <c r="R4736" s="19"/>
      <c r="S4736" s="19"/>
      <c r="T4736" s="19">
        <v>290</v>
      </c>
      <c r="U4736" s="19"/>
      <c r="V4736" s="19"/>
      <c r="W4736" s="19"/>
      <c r="X4736" s="19">
        <v>5</v>
      </c>
      <c r="Y4736" s="19"/>
      <c r="Z4736" s="19"/>
      <c r="AA4736" s="19"/>
    </row>
    <row r="4737" spans="1:27" s="1" customFormat="1" ht="11.1" customHeight="1" outlineLevel="2" x14ac:dyDescent="0.2">
      <c r="A4737" s="17"/>
      <c r="B4737" s="17"/>
      <c r="C4737" s="17"/>
      <c r="D4737" s="18"/>
      <c r="E4737" s="18"/>
      <c r="F4737" s="18"/>
      <c r="G4737" s="18"/>
      <c r="H4737" s="18"/>
      <c r="I4737" s="18"/>
      <c r="J4737" s="18"/>
      <c r="K4737" s="18"/>
      <c r="L4737" s="18"/>
      <c r="M4737" s="18"/>
      <c r="N4737" s="18"/>
      <c r="O4737" s="18"/>
      <c r="P4737" s="19"/>
      <c r="Q4737" s="19"/>
      <c r="R4737" s="19"/>
      <c r="S4737" s="19"/>
      <c r="T4737" s="19"/>
      <c r="U4737" s="19"/>
      <c r="V4737" s="19"/>
      <c r="W4737" s="19"/>
      <c r="X4737" s="19"/>
      <c r="Y4737" s="19"/>
      <c r="Z4737" s="19"/>
      <c r="AA4737" s="19"/>
    </row>
    <row r="4738" spans="1:27" s="1" customFormat="1" ht="14.1" customHeight="1" outlineLevel="2" x14ac:dyDescent="0.2">
      <c r="A4738" s="17">
        <v>17242</v>
      </c>
      <c r="B4738" s="17"/>
      <c r="C4738" s="17"/>
      <c r="D4738" s="18" t="s">
        <v>2362</v>
      </c>
      <c r="E4738" s="18"/>
      <c r="F4738" s="18"/>
      <c r="G4738" s="18"/>
      <c r="H4738" s="18"/>
      <c r="I4738" s="18"/>
      <c r="J4738" s="18"/>
      <c r="K4738" s="18"/>
      <c r="L4738" s="18"/>
      <c r="M4738" s="18"/>
      <c r="N4738" s="18"/>
      <c r="O4738" s="18"/>
      <c r="P4738" s="19">
        <v>450</v>
      </c>
      <c r="Q4738" s="19"/>
      <c r="R4738" s="19"/>
      <c r="S4738" s="19"/>
      <c r="T4738" s="19">
        <v>290</v>
      </c>
      <c r="U4738" s="19"/>
      <c r="V4738" s="19"/>
      <c r="W4738" s="19"/>
      <c r="X4738" s="19">
        <v>5</v>
      </c>
      <c r="Y4738" s="19"/>
      <c r="Z4738" s="19"/>
      <c r="AA4738" s="19"/>
    </row>
    <row r="4739" spans="1:27" s="1" customFormat="1" ht="14.1" customHeight="1" outlineLevel="2" x14ac:dyDescent="0.2">
      <c r="A4739" s="17"/>
      <c r="B4739" s="17"/>
      <c r="C4739" s="17"/>
      <c r="D4739" s="18"/>
      <c r="E4739" s="18"/>
      <c r="F4739" s="18"/>
      <c r="G4739" s="18"/>
      <c r="H4739" s="18"/>
      <c r="I4739" s="18"/>
      <c r="J4739" s="18"/>
      <c r="K4739" s="18"/>
      <c r="L4739" s="18"/>
      <c r="M4739" s="18"/>
      <c r="N4739" s="18"/>
      <c r="O4739" s="18"/>
      <c r="P4739" s="19"/>
      <c r="Q4739" s="19"/>
      <c r="R4739" s="19"/>
      <c r="S4739" s="19"/>
      <c r="T4739" s="19"/>
      <c r="U4739" s="19"/>
      <c r="V4739" s="19"/>
      <c r="W4739" s="19"/>
      <c r="X4739" s="19"/>
      <c r="Y4739" s="19"/>
      <c r="Z4739" s="19"/>
      <c r="AA4739" s="19"/>
    </row>
    <row r="4740" spans="1:27" s="1" customFormat="1" ht="11.1" customHeight="1" outlineLevel="2" x14ac:dyDescent="0.2">
      <c r="A4740" s="17">
        <v>17241</v>
      </c>
      <c r="B4740" s="17"/>
      <c r="C4740" s="17"/>
      <c r="D4740" s="18" t="s">
        <v>2363</v>
      </c>
      <c r="E4740" s="18"/>
      <c r="F4740" s="18"/>
      <c r="G4740" s="18"/>
      <c r="H4740" s="18"/>
      <c r="I4740" s="18"/>
      <c r="J4740" s="18"/>
      <c r="K4740" s="18"/>
      <c r="L4740" s="18"/>
      <c r="M4740" s="18"/>
      <c r="N4740" s="18"/>
      <c r="O4740" s="18"/>
      <c r="P4740" s="19">
        <v>450</v>
      </c>
      <c r="Q4740" s="19"/>
      <c r="R4740" s="19"/>
      <c r="S4740" s="19"/>
      <c r="T4740" s="19">
        <v>290</v>
      </c>
      <c r="U4740" s="19"/>
      <c r="V4740" s="19"/>
      <c r="W4740" s="19"/>
      <c r="X4740" s="19">
        <v>5</v>
      </c>
      <c r="Y4740" s="19"/>
      <c r="Z4740" s="19"/>
      <c r="AA4740" s="19"/>
    </row>
    <row r="4741" spans="1:27" s="1" customFormat="1" ht="11.1" customHeight="1" outlineLevel="2" x14ac:dyDescent="0.2">
      <c r="A4741" s="17"/>
      <c r="B4741" s="17"/>
      <c r="C4741" s="17"/>
      <c r="D4741" s="18"/>
      <c r="E4741" s="18"/>
      <c r="F4741" s="18"/>
      <c r="G4741" s="18"/>
      <c r="H4741" s="18"/>
      <c r="I4741" s="18"/>
      <c r="J4741" s="18"/>
      <c r="K4741" s="18"/>
      <c r="L4741" s="18"/>
      <c r="M4741" s="18"/>
      <c r="N4741" s="18"/>
      <c r="O4741" s="18"/>
      <c r="P4741" s="19"/>
      <c r="Q4741" s="19"/>
      <c r="R4741" s="19"/>
      <c r="S4741" s="19"/>
      <c r="T4741" s="19"/>
      <c r="U4741" s="19"/>
      <c r="V4741" s="19"/>
      <c r="W4741" s="19"/>
      <c r="X4741" s="19"/>
      <c r="Y4741" s="19"/>
      <c r="Z4741" s="19"/>
      <c r="AA4741" s="19"/>
    </row>
    <row r="4742" spans="1:27" s="1" customFormat="1" ht="14.1" customHeight="1" outlineLevel="2" x14ac:dyDescent="0.2">
      <c r="A4742" s="17">
        <v>16962</v>
      </c>
      <c r="B4742" s="17"/>
      <c r="C4742" s="17"/>
      <c r="D4742" s="18" t="s">
        <v>2364</v>
      </c>
      <c r="E4742" s="18"/>
      <c r="F4742" s="18"/>
      <c r="G4742" s="18"/>
      <c r="H4742" s="18"/>
      <c r="I4742" s="18"/>
      <c r="J4742" s="18"/>
      <c r="K4742" s="18"/>
      <c r="L4742" s="18"/>
      <c r="M4742" s="18"/>
      <c r="N4742" s="18"/>
      <c r="O4742" s="18"/>
      <c r="P4742" s="19">
        <v>400</v>
      </c>
      <c r="Q4742" s="19"/>
      <c r="R4742" s="19"/>
      <c r="S4742" s="19"/>
      <c r="T4742" s="19">
        <v>300</v>
      </c>
      <c r="U4742" s="19"/>
      <c r="V4742" s="19"/>
      <c r="W4742" s="19"/>
      <c r="X4742" s="19">
        <v>1</v>
      </c>
      <c r="Y4742" s="19"/>
      <c r="Z4742" s="19"/>
      <c r="AA4742" s="19"/>
    </row>
    <row r="4743" spans="1:27" s="1" customFormat="1" ht="14.1" customHeight="1" outlineLevel="2" x14ac:dyDescent="0.2">
      <c r="A4743" s="17"/>
      <c r="B4743" s="17"/>
      <c r="C4743" s="17"/>
      <c r="D4743" s="18"/>
      <c r="E4743" s="18"/>
      <c r="F4743" s="18"/>
      <c r="G4743" s="18"/>
      <c r="H4743" s="18"/>
      <c r="I4743" s="18"/>
      <c r="J4743" s="18"/>
      <c r="K4743" s="18"/>
      <c r="L4743" s="18"/>
      <c r="M4743" s="18"/>
      <c r="N4743" s="18"/>
      <c r="O4743" s="18"/>
      <c r="P4743" s="19"/>
      <c r="Q4743" s="19"/>
      <c r="R4743" s="19"/>
      <c r="S4743" s="19"/>
      <c r="T4743" s="19"/>
      <c r="U4743" s="19"/>
      <c r="V4743" s="19"/>
      <c r="W4743" s="19"/>
      <c r="X4743" s="19"/>
      <c r="Y4743" s="19"/>
      <c r="Z4743" s="19"/>
      <c r="AA4743" s="19"/>
    </row>
    <row r="4744" spans="1:27" s="1" customFormat="1" ht="14.1" customHeight="1" outlineLevel="2" x14ac:dyDescent="0.2">
      <c r="A4744" s="17">
        <v>17187</v>
      </c>
      <c r="B4744" s="17"/>
      <c r="C4744" s="17"/>
      <c r="D4744" s="18" t="s">
        <v>2365</v>
      </c>
      <c r="E4744" s="18"/>
      <c r="F4744" s="18"/>
      <c r="G4744" s="18"/>
      <c r="H4744" s="18"/>
      <c r="I4744" s="18"/>
      <c r="J4744" s="18"/>
      <c r="K4744" s="18"/>
      <c r="L4744" s="18"/>
      <c r="M4744" s="18"/>
      <c r="N4744" s="18"/>
      <c r="O4744" s="18"/>
      <c r="P4744" s="19">
        <v>450</v>
      </c>
      <c r="Q4744" s="19"/>
      <c r="R4744" s="19"/>
      <c r="S4744" s="19"/>
      <c r="T4744" s="19">
        <v>290</v>
      </c>
      <c r="U4744" s="19"/>
      <c r="V4744" s="19"/>
      <c r="W4744" s="19"/>
      <c r="X4744" s="19">
        <v>5</v>
      </c>
      <c r="Y4744" s="19"/>
      <c r="Z4744" s="19"/>
      <c r="AA4744" s="19"/>
    </row>
    <row r="4745" spans="1:27" s="1" customFormat="1" ht="14.1" customHeight="1" outlineLevel="2" x14ac:dyDescent="0.2">
      <c r="A4745" s="17"/>
      <c r="B4745" s="17"/>
      <c r="C4745" s="17"/>
      <c r="D4745" s="18"/>
      <c r="E4745" s="18"/>
      <c r="F4745" s="18"/>
      <c r="G4745" s="18"/>
      <c r="H4745" s="18"/>
      <c r="I4745" s="18"/>
      <c r="J4745" s="18"/>
      <c r="K4745" s="18"/>
      <c r="L4745" s="18"/>
      <c r="M4745" s="18"/>
      <c r="N4745" s="18"/>
      <c r="O4745" s="18"/>
      <c r="P4745" s="19"/>
      <c r="Q4745" s="19"/>
      <c r="R4745" s="19"/>
      <c r="S4745" s="19"/>
      <c r="T4745" s="19"/>
      <c r="U4745" s="19"/>
      <c r="V4745" s="19"/>
      <c r="W4745" s="19"/>
      <c r="X4745" s="19"/>
      <c r="Y4745" s="19"/>
      <c r="Z4745" s="19"/>
      <c r="AA4745" s="19"/>
    </row>
    <row r="4746" spans="1:27" s="1" customFormat="1" ht="11.1" customHeight="1" outlineLevel="2" x14ac:dyDescent="0.2">
      <c r="A4746" s="17">
        <v>17228</v>
      </c>
      <c r="B4746" s="17"/>
      <c r="C4746" s="17"/>
      <c r="D4746" s="18" t="s">
        <v>2366</v>
      </c>
      <c r="E4746" s="18"/>
      <c r="F4746" s="18"/>
      <c r="G4746" s="18"/>
      <c r="H4746" s="18"/>
      <c r="I4746" s="18"/>
      <c r="J4746" s="18"/>
      <c r="K4746" s="18"/>
      <c r="L4746" s="18"/>
      <c r="M4746" s="18"/>
      <c r="N4746" s="18"/>
      <c r="O4746" s="18"/>
      <c r="P4746" s="19">
        <v>450</v>
      </c>
      <c r="Q4746" s="19"/>
      <c r="R4746" s="19"/>
      <c r="S4746" s="19"/>
      <c r="T4746" s="19">
        <v>290</v>
      </c>
      <c r="U4746" s="19"/>
      <c r="V4746" s="19"/>
      <c r="W4746" s="19"/>
      <c r="X4746" s="19">
        <v>5</v>
      </c>
      <c r="Y4746" s="19"/>
      <c r="Z4746" s="19"/>
      <c r="AA4746" s="19"/>
    </row>
    <row r="4747" spans="1:27" s="1" customFormat="1" ht="11.1" customHeight="1" outlineLevel="2" x14ac:dyDescent="0.2">
      <c r="A4747" s="17"/>
      <c r="B4747" s="17"/>
      <c r="C4747" s="17"/>
      <c r="D4747" s="18"/>
      <c r="E4747" s="18"/>
      <c r="F4747" s="18"/>
      <c r="G4747" s="18"/>
      <c r="H4747" s="18"/>
      <c r="I4747" s="18"/>
      <c r="J4747" s="18"/>
      <c r="K4747" s="18"/>
      <c r="L4747" s="18"/>
      <c r="M4747" s="18"/>
      <c r="N4747" s="18"/>
      <c r="O4747" s="18"/>
      <c r="P4747" s="19"/>
      <c r="Q4747" s="19"/>
      <c r="R4747" s="19"/>
      <c r="S4747" s="19"/>
      <c r="T4747" s="19"/>
      <c r="U4747" s="19"/>
      <c r="V4747" s="19"/>
      <c r="W4747" s="19"/>
      <c r="X4747" s="19"/>
      <c r="Y4747" s="19"/>
      <c r="Z4747" s="19"/>
      <c r="AA4747" s="19"/>
    </row>
    <row r="4748" spans="1:27" s="1" customFormat="1" ht="14.1" customHeight="1" outlineLevel="2" x14ac:dyDescent="0.2">
      <c r="A4748" s="17">
        <v>17227</v>
      </c>
      <c r="B4748" s="17"/>
      <c r="C4748" s="17"/>
      <c r="D4748" s="18" t="s">
        <v>2367</v>
      </c>
      <c r="E4748" s="18"/>
      <c r="F4748" s="18"/>
      <c r="G4748" s="18"/>
      <c r="H4748" s="18"/>
      <c r="I4748" s="18"/>
      <c r="J4748" s="18"/>
      <c r="K4748" s="18"/>
      <c r="L4748" s="18"/>
      <c r="M4748" s="18"/>
      <c r="N4748" s="18"/>
      <c r="O4748" s="18"/>
      <c r="P4748" s="19">
        <v>450</v>
      </c>
      <c r="Q4748" s="19"/>
      <c r="R4748" s="19"/>
      <c r="S4748" s="19"/>
      <c r="T4748" s="19">
        <v>290</v>
      </c>
      <c r="U4748" s="19"/>
      <c r="V4748" s="19"/>
      <c r="W4748" s="19"/>
      <c r="X4748" s="19">
        <v>5</v>
      </c>
      <c r="Y4748" s="19"/>
      <c r="Z4748" s="19"/>
      <c r="AA4748" s="19"/>
    </row>
    <row r="4749" spans="1:27" s="1" customFormat="1" ht="14.1" customHeight="1" outlineLevel="2" x14ac:dyDescent="0.2">
      <c r="A4749" s="17"/>
      <c r="B4749" s="17"/>
      <c r="C4749" s="17"/>
      <c r="D4749" s="18"/>
      <c r="E4749" s="18"/>
      <c r="F4749" s="18"/>
      <c r="G4749" s="18"/>
      <c r="H4749" s="18"/>
      <c r="I4749" s="18"/>
      <c r="J4749" s="18"/>
      <c r="K4749" s="18"/>
      <c r="L4749" s="18"/>
      <c r="M4749" s="18"/>
      <c r="N4749" s="18"/>
      <c r="O4749" s="18"/>
      <c r="P4749" s="19"/>
      <c r="Q4749" s="19"/>
      <c r="R4749" s="19"/>
      <c r="S4749" s="19"/>
      <c r="T4749" s="19"/>
      <c r="U4749" s="19"/>
      <c r="V4749" s="19"/>
      <c r="W4749" s="19"/>
      <c r="X4749" s="19"/>
      <c r="Y4749" s="19"/>
      <c r="Z4749" s="19"/>
      <c r="AA4749" s="19"/>
    </row>
    <row r="4750" spans="1:27" s="1" customFormat="1" ht="14.1" customHeight="1" outlineLevel="2" x14ac:dyDescent="0.2">
      <c r="A4750" s="17">
        <v>17830</v>
      </c>
      <c r="B4750" s="17"/>
      <c r="C4750" s="17"/>
      <c r="D4750" s="18" t="s">
        <v>2368</v>
      </c>
      <c r="E4750" s="18"/>
      <c r="F4750" s="18"/>
      <c r="G4750" s="18"/>
      <c r="H4750" s="18"/>
      <c r="I4750" s="18"/>
      <c r="J4750" s="18"/>
      <c r="K4750" s="18"/>
      <c r="L4750" s="18"/>
      <c r="M4750" s="18"/>
      <c r="N4750" s="18"/>
      <c r="O4750" s="18"/>
      <c r="P4750" s="19">
        <v>750</v>
      </c>
      <c r="Q4750" s="19"/>
      <c r="R4750" s="19"/>
      <c r="S4750" s="19"/>
      <c r="T4750" s="19">
        <v>600</v>
      </c>
      <c r="U4750" s="19"/>
      <c r="V4750" s="19"/>
      <c r="W4750" s="19"/>
      <c r="X4750" s="19">
        <v>1</v>
      </c>
      <c r="Y4750" s="19"/>
      <c r="Z4750" s="19"/>
      <c r="AA4750" s="19"/>
    </row>
    <row r="4751" spans="1:27" s="1" customFormat="1" ht="14.1" customHeight="1" outlineLevel="2" x14ac:dyDescent="0.2">
      <c r="A4751" s="17"/>
      <c r="B4751" s="17"/>
      <c r="C4751" s="17"/>
      <c r="D4751" s="18"/>
      <c r="E4751" s="18"/>
      <c r="F4751" s="18"/>
      <c r="G4751" s="18"/>
      <c r="H4751" s="18"/>
      <c r="I4751" s="18"/>
      <c r="J4751" s="18"/>
      <c r="K4751" s="18"/>
      <c r="L4751" s="18"/>
      <c r="M4751" s="18"/>
      <c r="N4751" s="18"/>
      <c r="O4751" s="18"/>
      <c r="P4751" s="19"/>
      <c r="Q4751" s="19"/>
      <c r="R4751" s="19"/>
      <c r="S4751" s="19"/>
      <c r="T4751" s="19"/>
      <c r="U4751" s="19"/>
      <c r="V4751" s="19"/>
      <c r="W4751" s="19"/>
      <c r="X4751" s="19"/>
      <c r="Y4751" s="19"/>
      <c r="Z4751" s="19"/>
      <c r="AA4751" s="19"/>
    </row>
    <row r="4752" spans="1:27" s="1" customFormat="1" ht="14.1" customHeight="1" outlineLevel="2" x14ac:dyDescent="0.2">
      <c r="A4752" s="17">
        <v>17200</v>
      </c>
      <c r="B4752" s="17"/>
      <c r="C4752" s="17"/>
      <c r="D4752" s="18" t="s">
        <v>2369</v>
      </c>
      <c r="E4752" s="18"/>
      <c r="F4752" s="18"/>
      <c r="G4752" s="18"/>
      <c r="H4752" s="18"/>
      <c r="I4752" s="18"/>
      <c r="J4752" s="18"/>
      <c r="K4752" s="18"/>
      <c r="L4752" s="18"/>
      <c r="M4752" s="18"/>
      <c r="N4752" s="18"/>
      <c r="O4752" s="18"/>
      <c r="P4752" s="19">
        <v>490</v>
      </c>
      <c r="Q4752" s="19"/>
      <c r="R4752" s="19"/>
      <c r="S4752" s="19"/>
      <c r="T4752" s="19">
        <v>350</v>
      </c>
      <c r="U4752" s="19"/>
      <c r="V4752" s="19"/>
      <c r="W4752" s="19"/>
      <c r="X4752" s="19">
        <v>5</v>
      </c>
      <c r="Y4752" s="19"/>
      <c r="Z4752" s="19"/>
      <c r="AA4752" s="19"/>
    </row>
    <row r="4753" spans="1:27" s="1" customFormat="1" ht="14.1" customHeight="1" outlineLevel="2" x14ac:dyDescent="0.2">
      <c r="A4753" s="17"/>
      <c r="B4753" s="17"/>
      <c r="C4753" s="17"/>
      <c r="D4753" s="18"/>
      <c r="E4753" s="18"/>
      <c r="F4753" s="18"/>
      <c r="G4753" s="18"/>
      <c r="H4753" s="18"/>
      <c r="I4753" s="18"/>
      <c r="J4753" s="18"/>
      <c r="K4753" s="18"/>
      <c r="L4753" s="18"/>
      <c r="M4753" s="18"/>
      <c r="N4753" s="18"/>
      <c r="O4753" s="18"/>
      <c r="P4753" s="19"/>
      <c r="Q4753" s="19"/>
      <c r="R4753" s="19"/>
      <c r="S4753" s="19"/>
      <c r="T4753" s="19"/>
      <c r="U4753" s="19"/>
      <c r="V4753" s="19"/>
      <c r="W4753" s="19"/>
      <c r="X4753" s="19"/>
      <c r="Y4753" s="19"/>
      <c r="Z4753" s="19"/>
      <c r="AA4753" s="19"/>
    </row>
    <row r="4754" spans="1:27" s="1" customFormat="1" ht="14.1" customHeight="1" outlineLevel="2" x14ac:dyDescent="0.2">
      <c r="A4754" s="17">
        <v>17199</v>
      </c>
      <c r="B4754" s="17"/>
      <c r="C4754" s="17"/>
      <c r="D4754" s="18" t="s">
        <v>2370</v>
      </c>
      <c r="E4754" s="18"/>
      <c r="F4754" s="18"/>
      <c r="G4754" s="18"/>
      <c r="H4754" s="18"/>
      <c r="I4754" s="18"/>
      <c r="J4754" s="18"/>
      <c r="K4754" s="18"/>
      <c r="L4754" s="18"/>
      <c r="M4754" s="18"/>
      <c r="N4754" s="18"/>
      <c r="O4754" s="18"/>
      <c r="P4754" s="19">
        <v>490</v>
      </c>
      <c r="Q4754" s="19"/>
      <c r="R4754" s="19"/>
      <c r="S4754" s="19"/>
      <c r="T4754" s="19">
        <v>350</v>
      </c>
      <c r="U4754" s="19"/>
      <c r="V4754" s="19"/>
      <c r="W4754" s="19"/>
      <c r="X4754" s="19">
        <v>5</v>
      </c>
      <c r="Y4754" s="19"/>
      <c r="Z4754" s="19"/>
      <c r="AA4754" s="19"/>
    </row>
    <row r="4755" spans="1:27" s="1" customFormat="1" ht="14.1" customHeight="1" outlineLevel="2" x14ac:dyDescent="0.2">
      <c r="A4755" s="17"/>
      <c r="B4755" s="17"/>
      <c r="C4755" s="17"/>
      <c r="D4755" s="18"/>
      <c r="E4755" s="18"/>
      <c r="F4755" s="18"/>
      <c r="G4755" s="18"/>
      <c r="H4755" s="18"/>
      <c r="I4755" s="18"/>
      <c r="J4755" s="18"/>
      <c r="K4755" s="18"/>
      <c r="L4755" s="18"/>
      <c r="M4755" s="18"/>
      <c r="N4755" s="18"/>
      <c r="O4755" s="18"/>
      <c r="P4755" s="19"/>
      <c r="Q4755" s="19"/>
      <c r="R4755" s="19"/>
      <c r="S4755" s="19"/>
      <c r="T4755" s="19"/>
      <c r="U4755" s="19"/>
      <c r="V4755" s="19"/>
      <c r="W4755" s="19"/>
      <c r="X4755" s="19"/>
      <c r="Y4755" s="19"/>
      <c r="Z4755" s="19"/>
      <c r="AA4755" s="19"/>
    </row>
    <row r="4756" spans="1:27" s="1" customFormat="1" ht="14.1" customHeight="1" outlineLevel="2" x14ac:dyDescent="0.2">
      <c r="A4756" s="17">
        <v>17201</v>
      </c>
      <c r="B4756" s="17"/>
      <c r="C4756" s="17"/>
      <c r="D4756" s="18" t="s">
        <v>2371</v>
      </c>
      <c r="E4756" s="18"/>
      <c r="F4756" s="18"/>
      <c r="G4756" s="18"/>
      <c r="H4756" s="18"/>
      <c r="I4756" s="18"/>
      <c r="J4756" s="18"/>
      <c r="K4756" s="18"/>
      <c r="L4756" s="18"/>
      <c r="M4756" s="18"/>
      <c r="N4756" s="18"/>
      <c r="O4756" s="18"/>
      <c r="P4756" s="19">
        <v>490</v>
      </c>
      <c r="Q4756" s="19"/>
      <c r="R4756" s="19"/>
      <c r="S4756" s="19"/>
      <c r="T4756" s="19">
        <v>350</v>
      </c>
      <c r="U4756" s="19"/>
      <c r="V4756" s="19"/>
      <c r="W4756" s="19"/>
      <c r="X4756" s="19">
        <v>5</v>
      </c>
      <c r="Y4756" s="19"/>
      <c r="Z4756" s="19"/>
      <c r="AA4756" s="19"/>
    </row>
    <row r="4757" spans="1:27" s="1" customFormat="1" ht="14.1" customHeight="1" outlineLevel="2" x14ac:dyDescent="0.2">
      <c r="A4757" s="17"/>
      <c r="B4757" s="17"/>
      <c r="C4757" s="17"/>
      <c r="D4757" s="18"/>
      <c r="E4757" s="18"/>
      <c r="F4757" s="18"/>
      <c r="G4757" s="18"/>
      <c r="H4757" s="18"/>
      <c r="I4757" s="18"/>
      <c r="J4757" s="18"/>
      <c r="K4757" s="18"/>
      <c r="L4757" s="18"/>
      <c r="M4757" s="18"/>
      <c r="N4757" s="18"/>
      <c r="O4757" s="18"/>
      <c r="P4757" s="19"/>
      <c r="Q4757" s="19"/>
      <c r="R4757" s="19"/>
      <c r="S4757" s="19"/>
      <c r="T4757" s="19"/>
      <c r="U4757" s="19"/>
      <c r="V4757" s="19"/>
      <c r="W4757" s="19"/>
      <c r="X4757" s="19"/>
      <c r="Y4757" s="19"/>
      <c r="Z4757" s="19"/>
      <c r="AA4757" s="19"/>
    </row>
    <row r="4758" spans="1:27" s="1" customFormat="1" ht="14.1" customHeight="1" outlineLevel="2" x14ac:dyDescent="0.2">
      <c r="A4758" s="17">
        <v>17178</v>
      </c>
      <c r="B4758" s="17"/>
      <c r="C4758" s="17"/>
      <c r="D4758" s="18" t="s">
        <v>2372</v>
      </c>
      <c r="E4758" s="18"/>
      <c r="F4758" s="18"/>
      <c r="G4758" s="18"/>
      <c r="H4758" s="18"/>
      <c r="I4758" s="18"/>
      <c r="J4758" s="18"/>
      <c r="K4758" s="18"/>
      <c r="L4758" s="18"/>
      <c r="M4758" s="18"/>
      <c r="N4758" s="18"/>
      <c r="O4758" s="18"/>
      <c r="P4758" s="19">
        <v>490</v>
      </c>
      <c r="Q4758" s="19"/>
      <c r="R4758" s="19"/>
      <c r="S4758" s="19"/>
      <c r="T4758" s="19">
        <v>350</v>
      </c>
      <c r="U4758" s="19"/>
      <c r="V4758" s="19"/>
      <c r="W4758" s="19"/>
      <c r="X4758" s="19">
        <v>5</v>
      </c>
      <c r="Y4758" s="19"/>
      <c r="Z4758" s="19"/>
      <c r="AA4758" s="19"/>
    </row>
    <row r="4759" spans="1:27" s="1" customFormat="1" ht="14.1" customHeight="1" outlineLevel="2" x14ac:dyDescent="0.2">
      <c r="A4759" s="17"/>
      <c r="B4759" s="17"/>
      <c r="C4759" s="17"/>
      <c r="D4759" s="18"/>
      <c r="E4759" s="18"/>
      <c r="F4759" s="18"/>
      <c r="G4759" s="18"/>
      <c r="H4759" s="18"/>
      <c r="I4759" s="18"/>
      <c r="J4759" s="18"/>
      <c r="K4759" s="18"/>
      <c r="L4759" s="18"/>
      <c r="M4759" s="18"/>
      <c r="N4759" s="18"/>
      <c r="O4759" s="18"/>
      <c r="P4759" s="19"/>
      <c r="Q4759" s="19"/>
      <c r="R4759" s="19"/>
      <c r="S4759" s="19"/>
      <c r="T4759" s="19"/>
      <c r="U4759" s="19"/>
      <c r="V4759" s="19"/>
      <c r="W4759" s="19"/>
      <c r="X4759" s="19"/>
      <c r="Y4759" s="19"/>
      <c r="Z4759" s="19"/>
      <c r="AA4759" s="19"/>
    </row>
    <row r="4760" spans="1:27" s="1" customFormat="1" ht="14.1" customHeight="1" outlineLevel="2" x14ac:dyDescent="0.2">
      <c r="A4760" s="17">
        <v>17180</v>
      </c>
      <c r="B4760" s="17"/>
      <c r="C4760" s="17"/>
      <c r="D4760" s="18" t="s">
        <v>2373</v>
      </c>
      <c r="E4760" s="18"/>
      <c r="F4760" s="18"/>
      <c r="G4760" s="18"/>
      <c r="H4760" s="18"/>
      <c r="I4760" s="18"/>
      <c r="J4760" s="18"/>
      <c r="K4760" s="18"/>
      <c r="L4760" s="18"/>
      <c r="M4760" s="18"/>
      <c r="N4760" s="18"/>
      <c r="O4760" s="18"/>
      <c r="P4760" s="19">
        <v>490</v>
      </c>
      <c r="Q4760" s="19"/>
      <c r="R4760" s="19"/>
      <c r="S4760" s="19"/>
      <c r="T4760" s="19">
        <v>350</v>
      </c>
      <c r="U4760" s="19"/>
      <c r="V4760" s="19"/>
      <c r="W4760" s="19"/>
      <c r="X4760" s="19">
        <v>4</v>
      </c>
      <c r="Y4760" s="19"/>
      <c r="Z4760" s="19"/>
      <c r="AA4760" s="19"/>
    </row>
    <row r="4761" spans="1:27" s="1" customFormat="1" ht="14.1" customHeight="1" outlineLevel="2" x14ac:dyDescent="0.2">
      <c r="A4761" s="17"/>
      <c r="B4761" s="17"/>
      <c r="C4761" s="17"/>
      <c r="D4761" s="18"/>
      <c r="E4761" s="18"/>
      <c r="F4761" s="18"/>
      <c r="G4761" s="18"/>
      <c r="H4761" s="18"/>
      <c r="I4761" s="18"/>
      <c r="J4761" s="18"/>
      <c r="K4761" s="18"/>
      <c r="L4761" s="18"/>
      <c r="M4761" s="18"/>
      <c r="N4761" s="18"/>
      <c r="O4761" s="18"/>
      <c r="P4761" s="19"/>
      <c r="Q4761" s="19"/>
      <c r="R4761" s="19"/>
      <c r="S4761" s="19"/>
      <c r="T4761" s="19"/>
      <c r="U4761" s="19"/>
      <c r="V4761" s="19"/>
      <c r="W4761" s="19"/>
      <c r="X4761" s="19"/>
      <c r="Y4761" s="19"/>
      <c r="Z4761" s="19"/>
      <c r="AA4761" s="19"/>
    </row>
    <row r="4762" spans="1:27" s="1" customFormat="1" ht="14.1" customHeight="1" outlineLevel="2" x14ac:dyDescent="0.2">
      <c r="A4762" s="17">
        <v>17177</v>
      </c>
      <c r="B4762" s="17"/>
      <c r="C4762" s="17"/>
      <c r="D4762" s="18" t="s">
        <v>2374</v>
      </c>
      <c r="E4762" s="18"/>
      <c r="F4762" s="18"/>
      <c r="G4762" s="18"/>
      <c r="H4762" s="18"/>
      <c r="I4762" s="18"/>
      <c r="J4762" s="18"/>
      <c r="K4762" s="18"/>
      <c r="L4762" s="18"/>
      <c r="M4762" s="18"/>
      <c r="N4762" s="18"/>
      <c r="O4762" s="18"/>
      <c r="P4762" s="19">
        <v>490</v>
      </c>
      <c r="Q4762" s="19"/>
      <c r="R4762" s="19"/>
      <c r="S4762" s="19"/>
      <c r="T4762" s="19">
        <v>350</v>
      </c>
      <c r="U4762" s="19"/>
      <c r="V4762" s="19"/>
      <c r="W4762" s="19"/>
      <c r="X4762" s="19">
        <v>1</v>
      </c>
      <c r="Y4762" s="19"/>
      <c r="Z4762" s="19"/>
      <c r="AA4762" s="19"/>
    </row>
    <row r="4763" spans="1:27" s="1" customFormat="1" ht="14.1" customHeight="1" outlineLevel="2" x14ac:dyDescent="0.2">
      <c r="A4763" s="17"/>
      <c r="B4763" s="17"/>
      <c r="C4763" s="17"/>
      <c r="D4763" s="18"/>
      <c r="E4763" s="18"/>
      <c r="F4763" s="18"/>
      <c r="G4763" s="18"/>
      <c r="H4763" s="18"/>
      <c r="I4763" s="18"/>
      <c r="J4763" s="18"/>
      <c r="K4763" s="18"/>
      <c r="L4763" s="18"/>
      <c r="M4763" s="18"/>
      <c r="N4763" s="18"/>
      <c r="O4763" s="18"/>
      <c r="P4763" s="19"/>
      <c r="Q4763" s="19"/>
      <c r="R4763" s="19"/>
      <c r="S4763" s="19"/>
      <c r="T4763" s="19"/>
      <c r="U4763" s="19"/>
      <c r="V4763" s="19"/>
      <c r="W4763" s="19"/>
      <c r="X4763" s="19"/>
      <c r="Y4763" s="19"/>
      <c r="Z4763" s="19"/>
      <c r="AA4763" s="19"/>
    </row>
    <row r="4764" spans="1:27" s="1" customFormat="1" ht="14.1" customHeight="1" outlineLevel="2" x14ac:dyDescent="0.2">
      <c r="A4764" s="17">
        <v>17179</v>
      </c>
      <c r="B4764" s="17"/>
      <c r="C4764" s="17"/>
      <c r="D4764" s="18" t="s">
        <v>2375</v>
      </c>
      <c r="E4764" s="18"/>
      <c r="F4764" s="18"/>
      <c r="G4764" s="18"/>
      <c r="H4764" s="18"/>
      <c r="I4764" s="18"/>
      <c r="J4764" s="18"/>
      <c r="K4764" s="18"/>
      <c r="L4764" s="18"/>
      <c r="M4764" s="18"/>
      <c r="N4764" s="18"/>
      <c r="O4764" s="18"/>
      <c r="P4764" s="19">
        <v>490</v>
      </c>
      <c r="Q4764" s="19"/>
      <c r="R4764" s="19"/>
      <c r="S4764" s="19"/>
      <c r="T4764" s="19">
        <v>350</v>
      </c>
      <c r="U4764" s="19"/>
      <c r="V4764" s="19"/>
      <c r="W4764" s="19"/>
      <c r="X4764" s="19">
        <v>5</v>
      </c>
      <c r="Y4764" s="19"/>
      <c r="Z4764" s="19"/>
      <c r="AA4764" s="19"/>
    </row>
    <row r="4765" spans="1:27" s="1" customFormat="1" ht="14.1" customHeight="1" outlineLevel="2" x14ac:dyDescent="0.2">
      <c r="A4765" s="17"/>
      <c r="B4765" s="17"/>
      <c r="C4765" s="17"/>
      <c r="D4765" s="18"/>
      <c r="E4765" s="18"/>
      <c r="F4765" s="18"/>
      <c r="G4765" s="18"/>
      <c r="H4765" s="18"/>
      <c r="I4765" s="18"/>
      <c r="J4765" s="18"/>
      <c r="K4765" s="18"/>
      <c r="L4765" s="18"/>
      <c r="M4765" s="18"/>
      <c r="N4765" s="18"/>
      <c r="O4765" s="18"/>
      <c r="P4765" s="19"/>
      <c r="Q4765" s="19"/>
      <c r="R4765" s="19"/>
      <c r="S4765" s="19"/>
      <c r="T4765" s="19"/>
      <c r="U4765" s="19"/>
      <c r="V4765" s="19"/>
      <c r="W4765" s="19"/>
      <c r="X4765" s="19"/>
      <c r="Y4765" s="19"/>
      <c r="Z4765" s="19"/>
      <c r="AA4765" s="19"/>
    </row>
    <row r="4766" spans="1:27" s="1" customFormat="1" ht="14.1" customHeight="1" outlineLevel="2" x14ac:dyDescent="0.2">
      <c r="A4766" s="17">
        <v>17161</v>
      </c>
      <c r="B4766" s="17"/>
      <c r="C4766" s="17"/>
      <c r="D4766" s="18" t="s">
        <v>2376</v>
      </c>
      <c r="E4766" s="18"/>
      <c r="F4766" s="18"/>
      <c r="G4766" s="18"/>
      <c r="H4766" s="18"/>
      <c r="I4766" s="18"/>
      <c r="J4766" s="18"/>
      <c r="K4766" s="18"/>
      <c r="L4766" s="18"/>
      <c r="M4766" s="18"/>
      <c r="N4766" s="18"/>
      <c r="O4766" s="18"/>
      <c r="P4766" s="19">
        <v>490</v>
      </c>
      <c r="Q4766" s="19"/>
      <c r="R4766" s="19"/>
      <c r="S4766" s="19"/>
      <c r="T4766" s="19">
        <v>350</v>
      </c>
      <c r="U4766" s="19"/>
      <c r="V4766" s="19"/>
      <c r="W4766" s="19"/>
      <c r="X4766" s="19">
        <v>5</v>
      </c>
      <c r="Y4766" s="19"/>
      <c r="Z4766" s="19"/>
      <c r="AA4766" s="19"/>
    </row>
    <row r="4767" spans="1:27" s="1" customFormat="1" ht="14.1" customHeight="1" outlineLevel="2" x14ac:dyDescent="0.2">
      <c r="A4767" s="17"/>
      <c r="B4767" s="17"/>
      <c r="C4767" s="17"/>
      <c r="D4767" s="18"/>
      <c r="E4767" s="18"/>
      <c r="F4767" s="18"/>
      <c r="G4767" s="18"/>
      <c r="H4767" s="18"/>
      <c r="I4767" s="18"/>
      <c r="J4767" s="18"/>
      <c r="K4767" s="18"/>
      <c r="L4767" s="18"/>
      <c r="M4767" s="18"/>
      <c r="N4767" s="18"/>
      <c r="O4767" s="18"/>
      <c r="P4767" s="19"/>
      <c r="Q4767" s="19"/>
      <c r="R4767" s="19"/>
      <c r="S4767" s="19"/>
      <c r="T4767" s="19"/>
      <c r="U4767" s="19"/>
      <c r="V4767" s="19"/>
      <c r="W4767" s="19"/>
      <c r="X4767" s="19"/>
      <c r="Y4767" s="19"/>
      <c r="Z4767" s="19"/>
      <c r="AA4767" s="19"/>
    </row>
    <row r="4768" spans="1:27" s="1" customFormat="1" ht="14.1" customHeight="1" outlineLevel="2" x14ac:dyDescent="0.2">
      <c r="A4768" s="17">
        <v>17160</v>
      </c>
      <c r="B4768" s="17"/>
      <c r="C4768" s="17"/>
      <c r="D4768" s="18" t="s">
        <v>2377</v>
      </c>
      <c r="E4768" s="18"/>
      <c r="F4768" s="18"/>
      <c r="G4768" s="18"/>
      <c r="H4768" s="18"/>
      <c r="I4768" s="18"/>
      <c r="J4768" s="18"/>
      <c r="K4768" s="18"/>
      <c r="L4768" s="18"/>
      <c r="M4768" s="18"/>
      <c r="N4768" s="18"/>
      <c r="O4768" s="18"/>
      <c r="P4768" s="19">
        <v>490</v>
      </c>
      <c r="Q4768" s="19"/>
      <c r="R4768" s="19"/>
      <c r="S4768" s="19"/>
      <c r="T4768" s="19">
        <v>350</v>
      </c>
      <c r="U4768" s="19"/>
      <c r="V4768" s="19"/>
      <c r="W4768" s="19"/>
      <c r="X4768" s="19">
        <v>5</v>
      </c>
      <c r="Y4768" s="19"/>
      <c r="Z4768" s="19"/>
      <c r="AA4768" s="19"/>
    </row>
    <row r="4769" spans="1:27" s="1" customFormat="1" ht="14.1" customHeight="1" outlineLevel="2" x14ac:dyDescent="0.2">
      <c r="A4769" s="17"/>
      <c r="B4769" s="17"/>
      <c r="C4769" s="17"/>
      <c r="D4769" s="18"/>
      <c r="E4769" s="18"/>
      <c r="F4769" s="18"/>
      <c r="G4769" s="18"/>
      <c r="H4769" s="18"/>
      <c r="I4769" s="18"/>
      <c r="J4769" s="18"/>
      <c r="K4769" s="18"/>
      <c r="L4769" s="18"/>
      <c r="M4769" s="18"/>
      <c r="N4769" s="18"/>
      <c r="O4769" s="18"/>
      <c r="P4769" s="19"/>
      <c r="Q4769" s="19"/>
      <c r="R4769" s="19"/>
      <c r="S4769" s="19"/>
      <c r="T4769" s="19"/>
      <c r="U4769" s="19"/>
      <c r="V4769" s="19"/>
      <c r="W4769" s="19"/>
      <c r="X4769" s="19"/>
      <c r="Y4769" s="19"/>
      <c r="Z4769" s="19"/>
      <c r="AA4769" s="19"/>
    </row>
    <row r="4770" spans="1:27" s="1" customFormat="1" ht="14.1" customHeight="1" outlineLevel="2" x14ac:dyDescent="0.2">
      <c r="A4770" s="17">
        <v>17158</v>
      </c>
      <c r="B4770" s="17"/>
      <c r="C4770" s="17"/>
      <c r="D4770" s="18" t="s">
        <v>2378</v>
      </c>
      <c r="E4770" s="18"/>
      <c r="F4770" s="18"/>
      <c r="G4770" s="18"/>
      <c r="H4770" s="18"/>
      <c r="I4770" s="18"/>
      <c r="J4770" s="18"/>
      <c r="K4770" s="18"/>
      <c r="L4770" s="18"/>
      <c r="M4770" s="18"/>
      <c r="N4770" s="18"/>
      <c r="O4770" s="18"/>
      <c r="P4770" s="19">
        <v>490</v>
      </c>
      <c r="Q4770" s="19"/>
      <c r="R4770" s="19"/>
      <c r="S4770" s="19"/>
      <c r="T4770" s="19">
        <v>350</v>
      </c>
      <c r="U4770" s="19"/>
      <c r="V4770" s="19"/>
      <c r="W4770" s="19"/>
      <c r="X4770" s="19">
        <v>5</v>
      </c>
      <c r="Y4770" s="19"/>
      <c r="Z4770" s="19"/>
      <c r="AA4770" s="19"/>
    </row>
    <row r="4771" spans="1:27" s="1" customFormat="1" ht="14.1" customHeight="1" outlineLevel="2" x14ac:dyDescent="0.2">
      <c r="A4771" s="17"/>
      <c r="B4771" s="17"/>
      <c r="C4771" s="17"/>
      <c r="D4771" s="18"/>
      <c r="E4771" s="18"/>
      <c r="F4771" s="18"/>
      <c r="G4771" s="18"/>
      <c r="H4771" s="18"/>
      <c r="I4771" s="18"/>
      <c r="J4771" s="18"/>
      <c r="K4771" s="18"/>
      <c r="L4771" s="18"/>
      <c r="M4771" s="18"/>
      <c r="N4771" s="18"/>
      <c r="O4771" s="18"/>
      <c r="P4771" s="19"/>
      <c r="Q4771" s="19"/>
      <c r="R4771" s="19"/>
      <c r="S4771" s="19"/>
      <c r="T4771" s="19"/>
      <c r="U4771" s="19"/>
      <c r="V4771" s="19"/>
      <c r="W4771" s="19"/>
      <c r="X4771" s="19"/>
      <c r="Y4771" s="19"/>
      <c r="Z4771" s="19"/>
      <c r="AA4771" s="19"/>
    </row>
    <row r="4772" spans="1:27" s="1" customFormat="1" ht="14.1" customHeight="1" outlineLevel="2" x14ac:dyDescent="0.2">
      <c r="A4772" s="17">
        <v>17159</v>
      </c>
      <c r="B4772" s="17"/>
      <c r="C4772" s="17"/>
      <c r="D4772" s="18" t="s">
        <v>2379</v>
      </c>
      <c r="E4772" s="18"/>
      <c r="F4772" s="18"/>
      <c r="G4772" s="18"/>
      <c r="H4772" s="18"/>
      <c r="I4772" s="18"/>
      <c r="J4772" s="18"/>
      <c r="K4772" s="18"/>
      <c r="L4772" s="18"/>
      <c r="M4772" s="18"/>
      <c r="N4772" s="18"/>
      <c r="O4772" s="18"/>
      <c r="P4772" s="19">
        <v>490</v>
      </c>
      <c r="Q4772" s="19"/>
      <c r="R4772" s="19"/>
      <c r="S4772" s="19"/>
      <c r="T4772" s="19">
        <v>350</v>
      </c>
      <c r="U4772" s="19"/>
      <c r="V4772" s="19"/>
      <c r="W4772" s="19"/>
      <c r="X4772" s="19">
        <v>5</v>
      </c>
      <c r="Y4772" s="19"/>
      <c r="Z4772" s="19"/>
      <c r="AA4772" s="19"/>
    </row>
    <row r="4773" spans="1:27" s="1" customFormat="1" ht="14.1" customHeight="1" outlineLevel="2" x14ac:dyDescent="0.2">
      <c r="A4773" s="17"/>
      <c r="B4773" s="17"/>
      <c r="C4773" s="17"/>
      <c r="D4773" s="18"/>
      <c r="E4773" s="18"/>
      <c r="F4773" s="18"/>
      <c r="G4773" s="18"/>
      <c r="H4773" s="18"/>
      <c r="I4773" s="18"/>
      <c r="J4773" s="18"/>
      <c r="K4773" s="18"/>
      <c r="L4773" s="18"/>
      <c r="M4773" s="18"/>
      <c r="N4773" s="18"/>
      <c r="O4773" s="18"/>
      <c r="P4773" s="19"/>
      <c r="Q4773" s="19"/>
      <c r="R4773" s="19"/>
      <c r="S4773" s="19"/>
      <c r="T4773" s="19"/>
      <c r="U4773" s="19"/>
      <c r="V4773" s="19"/>
      <c r="W4773" s="19"/>
      <c r="X4773" s="19"/>
      <c r="Y4773" s="19"/>
      <c r="Z4773" s="19"/>
      <c r="AA4773" s="19"/>
    </row>
    <row r="4774" spans="1:27" s="1" customFormat="1" ht="14.1" customHeight="1" outlineLevel="2" x14ac:dyDescent="0.2">
      <c r="A4774" s="17">
        <v>17157</v>
      </c>
      <c r="B4774" s="17"/>
      <c r="C4774" s="17"/>
      <c r="D4774" s="18" t="s">
        <v>2380</v>
      </c>
      <c r="E4774" s="18"/>
      <c r="F4774" s="18"/>
      <c r="G4774" s="18"/>
      <c r="H4774" s="18"/>
      <c r="I4774" s="18"/>
      <c r="J4774" s="18"/>
      <c r="K4774" s="18"/>
      <c r="L4774" s="18"/>
      <c r="M4774" s="18"/>
      <c r="N4774" s="18"/>
      <c r="O4774" s="18"/>
      <c r="P4774" s="19">
        <v>490</v>
      </c>
      <c r="Q4774" s="19"/>
      <c r="R4774" s="19"/>
      <c r="S4774" s="19"/>
      <c r="T4774" s="19">
        <v>350</v>
      </c>
      <c r="U4774" s="19"/>
      <c r="V4774" s="19"/>
      <c r="W4774" s="19"/>
      <c r="X4774" s="19">
        <v>5</v>
      </c>
      <c r="Y4774" s="19"/>
      <c r="Z4774" s="19"/>
      <c r="AA4774" s="19"/>
    </row>
    <row r="4775" spans="1:27" s="1" customFormat="1" ht="14.1" customHeight="1" outlineLevel="2" x14ac:dyDescent="0.2">
      <c r="A4775" s="17"/>
      <c r="B4775" s="17"/>
      <c r="C4775" s="17"/>
      <c r="D4775" s="18"/>
      <c r="E4775" s="18"/>
      <c r="F4775" s="18"/>
      <c r="G4775" s="18"/>
      <c r="H4775" s="18"/>
      <c r="I4775" s="18"/>
      <c r="J4775" s="18"/>
      <c r="K4775" s="18"/>
      <c r="L4775" s="18"/>
      <c r="M4775" s="18"/>
      <c r="N4775" s="18"/>
      <c r="O4775" s="18"/>
      <c r="P4775" s="19"/>
      <c r="Q4775" s="19"/>
      <c r="R4775" s="19"/>
      <c r="S4775" s="19"/>
      <c r="T4775" s="19"/>
      <c r="U4775" s="19"/>
      <c r="V4775" s="19"/>
      <c r="W4775" s="19"/>
      <c r="X4775" s="19"/>
      <c r="Y4775" s="19"/>
      <c r="Z4775" s="19"/>
      <c r="AA4775" s="19"/>
    </row>
    <row r="4776" spans="1:27" s="1" customFormat="1" ht="14.1" customHeight="1" outlineLevel="2" x14ac:dyDescent="0.2">
      <c r="A4776" s="17">
        <v>17192</v>
      </c>
      <c r="B4776" s="17"/>
      <c r="C4776" s="17"/>
      <c r="D4776" s="18" t="s">
        <v>2381</v>
      </c>
      <c r="E4776" s="18"/>
      <c r="F4776" s="18"/>
      <c r="G4776" s="18"/>
      <c r="H4776" s="18"/>
      <c r="I4776" s="18"/>
      <c r="J4776" s="18"/>
      <c r="K4776" s="18"/>
      <c r="L4776" s="18"/>
      <c r="M4776" s="18"/>
      <c r="N4776" s="18"/>
      <c r="O4776" s="18"/>
      <c r="P4776" s="19">
        <v>490</v>
      </c>
      <c r="Q4776" s="19"/>
      <c r="R4776" s="19"/>
      <c r="S4776" s="19"/>
      <c r="T4776" s="19">
        <v>350</v>
      </c>
      <c r="U4776" s="19"/>
      <c r="V4776" s="19"/>
      <c r="W4776" s="19"/>
      <c r="X4776" s="19">
        <v>5</v>
      </c>
      <c r="Y4776" s="19"/>
      <c r="Z4776" s="19"/>
      <c r="AA4776" s="19"/>
    </row>
    <row r="4777" spans="1:27" s="1" customFormat="1" ht="14.1" customHeight="1" outlineLevel="2" x14ac:dyDescent="0.2">
      <c r="A4777" s="17"/>
      <c r="B4777" s="17"/>
      <c r="C4777" s="17"/>
      <c r="D4777" s="18"/>
      <c r="E4777" s="18"/>
      <c r="F4777" s="18"/>
      <c r="G4777" s="18"/>
      <c r="H4777" s="18"/>
      <c r="I4777" s="18"/>
      <c r="J4777" s="18"/>
      <c r="K4777" s="18"/>
      <c r="L4777" s="18"/>
      <c r="M4777" s="18"/>
      <c r="N4777" s="18"/>
      <c r="O4777" s="18"/>
      <c r="P4777" s="19"/>
      <c r="Q4777" s="19"/>
      <c r="R4777" s="19"/>
      <c r="S4777" s="19"/>
      <c r="T4777" s="19"/>
      <c r="U4777" s="19"/>
      <c r="V4777" s="19"/>
      <c r="W4777" s="19"/>
      <c r="X4777" s="19"/>
      <c r="Y4777" s="19"/>
      <c r="Z4777" s="19"/>
      <c r="AA4777" s="19"/>
    </row>
    <row r="4778" spans="1:27" s="1" customFormat="1" ht="14.1" customHeight="1" outlineLevel="2" x14ac:dyDescent="0.2">
      <c r="A4778" s="17">
        <v>17191</v>
      </c>
      <c r="B4778" s="17"/>
      <c r="C4778" s="17"/>
      <c r="D4778" s="18" t="s">
        <v>2382</v>
      </c>
      <c r="E4778" s="18"/>
      <c r="F4778" s="18"/>
      <c r="G4778" s="18"/>
      <c r="H4778" s="18"/>
      <c r="I4778" s="18"/>
      <c r="J4778" s="18"/>
      <c r="K4778" s="18"/>
      <c r="L4778" s="18"/>
      <c r="M4778" s="18"/>
      <c r="N4778" s="18"/>
      <c r="O4778" s="18"/>
      <c r="P4778" s="19">
        <v>490</v>
      </c>
      <c r="Q4778" s="19"/>
      <c r="R4778" s="19"/>
      <c r="S4778" s="19"/>
      <c r="T4778" s="19">
        <v>350</v>
      </c>
      <c r="U4778" s="19"/>
      <c r="V4778" s="19"/>
      <c r="W4778" s="19"/>
      <c r="X4778" s="19">
        <v>5</v>
      </c>
      <c r="Y4778" s="19"/>
      <c r="Z4778" s="19"/>
      <c r="AA4778" s="19"/>
    </row>
    <row r="4779" spans="1:27" s="1" customFormat="1" ht="14.1" customHeight="1" outlineLevel="2" x14ac:dyDescent="0.2">
      <c r="A4779" s="17"/>
      <c r="B4779" s="17"/>
      <c r="C4779" s="17"/>
      <c r="D4779" s="18"/>
      <c r="E4779" s="18"/>
      <c r="F4779" s="18"/>
      <c r="G4779" s="18"/>
      <c r="H4779" s="18"/>
      <c r="I4779" s="18"/>
      <c r="J4779" s="18"/>
      <c r="K4779" s="18"/>
      <c r="L4779" s="18"/>
      <c r="M4779" s="18"/>
      <c r="N4779" s="18"/>
      <c r="O4779" s="18"/>
      <c r="P4779" s="19"/>
      <c r="Q4779" s="19"/>
      <c r="R4779" s="19"/>
      <c r="S4779" s="19"/>
      <c r="T4779" s="19"/>
      <c r="U4779" s="19"/>
      <c r="V4779" s="19"/>
      <c r="W4779" s="19"/>
      <c r="X4779" s="19"/>
      <c r="Y4779" s="19"/>
      <c r="Z4779" s="19"/>
      <c r="AA4779" s="19"/>
    </row>
    <row r="4780" spans="1:27" s="1" customFormat="1" ht="14.1" customHeight="1" outlineLevel="2" x14ac:dyDescent="0.2">
      <c r="A4780" s="17">
        <v>17190</v>
      </c>
      <c r="B4780" s="17"/>
      <c r="C4780" s="17"/>
      <c r="D4780" s="18" t="s">
        <v>2383</v>
      </c>
      <c r="E4780" s="18"/>
      <c r="F4780" s="18"/>
      <c r="G4780" s="18"/>
      <c r="H4780" s="18"/>
      <c r="I4780" s="18"/>
      <c r="J4780" s="18"/>
      <c r="K4780" s="18"/>
      <c r="L4780" s="18"/>
      <c r="M4780" s="18"/>
      <c r="N4780" s="18"/>
      <c r="O4780" s="18"/>
      <c r="P4780" s="19">
        <v>490</v>
      </c>
      <c r="Q4780" s="19"/>
      <c r="R4780" s="19"/>
      <c r="S4780" s="19"/>
      <c r="T4780" s="19">
        <v>350</v>
      </c>
      <c r="U4780" s="19"/>
      <c r="V4780" s="19"/>
      <c r="W4780" s="19"/>
      <c r="X4780" s="19">
        <v>5</v>
      </c>
      <c r="Y4780" s="19"/>
      <c r="Z4780" s="19"/>
      <c r="AA4780" s="19"/>
    </row>
    <row r="4781" spans="1:27" s="1" customFormat="1" ht="14.1" customHeight="1" outlineLevel="2" x14ac:dyDescent="0.2">
      <c r="A4781" s="17"/>
      <c r="B4781" s="17"/>
      <c r="C4781" s="17"/>
      <c r="D4781" s="18"/>
      <c r="E4781" s="18"/>
      <c r="F4781" s="18"/>
      <c r="G4781" s="18"/>
      <c r="H4781" s="18"/>
      <c r="I4781" s="18"/>
      <c r="J4781" s="18"/>
      <c r="K4781" s="18"/>
      <c r="L4781" s="18"/>
      <c r="M4781" s="18"/>
      <c r="N4781" s="18"/>
      <c r="O4781" s="18"/>
      <c r="P4781" s="19"/>
      <c r="Q4781" s="19"/>
      <c r="R4781" s="19"/>
      <c r="S4781" s="19"/>
      <c r="T4781" s="19"/>
      <c r="U4781" s="19"/>
      <c r="V4781" s="19"/>
      <c r="W4781" s="19"/>
      <c r="X4781" s="19"/>
      <c r="Y4781" s="19"/>
      <c r="Z4781" s="19"/>
      <c r="AA4781" s="19"/>
    </row>
    <row r="4782" spans="1:27" s="1" customFormat="1" ht="14.1" customHeight="1" outlineLevel="2" x14ac:dyDescent="0.2">
      <c r="A4782" s="17">
        <v>17244</v>
      </c>
      <c r="B4782" s="17"/>
      <c r="C4782" s="17"/>
      <c r="D4782" s="18" t="s">
        <v>2384</v>
      </c>
      <c r="E4782" s="18"/>
      <c r="F4782" s="18"/>
      <c r="G4782" s="18"/>
      <c r="H4782" s="18"/>
      <c r="I4782" s="18"/>
      <c r="J4782" s="18"/>
      <c r="K4782" s="18"/>
      <c r="L4782" s="18"/>
      <c r="M4782" s="18"/>
      <c r="N4782" s="18"/>
      <c r="O4782" s="18"/>
      <c r="P4782" s="19">
        <v>490</v>
      </c>
      <c r="Q4782" s="19"/>
      <c r="R4782" s="19"/>
      <c r="S4782" s="19"/>
      <c r="T4782" s="19">
        <v>350</v>
      </c>
      <c r="U4782" s="19"/>
      <c r="V4782" s="19"/>
      <c r="W4782" s="19"/>
      <c r="X4782" s="19">
        <v>5</v>
      </c>
      <c r="Y4782" s="19"/>
      <c r="Z4782" s="19"/>
      <c r="AA4782" s="19"/>
    </row>
    <row r="4783" spans="1:27" s="1" customFormat="1" ht="14.1" customHeight="1" outlineLevel="2" x14ac:dyDescent="0.2">
      <c r="A4783" s="17"/>
      <c r="B4783" s="17"/>
      <c r="C4783" s="17"/>
      <c r="D4783" s="18"/>
      <c r="E4783" s="18"/>
      <c r="F4783" s="18"/>
      <c r="G4783" s="18"/>
      <c r="H4783" s="18"/>
      <c r="I4783" s="18"/>
      <c r="J4783" s="18"/>
      <c r="K4783" s="18"/>
      <c r="L4783" s="18"/>
      <c r="M4783" s="18"/>
      <c r="N4783" s="18"/>
      <c r="O4783" s="18"/>
      <c r="P4783" s="19"/>
      <c r="Q4783" s="19"/>
      <c r="R4783" s="19"/>
      <c r="S4783" s="19"/>
      <c r="T4783" s="19"/>
      <c r="U4783" s="19"/>
      <c r="V4783" s="19"/>
      <c r="W4783" s="19"/>
      <c r="X4783" s="19"/>
      <c r="Y4783" s="19"/>
      <c r="Z4783" s="19"/>
      <c r="AA4783" s="19"/>
    </row>
    <row r="4784" spans="1:27" s="1" customFormat="1" ht="14.1" customHeight="1" outlineLevel="2" x14ac:dyDescent="0.2">
      <c r="A4784" s="17">
        <v>17246</v>
      </c>
      <c r="B4784" s="17"/>
      <c r="C4784" s="17"/>
      <c r="D4784" s="18" t="s">
        <v>2385</v>
      </c>
      <c r="E4784" s="18"/>
      <c r="F4784" s="18"/>
      <c r="G4784" s="18"/>
      <c r="H4784" s="18"/>
      <c r="I4784" s="18"/>
      <c r="J4784" s="18"/>
      <c r="K4784" s="18"/>
      <c r="L4784" s="18"/>
      <c r="M4784" s="18"/>
      <c r="N4784" s="18"/>
      <c r="O4784" s="18"/>
      <c r="P4784" s="19">
        <v>490</v>
      </c>
      <c r="Q4784" s="19"/>
      <c r="R4784" s="19"/>
      <c r="S4784" s="19"/>
      <c r="T4784" s="19">
        <v>350</v>
      </c>
      <c r="U4784" s="19"/>
      <c r="V4784" s="19"/>
      <c r="W4784" s="19"/>
      <c r="X4784" s="19">
        <v>5</v>
      </c>
      <c r="Y4784" s="19"/>
      <c r="Z4784" s="19"/>
      <c r="AA4784" s="19"/>
    </row>
    <row r="4785" spans="1:27" s="1" customFormat="1" ht="14.1" customHeight="1" outlineLevel="2" x14ac:dyDescent="0.2">
      <c r="A4785" s="17"/>
      <c r="B4785" s="17"/>
      <c r="C4785" s="17"/>
      <c r="D4785" s="18"/>
      <c r="E4785" s="18"/>
      <c r="F4785" s="18"/>
      <c r="G4785" s="18"/>
      <c r="H4785" s="18"/>
      <c r="I4785" s="18"/>
      <c r="J4785" s="18"/>
      <c r="K4785" s="18"/>
      <c r="L4785" s="18"/>
      <c r="M4785" s="18"/>
      <c r="N4785" s="18"/>
      <c r="O4785" s="18"/>
      <c r="P4785" s="19"/>
      <c r="Q4785" s="19"/>
      <c r="R4785" s="19"/>
      <c r="S4785" s="19"/>
      <c r="T4785" s="19"/>
      <c r="U4785" s="19"/>
      <c r="V4785" s="19"/>
      <c r="W4785" s="19"/>
      <c r="X4785" s="19"/>
      <c r="Y4785" s="19"/>
      <c r="Z4785" s="19"/>
      <c r="AA4785" s="19"/>
    </row>
    <row r="4786" spans="1:27" s="1" customFormat="1" ht="14.1" customHeight="1" outlineLevel="2" x14ac:dyDescent="0.2">
      <c r="A4786" s="17">
        <v>17245</v>
      </c>
      <c r="B4786" s="17"/>
      <c r="C4786" s="17"/>
      <c r="D4786" s="18" t="s">
        <v>2386</v>
      </c>
      <c r="E4786" s="18"/>
      <c r="F4786" s="18"/>
      <c r="G4786" s="18"/>
      <c r="H4786" s="18"/>
      <c r="I4786" s="18"/>
      <c r="J4786" s="18"/>
      <c r="K4786" s="18"/>
      <c r="L4786" s="18"/>
      <c r="M4786" s="18"/>
      <c r="N4786" s="18"/>
      <c r="O4786" s="18"/>
      <c r="P4786" s="19">
        <v>490</v>
      </c>
      <c r="Q4786" s="19"/>
      <c r="R4786" s="19"/>
      <c r="S4786" s="19"/>
      <c r="T4786" s="19">
        <v>350</v>
      </c>
      <c r="U4786" s="19"/>
      <c r="V4786" s="19"/>
      <c r="W4786" s="19"/>
      <c r="X4786" s="19">
        <v>4</v>
      </c>
      <c r="Y4786" s="19"/>
      <c r="Z4786" s="19"/>
      <c r="AA4786" s="19"/>
    </row>
    <row r="4787" spans="1:27" s="1" customFormat="1" ht="14.1" customHeight="1" outlineLevel="2" x14ac:dyDescent="0.2">
      <c r="A4787" s="17"/>
      <c r="B4787" s="17"/>
      <c r="C4787" s="17"/>
      <c r="D4787" s="18"/>
      <c r="E4787" s="18"/>
      <c r="F4787" s="18"/>
      <c r="G4787" s="18"/>
      <c r="H4787" s="18"/>
      <c r="I4787" s="18"/>
      <c r="J4787" s="18"/>
      <c r="K4787" s="18"/>
      <c r="L4787" s="18"/>
      <c r="M4787" s="18"/>
      <c r="N4787" s="18"/>
      <c r="O4787" s="18"/>
      <c r="P4787" s="19"/>
      <c r="Q4787" s="19"/>
      <c r="R4787" s="19"/>
      <c r="S4787" s="19"/>
      <c r="T4787" s="19"/>
      <c r="U4787" s="19"/>
      <c r="V4787" s="19"/>
      <c r="W4787" s="19"/>
      <c r="X4787" s="19"/>
      <c r="Y4787" s="19"/>
      <c r="Z4787" s="19"/>
      <c r="AA4787" s="19"/>
    </row>
    <row r="4788" spans="1:27" s="1" customFormat="1" ht="14.1" customHeight="1" outlineLevel="2" x14ac:dyDescent="0.2">
      <c r="A4788" s="17">
        <v>17229</v>
      </c>
      <c r="B4788" s="17"/>
      <c r="C4788" s="17"/>
      <c r="D4788" s="18" t="s">
        <v>2387</v>
      </c>
      <c r="E4788" s="18"/>
      <c r="F4788" s="18"/>
      <c r="G4788" s="18"/>
      <c r="H4788" s="18"/>
      <c r="I4788" s="18"/>
      <c r="J4788" s="18"/>
      <c r="K4788" s="18"/>
      <c r="L4788" s="18"/>
      <c r="M4788" s="18"/>
      <c r="N4788" s="18"/>
      <c r="O4788" s="18"/>
      <c r="P4788" s="19">
        <v>490</v>
      </c>
      <c r="Q4788" s="19"/>
      <c r="R4788" s="19"/>
      <c r="S4788" s="19"/>
      <c r="T4788" s="19">
        <v>350</v>
      </c>
      <c r="U4788" s="19"/>
      <c r="V4788" s="19"/>
      <c r="W4788" s="19"/>
      <c r="X4788" s="19">
        <v>5</v>
      </c>
      <c r="Y4788" s="19"/>
      <c r="Z4788" s="19"/>
      <c r="AA4788" s="19"/>
    </row>
    <row r="4789" spans="1:27" s="1" customFormat="1" ht="14.1" customHeight="1" outlineLevel="2" x14ac:dyDescent="0.2">
      <c r="A4789" s="17"/>
      <c r="B4789" s="17"/>
      <c r="C4789" s="17"/>
      <c r="D4789" s="18"/>
      <c r="E4789" s="18"/>
      <c r="F4789" s="18"/>
      <c r="G4789" s="18"/>
      <c r="H4789" s="18"/>
      <c r="I4789" s="18"/>
      <c r="J4789" s="18"/>
      <c r="K4789" s="18"/>
      <c r="L4789" s="18"/>
      <c r="M4789" s="18"/>
      <c r="N4789" s="18"/>
      <c r="O4789" s="18"/>
      <c r="P4789" s="19"/>
      <c r="Q4789" s="19"/>
      <c r="R4789" s="19"/>
      <c r="S4789" s="19"/>
      <c r="T4789" s="19"/>
      <c r="U4789" s="19"/>
      <c r="V4789" s="19"/>
      <c r="W4789" s="19"/>
      <c r="X4789" s="19"/>
      <c r="Y4789" s="19"/>
      <c r="Z4789" s="19"/>
      <c r="AA4789" s="19"/>
    </row>
    <row r="4790" spans="1:27" s="1" customFormat="1" ht="14.1" customHeight="1" outlineLevel="2" x14ac:dyDescent="0.2">
      <c r="A4790" s="17">
        <v>17231</v>
      </c>
      <c r="B4790" s="17"/>
      <c r="C4790" s="17"/>
      <c r="D4790" s="18" t="s">
        <v>2388</v>
      </c>
      <c r="E4790" s="18"/>
      <c r="F4790" s="18"/>
      <c r="G4790" s="18"/>
      <c r="H4790" s="18"/>
      <c r="I4790" s="18"/>
      <c r="J4790" s="18"/>
      <c r="K4790" s="18"/>
      <c r="L4790" s="18"/>
      <c r="M4790" s="18"/>
      <c r="N4790" s="18"/>
      <c r="O4790" s="18"/>
      <c r="P4790" s="19">
        <v>490</v>
      </c>
      <c r="Q4790" s="19"/>
      <c r="R4790" s="19"/>
      <c r="S4790" s="19"/>
      <c r="T4790" s="19">
        <v>350</v>
      </c>
      <c r="U4790" s="19"/>
      <c r="V4790" s="19"/>
      <c r="W4790" s="19"/>
      <c r="X4790" s="19">
        <v>5</v>
      </c>
      <c r="Y4790" s="19"/>
      <c r="Z4790" s="19"/>
      <c r="AA4790" s="19"/>
    </row>
    <row r="4791" spans="1:27" s="1" customFormat="1" ht="14.1" customHeight="1" outlineLevel="2" x14ac:dyDescent="0.2">
      <c r="A4791" s="17"/>
      <c r="B4791" s="17"/>
      <c r="C4791" s="17"/>
      <c r="D4791" s="18"/>
      <c r="E4791" s="18"/>
      <c r="F4791" s="18"/>
      <c r="G4791" s="18"/>
      <c r="H4791" s="18"/>
      <c r="I4791" s="18"/>
      <c r="J4791" s="18"/>
      <c r="K4791" s="18"/>
      <c r="L4791" s="18"/>
      <c r="M4791" s="18"/>
      <c r="N4791" s="18"/>
      <c r="O4791" s="18"/>
      <c r="P4791" s="19"/>
      <c r="Q4791" s="19"/>
      <c r="R4791" s="19"/>
      <c r="S4791" s="19"/>
      <c r="T4791" s="19"/>
      <c r="U4791" s="19"/>
      <c r="V4791" s="19"/>
      <c r="W4791" s="19"/>
      <c r="X4791" s="19"/>
      <c r="Y4791" s="19"/>
      <c r="Z4791" s="19"/>
      <c r="AA4791" s="19"/>
    </row>
    <row r="4792" spans="1:27" s="1" customFormat="1" ht="14.1" customHeight="1" outlineLevel="2" x14ac:dyDescent="0.2">
      <c r="A4792" s="17">
        <v>17230</v>
      </c>
      <c r="B4792" s="17"/>
      <c r="C4792" s="17"/>
      <c r="D4792" s="18" t="s">
        <v>2389</v>
      </c>
      <c r="E4792" s="18"/>
      <c r="F4792" s="18"/>
      <c r="G4792" s="18"/>
      <c r="H4792" s="18"/>
      <c r="I4792" s="18"/>
      <c r="J4792" s="18"/>
      <c r="K4792" s="18"/>
      <c r="L4792" s="18"/>
      <c r="M4792" s="18"/>
      <c r="N4792" s="18"/>
      <c r="O4792" s="18"/>
      <c r="P4792" s="19">
        <v>490</v>
      </c>
      <c r="Q4792" s="19"/>
      <c r="R4792" s="19"/>
      <c r="S4792" s="19"/>
      <c r="T4792" s="19">
        <v>350</v>
      </c>
      <c r="U4792" s="19"/>
      <c r="V4792" s="19"/>
      <c r="W4792" s="19"/>
      <c r="X4792" s="19">
        <v>5</v>
      </c>
      <c r="Y4792" s="19"/>
      <c r="Z4792" s="19"/>
      <c r="AA4792" s="19"/>
    </row>
    <row r="4793" spans="1:27" s="1" customFormat="1" ht="14.1" customHeight="1" outlineLevel="2" x14ac:dyDescent="0.2">
      <c r="A4793" s="17"/>
      <c r="B4793" s="17"/>
      <c r="C4793" s="17"/>
      <c r="D4793" s="18"/>
      <c r="E4793" s="18"/>
      <c r="F4793" s="18"/>
      <c r="G4793" s="18"/>
      <c r="H4793" s="18"/>
      <c r="I4793" s="18"/>
      <c r="J4793" s="18"/>
      <c r="K4793" s="18"/>
      <c r="L4793" s="18"/>
      <c r="M4793" s="18"/>
      <c r="N4793" s="18"/>
      <c r="O4793" s="18"/>
      <c r="P4793" s="19"/>
      <c r="Q4793" s="19"/>
      <c r="R4793" s="19"/>
      <c r="S4793" s="19"/>
      <c r="T4793" s="19"/>
      <c r="U4793" s="19"/>
      <c r="V4793" s="19"/>
      <c r="W4793" s="19"/>
      <c r="X4793" s="19"/>
      <c r="Y4793" s="19"/>
      <c r="Z4793" s="19"/>
      <c r="AA4793" s="19"/>
    </row>
    <row r="4794" spans="1:27" s="1" customFormat="1" ht="14.1" customHeight="1" outlineLevel="2" x14ac:dyDescent="0.2">
      <c r="A4794" s="17">
        <v>17198</v>
      </c>
      <c r="B4794" s="17"/>
      <c r="C4794" s="17"/>
      <c r="D4794" s="18" t="s">
        <v>2390</v>
      </c>
      <c r="E4794" s="18"/>
      <c r="F4794" s="18"/>
      <c r="G4794" s="18"/>
      <c r="H4794" s="18"/>
      <c r="I4794" s="18"/>
      <c r="J4794" s="18"/>
      <c r="K4794" s="18"/>
      <c r="L4794" s="18"/>
      <c r="M4794" s="18"/>
      <c r="N4794" s="18"/>
      <c r="O4794" s="18"/>
      <c r="P4794" s="19">
        <v>490</v>
      </c>
      <c r="Q4794" s="19"/>
      <c r="R4794" s="19"/>
      <c r="S4794" s="19"/>
      <c r="T4794" s="19">
        <v>350</v>
      </c>
      <c r="U4794" s="19"/>
      <c r="V4794" s="19"/>
      <c r="W4794" s="19"/>
      <c r="X4794" s="19">
        <v>5</v>
      </c>
      <c r="Y4794" s="19"/>
      <c r="Z4794" s="19"/>
      <c r="AA4794" s="19"/>
    </row>
    <row r="4795" spans="1:27" s="1" customFormat="1" ht="14.1" customHeight="1" outlineLevel="2" x14ac:dyDescent="0.2">
      <c r="A4795" s="17"/>
      <c r="B4795" s="17"/>
      <c r="C4795" s="17"/>
      <c r="D4795" s="18"/>
      <c r="E4795" s="18"/>
      <c r="F4795" s="18"/>
      <c r="G4795" s="18"/>
      <c r="H4795" s="18"/>
      <c r="I4795" s="18"/>
      <c r="J4795" s="18"/>
      <c r="K4795" s="18"/>
      <c r="L4795" s="18"/>
      <c r="M4795" s="18"/>
      <c r="N4795" s="18"/>
      <c r="O4795" s="18"/>
      <c r="P4795" s="19"/>
      <c r="Q4795" s="19"/>
      <c r="R4795" s="19"/>
      <c r="S4795" s="19"/>
      <c r="T4795" s="19"/>
      <c r="U4795" s="19"/>
      <c r="V4795" s="19"/>
      <c r="W4795" s="19"/>
      <c r="X4795" s="19"/>
      <c r="Y4795" s="19"/>
      <c r="Z4795" s="19"/>
      <c r="AA4795" s="19"/>
    </row>
    <row r="4796" spans="1:27" s="1" customFormat="1" ht="14.1" customHeight="1" outlineLevel="2" x14ac:dyDescent="0.2">
      <c r="A4796" s="17">
        <v>17196</v>
      </c>
      <c r="B4796" s="17"/>
      <c r="C4796" s="17"/>
      <c r="D4796" s="18" t="s">
        <v>2391</v>
      </c>
      <c r="E4796" s="18"/>
      <c r="F4796" s="18"/>
      <c r="G4796" s="18"/>
      <c r="H4796" s="18"/>
      <c r="I4796" s="18"/>
      <c r="J4796" s="18"/>
      <c r="K4796" s="18"/>
      <c r="L4796" s="18"/>
      <c r="M4796" s="18"/>
      <c r="N4796" s="18"/>
      <c r="O4796" s="18"/>
      <c r="P4796" s="19">
        <v>490</v>
      </c>
      <c r="Q4796" s="19"/>
      <c r="R4796" s="19"/>
      <c r="S4796" s="19"/>
      <c r="T4796" s="19">
        <v>350</v>
      </c>
      <c r="U4796" s="19"/>
      <c r="V4796" s="19"/>
      <c r="W4796" s="19"/>
      <c r="X4796" s="19">
        <v>5</v>
      </c>
      <c r="Y4796" s="19"/>
      <c r="Z4796" s="19"/>
      <c r="AA4796" s="19"/>
    </row>
    <row r="4797" spans="1:27" s="1" customFormat="1" ht="14.1" customHeight="1" outlineLevel="2" x14ac:dyDescent="0.2">
      <c r="A4797" s="17"/>
      <c r="B4797" s="17"/>
      <c r="C4797" s="17"/>
      <c r="D4797" s="18"/>
      <c r="E4797" s="18"/>
      <c r="F4797" s="18"/>
      <c r="G4797" s="18"/>
      <c r="H4797" s="18"/>
      <c r="I4797" s="18"/>
      <c r="J4797" s="18"/>
      <c r="K4797" s="18"/>
      <c r="L4797" s="18"/>
      <c r="M4797" s="18"/>
      <c r="N4797" s="18"/>
      <c r="O4797" s="18"/>
      <c r="P4797" s="19"/>
      <c r="Q4797" s="19"/>
      <c r="R4797" s="19"/>
      <c r="S4797" s="19"/>
      <c r="T4797" s="19"/>
      <c r="U4797" s="19"/>
      <c r="V4797" s="19"/>
      <c r="W4797" s="19"/>
      <c r="X4797" s="19"/>
      <c r="Y4797" s="19"/>
      <c r="Z4797" s="19"/>
      <c r="AA4797" s="19"/>
    </row>
    <row r="4798" spans="1:27" s="1" customFormat="1" ht="14.1" customHeight="1" outlineLevel="2" x14ac:dyDescent="0.2">
      <c r="A4798" s="17">
        <v>17197</v>
      </c>
      <c r="B4798" s="17"/>
      <c r="C4798" s="17"/>
      <c r="D4798" s="18" t="s">
        <v>2392</v>
      </c>
      <c r="E4798" s="18"/>
      <c r="F4798" s="18"/>
      <c r="G4798" s="18"/>
      <c r="H4798" s="18"/>
      <c r="I4798" s="18"/>
      <c r="J4798" s="18"/>
      <c r="K4798" s="18"/>
      <c r="L4798" s="18"/>
      <c r="M4798" s="18"/>
      <c r="N4798" s="18"/>
      <c r="O4798" s="18"/>
      <c r="P4798" s="19">
        <v>490</v>
      </c>
      <c r="Q4798" s="19"/>
      <c r="R4798" s="19"/>
      <c r="S4798" s="19"/>
      <c r="T4798" s="19">
        <v>350</v>
      </c>
      <c r="U4798" s="19"/>
      <c r="V4798" s="19"/>
      <c r="W4798" s="19"/>
      <c r="X4798" s="19">
        <v>5</v>
      </c>
      <c r="Y4798" s="19"/>
      <c r="Z4798" s="19"/>
      <c r="AA4798" s="19"/>
    </row>
    <row r="4799" spans="1:27" s="1" customFormat="1" ht="14.1" customHeight="1" outlineLevel="2" x14ac:dyDescent="0.2">
      <c r="A4799" s="17"/>
      <c r="B4799" s="17"/>
      <c r="C4799" s="17"/>
      <c r="D4799" s="18"/>
      <c r="E4799" s="18"/>
      <c r="F4799" s="18"/>
      <c r="G4799" s="18"/>
      <c r="H4799" s="18"/>
      <c r="I4799" s="18"/>
      <c r="J4799" s="18"/>
      <c r="K4799" s="18"/>
      <c r="L4799" s="18"/>
      <c r="M4799" s="18"/>
      <c r="N4799" s="18"/>
      <c r="O4799" s="18"/>
      <c r="P4799" s="19"/>
      <c r="Q4799" s="19"/>
      <c r="R4799" s="19"/>
      <c r="S4799" s="19"/>
      <c r="T4799" s="19"/>
      <c r="U4799" s="19"/>
      <c r="V4799" s="19"/>
      <c r="W4799" s="19"/>
      <c r="X4799" s="19"/>
      <c r="Y4799" s="19"/>
      <c r="Z4799" s="19"/>
      <c r="AA4799" s="19"/>
    </row>
    <row r="4800" spans="1:27" s="1" customFormat="1" ht="14.1" customHeight="1" outlineLevel="2" x14ac:dyDescent="0.2">
      <c r="A4800" s="17">
        <v>16750</v>
      </c>
      <c r="B4800" s="17"/>
      <c r="C4800" s="17"/>
      <c r="D4800" s="18" t="s">
        <v>2393</v>
      </c>
      <c r="E4800" s="18"/>
      <c r="F4800" s="18"/>
      <c r="G4800" s="18"/>
      <c r="H4800" s="18"/>
      <c r="I4800" s="18"/>
      <c r="J4800" s="18"/>
      <c r="K4800" s="18"/>
      <c r="L4800" s="18"/>
      <c r="M4800" s="18"/>
      <c r="N4800" s="18"/>
      <c r="O4800" s="18"/>
      <c r="P4800" s="19">
        <v>250</v>
      </c>
      <c r="Q4800" s="19"/>
      <c r="R4800" s="19"/>
      <c r="S4800" s="19"/>
      <c r="T4800" s="19">
        <v>150</v>
      </c>
      <c r="U4800" s="19"/>
      <c r="V4800" s="19"/>
      <c r="W4800" s="19"/>
      <c r="X4800" s="19">
        <v>1</v>
      </c>
      <c r="Y4800" s="19"/>
      <c r="Z4800" s="19"/>
      <c r="AA4800" s="19"/>
    </row>
    <row r="4801" spans="1:27" s="1" customFormat="1" ht="14.1" customHeight="1" outlineLevel="2" x14ac:dyDescent="0.2">
      <c r="A4801" s="17"/>
      <c r="B4801" s="17"/>
      <c r="C4801" s="17"/>
      <c r="D4801" s="18"/>
      <c r="E4801" s="18"/>
      <c r="F4801" s="18"/>
      <c r="G4801" s="18"/>
      <c r="H4801" s="18"/>
      <c r="I4801" s="18"/>
      <c r="J4801" s="18"/>
      <c r="K4801" s="18"/>
      <c r="L4801" s="18"/>
      <c r="M4801" s="18"/>
      <c r="N4801" s="18"/>
      <c r="O4801" s="18"/>
      <c r="P4801" s="19"/>
      <c r="Q4801" s="19"/>
      <c r="R4801" s="19"/>
      <c r="S4801" s="19"/>
      <c r="T4801" s="19"/>
      <c r="U4801" s="19"/>
      <c r="V4801" s="19"/>
      <c r="W4801" s="19"/>
      <c r="X4801" s="19"/>
      <c r="Y4801" s="19"/>
      <c r="Z4801" s="19"/>
      <c r="AA4801" s="19"/>
    </row>
    <row r="4802" spans="1:27" s="1" customFormat="1" ht="14.1" customHeight="1" outlineLevel="2" x14ac:dyDescent="0.2">
      <c r="A4802" s="17">
        <v>17839</v>
      </c>
      <c r="B4802" s="17"/>
      <c r="C4802" s="17"/>
      <c r="D4802" s="18" t="s">
        <v>2394</v>
      </c>
      <c r="E4802" s="18"/>
      <c r="F4802" s="18"/>
      <c r="G4802" s="18"/>
      <c r="H4802" s="18"/>
      <c r="I4802" s="18"/>
      <c r="J4802" s="18"/>
      <c r="K4802" s="18"/>
      <c r="L4802" s="18"/>
      <c r="M4802" s="18"/>
      <c r="N4802" s="18"/>
      <c r="O4802" s="18"/>
      <c r="P4802" s="19">
        <v>400</v>
      </c>
      <c r="Q4802" s="19"/>
      <c r="R4802" s="19"/>
      <c r="S4802" s="19"/>
      <c r="T4802" s="19">
        <v>300</v>
      </c>
      <c r="U4802" s="19"/>
      <c r="V4802" s="19"/>
      <c r="W4802" s="19"/>
      <c r="X4802" s="19">
        <v>1</v>
      </c>
      <c r="Y4802" s="19"/>
      <c r="Z4802" s="19"/>
      <c r="AA4802" s="19"/>
    </row>
    <row r="4803" spans="1:27" s="1" customFormat="1" ht="14.1" customHeight="1" outlineLevel="2" x14ac:dyDescent="0.2">
      <c r="A4803" s="17"/>
      <c r="B4803" s="17"/>
      <c r="C4803" s="17"/>
      <c r="D4803" s="18"/>
      <c r="E4803" s="18"/>
      <c r="F4803" s="18"/>
      <c r="G4803" s="18"/>
      <c r="H4803" s="18"/>
      <c r="I4803" s="18"/>
      <c r="J4803" s="18"/>
      <c r="K4803" s="18"/>
      <c r="L4803" s="18"/>
      <c r="M4803" s="18"/>
      <c r="N4803" s="18"/>
      <c r="O4803" s="18"/>
      <c r="P4803" s="19"/>
      <c r="Q4803" s="19"/>
      <c r="R4803" s="19"/>
      <c r="S4803" s="19"/>
      <c r="T4803" s="19"/>
      <c r="U4803" s="19"/>
      <c r="V4803" s="19"/>
      <c r="W4803" s="19"/>
      <c r="X4803" s="19"/>
      <c r="Y4803" s="19"/>
      <c r="Z4803" s="19"/>
      <c r="AA4803" s="19"/>
    </row>
    <row r="4804" spans="1:27" s="1" customFormat="1" ht="14.1" customHeight="1" outlineLevel="2" x14ac:dyDescent="0.2">
      <c r="A4804" s="17">
        <v>16751</v>
      </c>
      <c r="B4804" s="17"/>
      <c r="C4804" s="17"/>
      <c r="D4804" s="18" t="s">
        <v>2395</v>
      </c>
      <c r="E4804" s="18"/>
      <c r="F4804" s="18"/>
      <c r="G4804" s="18"/>
      <c r="H4804" s="18"/>
      <c r="I4804" s="18"/>
      <c r="J4804" s="18"/>
      <c r="K4804" s="18"/>
      <c r="L4804" s="18"/>
      <c r="M4804" s="18"/>
      <c r="N4804" s="18"/>
      <c r="O4804" s="18"/>
      <c r="P4804" s="19">
        <v>400</v>
      </c>
      <c r="Q4804" s="19"/>
      <c r="R4804" s="19"/>
      <c r="S4804" s="19"/>
      <c r="T4804" s="19">
        <v>300</v>
      </c>
      <c r="U4804" s="19"/>
      <c r="V4804" s="19"/>
      <c r="W4804" s="19"/>
      <c r="X4804" s="19">
        <v>2</v>
      </c>
      <c r="Y4804" s="19"/>
      <c r="Z4804" s="19"/>
      <c r="AA4804" s="19"/>
    </row>
    <row r="4805" spans="1:27" s="1" customFormat="1" ht="14.1" customHeight="1" outlineLevel="2" x14ac:dyDescent="0.2">
      <c r="A4805" s="17"/>
      <c r="B4805" s="17"/>
      <c r="C4805" s="17"/>
      <c r="D4805" s="18"/>
      <c r="E4805" s="18"/>
      <c r="F4805" s="18"/>
      <c r="G4805" s="18"/>
      <c r="H4805" s="18"/>
      <c r="I4805" s="18"/>
      <c r="J4805" s="18"/>
      <c r="K4805" s="18"/>
      <c r="L4805" s="18"/>
      <c r="M4805" s="18"/>
      <c r="N4805" s="18"/>
      <c r="O4805" s="18"/>
      <c r="P4805" s="19"/>
      <c r="Q4805" s="19"/>
      <c r="R4805" s="19"/>
      <c r="S4805" s="19"/>
      <c r="T4805" s="19"/>
      <c r="U4805" s="19"/>
      <c r="V4805" s="19"/>
      <c r="W4805" s="19"/>
      <c r="X4805" s="19"/>
      <c r="Y4805" s="19"/>
      <c r="Z4805" s="19"/>
      <c r="AA4805" s="19"/>
    </row>
    <row r="4806" spans="1:27" s="1" customFormat="1" ht="11.1" customHeight="1" outlineLevel="1" x14ac:dyDescent="0.2">
      <c r="A4806" s="16" t="s">
        <v>1634</v>
      </c>
      <c r="B4806" s="16"/>
      <c r="C4806" s="16"/>
      <c r="D4806" s="16"/>
      <c r="E4806" s="16"/>
      <c r="F4806" s="16"/>
      <c r="G4806" s="16"/>
      <c r="H4806" s="16"/>
      <c r="I4806" s="16"/>
      <c r="J4806" s="16"/>
      <c r="K4806" s="16"/>
      <c r="L4806" s="16"/>
      <c r="M4806" s="16"/>
      <c r="N4806" s="16"/>
      <c r="O4806" s="16"/>
      <c r="P4806" s="16"/>
      <c r="Q4806" s="16"/>
      <c r="R4806" s="16"/>
      <c r="S4806" s="16"/>
      <c r="T4806" s="16"/>
      <c r="U4806" s="16"/>
      <c r="V4806" s="16"/>
      <c r="W4806" s="16"/>
      <c r="X4806" s="16"/>
      <c r="Y4806" s="16"/>
      <c r="Z4806" s="16"/>
      <c r="AA4806" s="16"/>
    </row>
    <row r="4807" spans="1:27" s="1" customFormat="1" ht="11.1" customHeight="1" outlineLevel="1" x14ac:dyDescent="0.2">
      <c r="A4807" s="16"/>
      <c r="B4807" s="16"/>
      <c r="C4807" s="16"/>
      <c r="D4807" s="16"/>
      <c r="E4807" s="16"/>
      <c r="F4807" s="16"/>
      <c r="G4807" s="16"/>
      <c r="H4807" s="16"/>
      <c r="I4807" s="16"/>
      <c r="J4807" s="16"/>
      <c r="K4807" s="16"/>
      <c r="L4807" s="16"/>
      <c r="M4807" s="16"/>
      <c r="N4807" s="16"/>
      <c r="O4807" s="16"/>
      <c r="P4807" s="16"/>
      <c r="Q4807" s="16"/>
      <c r="R4807" s="16"/>
      <c r="S4807" s="16"/>
      <c r="T4807" s="16"/>
      <c r="U4807" s="16"/>
      <c r="V4807" s="16"/>
      <c r="W4807" s="16"/>
      <c r="X4807" s="16"/>
      <c r="Y4807" s="16"/>
      <c r="Z4807" s="16"/>
      <c r="AA4807" s="16"/>
    </row>
    <row r="4808" spans="1:27" s="1" customFormat="1" ht="11.1" customHeight="1" outlineLevel="2" x14ac:dyDescent="0.2">
      <c r="A4808" s="17">
        <v>1449</v>
      </c>
      <c r="B4808" s="17"/>
      <c r="C4808" s="17"/>
      <c r="D4808" s="18" t="s">
        <v>2396</v>
      </c>
      <c r="E4808" s="18"/>
      <c r="F4808" s="18"/>
      <c r="G4808" s="18"/>
      <c r="H4808" s="18"/>
      <c r="I4808" s="18"/>
      <c r="J4808" s="18"/>
      <c r="K4808" s="18"/>
      <c r="L4808" s="18"/>
      <c r="M4808" s="18"/>
      <c r="N4808" s="18"/>
      <c r="O4808" s="18"/>
      <c r="P4808" s="19">
        <v>250</v>
      </c>
      <c r="Q4808" s="19"/>
      <c r="R4808" s="19"/>
      <c r="S4808" s="19"/>
      <c r="T4808" s="19">
        <v>190</v>
      </c>
      <c r="U4808" s="19"/>
      <c r="V4808" s="19"/>
      <c r="W4808" s="19"/>
      <c r="X4808" s="19">
        <v>1</v>
      </c>
      <c r="Y4808" s="19"/>
      <c r="Z4808" s="19"/>
      <c r="AA4808" s="19"/>
    </row>
    <row r="4809" spans="1:27" s="1" customFormat="1" ht="11.1" customHeight="1" outlineLevel="2" x14ac:dyDescent="0.2">
      <c r="A4809" s="17"/>
      <c r="B4809" s="17"/>
      <c r="C4809" s="17"/>
      <c r="D4809" s="18"/>
      <c r="E4809" s="18"/>
      <c r="F4809" s="18"/>
      <c r="G4809" s="18"/>
      <c r="H4809" s="18"/>
      <c r="I4809" s="18"/>
      <c r="J4809" s="18"/>
      <c r="K4809" s="18"/>
      <c r="L4809" s="18"/>
      <c r="M4809" s="18"/>
      <c r="N4809" s="18"/>
      <c r="O4809" s="18"/>
      <c r="P4809" s="19"/>
      <c r="Q4809" s="19"/>
      <c r="R4809" s="19"/>
      <c r="S4809" s="19"/>
      <c r="T4809" s="19"/>
      <c r="U4809" s="19"/>
      <c r="V4809" s="19"/>
      <c r="W4809" s="19"/>
      <c r="X4809" s="19"/>
      <c r="Y4809" s="19"/>
      <c r="Z4809" s="19"/>
      <c r="AA4809" s="19"/>
    </row>
    <row r="4810" spans="1:27" s="1" customFormat="1" ht="11.1" customHeight="1" outlineLevel="2" x14ac:dyDescent="0.2">
      <c r="A4810" s="17">
        <v>1585</v>
      </c>
      <c r="B4810" s="17"/>
      <c r="C4810" s="17"/>
      <c r="D4810" s="18" t="s">
        <v>2397</v>
      </c>
      <c r="E4810" s="18"/>
      <c r="F4810" s="18"/>
      <c r="G4810" s="18"/>
      <c r="H4810" s="18"/>
      <c r="I4810" s="18"/>
      <c r="J4810" s="18"/>
      <c r="K4810" s="18"/>
      <c r="L4810" s="18"/>
      <c r="M4810" s="18"/>
      <c r="N4810" s="18"/>
      <c r="O4810" s="18"/>
      <c r="P4810" s="19">
        <v>200</v>
      </c>
      <c r="Q4810" s="19"/>
      <c r="R4810" s="19"/>
      <c r="S4810" s="19"/>
      <c r="T4810" s="19">
        <v>150</v>
      </c>
      <c r="U4810" s="19"/>
      <c r="V4810" s="19"/>
      <c r="W4810" s="19"/>
      <c r="X4810" s="19">
        <v>1</v>
      </c>
      <c r="Y4810" s="19"/>
      <c r="Z4810" s="19"/>
      <c r="AA4810" s="19"/>
    </row>
    <row r="4811" spans="1:27" s="1" customFormat="1" ht="11.1" customHeight="1" outlineLevel="2" x14ac:dyDescent="0.2">
      <c r="A4811" s="17"/>
      <c r="B4811" s="17"/>
      <c r="C4811" s="17"/>
      <c r="D4811" s="18"/>
      <c r="E4811" s="18"/>
      <c r="F4811" s="18"/>
      <c r="G4811" s="18"/>
      <c r="H4811" s="18"/>
      <c r="I4811" s="18"/>
      <c r="J4811" s="18"/>
      <c r="K4811" s="18"/>
      <c r="L4811" s="18"/>
      <c r="M4811" s="18"/>
      <c r="N4811" s="18"/>
      <c r="O4811" s="18"/>
      <c r="P4811" s="19"/>
      <c r="Q4811" s="19"/>
      <c r="R4811" s="19"/>
      <c r="S4811" s="19"/>
      <c r="T4811" s="19"/>
      <c r="U4811" s="19"/>
      <c r="V4811" s="19"/>
      <c r="W4811" s="19"/>
      <c r="X4811" s="19"/>
      <c r="Y4811" s="19"/>
      <c r="Z4811" s="19"/>
      <c r="AA4811" s="19"/>
    </row>
    <row r="4812" spans="1:27" s="1" customFormat="1" ht="11.1" customHeight="1" outlineLevel="1" x14ac:dyDescent="0.2">
      <c r="A4812" s="16" t="s">
        <v>1651</v>
      </c>
      <c r="B4812" s="16"/>
      <c r="C4812" s="16"/>
      <c r="D4812" s="16"/>
      <c r="E4812" s="16"/>
      <c r="F4812" s="16"/>
      <c r="G4812" s="16"/>
      <c r="H4812" s="16"/>
      <c r="I4812" s="16"/>
      <c r="J4812" s="16"/>
      <c r="K4812" s="16"/>
      <c r="L4812" s="16"/>
      <c r="M4812" s="16"/>
      <c r="N4812" s="16"/>
      <c r="O4812" s="16"/>
      <c r="P4812" s="16"/>
      <c r="Q4812" s="16"/>
      <c r="R4812" s="16"/>
      <c r="S4812" s="16"/>
      <c r="T4812" s="16"/>
      <c r="U4812" s="16"/>
      <c r="V4812" s="16"/>
      <c r="W4812" s="16"/>
      <c r="X4812" s="16"/>
      <c r="Y4812" s="16"/>
      <c r="Z4812" s="16"/>
      <c r="AA4812" s="16"/>
    </row>
    <row r="4813" spans="1:27" s="1" customFormat="1" ht="11.1" customHeight="1" outlineLevel="1" x14ac:dyDescent="0.2">
      <c r="A4813" s="16"/>
      <c r="B4813" s="16"/>
      <c r="C4813" s="16"/>
      <c r="D4813" s="16"/>
      <c r="E4813" s="16"/>
      <c r="F4813" s="16"/>
      <c r="G4813" s="16"/>
      <c r="H4813" s="16"/>
      <c r="I4813" s="16"/>
      <c r="J4813" s="16"/>
      <c r="K4813" s="16"/>
      <c r="L4813" s="16"/>
      <c r="M4813" s="16"/>
      <c r="N4813" s="16"/>
      <c r="O4813" s="16"/>
      <c r="P4813" s="16"/>
      <c r="Q4813" s="16"/>
      <c r="R4813" s="16"/>
      <c r="S4813" s="16"/>
      <c r="T4813" s="16"/>
      <c r="U4813" s="16"/>
      <c r="V4813" s="16"/>
      <c r="W4813" s="16"/>
      <c r="X4813" s="16"/>
      <c r="Y4813" s="16"/>
      <c r="Z4813" s="16"/>
      <c r="AA4813" s="16"/>
    </row>
    <row r="4814" spans="1:27" s="1" customFormat="1" ht="11.1" customHeight="1" outlineLevel="2" x14ac:dyDescent="0.2">
      <c r="A4814" s="17">
        <v>913</v>
      </c>
      <c r="B4814" s="17"/>
      <c r="C4814" s="17"/>
      <c r="D4814" s="18" t="s">
        <v>2398</v>
      </c>
      <c r="E4814" s="18"/>
      <c r="F4814" s="18"/>
      <c r="G4814" s="18"/>
      <c r="H4814" s="18"/>
      <c r="I4814" s="18"/>
      <c r="J4814" s="18"/>
      <c r="K4814" s="18"/>
      <c r="L4814" s="18"/>
      <c r="M4814" s="18"/>
      <c r="N4814" s="18"/>
      <c r="O4814" s="18"/>
      <c r="P4814" s="19">
        <v>200</v>
      </c>
      <c r="Q4814" s="19"/>
      <c r="R4814" s="19"/>
      <c r="S4814" s="19"/>
      <c r="T4814" s="19">
        <v>160</v>
      </c>
      <c r="U4814" s="19"/>
      <c r="V4814" s="19"/>
      <c r="W4814" s="19"/>
      <c r="X4814" s="19">
        <v>1</v>
      </c>
      <c r="Y4814" s="19"/>
      <c r="Z4814" s="19"/>
      <c r="AA4814" s="19"/>
    </row>
    <row r="4815" spans="1:27" s="1" customFormat="1" ht="11.1" customHeight="1" outlineLevel="2" x14ac:dyDescent="0.2">
      <c r="A4815" s="17"/>
      <c r="B4815" s="17"/>
      <c r="C4815" s="17"/>
      <c r="D4815" s="18"/>
      <c r="E4815" s="18"/>
      <c r="F4815" s="18"/>
      <c r="G4815" s="18"/>
      <c r="H4815" s="18"/>
      <c r="I4815" s="18"/>
      <c r="J4815" s="18"/>
      <c r="K4815" s="18"/>
      <c r="L4815" s="18"/>
      <c r="M4815" s="18"/>
      <c r="N4815" s="18"/>
      <c r="O4815" s="18"/>
      <c r="P4815" s="19"/>
      <c r="Q4815" s="19"/>
      <c r="R4815" s="19"/>
      <c r="S4815" s="19"/>
      <c r="T4815" s="19"/>
      <c r="U4815" s="19"/>
      <c r="V4815" s="19"/>
      <c r="W4815" s="19"/>
      <c r="X4815" s="19"/>
      <c r="Y4815" s="19"/>
      <c r="Z4815" s="19"/>
      <c r="AA4815" s="19"/>
    </row>
    <row r="4816" spans="1:27" s="1" customFormat="1" ht="11.1" customHeight="1" outlineLevel="1" x14ac:dyDescent="0.2">
      <c r="A4816" s="16" t="s">
        <v>1202</v>
      </c>
      <c r="B4816" s="16"/>
      <c r="C4816" s="16"/>
      <c r="D4816" s="16"/>
      <c r="E4816" s="16"/>
      <c r="F4816" s="16"/>
      <c r="G4816" s="16"/>
      <c r="H4816" s="16"/>
      <c r="I4816" s="16"/>
      <c r="J4816" s="16"/>
      <c r="K4816" s="16"/>
      <c r="L4816" s="16"/>
      <c r="M4816" s="16"/>
      <c r="N4816" s="16"/>
      <c r="O4816" s="16"/>
      <c r="P4816" s="16"/>
      <c r="Q4816" s="16"/>
      <c r="R4816" s="16"/>
      <c r="S4816" s="16"/>
      <c r="T4816" s="16"/>
      <c r="U4816" s="16"/>
      <c r="V4816" s="16"/>
      <c r="W4816" s="16"/>
      <c r="X4816" s="16"/>
      <c r="Y4816" s="16"/>
      <c r="Z4816" s="16"/>
      <c r="AA4816" s="16"/>
    </row>
    <row r="4817" spans="1:27" s="1" customFormat="1" ht="11.1" customHeight="1" outlineLevel="1" x14ac:dyDescent="0.2">
      <c r="A4817" s="16"/>
      <c r="B4817" s="16"/>
      <c r="C4817" s="16"/>
      <c r="D4817" s="16"/>
      <c r="E4817" s="16"/>
      <c r="F4817" s="16"/>
      <c r="G4817" s="16"/>
      <c r="H4817" s="16"/>
      <c r="I4817" s="16"/>
      <c r="J4817" s="16"/>
      <c r="K4817" s="16"/>
      <c r="L4817" s="16"/>
      <c r="M4817" s="16"/>
      <c r="N4817" s="16"/>
      <c r="O4817" s="16"/>
      <c r="P4817" s="16"/>
      <c r="Q4817" s="16"/>
      <c r="R4817" s="16"/>
      <c r="S4817" s="16"/>
      <c r="T4817" s="16"/>
      <c r="U4817" s="16"/>
      <c r="V4817" s="16"/>
      <c r="W4817" s="16"/>
      <c r="X4817" s="16"/>
      <c r="Y4817" s="16"/>
      <c r="Z4817" s="16"/>
      <c r="AA4817" s="16"/>
    </row>
    <row r="4818" spans="1:27" s="1" customFormat="1" ht="11.1" customHeight="1" outlineLevel="2" x14ac:dyDescent="0.2">
      <c r="A4818" s="17">
        <v>12966</v>
      </c>
      <c r="B4818" s="17"/>
      <c r="C4818" s="17"/>
      <c r="D4818" s="18" t="s">
        <v>2399</v>
      </c>
      <c r="E4818" s="18"/>
      <c r="F4818" s="18"/>
      <c r="G4818" s="18"/>
      <c r="H4818" s="18"/>
      <c r="I4818" s="18"/>
      <c r="J4818" s="18"/>
      <c r="K4818" s="18"/>
      <c r="L4818" s="18"/>
      <c r="M4818" s="18"/>
      <c r="N4818" s="18"/>
      <c r="O4818" s="18"/>
      <c r="P4818" s="19">
        <v>80</v>
      </c>
      <c r="Q4818" s="19"/>
      <c r="R4818" s="19"/>
      <c r="S4818" s="19"/>
      <c r="T4818" s="19">
        <v>50</v>
      </c>
      <c r="U4818" s="19"/>
      <c r="V4818" s="19"/>
      <c r="W4818" s="19"/>
      <c r="X4818" s="19">
        <v>1</v>
      </c>
      <c r="Y4818" s="19"/>
      <c r="Z4818" s="19"/>
      <c r="AA4818" s="19"/>
    </row>
    <row r="4819" spans="1:27" s="1" customFormat="1" ht="11.1" customHeight="1" outlineLevel="2" x14ac:dyDescent="0.2">
      <c r="A4819" s="17"/>
      <c r="B4819" s="17"/>
      <c r="C4819" s="17"/>
      <c r="D4819" s="18"/>
      <c r="E4819" s="18"/>
      <c r="F4819" s="18"/>
      <c r="G4819" s="18"/>
      <c r="H4819" s="18"/>
      <c r="I4819" s="18"/>
      <c r="J4819" s="18"/>
      <c r="K4819" s="18"/>
      <c r="L4819" s="18"/>
      <c r="M4819" s="18"/>
      <c r="N4819" s="18"/>
      <c r="O4819" s="18"/>
      <c r="P4819" s="19"/>
      <c r="Q4819" s="19"/>
      <c r="R4819" s="19"/>
      <c r="S4819" s="19"/>
      <c r="T4819" s="19"/>
      <c r="U4819" s="19"/>
      <c r="V4819" s="19"/>
      <c r="W4819" s="19"/>
      <c r="X4819" s="19"/>
      <c r="Y4819" s="19"/>
      <c r="Z4819" s="19"/>
      <c r="AA4819" s="19"/>
    </row>
    <row r="4820" spans="1:27" s="1" customFormat="1" ht="14.1" customHeight="1" outlineLevel="2" x14ac:dyDescent="0.2">
      <c r="A4820" s="17">
        <v>12946</v>
      </c>
      <c r="B4820" s="17"/>
      <c r="C4820" s="17"/>
      <c r="D4820" s="18" t="s">
        <v>2400</v>
      </c>
      <c r="E4820" s="18"/>
      <c r="F4820" s="18"/>
      <c r="G4820" s="18"/>
      <c r="H4820" s="18"/>
      <c r="I4820" s="18"/>
      <c r="J4820" s="18"/>
      <c r="K4820" s="18"/>
      <c r="L4820" s="18"/>
      <c r="M4820" s="18"/>
      <c r="N4820" s="18"/>
      <c r="O4820" s="18"/>
      <c r="P4820" s="19">
        <v>200</v>
      </c>
      <c r="Q4820" s="19"/>
      <c r="R4820" s="19"/>
      <c r="S4820" s="19"/>
      <c r="T4820" s="19">
        <v>150</v>
      </c>
      <c r="U4820" s="19"/>
      <c r="V4820" s="19"/>
      <c r="W4820" s="19"/>
      <c r="X4820" s="19">
        <v>1</v>
      </c>
      <c r="Y4820" s="19"/>
      <c r="Z4820" s="19"/>
      <c r="AA4820" s="19"/>
    </row>
    <row r="4821" spans="1:27" s="1" customFormat="1" ht="14.1" customHeight="1" outlineLevel="2" x14ac:dyDescent="0.2">
      <c r="A4821" s="17"/>
      <c r="B4821" s="17"/>
      <c r="C4821" s="17"/>
      <c r="D4821" s="18"/>
      <c r="E4821" s="18"/>
      <c r="F4821" s="18"/>
      <c r="G4821" s="18"/>
      <c r="H4821" s="18"/>
      <c r="I4821" s="18"/>
      <c r="J4821" s="18"/>
      <c r="K4821" s="18"/>
      <c r="L4821" s="18"/>
      <c r="M4821" s="18"/>
      <c r="N4821" s="18"/>
      <c r="O4821" s="18"/>
      <c r="P4821" s="19"/>
      <c r="Q4821" s="19"/>
      <c r="R4821" s="19"/>
      <c r="S4821" s="19"/>
      <c r="T4821" s="19"/>
      <c r="U4821" s="19"/>
      <c r="V4821" s="19"/>
      <c r="W4821" s="19"/>
      <c r="X4821" s="19"/>
      <c r="Y4821" s="19"/>
      <c r="Z4821" s="19"/>
      <c r="AA4821" s="19"/>
    </row>
    <row r="4822" spans="1:27" s="1" customFormat="1" ht="11.1" customHeight="1" outlineLevel="2" x14ac:dyDescent="0.2">
      <c r="A4822" s="17">
        <v>12968</v>
      </c>
      <c r="B4822" s="17"/>
      <c r="C4822" s="17"/>
      <c r="D4822" s="18" t="s">
        <v>2401</v>
      </c>
      <c r="E4822" s="18"/>
      <c r="F4822" s="18"/>
      <c r="G4822" s="18"/>
      <c r="H4822" s="18"/>
      <c r="I4822" s="18"/>
      <c r="J4822" s="18"/>
      <c r="K4822" s="18"/>
      <c r="L4822" s="18"/>
      <c r="M4822" s="18"/>
      <c r="N4822" s="18"/>
      <c r="O4822" s="18"/>
      <c r="P4822" s="19">
        <v>80</v>
      </c>
      <c r="Q4822" s="19"/>
      <c r="R4822" s="19"/>
      <c r="S4822" s="19"/>
      <c r="T4822" s="19">
        <v>50</v>
      </c>
      <c r="U4822" s="19"/>
      <c r="V4822" s="19"/>
      <c r="W4822" s="19"/>
      <c r="X4822" s="19">
        <v>1</v>
      </c>
      <c r="Y4822" s="19"/>
      <c r="Z4822" s="19"/>
      <c r="AA4822" s="19"/>
    </row>
    <row r="4823" spans="1:27" s="1" customFormat="1" ht="11.1" customHeight="1" outlineLevel="2" x14ac:dyDescent="0.2">
      <c r="A4823" s="17"/>
      <c r="B4823" s="17"/>
      <c r="C4823" s="17"/>
      <c r="D4823" s="18"/>
      <c r="E4823" s="18"/>
      <c r="F4823" s="18"/>
      <c r="G4823" s="18"/>
      <c r="H4823" s="18"/>
      <c r="I4823" s="18"/>
      <c r="J4823" s="18"/>
      <c r="K4823" s="18"/>
      <c r="L4823" s="18"/>
      <c r="M4823" s="18"/>
      <c r="N4823" s="18"/>
      <c r="O4823" s="18"/>
      <c r="P4823" s="19"/>
      <c r="Q4823" s="19"/>
      <c r="R4823" s="19"/>
      <c r="S4823" s="19"/>
      <c r="T4823" s="19"/>
      <c r="U4823" s="19"/>
      <c r="V4823" s="19"/>
      <c r="W4823" s="19"/>
      <c r="X4823" s="19"/>
      <c r="Y4823" s="19"/>
      <c r="Z4823" s="19"/>
      <c r="AA4823" s="19"/>
    </row>
    <row r="4824" spans="1:27" s="1" customFormat="1" ht="14.1" customHeight="1" outlineLevel="2" x14ac:dyDescent="0.2">
      <c r="A4824" s="17">
        <v>12947</v>
      </c>
      <c r="B4824" s="17"/>
      <c r="C4824" s="17"/>
      <c r="D4824" s="18" t="s">
        <v>2402</v>
      </c>
      <c r="E4824" s="18"/>
      <c r="F4824" s="18"/>
      <c r="G4824" s="18"/>
      <c r="H4824" s="18"/>
      <c r="I4824" s="18"/>
      <c r="J4824" s="18"/>
      <c r="K4824" s="18"/>
      <c r="L4824" s="18"/>
      <c r="M4824" s="18"/>
      <c r="N4824" s="18"/>
      <c r="O4824" s="18"/>
      <c r="P4824" s="19">
        <v>130</v>
      </c>
      <c r="Q4824" s="19"/>
      <c r="R4824" s="19"/>
      <c r="S4824" s="19"/>
      <c r="T4824" s="19">
        <v>90</v>
      </c>
      <c r="U4824" s="19"/>
      <c r="V4824" s="19"/>
      <c r="W4824" s="19"/>
      <c r="X4824" s="19">
        <v>1</v>
      </c>
      <c r="Y4824" s="19"/>
      <c r="Z4824" s="19"/>
      <c r="AA4824" s="19"/>
    </row>
    <row r="4825" spans="1:27" s="1" customFormat="1" ht="14.1" customHeight="1" outlineLevel="2" x14ac:dyDescent="0.2">
      <c r="A4825" s="17"/>
      <c r="B4825" s="17"/>
      <c r="C4825" s="17"/>
      <c r="D4825" s="18"/>
      <c r="E4825" s="18"/>
      <c r="F4825" s="18"/>
      <c r="G4825" s="18"/>
      <c r="H4825" s="18"/>
      <c r="I4825" s="18"/>
      <c r="J4825" s="18"/>
      <c r="K4825" s="18"/>
      <c r="L4825" s="18"/>
      <c r="M4825" s="18"/>
      <c r="N4825" s="18"/>
      <c r="O4825" s="18"/>
      <c r="P4825" s="19"/>
      <c r="Q4825" s="19"/>
      <c r="R4825" s="19"/>
      <c r="S4825" s="19"/>
      <c r="T4825" s="19"/>
      <c r="U4825" s="19"/>
      <c r="V4825" s="19"/>
      <c r="W4825" s="19"/>
      <c r="X4825" s="19"/>
      <c r="Y4825" s="19"/>
      <c r="Z4825" s="19"/>
      <c r="AA4825" s="19"/>
    </row>
    <row r="4826" spans="1:27" s="1" customFormat="1" ht="14.1" customHeight="1" outlineLevel="2" x14ac:dyDescent="0.2">
      <c r="A4826" s="17">
        <v>12967</v>
      </c>
      <c r="B4826" s="17"/>
      <c r="C4826" s="17"/>
      <c r="D4826" s="18" t="s">
        <v>2403</v>
      </c>
      <c r="E4826" s="18"/>
      <c r="F4826" s="18"/>
      <c r="G4826" s="18"/>
      <c r="H4826" s="18"/>
      <c r="I4826" s="18"/>
      <c r="J4826" s="18"/>
      <c r="K4826" s="18"/>
      <c r="L4826" s="18"/>
      <c r="M4826" s="18"/>
      <c r="N4826" s="18"/>
      <c r="O4826" s="18"/>
      <c r="P4826" s="19">
        <v>120</v>
      </c>
      <c r="Q4826" s="19"/>
      <c r="R4826" s="19"/>
      <c r="S4826" s="19"/>
      <c r="T4826" s="19">
        <v>90</v>
      </c>
      <c r="U4826" s="19"/>
      <c r="V4826" s="19"/>
      <c r="W4826" s="19"/>
      <c r="X4826" s="19">
        <v>1</v>
      </c>
      <c r="Y4826" s="19"/>
      <c r="Z4826" s="19"/>
      <c r="AA4826" s="19"/>
    </row>
    <row r="4827" spans="1:27" s="1" customFormat="1" ht="14.1" customHeight="1" outlineLevel="2" x14ac:dyDescent="0.2">
      <c r="A4827" s="17"/>
      <c r="B4827" s="17"/>
      <c r="C4827" s="17"/>
      <c r="D4827" s="18"/>
      <c r="E4827" s="18"/>
      <c r="F4827" s="18"/>
      <c r="G4827" s="18"/>
      <c r="H4827" s="18"/>
      <c r="I4827" s="18"/>
      <c r="J4827" s="18"/>
      <c r="K4827" s="18"/>
      <c r="L4827" s="18"/>
      <c r="M4827" s="18"/>
      <c r="N4827" s="18"/>
      <c r="O4827" s="18"/>
      <c r="P4827" s="19"/>
      <c r="Q4827" s="19"/>
      <c r="R4827" s="19"/>
      <c r="S4827" s="19"/>
      <c r="T4827" s="19"/>
      <c r="U4827" s="19"/>
      <c r="V4827" s="19"/>
      <c r="W4827" s="19"/>
      <c r="X4827" s="19"/>
      <c r="Y4827" s="19"/>
      <c r="Z4827" s="19"/>
      <c r="AA4827" s="19"/>
    </row>
    <row r="4828" spans="1:27" s="1" customFormat="1" ht="11.1" customHeight="1" outlineLevel="1" x14ac:dyDescent="0.2">
      <c r="A4828" s="16" t="s">
        <v>1678</v>
      </c>
      <c r="B4828" s="16"/>
      <c r="C4828" s="16"/>
      <c r="D4828" s="16"/>
      <c r="E4828" s="16"/>
      <c r="F4828" s="16"/>
      <c r="G4828" s="16"/>
      <c r="H4828" s="16"/>
      <c r="I4828" s="16"/>
      <c r="J4828" s="16"/>
      <c r="K4828" s="16"/>
      <c r="L4828" s="16"/>
      <c r="M4828" s="16"/>
      <c r="N4828" s="16"/>
      <c r="O4828" s="16"/>
      <c r="P4828" s="16"/>
      <c r="Q4828" s="16"/>
      <c r="R4828" s="16"/>
      <c r="S4828" s="16"/>
      <c r="T4828" s="16"/>
      <c r="U4828" s="16"/>
      <c r="V4828" s="16"/>
      <c r="W4828" s="16"/>
      <c r="X4828" s="16"/>
      <c r="Y4828" s="16"/>
      <c r="Z4828" s="16"/>
      <c r="AA4828" s="16"/>
    </row>
    <row r="4829" spans="1:27" s="1" customFormat="1" ht="11.1" customHeight="1" outlineLevel="1" x14ac:dyDescent="0.2">
      <c r="A4829" s="16"/>
      <c r="B4829" s="16"/>
      <c r="C4829" s="16"/>
      <c r="D4829" s="16"/>
      <c r="E4829" s="16"/>
      <c r="F4829" s="16"/>
      <c r="G4829" s="16"/>
      <c r="H4829" s="16"/>
      <c r="I4829" s="16"/>
      <c r="J4829" s="16"/>
      <c r="K4829" s="16"/>
      <c r="L4829" s="16"/>
      <c r="M4829" s="16"/>
      <c r="N4829" s="16"/>
      <c r="O4829" s="16"/>
      <c r="P4829" s="16"/>
      <c r="Q4829" s="16"/>
      <c r="R4829" s="16"/>
      <c r="S4829" s="16"/>
      <c r="T4829" s="16"/>
      <c r="U4829" s="16"/>
      <c r="V4829" s="16"/>
      <c r="W4829" s="16"/>
      <c r="X4829" s="16"/>
      <c r="Y4829" s="16"/>
      <c r="Z4829" s="16"/>
      <c r="AA4829" s="16"/>
    </row>
    <row r="4830" spans="1:27" s="1" customFormat="1" ht="11.1" customHeight="1" outlineLevel="2" x14ac:dyDescent="0.2">
      <c r="A4830" s="17">
        <v>4721</v>
      </c>
      <c r="B4830" s="17"/>
      <c r="C4830" s="17"/>
      <c r="D4830" s="18" t="s">
        <v>2404</v>
      </c>
      <c r="E4830" s="18"/>
      <c r="F4830" s="18"/>
      <c r="G4830" s="18"/>
      <c r="H4830" s="18"/>
      <c r="I4830" s="18"/>
      <c r="J4830" s="18"/>
      <c r="K4830" s="18"/>
      <c r="L4830" s="18"/>
      <c r="M4830" s="18"/>
      <c r="N4830" s="18"/>
      <c r="O4830" s="18"/>
      <c r="P4830" s="19">
        <v>200</v>
      </c>
      <c r="Q4830" s="19"/>
      <c r="R4830" s="19"/>
      <c r="S4830" s="19"/>
      <c r="T4830" s="19">
        <v>175</v>
      </c>
      <c r="U4830" s="19"/>
      <c r="V4830" s="19"/>
      <c r="W4830" s="19"/>
      <c r="X4830" s="19">
        <v>1</v>
      </c>
      <c r="Y4830" s="19"/>
      <c r="Z4830" s="19"/>
      <c r="AA4830" s="19"/>
    </row>
    <row r="4831" spans="1:27" s="1" customFormat="1" ht="11.1" customHeight="1" outlineLevel="2" x14ac:dyDescent="0.2">
      <c r="A4831" s="17"/>
      <c r="B4831" s="17"/>
      <c r="C4831" s="17"/>
      <c r="D4831" s="18"/>
      <c r="E4831" s="18"/>
      <c r="F4831" s="18"/>
      <c r="G4831" s="18"/>
      <c r="H4831" s="18"/>
      <c r="I4831" s="18"/>
      <c r="J4831" s="18"/>
      <c r="K4831" s="18"/>
      <c r="L4831" s="18"/>
      <c r="M4831" s="18"/>
      <c r="N4831" s="18"/>
      <c r="O4831" s="18"/>
      <c r="P4831" s="19"/>
      <c r="Q4831" s="19"/>
      <c r="R4831" s="19"/>
      <c r="S4831" s="19"/>
      <c r="T4831" s="19"/>
      <c r="U4831" s="19"/>
      <c r="V4831" s="19"/>
      <c r="W4831" s="19"/>
      <c r="X4831" s="19"/>
      <c r="Y4831" s="19"/>
      <c r="Z4831" s="19"/>
      <c r="AA4831" s="19"/>
    </row>
    <row r="4832" spans="1:27" s="1" customFormat="1" ht="11.1" customHeight="1" outlineLevel="2" x14ac:dyDescent="0.2">
      <c r="A4832" s="17">
        <v>983</v>
      </c>
      <c r="B4832" s="17"/>
      <c r="C4832" s="17"/>
      <c r="D4832" s="18" t="s">
        <v>2405</v>
      </c>
      <c r="E4832" s="18"/>
      <c r="F4832" s="18"/>
      <c r="G4832" s="18"/>
      <c r="H4832" s="18"/>
      <c r="I4832" s="18"/>
      <c r="J4832" s="18"/>
      <c r="K4832" s="18"/>
      <c r="L4832" s="18"/>
      <c r="M4832" s="18"/>
      <c r="N4832" s="18"/>
      <c r="O4832" s="18"/>
      <c r="P4832" s="19">
        <v>100</v>
      </c>
      <c r="Q4832" s="19"/>
      <c r="R4832" s="19"/>
      <c r="S4832" s="19"/>
      <c r="T4832" s="19">
        <v>80</v>
      </c>
      <c r="U4832" s="19"/>
      <c r="V4832" s="19"/>
      <c r="W4832" s="19"/>
      <c r="X4832" s="19">
        <v>4</v>
      </c>
      <c r="Y4832" s="19"/>
      <c r="Z4832" s="19"/>
      <c r="AA4832" s="19"/>
    </row>
    <row r="4833" spans="1:27" s="1" customFormat="1" ht="11.1" customHeight="1" outlineLevel="2" x14ac:dyDescent="0.2">
      <c r="A4833" s="17"/>
      <c r="B4833" s="17"/>
      <c r="C4833" s="17"/>
      <c r="D4833" s="18"/>
      <c r="E4833" s="18"/>
      <c r="F4833" s="18"/>
      <c r="G4833" s="18"/>
      <c r="H4833" s="18"/>
      <c r="I4833" s="18"/>
      <c r="J4833" s="18"/>
      <c r="K4833" s="18"/>
      <c r="L4833" s="18"/>
      <c r="M4833" s="18"/>
      <c r="N4833" s="18"/>
      <c r="O4833" s="18"/>
      <c r="P4833" s="19"/>
      <c r="Q4833" s="19"/>
      <c r="R4833" s="19"/>
      <c r="S4833" s="19"/>
      <c r="T4833" s="19"/>
      <c r="U4833" s="19"/>
      <c r="V4833" s="19"/>
      <c r="W4833" s="19"/>
      <c r="X4833" s="19"/>
      <c r="Y4833" s="19"/>
      <c r="Z4833" s="19"/>
      <c r="AA4833" s="19"/>
    </row>
    <row r="4834" spans="1:27" s="1" customFormat="1" ht="11.1" customHeight="1" outlineLevel="2" x14ac:dyDescent="0.2">
      <c r="A4834" s="17">
        <v>978</v>
      </c>
      <c r="B4834" s="17"/>
      <c r="C4834" s="17"/>
      <c r="D4834" s="18" t="s">
        <v>2406</v>
      </c>
      <c r="E4834" s="18"/>
      <c r="F4834" s="18"/>
      <c r="G4834" s="18"/>
      <c r="H4834" s="18"/>
      <c r="I4834" s="18"/>
      <c r="J4834" s="18"/>
      <c r="K4834" s="18"/>
      <c r="L4834" s="18"/>
      <c r="M4834" s="18"/>
      <c r="N4834" s="18"/>
      <c r="O4834" s="18"/>
      <c r="P4834" s="19">
        <v>100</v>
      </c>
      <c r="Q4834" s="19"/>
      <c r="R4834" s="19"/>
      <c r="S4834" s="19"/>
      <c r="T4834" s="19">
        <v>80</v>
      </c>
      <c r="U4834" s="19"/>
      <c r="V4834" s="19"/>
      <c r="W4834" s="19"/>
      <c r="X4834" s="19">
        <v>1</v>
      </c>
      <c r="Y4834" s="19"/>
      <c r="Z4834" s="19"/>
      <c r="AA4834" s="19"/>
    </row>
    <row r="4835" spans="1:27" s="1" customFormat="1" ht="11.1" customHeight="1" outlineLevel="2" x14ac:dyDescent="0.2">
      <c r="A4835" s="17"/>
      <c r="B4835" s="17"/>
      <c r="C4835" s="17"/>
      <c r="D4835" s="18"/>
      <c r="E4835" s="18"/>
      <c r="F4835" s="18"/>
      <c r="G4835" s="18"/>
      <c r="H4835" s="18"/>
      <c r="I4835" s="18"/>
      <c r="J4835" s="18"/>
      <c r="K4835" s="18"/>
      <c r="L4835" s="18"/>
      <c r="M4835" s="18"/>
      <c r="N4835" s="18"/>
      <c r="O4835" s="18"/>
      <c r="P4835" s="19"/>
      <c r="Q4835" s="19"/>
      <c r="R4835" s="19"/>
      <c r="S4835" s="19"/>
      <c r="T4835" s="19"/>
      <c r="U4835" s="19"/>
      <c r="V4835" s="19"/>
      <c r="W4835" s="19"/>
      <c r="X4835" s="19"/>
      <c r="Y4835" s="19"/>
      <c r="Z4835" s="19"/>
      <c r="AA4835" s="19"/>
    </row>
    <row r="4836" spans="1:27" s="1" customFormat="1" ht="11.1" customHeight="1" outlineLevel="2" x14ac:dyDescent="0.2">
      <c r="A4836" s="17">
        <v>979</v>
      </c>
      <c r="B4836" s="17"/>
      <c r="C4836" s="17"/>
      <c r="D4836" s="18" t="s">
        <v>2407</v>
      </c>
      <c r="E4836" s="18"/>
      <c r="F4836" s="18"/>
      <c r="G4836" s="18"/>
      <c r="H4836" s="18"/>
      <c r="I4836" s="18"/>
      <c r="J4836" s="18"/>
      <c r="K4836" s="18"/>
      <c r="L4836" s="18"/>
      <c r="M4836" s="18"/>
      <c r="N4836" s="18"/>
      <c r="O4836" s="18"/>
      <c r="P4836" s="19">
        <v>100</v>
      </c>
      <c r="Q4836" s="19"/>
      <c r="R4836" s="19"/>
      <c r="S4836" s="19"/>
      <c r="T4836" s="19">
        <v>80</v>
      </c>
      <c r="U4836" s="19"/>
      <c r="V4836" s="19"/>
      <c r="W4836" s="19"/>
      <c r="X4836" s="19">
        <v>1</v>
      </c>
      <c r="Y4836" s="19"/>
      <c r="Z4836" s="19"/>
      <c r="AA4836" s="19"/>
    </row>
    <row r="4837" spans="1:27" s="1" customFormat="1" ht="11.1" customHeight="1" outlineLevel="2" x14ac:dyDescent="0.2">
      <c r="A4837" s="17"/>
      <c r="B4837" s="17"/>
      <c r="C4837" s="17"/>
      <c r="D4837" s="18"/>
      <c r="E4837" s="18"/>
      <c r="F4837" s="18"/>
      <c r="G4837" s="18"/>
      <c r="H4837" s="18"/>
      <c r="I4837" s="18"/>
      <c r="J4837" s="18"/>
      <c r="K4837" s="18"/>
      <c r="L4837" s="18"/>
      <c r="M4837" s="18"/>
      <c r="N4837" s="18"/>
      <c r="O4837" s="18"/>
      <c r="P4837" s="19"/>
      <c r="Q4837" s="19"/>
      <c r="R4837" s="19"/>
      <c r="S4837" s="19"/>
      <c r="T4837" s="19"/>
      <c r="U4837" s="19"/>
      <c r="V4837" s="19"/>
      <c r="W4837" s="19"/>
      <c r="X4837" s="19"/>
      <c r="Y4837" s="19"/>
      <c r="Z4837" s="19"/>
      <c r="AA4837" s="19"/>
    </row>
    <row r="4838" spans="1:27" s="1" customFormat="1" ht="11.1" customHeight="1" outlineLevel="2" x14ac:dyDescent="0.2">
      <c r="A4838" s="17">
        <v>990</v>
      </c>
      <c r="B4838" s="17"/>
      <c r="C4838" s="17"/>
      <c r="D4838" s="18" t="s">
        <v>2408</v>
      </c>
      <c r="E4838" s="18"/>
      <c r="F4838" s="18"/>
      <c r="G4838" s="18"/>
      <c r="H4838" s="18"/>
      <c r="I4838" s="18"/>
      <c r="J4838" s="18"/>
      <c r="K4838" s="18"/>
      <c r="L4838" s="18"/>
      <c r="M4838" s="18"/>
      <c r="N4838" s="18"/>
      <c r="O4838" s="18"/>
      <c r="P4838" s="19">
        <v>100</v>
      </c>
      <c r="Q4838" s="19"/>
      <c r="R4838" s="19"/>
      <c r="S4838" s="19"/>
      <c r="T4838" s="19">
        <v>80</v>
      </c>
      <c r="U4838" s="19"/>
      <c r="V4838" s="19"/>
      <c r="W4838" s="19"/>
      <c r="X4838" s="19">
        <v>1</v>
      </c>
      <c r="Y4838" s="19"/>
      <c r="Z4838" s="19"/>
      <c r="AA4838" s="19"/>
    </row>
    <row r="4839" spans="1:27" s="1" customFormat="1" ht="11.1" customHeight="1" outlineLevel="2" x14ac:dyDescent="0.2">
      <c r="A4839" s="17"/>
      <c r="B4839" s="17"/>
      <c r="C4839" s="17"/>
      <c r="D4839" s="18"/>
      <c r="E4839" s="18"/>
      <c r="F4839" s="18"/>
      <c r="G4839" s="18"/>
      <c r="H4839" s="18"/>
      <c r="I4839" s="18"/>
      <c r="J4839" s="18"/>
      <c r="K4839" s="18"/>
      <c r="L4839" s="18"/>
      <c r="M4839" s="18"/>
      <c r="N4839" s="18"/>
      <c r="O4839" s="18"/>
      <c r="P4839" s="19"/>
      <c r="Q4839" s="19"/>
      <c r="R4839" s="19"/>
      <c r="S4839" s="19"/>
      <c r="T4839" s="19"/>
      <c r="U4839" s="19"/>
      <c r="V4839" s="19"/>
      <c r="W4839" s="19"/>
      <c r="X4839" s="19"/>
      <c r="Y4839" s="19"/>
      <c r="Z4839" s="19"/>
      <c r="AA4839" s="19"/>
    </row>
    <row r="4840" spans="1:27" s="1" customFormat="1" ht="14.1" customHeight="1" outlineLevel="2" x14ac:dyDescent="0.2">
      <c r="A4840" s="17">
        <v>1520</v>
      </c>
      <c r="B4840" s="17"/>
      <c r="C4840" s="17"/>
      <c r="D4840" s="18" t="s">
        <v>2409</v>
      </c>
      <c r="E4840" s="18"/>
      <c r="F4840" s="18"/>
      <c r="G4840" s="18"/>
      <c r="H4840" s="18"/>
      <c r="I4840" s="18"/>
      <c r="J4840" s="18"/>
      <c r="K4840" s="18"/>
      <c r="L4840" s="18"/>
      <c r="M4840" s="18"/>
      <c r="N4840" s="18"/>
      <c r="O4840" s="18"/>
      <c r="P4840" s="19">
        <v>400</v>
      </c>
      <c r="Q4840" s="19"/>
      <c r="R4840" s="19"/>
      <c r="S4840" s="19"/>
      <c r="T4840" s="19">
        <v>350</v>
      </c>
      <c r="U4840" s="19"/>
      <c r="V4840" s="19"/>
      <c r="W4840" s="19"/>
      <c r="X4840" s="19">
        <v>1</v>
      </c>
      <c r="Y4840" s="19"/>
      <c r="Z4840" s="19"/>
      <c r="AA4840" s="19"/>
    </row>
    <row r="4841" spans="1:27" s="1" customFormat="1" ht="14.1" customHeight="1" outlineLevel="2" x14ac:dyDescent="0.2">
      <c r="A4841" s="17"/>
      <c r="B4841" s="17"/>
      <c r="C4841" s="17"/>
      <c r="D4841" s="18"/>
      <c r="E4841" s="18"/>
      <c r="F4841" s="18"/>
      <c r="G4841" s="18"/>
      <c r="H4841" s="18"/>
      <c r="I4841" s="18"/>
      <c r="J4841" s="18"/>
      <c r="K4841" s="18"/>
      <c r="L4841" s="18"/>
      <c r="M4841" s="18"/>
      <c r="N4841" s="18"/>
      <c r="O4841" s="18"/>
      <c r="P4841" s="19"/>
      <c r="Q4841" s="19"/>
      <c r="R4841" s="19"/>
      <c r="S4841" s="19"/>
      <c r="T4841" s="19"/>
      <c r="U4841" s="19"/>
      <c r="V4841" s="19"/>
      <c r="W4841" s="19"/>
      <c r="X4841" s="19"/>
      <c r="Y4841" s="19"/>
      <c r="Z4841" s="19"/>
      <c r="AA4841" s="19"/>
    </row>
    <row r="4842" spans="1:27" s="1" customFormat="1" ht="14.1" customHeight="1" outlineLevel="2" x14ac:dyDescent="0.2">
      <c r="A4842" s="17">
        <v>1517</v>
      </c>
      <c r="B4842" s="17"/>
      <c r="C4842" s="17"/>
      <c r="D4842" s="18" t="s">
        <v>2410</v>
      </c>
      <c r="E4842" s="18"/>
      <c r="F4842" s="18"/>
      <c r="G4842" s="18"/>
      <c r="H4842" s="18"/>
      <c r="I4842" s="18"/>
      <c r="J4842" s="18"/>
      <c r="K4842" s="18"/>
      <c r="L4842" s="18"/>
      <c r="M4842" s="18"/>
      <c r="N4842" s="18"/>
      <c r="O4842" s="18"/>
      <c r="P4842" s="19">
        <v>130</v>
      </c>
      <c r="Q4842" s="19"/>
      <c r="R4842" s="19"/>
      <c r="S4842" s="19"/>
      <c r="T4842" s="19">
        <v>100</v>
      </c>
      <c r="U4842" s="19"/>
      <c r="V4842" s="19"/>
      <c r="W4842" s="19"/>
      <c r="X4842" s="19">
        <v>1</v>
      </c>
      <c r="Y4842" s="19"/>
      <c r="Z4842" s="19"/>
      <c r="AA4842" s="19"/>
    </row>
    <row r="4843" spans="1:27" s="1" customFormat="1" ht="14.1" customHeight="1" outlineLevel="2" x14ac:dyDescent="0.2">
      <c r="A4843" s="17"/>
      <c r="B4843" s="17"/>
      <c r="C4843" s="17"/>
      <c r="D4843" s="18"/>
      <c r="E4843" s="18"/>
      <c r="F4843" s="18"/>
      <c r="G4843" s="18"/>
      <c r="H4843" s="18"/>
      <c r="I4843" s="18"/>
      <c r="J4843" s="18"/>
      <c r="K4843" s="18"/>
      <c r="L4843" s="18"/>
      <c r="M4843" s="18"/>
      <c r="N4843" s="18"/>
      <c r="O4843" s="18"/>
      <c r="P4843" s="19"/>
      <c r="Q4843" s="19"/>
      <c r="R4843" s="19"/>
      <c r="S4843" s="19"/>
      <c r="T4843" s="19"/>
      <c r="U4843" s="19"/>
      <c r="V4843" s="19"/>
      <c r="W4843" s="19"/>
      <c r="X4843" s="19"/>
      <c r="Y4843" s="19"/>
      <c r="Z4843" s="19"/>
      <c r="AA4843" s="19"/>
    </row>
    <row r="4844" spans="1:27" s="1" customFormat="1" ht="11.1" customHeight="1" outlineLevel="2" x14ac:dyDescent="0.2">
      <c r="A4844" s="17">
        <v>7620</v>
      </c>
      <c r="B4844" s="17"/>
      <c r="C4844" s="17"/>
      <c r="D4844" s="18" t="s">
        <v>2411</v>
      </c>
      <c r="E4844" s="18"/>
      <c r="F4844" s="18"/>
      <c r="G4844" s="18"/>
      <c r="H4844" s="18"/>
      <c r="I4844" s="18"/>
      <c r="J4844" s="18"/>
      <c r="K4844" s="18"/>
      <c r="L4844" s="18"/>
      <c r="M4844" s="18"/>
      <c r="N4844" s="18"/>
      <c r="O4844" s="18"/>
      <c r="P4844" s="19">
        <v>100</v>
      </c>
      <c r="Q4844" s="19"/>
      <c r="R4844" s="19"/>
      <c r="S4844" s="19"/>
      <c r="T4844" s="19">
        <v>100</v>
      </c>
      <c r="U4844" s="19"/>
      <c r="V4844" s="19"/>
      <c r="W4844" s="19"/>
      <c r="X4844" s="19">
        <v>1</v>
      </c>
      <c r="Y4844" s="19"/>
      <c r="Z4844" s="19"/>
      <c r="AA4844" s="19"/>
    </row>
    <row r="4845" spans="1:27" s="1" customFormat="1" ht="11.1" customHeight="1" outlineLevel="2" x14ac:dyDescent="0.2">
      <c r="A4845" s="17"/>
      <c r="B4845" s="17"/>
      <c r="C4845" s="17"/>
      <c r="D4845" s="18"/>
      <c r="E4845" s="18"/>
      <c r="F4845" s="18"/>
      <c r="G4845" s="18"/>
      <c r="H4845" s="18"/>
      <c r="I4845" s="18"/>
      <c r="J4845" s="18"/>
      <c r="K4845" s="18"/>
      <c r="L4845" s="18"/>
      <c r="M4845" s="18"/>
      <c r="N4845" s="18"/>
      <c r="O4845" s="18"/>
      <c r="P4845" s="19"/>
      <c r="Q4845" s="19"/>
      <c r="R4845" s="19"/>
      <c r="S4845" s="19"/>
      <c r="T4845" s="19"/>
      <c r="U4845" s="19"/>
      <c r="V4845" s="19"/>
      <c r="W4845" s="19"/>
      <c r="X4845" s="19"/>
      <c r="Y4845" s="19"/>
      <c r="Z4845" s="19"/>
      <c r="AA4845" s="19"/>
    </row>
    <row r="4846" spans="1:27" s="1" customFormat="1" ht="11.1" customHeight="1" outlineLevel="2" x14ac:dyDescent="0.2">
      <c r="A4846" s="17">
        <v>896</v>
      </c>
      <c r="B4846" s="17"/>
      <c r="C4846" s="17"/>
      <c r="D4846" s="18" t="s">
        <v>2412</v>
      </c>
      <c r="E4846" s="18"/>
      <c r="F4846" s="18"/>
      <c r="G4846" s="18"/>
      <c r="H4846" s="18"/>
      <c r="I4846" s="18"/>
      <c r="J4846" s="18"/>
      <c r="K4846" s="18"/>
      <c r="L4846" s="18"/>
      <c r="M4846" s="18"/>
      <c r="N4846" s="18"/>
      <c r="O4846" s="18"/>
      <c r="P4846" s="19">
        <v>300</v>
      </c>
      <c r="Q4846" s="19"/>
      <c r="R4846" s="19"/>
      <c r="S4846" s="19"/>
      <c r="T4846" s="19">
        <v>250</v>
      </c>
      <c r="U4846" s="19"/>
      <c r="V4846" s="19"/>
      <c r="W4846" s="19"/>
      <c r="X4846" s="19">
        <v>1</v>
      </c>
      <c r="Y4846" s="19"/>
      <c r="Z4846" s="19"/>
      <c r="AA4846" s="19"/>
    </row>
    <row r="4847" spans="1:27" s="1" customFormat="1" ht="11.1" customHeight="1" outlineLevel="2" x14ac:dyDescent="0.2">
      <c r="A4847" s="17"/>
      <c r="B4847" s="17"/>
      <c r="C4847" s="17"/>
      <c r="D4847" s="18"/>
      <c r="E4847" s="18"/>
      <c r="F4847" s="18"/>
      <c r="G4847" s="18"/>
      <c r="H4847" s="18"/>
      <c r="I4847" s="18"/>
      <c r="J4847" s="18"/>
      <c r="K4847" s="18"/>
      <c r="L4847" s="18"/>
      <c r="M4847" s="18"/>
      <c r="N4847" s="18"/>
      <c r="O4847" s="18"/>
      <c r="P4847" s="19"/>
      <c r="Q4847" s="19"/>
      <c r="R4847" s="19"/>
      <c r="S4847" s="19"/>
      <c r="T4847" s="19"/>
      <c r="U4847" s="19"/>
      <c r="V4847" s="19"/>
      <c r="W4847" s="19"/>
      <c r="X4847" s="19"/>
      <c r="Y4847" s="19"/>
      <c r="Z4847" s="19"/>
      <c r="AA4847" s="19"/>
    </row>
    <row r="4848" spans="1:27" s="1" customFormat="1" ht="11.1" customHeight="1" outlineLevel="2" x14ac:dyDescent="0.2">
      <c r="A4848" s="17">
        <v>907</v>
      </c>
      <c r="B4848" s="17"/>
      <c r="C4848" s="17"/>
      <c r="D4848" s="18" t="s">
        <v>2413</v>
      </c>
      <c r="E4848" s="18"/>
      <c r="F4848" s="18"/>
      <c r="G4848" s="18"/>
      <c r="H4848" s="18"/>
      <c r="I4848" s="18"/>
      <c r="J4848" s="18"/>
      <c r="K4848" s="18"/>
      <c r="L4848" s="18"/>
      <c r="M4848" s="18"/>
      <c r="N4848" s="18"/>
      <c r="O4848" s="18"/>
      <c r="P4848" s="19">
        <v>290</v>
      </c>
      <c r="Q4848" s="19"/>
      <c r="R4848" s="19"/>
      <c r="S4848" s="19"/>
      <c r="T4848" s="19">
        <v>240</v>
      </c>
      <c r="U4848" s="19"/>
      <c r="V4848" s="19"/>
      <c r="W4848" s="19"/>
      <c r="X4848" s="19">
        <v>1</v>
      </c>
      <c r="Y4848" s="19"/>
      <c r="Z4848" s="19"/>
      <c r="AA4848" s="19"/>
    </row>
    <row r="4849" spans="1:27" s="1" customFormat="1" ht="11.1" customHeight="1" outlineLevel="2" x14ac:dyDescent="0.2">
      <c r="A4849" s="17"/>
      <c r="B4849" s="17"/>
      <c r="C4849" s="17"/>
      <c r="D4849" s="18"/>
      <c r="E4849" s="18"/>
      <c r="F4849" s="18"/>
      <c r="G4849" s="18"/>
      <c r="H4849" s="18"/>
      <c r="I4849" s="18"/>
      <c r="J4849" s="18"/>
      <c r="K4849" s="18"/>
      <c r="L4849" s="18"/>
      <c r="M4849" s="18"/>
      <c r="N4849" s="18"/>
      <c r="O4849" s="18"/>
      <c r="P4849" s="19"/>
      <c r="Q4849" s="19"/>
      <c r="R4849" s="19"/>
      <c r="S4849" s="19"/>
      <c r="T4849" s="19"/>
      <c r="U4849" s="19"/>
      <c r="V4849" s="19"/>
      <c r="W4849" s="19"/>
      <c r="X4849" s="19"/>
      <c r="Y4849" s="19"/>
      <c r="Z4849" s="19"/>
      <c r="AA4849" s="19"/>
    </row>
    <row r="4850" spans="1:27" s="1" customFormat="1" ht="11.1" customHeight="1" outlineLevel="2" x14ac:dyDescent="0.2">
      <c r="A4850" s="17">
        <v>908</v>
      </c>
      <c r="B4850" s="17"/>
      <c r="C4850" s="17"/>
      <c r="D4850" s="18" t="s">
        <v>2414</v>
      </c>
      <c r="E4850" s="18"/>
      <c r="F4850" s="18"/>
      <c r="G4850" s="18"/>
      <c r="H4850" s="18"/>
      <c r="I4850" s="18"/>
      <c r="J4850" s="18"/>
      <c r="K4850" s="18"/>
      <c r="L4850" s="18"/>
      <c r="M4850" s="18"/>
      <c r="N4850" s="18"/>
      <c r="O4850" s="18"/>
      <c r="P4850" s="19">
        <v>250</v>
      </c>
      <c r="Q4850" s="19"/>
      <c r="R4850" s="19"/>
      <c r="S4850" s="19"/>
      <c r="T4850" s="19">
        <v>200</v>
      </c>
      <c r="U4850" s="19"/>
      <c r="V4850" s="19"/>
      <c r="W4850" s="19"/>
      <c r="X4850" s="19">
        <v>1</v>
      </c>
      <c r="Y4850" s="19"/>
      <c r="Z4850" s="19"/>
      <c r="AA4850" s="19"/>
    </row>
    <row r="4851" spans="1:27" s="1" customFormat="1" ht="11.1" customHeight="1" outlineLevel="2" x14ac:dyDescent="0.2">
      <c r="A4851" s="17"/>
      <c r="B4851" s="17"/>
      <c r="C4851" s="17"/>
      <c r="D4851" s="18"/>
      <c r="E4851" s="18"/>
      <c r="F4851" s="18"/>
      <c r="G4851" s="18"/>
      <c r="H4851" s="18"/>
      <c r="I4851" s="18"/>
      <c r="J4851" s="18"/>
      <c r="K4851" s="18"/>
      <c r="L4851" s="18"/>
      <c r="M4851" s="18"/>
      <c r="N4851" s="18"/>
      <c r="O4851" s="18"/>
      <c r="P4851" s="19"/>
      <c r="Q4851" s="19"/>
      <c r="R4851" s="19"/>
      <c r="S4851" s="19"/>
      <c r="T4851" s="19"/>
      <c r="U4851" s="19"/>
      <c r="V4851" s="19"/>
      <c r="W4851" s="19"/>
      <c r="X4851" s="19"/>
      <c r="Y4851" s="19"/>
      <c r="Z4851" s="19"/>
      <c r="AA4851" s="19"/>
    </row>
    <row r="4852" spans="1:27" s="1" customFormat="1" ht="11.1" customHeight="1" outlineLevel="2" x14ac:dyDescent="0.2">
      <c r="A4852" s="17">
        <v>923</v>
      </c>
      <c r="B4852" s="17"/>
      <c r="C4852" s="17"/>
      <c r="D4852" s="18" t="s">
        <v>2415</v>
      </c>
      <c r="E4852" s="18"/>
      <c r="F4852" s="18"/>
      <c r="G4852" s="18"/>
      <c r="H4852" s="18"/>
      <c r="I4852" s="18"/>
      <c r="J4852" s="18"/>
      <c r="K4852" s="18"/>
      <c r="L4852" s="18"/>
      <c r="M4852" s="18"/>
      <c r="N4852" s="18"/>
      <c r="O4852" s="18"/>
      <c r="P4852" s="19">
        <v>450</v>
      </c>
      <c r="Q4852" s="19"/>
      <c r="R4852" s="19"/>
      <c r="S4852" s="19"/>
      <c r="T4852" s="19">
        <v>390</v>
      </c>
      <c r="U4852" s="19"/>
      <c r="V4852" s="19"/>
      <c r="W4852" s="19"/>
      <c r="X4852" s="19">
        <v>1</v>
      </c>
      <c r="Y4852" s="19"/>
      <c r="Z4852" s="19"/>
      <c r="AA4852" s="19"/>
    </row>
    <row r="4853" spans="1:27" s="1" customFormat="1" ht="11.1" customHeight="1" outlineLevel="2" x14ac:dyDescent="0.2">
      <c r="A4853" s="17"/>
      <c r="B4853" s="17"/>
      <c r="C4853" s="17"/>
      <c r="D4853" s="18"/>
      <c r="E4853" s="18"/>
      <c r="F4853" s="18"/>
      <c r="G4853" s="18"/>
      <c r="H4853" s="18"/>
      <c r="I4853" s="18"/>
      <c r="J4853" s="18"/>
      <c r="K4853" s="18"/>
      <c r="L4853" s="18"/>
      <c r="M4853" s="18"/>
      <c r="N4853" s="18"/>
      <c r="O4853" s="18"/>
      <c r="P4853" s="19"/>
      <c r="Q4853" s="19"/>
      <c r="R4853" s="19"/>
      <c r="S4853" s="19"/>
      <c r="T4853" s="19"/>
      <c r="U4853" s="19"/>
      <c r="V4853" s="19"/>
      <c r="W4853" s="19"/>
      <c r="X4853" s="19"/>
      <c r="Y4853" s="19"/>
      <c r="Z4853" s="19"/>
      <c r="AA4853" s="19"/>
    </row>
    <row r="4854" spans="1:27" s="1" customFormat="1" ht="11.1" customHeight="1" outlineLevel="2" x14ac:dyDescent="0.2">
      <c r="A4854" s="17">
        <v>899</v>
      </c>
      <c r="B4854" s="17"/>
      <c r="C4854" s="17"/>
      <c r="D4854" s="18" t="s">
        <v>2416</v>
      </c>
      <c r="E4854" s="18"/>
      <c r="F4854" s="18"/>
      <c r="G4854" s="18"/>
      <c r="H4854" s="18"/>
      <c r="I4854" s="18"/>
      <c r="J4854" s="18"/>
      <c r="K4854" s="18"/>
      <c r="L4854" s="18"/>
      <c r="M4854" s="18"/>
      <c r="N4854" s="18"/>
      <c r="O4854" s="18"/>
      <c r="P4854" s="19">
        <v>250</v>
      </c>
      <c r="Q4854" s="19"/>
      <c r="R4854" s="19"/>
      <c r="S4854" s="19"/>
      <c r="T4854" s="19">
        <v>200</v>
      </c>
      <c r="U4854" s="19"/>
      <c r="V4854" s="19"/>
      <c r="W4854" s="19"/>
      <c r="X4854" s="19">
        <v>1</v>
      </c>
      <c r="Y4854" s="19"/>
      <c r="Z4854" s="19"/>
      <c r="AA4854" s="19"/>
    </row>
    <row r="4855" spans="1:27" s="1" customFormat="1" ht="11.1" customHeight="1" outlineLevel="2" x14ac:dyDescent="0.2">
      <c r="A4855" s="17"/>
      <c r="B4855" s="17"/>
      <c r="C4855" s="17"/>
      <c r="D4855" s="18"/>
      <c r="E4855" s="18"/>
      <c r="F4855" s="18"/>
      <c r="G4855" s="18"/>
      <c r="H4855" s="18"/>
      <c r="I4855" s="18"/>
      <c r="J4855" s="18"/>
      <c r="K4855" s="18"/>
      <c r="L4855" s="18"/>
      <c r="M4855" s="18"/>
      <c r="N4855" s="18"/>
      <c r="O4855" s="18"/>
      <c r="P4855" s="19"/>
      <c r="Q4855" s="19"/>
      <c r="R4855" s="19"/>
      <c r="S4855" s="19"/>
      <c r="T4855" s="19"/>
      <c r="U4855" s="19"/>
      <c r="V4855" s="19"/>
      <c r="W4855" s="19"/>
      <c r="X4855" s="19"/>
      <c r="Y4855" s="19"/>
      <c r="Z4855" s="19"/>
      <c r="AA4855" s="19"/>
    </row>
    <row r="4856" spans="1:27" s="1" customFormat="1" ht="11.1" customHeight="1" outlineLevel="2" x14ac:dyDescent="0.2">
      <c r="A4856" s="17">
        <v>921</v>
      </c>
      <c r="B4856" s="17"/>
      <c r="C4856" s="17"/>
      <c r="D4856" s="18" t="s">
        <v>2417</v>
      </c>
      <c r="E4856" s="18"/>
      <c r="F4856" s="18"/>
      <c r="G4856" s="18"/>
      <c r="H4856" s="18"/>
      <c r="I4856" s="18"/>
      <c r="J4856" s="18"/>
      <c r="K4856" s="18"/>
      <c r="L4856" s="18"/>
      <c r="M4856" s="18"/>
      <c r="N4856" s="18"/>
      <c r="O4856" s="18"/>
      <c r="P4856" s="19">
        <v>300</v>
      </c>
      <c r="Q4856" s="19"/>
      <c r="R4856" s="19"/>
      <c r="S4856" s="19"/>
      <c r="T4856" s="19">
        <v>250</v>
      </c>
      <c r="U4856" s="19"/>
      <c r="V4856" s="19"/>
      <c r="W4856" s="19"/>
      <c r="X4856" s="19">
        <v>1</v>
      </c>
      <c r="Y4856" s="19"/>
      <c r="Z4856" s="19"/>
      <c r="AA4856" s="19"/>
    </row>
    <row r="4857" spans="1:27" s="1" customFormat="1" ht="11.1" customHeight="1" outlineLevel="2" x14ac:dyDescent="0.2">
      <c r="A4857" s="17"/>
      <c r="B4857" s="17"/>
      <c r="C4857" s="17"/>
      <c r="D4857" s="18"/>
      <c r="E4857" s="18"/>
      <c r="F4857" s="18"/>
      <c r="G4857" s="18"/>
      <c r="H4857" s="18"/>
      <c r="I4857" s="18"/>
      <c r="J4857" s="18"/>
      <c r="K4857" s="18"/>
      <c r="L4857" s="18"/>
      <c r="M4857" s="18"/>
      <c r="N4857" s="18"/>
      <c r="O4857" s="18"/>
      <c r="P4857" s="19"/>
      <c r="Q4857" s="19"/>
      <c r="R4857" s="19"/>
      <c r="S4857" s="19"/>
      <c r="T4857" s="19"/>
      <c r="U4857" s="19"/>
      <c r="V4857" s="19"/>
      <c r="W4857" s="19"/>
      <c r="X4857" s="19"/>
      <c r="Y4857" s="19"/>
      <c r="Z4857" s="19"/>
      <c r="AA4857" s="19"/>
    </row>
    <row r="4858" spans="1:27" s="1" customFormat="1" ht="11.1" customHeight="1" outlineLevel="2" x14ac:dyDescent="0.2">
      <c r="A4858" s="17">
        <v>900</v>
      </c>
      <c r="B4858" s="17"/>
      <c r="C4858" s="17"/>
      <c r="D4858" s="18" t="s">
        <v>2418</v>
      </c>
      <c r="E4858" s="18"/>
      <c r="F4858" s="18"/>
      <c r="G4858" s="18"/>
      <c r="H4858" s="18"/>
      <c r="I4858" s="18"/>
      <c r="J4858" s="18"/>
      <c r="K4858" s="18"/>
      <c r="L4858" s="18"/>
      <c r="M4858" s="18"/>
      <c r="N4858" s="18"/>
      <c r="O4858" s="18"/>
      <c r="P4858" s="19">
        <v>250</v>
      </c>
      <c r="Q4858" s="19"/>
      <c r="R4858" s="19"/>
      <c r="S4858" s="19"/>
      <c r="T4858" s="19">
        <v>200</v>
      </c>
      <c r="U4858" s="19"/>
      <c r="V4858" s="19"/>
      <c r="W4858" s="19"/>
      <c r="X4858" s="19">
        <v>1</v>
      </c>
      <c r="Y4858" s="19"/>
      <c r="Z4858" s="19"/>
      <c r="AA4858" s="19"/>
    </row>
    <row r="4859" spans="1:27" s="1" customFormat="1" ht="11.1" customHeight="1" outlineLevel="2" x14ac:dyDescent="0.2">
      <c r="A4859" s="17"/>
      <c r="B4859" s="17"/>
      <c r="C4859" s="17"/>
      <c r="D4859" s="18"/>
      <c r="E4859" s="18"/>
      <c r="F4859" s="18"/>
      <c r="G4859" s="18"/>
      <c r="H4859" s="18"/>
      <c r="I4859" s="18"/>
      <c r="J4859" s="18"/>
      <c r="K4859" s="18"/>
      <c r="L4859" s="18"/>
      <c r="M4859" s="18"/>
      <c r="N4859" s="18"/>
      <c r="O4859" s="18"/>
      <c r="P4859" s="19"/>
      <c r="Q4859" s="19"/>
      <c r="R4859" s="19"/>
      <c r="S4859" s="19"/>
      <c r="T4859" s="19"/>
      <c r="U4859" s="19"/>
      <c r="V4859" s="19"/>
      <c r="W4859" s="19"/>
      <c r="X4859" s="19"/>
      <c r="Y4859" s="19"/>
      <c r="Z4859" s="19"/>
      <c r="AA4859" s="19"/>
    </row>
    <row r="4860" spans="1:27" s="1" customFormat="1" ht="11.1" customHeight="1" outlineLevel="2" x14ac:dyDescent="0.2">
      <c r="A4860" s="17">
        <v>901</v>
      </c>
      <c r="B4860" s="17"/>
      <c r="C4860" s="17"/>
      <c r="D4860" s="18" t="s">
        <v>2419</v>
      </c>
      <c r="E4860" s="18"/>
      <c r="F4860" s="18"/>
      <c r="G4860" s="18"/>
      <c r="H4860" s="18"/>
      <c r="I4860" s="18"/>
      <c r="J4860" s="18"/>
      <c r="K4860" s="18"/>
      <c r="L4860" s="18"/>
      <c r="M4860" s="18"/>
      <c r="N4860" s="18"/>
      <c r="O4860" s="18"/>
      <c r="P4860" s="19">
        <v>250</v>
      </c>
      <c r="Q4860" s="19"/>
      <c r="R4860" s="19"/>
      <c r="S4860" s="19"/>
      <c r="T4860" s="19">
        <v>200</v>
      </c>
      <c r="U4860" s="19"/>
      <c r="V4860" s="19"/>
      <c r="W4860" s="19"/>
      <c r="X4860" s="19">
        <v>1</v>
      </c>
      <c r="Y4860" s="19"/>
      <c r="Z4860" s="19"/>
      <c r="AA4860" s="19"/>
    </row>
    <row r="4861" spans="1:27" s="1" customFormat="1" ht="11.1" customHeight="1" outlineLevel="2" x14ac:dyDescent="0.2">
      <c r="A4861" s="17"/>
      <c r="B4861" s="17"/>
      <c r="C4861" s="17"/>
      <c r="D4861" s="18"/>
      <c r="E4861" s="18"/>
      <c r="F4861" s="18"/>
      <c r="G4861" s="18"/>
      <c r="H4861" s="18"/>
      <c r="I4861" s="18"/>
      <c r="J4861" s="18"/>
      <c r="K4861" s="18"/>
      <c r="L4861" s="18"/>
      <c r="M4861" s="18"/>
      <c r="N4861" s="18"/>
      <c r="O4861" s="18"/>
      <c r="P4861" s="19"/>
      <c r="Q4861" s="19"/>
      <c r="R4861" s="19"/>
      <c r="S4861" s="19"/>
      <c r="T4861" s="19"/>
      <c r="U4861" s="19"/>
      <c r="V4861" s="19"/>
      <c r="W4861" s="19"/>
      <c r="X4861" s="19"/>
      <c r="Y4861" s="19"/>
      <c r="Z4861" s="19"/>
      <c r="AA4861" s="19"/>
    </row>
    <row r="4862" spans="1:27" s="1" customFormat="1" ht="14.1" customHeight="1" outlineLevel="2" x14ac:dyDescent="0.2">
      <c r="A4862" s="17">
        <v>925</v>
      </c>
      <c r="B4862" s="17"/>
      <c r="C4862" s="17"/>
      <c r="D4862" s="18" t="s">
        <v>2420</v>
      </c>
      <c r="E4862" s="18"/>
      <c r="F4862" s="18"/>
      <c r="G4862" s="18"/>
      <c r="H4862" s="18"/>
      <c r="I4862" s="18"/>
      <c r="J4862" s="18"/>
      <c r="K4862" s="18"/>
      <c r="L4862" s="18"/>
      <c r="M4862" s="18"/>
      <c r="N4862" s="18"/>
      <c r="O4862" s="18"/>
      <c r="P4862" s="19">
        <v>800</v>
      </c>
      <c r="Q4862" s="19"/>
      <c r="R4862" s="19"/>
      <c r="S4862" s="19"/>
      <c r="T4862" s="19">
        <v>700</v>
      </c>
      <c r="U4862" s="19"/>
      <c r="V4862" s="19"/>
      <c r="W4862" s="19"/>
      <c r="X4862" s="19">
        <v>1</v>
      </c>
      <c r="Y4862" s="19"/>
      <c r="Z4862" s="19"/>
      <c r="AA4862" s="19"/>
    </row>
    <row r="4863" spans="1:27" s="1" customFormat="1" ht="14.1" customHeight="1" outlineLevel="2" x14ac:dyDescent="0.2">
      <c r="A4863" s="17"/>
      <c r="B4863" s="17"/>
      <c r="C4863" s="17"/>
      <c r="D4863" s="18"/>
      <c r="E4863" s="18"/>
      <c r="F4863" s="18"/>
      <c r="G4863" s="18"/>
      <c r="H4863" s="18"/>
      <c r="I4863" s="18"/>
      <c r="J4863" s="18"/>
      <c r="K4863" s="18"/>
      <c r="L4863" s="18"/>
      <c r="M4863" s="18"/>
      <c r="N4863" s="18"/>
      <c r="O4863" s="18"/>
      <c r="P4863" s="19"/>
      <c r="Q4863" s="19"/>
      <c r="R4863" s="19"/>
      <c r="S4863" s="19"/>
      <c r="T4863" s="19"/>
      <c r="U4863" s="19"/>
      <c r="V4863" s="19"/>
      <c r="W4863" s="19"/>
      <c r="X4863" s="19"/>
      <c r="Y4863" s="19"/>
      <c r="Z4863" s="19"/>
      <c r="AA4863" s="19"/>
    </row>
    <row r="4864" spans="1:27" s="1" customFormat="1" ht="11.1" customHeight="1" outlineLevel="2" x14ac:dyDescent="0.2">
      <c r="A4864" s="17">
        <v>909</v>
      </c>
      <c r="B4864" s="17"/>
      <c r="C4864" s="17"/>
      <c r="D4864" s="18" t="s">
        <v>2421</v>
      </c>
      <c r="E4864" s="18"/>
      <c r="F4864" s="18"/>
      <c r="G4864" s="18"/>
      <c r="H4864" s="18"/>
      <c r="I4864" s="18"/>
      <c r="J4864" s="18"/>
      <c r="K4864" s="18"/>
      <c r="L4864" s="18"/>
      <c r="M4864" s="18"/>
      <c r="N4864" s="18"/>
      <c r="O4864" s="18"/>
      <c r="P4864" s="19">
        <v>200</v>
      </c>
      <c r="Q4864" s="19"/>
      <c r="R4864" s="19"/>
      <c r="S4864" s="19"/>
      <c r="T4864" s="19">
        <v>160</v>
      </c>
      <c r="U4864" s="19"/>
      <c r="V4864" s="19"/>
      <c r="W4864" s="19"/>
      <c r="X4864" s="19">
        <v>1</v>
      </c>
      <c r="Y4864" s="19"/>
      <c r="Z4864" s="19"/>
      <c r="AA4864" s="19"/>
    </row>
    <row r="4865" spans="1:27" s="1" customFormat="1" ht="11.1" customHeight="1" outlineLevel="2" x14ac:dyDescent="0.2">
      <c r="A4865" s="17"/>
      <c r="B4865" s="17"/>
      <c r="C4865" s="17"/>
      <c r="D4865" s="18"/>
      <c r="E4865" s="18"/>
      <c r="F4865" s="18"/>
      <c r="G4865" s="18"/>
      <c r="H4865" s="18"/>
      <c r="I4865" s="18"/>
      <c r="J4865" s="18"/>
      <c r="K4865" s="18"/>
      <c r="L4865" s="18"/>
      <c r="M4865" s="18"/>
      <c r="N4865" s="18"/>
      <c r="O4865" s="18"/>
      <c r="P4865" s="19"/>
      <c r="Q4865" s="19"/>
      <c r="R4865" s="19"/>
      <c r="S4865" s="19"/>
      <c r="T4865" s="19"/>
      <c r="U4865" s="19"/>
      <c r="V4865" s="19"/>
      <c r="W4865" s="19"/>
      <c r="X4865" s="19"/>
      <c r="Y4865" s="19"/>
      <c r="Z4865" s="19"/>
      <c r="AA4865" s="19"/>
    </row>
    <row r="4866" spans="1:27" s="1" customFormat="1" ht="11.1" customHeight="1" outlineLevel="2" x14ac:dyDescent="0.2">
      <c r="A4866" s="17">
        <v>949</v>
      </c>
      <c r="B4866" s="17"/>
      <c r="C4866" s="17"/>
      <c r="D4866" s="18" t="s">
        <v>2422</v>
      </c>
      <c r="E4866" s="18"/>
      <c r="F4866" s="18"/>
      <c r="G4866" s="18"/>
      <c r="H4866" s="18"/>
      <c r="I4866" s="18"/>
      <c r="J4866" s="18"/>
      <c r="K4866" s="18"/>
      <c r="L4866" s="18"/>
      <c r="M4866" s="18"/>
      <c r="N4866" s="18"/>
      <c r="O4866" s="18"/>
      <c r="P4866" s="19">
        <v>100</v>
      </c>
      <c r="Q4866" s="19"/>
      <c r="R4866" s="19"/>
      <c r="S4866" s="19"/>
      <c r="T4866" s="19">
        <v>80</v>
      </c>
      <c r="U4866" s="19"/>
      <c r="V4866" s="19"/>
      <c r="W4866" s="19"/>
      <c r="X4866" s="19">
        <v>1</v>
      </c>
      <c r="Y4866" s="19"/>
      <c r="Z4866" s="19"/>
      <c r="AA4866" s="19"/>
    </row>
    <row r="4867" spans="1:27" s="1" customFormat="1" ht="11.1" customHeight="1" outlineLevel="2" x14ac:dyDescent="0.2">
      <c r="A4867" s="17"/>
      <c r="B4867" s="17"/>
      <c r="C4867" s="17"/>
      <c r="D4867" s="18"/>
      <c r="E4867" s="18"/>
      <c r="F4867" s="18"/>
      <c r="G4867" s="18"/>
      <c r="H4867" s="18"/>
      <c r="I4867" s="18"/>
      <c r="J4867" s="18"/>
      <c r="K4867" s="18"/>
      <c r="L4867" s="18"/>
      <c r="M4867" s="18"/>
      <c r="N4867" s="18"/>
      <c r="O4867" s="18"/>
      <c r="P4867" s="19"/>
      <c r="Q4867" s="19"/>
      <c r="R4867" s="19"/>
      <c r="S4867" s="19"/>
      <c r="T4867" s="19"/>
      <c r="U4867" s="19"/>
      <c r="V4867" s="19"/>
      <c r="W4867" s="19"/>
      <c r="X4867" s="19"/>
      <c r="Y4867" s="19"/>
      <c r="Z4867" s="19"/>
      <c r="AA4867" s="19"/>
    </row>
    <row r="4868" spans="1:27" s="1" customFormat="1" ht="11.1" customHeight="1" outlineLevel="2" x14ac:dyDescent="0.2">
      <c r="A4868" s="17">
        <v>953</v>
      </c>
      <c r="B4868" s="17"/>
      <c r="C4868" s="17"/>
      <c r="D4868" s="18" t="s">
        <v>2423</v>
      </c>
      <c r="E4868" s="18"/>
      <c r="F4868" s="18"/>
      <c r="G4868" s="18"/>
      <c r="H4868" s="18"/>
      <c r="I4868" s="18"/>
      <c r="J4868" s="18"/>
      <c r="K4868" s="18"/>
      <c r="L4868" s="18"/>
      <c r="M4868" s="18"/>
      <c r="N4868" s="18"/>
      <c r="O4868" s="18"/>
      <c r="P4868" s="19">
        <v>100</v>
      </c>
      <c r="Q4868" s="19"/>
      <c r="R4868" s="19"/>
      <c r="S4868" s="19"/>
      <c r="T4868" s="19">
        <v>80</v>
      </c>
      <c r="U4868" s="19"/>
      <c r="V4868" s="19"/>
      <c r="W4868" s="19"/>
      <c r="X4868" s="19">
        <v>1</v>
      </c>
      <c r="Y4868" s="19"/>
      <c r="Z4868" s="19"/>
      <c r="AA4868" s="19"/>
    </row>
    <row r="4869" spans="1:27" s="1" customFormat="1" ht="11.1" customHeight="1" outlineLevel="2" x14ac:dyDescent="0.2">
      <c r="A4869" s="17"/>
      <c r="B4869" s="17"/>
      <c r="C4869" s="17"/>
      <c r="D4869" s="18"/>
      <c r="E4869" s="18"/>
      <c r="F4869" s="18"/>
      <c r="G4869" s="18"/>
      <c r="H4869" s="18"/>
      <c r="I4869" s="18"/>
      <c r="J4869" s="18"/>
      <c r="K4869" s="18"/>
      <c r="L4869" s="18"/>
      <c r="M4869" s="18"/>
      <c r="N4869" s="18"/>
      <c r="O4869" s="18"/>
      <c r="P4869" s="19"/>
      <c r="Q4869" s="19"/>
      <c r="R4869" s="19"/>
      <c r="S4869" s="19"/>
      <c r="T4869" s="19"/>
      <c r="U4869" s="19"/>
      <c r="V4869" s="19"/>
      <c r="W4869" s="19"/>
      <c r="X4869" s="19"/>
      <c r="Y4869" s="19"/>
      <c r="Z4869" s="19"/>
      <c r="AA4869" s="19"/>
    </row>
    <row r="4870" spans="1:27" s="1" customFormat="1" ht="11.1" customHeight="1" outlineLevel="2" x14ac:dyDescent="0.2">
      <c r="A4870" s="17">
        <v>952</v>
      </c>
      <c r="B4870" s="17"/>
      <c r="C4870" s="17"/>
      <c r="D4870" s="18" t="s">
        <v>2424</v>
      </c>
      <c r="E4870" s="18"/>
      <c r="F4870" s="18"/>
      <c r="G4870" s="18"/>
      <c r="H4870" s="18"/>
      <c r="I4870" s="18"/>
      <c r="J4870" s="18"/>
      <c r="K4870" s="18"/>
      <c r="L4870" s="18"/>
      <c r="M4870" s="18"/>
      <c r="N4870" s="18"/>
      <c r="O4870" s="18"/>
      <c r="P4870" s="19">
        <v>100</v>
      </c>
      <c r="Q4870" s="19"/>
      <c r="R4870" s="19"/>
      <c r="S4870" s="19"/>
      <c r="T4870" s="19">
        <v>80</v>
      </c>
      <c r="U4870" s="19"/>
      <c r="V4870" s="19"/>
      <c r="W4870" s="19"/>
      <c r="X4870" s="19">
        <v>1</v>
      </c>
      <c r="Y4870" s="19"/>
      <c r="Z4870" s="19"/>
      <c r="AA4870" s="19"/>
    </row>
    <row r="4871" spans="1:27" s="1" customFormat="1" ht="11.1" customHeight="1" outlineLevel="2" x14ac:dyDescent="0.2">
      <c r="A4871" s="17"/>
      <c r="B4871" s="17"/>
      <c r="C4871" s="17"/>
      <c r="D4871" s="18"/>
      <c r="E4871" s="18"/>
      <c r="F4871" s="18"/>
      <c r="G4871" s="18"/>
      <c r="H4871" s="18"/>
      <c r="I4871" s="18"/>
      <c r="J4871" s="18"/>
      <c r="K4871" s="18"/>
      <c r="L4871" s="18"/>
      <c r="M4871" s="18"/>
      <c r="N4871" s="18"/>
      <c r="O4871" s="18"/>
      <c r="P4871" s="19"/>
      <c r="Q4871" s="19"/>
      <c r="R4871" s="19"/>
      <c r="S4871" s="19"/>
      <c r="T4871" s="19"/>
      <c r="U4871" s="19"/>
      <c r="V4871" s="19"/>
      <c r="W4871" s="19"/>
      <c r="X4871" s="19"/>
      <c r="Y4871" s="19"/>
      <c r="Z4871" s="19"/>
      <c r="AA4871" s="19"/>
    </row>
    <row r="4872" spans="1:27" s="1" customFormat="1" ht="11.1" customHeight="1" outlineLevel="2" x14ac:dyDescent="0.2">
      <c r="A4872" s="17">
        <v>955</v>
      </c>
      <c r="B4872" s="17"/>
      <c r="C4872" s="17"/>
      <c r="D4872" s="18" t="s">
        <v>2425</v>
      </c>
      <c r="E4872" s="18"/>
      <c r="F4872" s="18"/>
      <c r="G4872" s="18"/>
      <c r="H4872" s="18"/>
      <c r="I4872" s="18"/>
      <c r="J4872" s="18"/>
      <c r="K4872" s="18"/>
      <c r="L4872" s="18"/>
      <c r="M4872" s="18"/>
      <c r="N4872" s="18"/>
      <c r="O4872" s="18"/>
      <c r="P4872" s="19">
        <v>100</v>
      </c>
      <c r="Q4872" s="19"/>
      <c r="R4872" s="19"/>
      <c r="S4872" s="19"/>
      <c r="T4872" s="19">
        <v>80</v>
      </c>
      <c r="U4872" s="19"/>
      <c r="V4872" s="19"/>
      <c r="W4872" s="19"/>
      <c r="X4872" s="19">
        <v>1</v>
      </c>
      <c r="Y4872" s="19"/>
      <c r="Z4872" s="19"/>
      <c r="AA4872" s="19"/>
    </row>
    <row r="4873" spans="1:27" s="1" customFormat="1" ht="11.1" customHeight="1" outlineLevel="2" x14ac:dyDescent="0.2">
      <c r="A4873" s="17"/>
      <c r="B4873" s="17"/>
      <c r="C4873" s="17"/>
      <c r="D4873" s="18"/>
      <c r="E4873" s="18"/>
      <c r="F4873" s="18"/>
      <c r="G4873" s="18"/>
      <c r="H4873" s="18"/>
      <c r="I4873" s="18"/>
      <c r="J4873" s="18"/>
      <c r="K4873" s="18"/>
      <c r="L4873" s="18"/>
      <c r="M4873" s="18"/>
      <c r="N4873" s="18"/>
      <c r="O4873" s="18"/>
      <c r="P4873" s="19"/>
      <c r="Q4873" s="19"/>
      <c r="R4873" s="19"/>
      <c r="S4873" s="19"/>
      <c r="T4873" s="19"/>
      <c r="U4873" s="19"/>
      <c r="V4873" s="19"/>
      <c r="W4873" s="19"/>
      <c r="X4873" s="19"/>
      <c r="Y4873" s="19"/>
      <c r="Z4873" s="19"/>
      <c r="AA4873" s="19"/>
    </row>
    <row r="4874" spans="1:27" s="1" customFormat="1" ht="11.1" customHeight="1" outlineLevel="2" x14ac:dyDescent="0.2">
      <c r="A4874" s="17">
        <v>956</v>
      </c>
      <c r="B4874" s="17"/>
      <c r="C4874" s="17"/>
      <c r="D4874" s="18" t="s">
        <v>2426</v>
      </c>
      <c r="E4874" s="18"/>
      <c r="F4874" s="18"/>
      <c r="G4874" s="18"/>
      <c r="H4874" s="18"/>
      <c r="I4874" s="18"/>
      <c r="J4874" s="18"/>
      <c r="K4874" s="18"/>
      <c r="L4874" s="18"/>
      <c r="M4874" s="18"/>
      <c r="N4874" s="18"/>
      <c r="O4874" s="18"/>
      <c r="P4874" s="19">
        <v>100</v>
      </c>
      <c r="Q4874" s="19"/>
      <c r="R4874" s="19"/>
      <c r="S4874" s="19"/>
      <c r="T4874" s="19">
        <v>80</v>
      </c>
      <c r="U4874" s="19"/>
      <c r="V4874" s="19"/>
      <c r="W4874" s="19"/>
      <c r="X4874" s="19">
        <v>1</v>
      </c>
      <c r="Y4874" s="19"/>
      <c r="Z4874" s="19"/>
      <c r="AA4874" s="19"/>
    </row>
    <row r="4875" spans="1:27" s="1" customFormat="1" ht="11.1" customHeight="1" outlineLevel="2" x14ac:dyDescent="0.2">
      <c r="A4875" s="17"/>
      <c r="B4875" s="17"/>
      <c r="C4875" s="17"/>
      <c r="D4875" s="18"/>
      <c r="E4875" s="18"/>
      <c r="F4875" s="18"/>
      <c r="G4875" s="18"/>
      <c r="H4875" s="18"/>
      <c r="I4875" s="18"/>
      <c r="J4875" s="18"/>
      <c r="K4875" s="18"/>
      <c r="L4875" s="18"/>
      <c r="M4875" s="18"/>
      <c r="N4875" s="18"/>
      <c r="O4875" s="18"/>
      <c r="P4875" s="19"/>
      <c r="Q4875" s="19"/>
      <c r="R4875" s="19"/>
      <c r="S4875" s="19"/>
      <c r="T4875" s="19"/>
      <c r="U4875" s="19"/>
      <c r="V4875" s="19"/>
      <c r="W4875" s="19"/>
      <c r="X4875" s="19"/>
      <c r="Y4875" s="19"/>
      <c r="Z4875" s="19"/>
      <c r="AA4875" s="19"/>
    </row>
    <row r="4876" spans="1:27" s="1" customFormat="1" ht="11.1" customHeight="1" outlineLevel="2" x14ac:dyDescent="0.2">
      <c r="A4876" s="17">
        <v>957</v>
      </c>
      <c r="B4876" s="17"/>
      <c r="C4876" s="17"/>
      <c r="D4876" s="18" t="s">
        <v>2427</v>
      </c>
      <c r="E4876" s="18"/>
      <c r="F4876" s="18"/>
      <c r="G4876" s="18"/>
      <c r="H4876" s="18"/>
      <c r="I4876" s="18"/>
      <c r="J4876" s="18"/>
      <c r="K4876" s="18"/>
      <c r="L4876" s="18"/>
      <c r="M4876" s="18"/>
      <c r="N4876" s="18"/>
      <c r="O4876" s="18"/>
      <c r="P4876" s="19">
        <v>100</v>
      </c>
      <c r="Q4876" s="19"/>
      <c r="R4876" s="19"/>
      <c r="S4876" s="19"/>
      <c r="T4876" s="19">
        <v>80</v>
      </c>
      <c r="U4876" s="19"/>
      <c r="V4876" s="19"/>
      <c r="W4876" s="19"/>
      <c r="X4876" s="19">
        <v>1</v>
      </c>
      <c r="Y4876" s="19"/>
      <c r="Z4876" s="19"/>
      <c r="AA4876" s="19"/>
    </row>
    <row r="4877" spans="1:27" s="1" customFormat="1" ht="11.1" customHeight="1" outlineLevel="2" x14ac:dyDescent="0.2">
      <c r="A4877" s="17"/>
      <c r="B4877" s="17"/>
      <c r="C4877" s="17"/>
      <c r="D4877" s="18"/>
      <c r="E4877" s="18"/>
      <c r="F4877" s="18"/>
      <c r="G4877" s="18"/>
      <c r="H4877" s="18"/>
      <c r="I4877" s="18"/>
      <c r="J4877" s="18"/>
      <c r="K4877" s="18"/>
      <c r="L4877" s="18"/>
      <c r="M4877" s="18"/>
      <c r="N4877" s="18"/>
      <c r="O4877" s="18"/>
      <c r="P4877" s="19"/>
      <c r="Q4877" s="19"/>
      <c r="R4877" s="19"/>
      <c r="S4877" s="19"/>
      <c r="T4877" s="19"/>
      <c r="U4877" s="19"/>
      <c r="V4877" s="19"/>
      <c r="W4877" s="19"/>
      <c r="X4877" s="19"/>
      <c r="Y4877" s="19"/>
      <c r="Z4877" s="19"/>
      <c r="AA4877" s="19"/>
    </row>
    <row r="4878" spans="1:27" s="1" customFormat="1" ht="11.1" customHeight="1" outlineLevel="2" x14ac:dyDescent="0.2">
      <c r="A4878" s="17">
        <v>959</v>
      </c>
      <c r="B4878" s="17"/>
      <c r="C4878" s="17"/>
      <c r="D4878" s="18" t="s">
        <v>2428</v>
      </c>
      <c r="E4878" s="18"/>
      <c r="F4878" s="18"/>
      <c r="G4878" s="18"/>
      <c r="H4878" s="18"/>
      <c r="I4878" s="18"/>
      <c r="J4878" s="18"/>
      <c r="K4878" s="18"/>
      <c r="L4878" s="18"/>
      <c r="M4878" s="18"/>
      <c r="N4878" s="18"/>
      <c r="O4878" s="18"/>
      <c r="P4878" s="19">
        <v>100</v>
      </c>
      <c r="Q4878" s="19"/>
      <c r="R4878" s="19"/>
      <c r="S4878" s="19"/>
      <c r="T4878" s="19">
        <v>80</v>
      </c>
      <c r="U4878" s="19"/>
      <c r="V4878" s="19"/>
      <c r="W4878" s="19"/>
      <c r="X4878" s="19">
        <v>1</v>
      </c>
      <c r="Y4878" s="19"/>
      <c r="Z4878" s="19"/>
      <c r="AA4878" s="19"/>
    </row>
    <row r="4879" spans="1:27" s="1" customFormat="1" ht="11.1" customHeight="1" outlineLevel="2" x14ac:dyDescent="0.2">
      <c r="A4879" s="17"/>
      <c r="B4879" s="17"/>
      <c r="C4879" s="17"/>
      <c r="D4879" s="18"/>
      <c r="E4879" s="18"/>
      <c r="F4879" s="18"/>
      <c r="G4879" s="18"/>
      <c r="H4879" s="18"/>
      <c r="I4879" s="18"/>
      <c r="J4879" s="18"/>
      <c r="K4879" s="18"/>
      <c r="L4879" s="18"/>
      <c r="M4879" s="18"/>
      <c r="N4879" s="18"/>
      <c r="O4879" s="18"/>
      <c r="P4879" s="19"/>
      <c r="Q4879" s="19"/>
      <c r="R4879" s="19"/>
      <c r="S4879" s="19"/>
      <c r="T4879" s="19"/>
      <c r="U4879" s="19"/>
      <c r="V4879" s="19"/>
      <c r="W4879" s="19"/>
      <c r="X4879" s="19"/>
      <c r="Y4879" s="19"/>
      <c r="Z4879" s="19"/>
      <c r="AA4879" s="19"/>
    </row>
    <row r="4880" spans="1:27" s="1" customFormat="1" ht="11.1" customHeight="1" outlineLevel="2" x14ac:dyDescent="0.2">
      <c r="A4880" s="17">
        <v>962</v>
      </c>
      <c r="B4880" s="17"/>
      <c r="C4880" s="17"/>
      <c r="D4880" s="18" t="s">
        <v>2429</v>
      </c>
      <c r="E4880" s="18"/>
      <c r="F4880" s="18"/>
      <c r="G4880" s="18"/>
      <c r="H4880" s="18"/>
      <c r="I4880" s="18"/>
      <c r="J4880" s="18"/>
      <c r="K4880" s="18"/>
      <c r="L4880" s="18"/>
      <c r="M4880" s="18"/>
      <c r="N4880" s="18"/>
      <c r="O4880" s="18"/>
      <c r="P4880" s="19">
        <v>100</v>
      </c>
      <c r="Q4880" s="19"/>
      <c r="R4880" s="19"/>
      <c r="S4880" s="19"/>
      <c r="T4880" s="19">
        <v>80</v>
      </c>
      <c r="U4880" s="19"/>
      <c r="V4880" s="19"/>
      <c r="W4880" s="19"/>
      <c r="X4880" s="19">
        <v>1</v>
      </c>
      <c r="Y4880" s="19"/>
      <c r="Z4880" s="19"/>
      <c r="AA4880" s="19"/>
    </row>
    <row r="4881" spans="1:27" s="1" customFormat="1" ht="11.1" customHeight="1" outlineLevel="2" x14ac:dyDescent="0.2">
      <c r="A4881" s="17"/>
      <c r="B4881" s="17"/>
      <c r="C4881" s="17"/>
      <c r="D4881" s="18"/>
      <c r="E4881" s="18"/>
      <c r="F4881" s="18"/>
      <c r="G4881" s="18"/>
      <c r="H4881" s="18"/>
      <c r="I4881" s="18"/>
      <c r="J4881" s="18"/>
      <c r="K4881" s="18"/>
      <c r="L4881" s="18"/>
      <c r="M4881" s="18"/>
      <c r="N4881" s="18"/>
      <c r="O4881" s="18"/>
      <c r="P4881" s="19"/>
      <c r="Q4881" s="19"/>
      <c r="R4881" s="19"/>
      <c r="S4881" s="19"/>
      <c r="T4881" s="19"/>
      <c r="U4881" s="19"/>
      <c r="V4881" s="19"/>
      <c r="W4881" s="19"/>
      <c r="X4881" s="19"/>
      <c r="Y4881" s="19"/>
      <c r="Z4881" s="19"/>
      <c r="AA4881" s="19"/>
    </row>
    <row r="4882" spans="1:27" s="1" customFormat="1" ht="11.1" customHeight="1" outlineLevel="2" x14ac:dyDescent="0.2">
      <c r="A4882" s="17">
        <v>954</v>
      </c>
      <c r="B4882" s="17"/>
      <c r="C4882" s="17"/>
      <c r="D4882" s="18" t="s">
        <v>2430</v>
      </c>
      <c r="E4882" s="18"/>
      <c r="F4882" s="18"/>
      <c r="G4882" s="18"/>
      <c r="H4882" s="18"/>
      <c r="I4882" s="18"/>
      <c r="J4882" s="18"/>
      <c r="K4882" s="18"/>
      <c r="L4882" s="18"/>
      <c r="M4882" s="18"/>
      <c r="N4882" s="18"/>
      <c r="O4882" s="18"/>
      <c r="P4882" s="19">
        <v>100</v>
      </c>
      <c r="Q4882" s="19"/>
      <c r="R4882" s="19"/>
      <c r="S4882" s="19"/>
      <c r="T4882" s="19">
        <v>80</v>
      </c>
      <c r="U4882" s="19"/>
      <c r="V4882" s="19"/>
      <c r="W4882" s="19"/>
      <c r="X4882" s="19">
        <v>1</v>
      </c>
      <c r="Y4882" s="19"/>
      <c r="Z4882" s="19"/>
      <c r="AA4882" s="19"/>
    </row>
    <row r="4883" spans="1:27" s="1" customFormat="1" ht="11.1" customHeight="1" outlineLevel="2" x14ac:dyDescent="0.2">
      <c r="A4883" s="17"/>
      <c r="B4883" s="17"/>
      <c r="C4883" s="17"/>
      <c r="D4883" s="18"/>
      <c r="E4883" s="18"/>
      <c r="F4883" s="18"/>
      <c r="G4883" s="18"/>
      <c r="H4883" s="18"/>
      <c r="I4883" s="18"/>
      <c r="J4883" s="18"/>
      <c r="K4883" s="18"/>
      <c r="L4883" s="18"/>
      <c r="M4883" s="18"/>
      <c r="N4883" s="18"/>
      <c r="O4883" s="18"/>
      <c r="P4883" s="19"/>
      <c r="Q4883" s="19"/>
      <c r="R4883" s="19"/>
      <c r="S4883" s="19"/>
      <c r="T4883" s="19"/>
      <c r="U4883" s="19"/>
      <c r="V4883" s="19"/>
      <c r="W4883" s="19"/>
      <c r="X4883" s="19"/>
      <c r="Y4883" s="19"/>
      <c r="Z4883" s="19"/>
      <c r="AA4883" s="19"/>
    </row>
    <row r="4884" spans="1:27" s="1" customFormat="1" ht="11.1" customHeight="1" outlineLevel="2" x14ac:dyDescent="0.2">
      <c r="A4884" s="17">
        <v>4658</v>
      </c>
      <c r="B4884" s="17"/>
      <c r="C4884" s="17"/>
      <c r="D4884" s="18" t="s">
        <v>2431</v>
      </c>
      <c r="E4884" s="18"/>
      <c r="F4884" s="18"/>
      <c r="G4884" s="18"/>
      <c r="H4884" s="18"/>
      <c r="I4884" s="18"/>
      <c r="J4884" s="18"/>
      <c r="K4884" s="18"/>
      <c r="L4884" s="18"/>
      <c r="M4884" s="18"/>
      <c r="N4884" s="18"/>
      <c r="O4884" s="18"/>
      <c r="P4884" s="19">
        <v>100</v>
      </c>
      <c r="Q4884" s="19"/>
      <c r="R4884" s="19"/>
      <c r="S4884" s="19"/>
      <c r="T4884" s="19">
        <v>80</v>
      </c>
      <c r="U4884" s="19"/>
      <c r="V4884" s="19"/>
      <c r="W4884" s="19"/>
      <c r="X4884" s="19">
        <v>1</v>
      </c>
      <c r="Y4884" s="19"/>
      <c r="Z4884" s="19"/>
      <c r="AA4884" s="19"/>
    </row>
    <row r="4885" spans="1:27" s="1" customFormat="1" ht="11.1" customHeight="1" outlineLevel="2" x14ac:dyDescent="0.2">
      <c r="A4885" s="17"/>
      <c r="B4885" s="17"/>
      <c r="C4885" s="17"/>
      <c r="D4885" s="18"/>
      <c r="E4885" s="18"/>
      <c r="F4885" s="18"/>
      <c r="G4885" s="18"/>
      <c r="H4885" s="18"/>
      <c r="I4885" s="18"/>
      <c r="J4885" s="18"/>
      <c r="K4885" s="18"/>
      <c r="L4885" s="18"/>
      <c r="M4885" s="18"/>
      <c r="N4885" s="18"/>
      <c r="O4885" s="18"/>
      <c r="P4885" s="19"/>
      <c r="Q4885" s="19"/>
      <c r="R4885" s="19"/>
      <c r="S4885" s="19"/>
      <c r="T4885" s="19"/>
      <c r="U4885" s="19"/>
      <c r="V4885" s="19"/>
      <c r="W4885" s="19"/>
      <c r="X4885" s="19"/>
      <c r="Y4885" s="19"/>
      <c r="Z4885" s="19"/>
      <c r="AA4885" s="19"/>
    </row>
    <row r="4886" spans="1:27" s="1" customFormat="1" ht="11.1" customHeight="1" outlineLevel="2" x14ac:dyDescent="0.2">
      <c r="A4886" s="17">
        <v>960</v>
      </c>
      <c r="B4886" s="17"/>
      <c r="C4886" s="17"/>
      <c r="D4886" s="18" t="s">
        <v>2432</v>
      </c>
      <c r="E4886" s="18"/>
      <c r="F4886" s="18"/>
      <c r="G4886" s="18"/>
      <c r="H4886" s="18"/>
      <c r="I4886" s="18"/>
      <c r="J4886" s="18"/>
      <c r="K4886" s="18"/>
      <c r="L4886" s="18"/>
      <c r="M4886" s="18"/>
      <c r="N4886" s="18"/>
      <c r="O4886" s="18"/>
      <c r="P4886" s="19">
        <v>100</v>
      </c>
      <c r="Q4886" s="19"/>
      <c r="R4886" s="19"/>
      <c r="S4886" s="19"/>
      <c r="T4886" s="19">
        <v>80</v>
      </c>
      <c r="U4886" s="19"/>
      <c r="V4886" s="19"/>
      <c r="W4886" s="19"/>
      <c r="X4886" s="19">
        <v>1</v>
      </c>
      <c r="Y4886" s="19"/>
      <c r="Z4886" s="19"/>
      <c r="AA4886" s="19"/>
    </row>
    <row r="4887" spans="1:27" s="1" customFormat="1" ht="11.1" customHeight="1" outlineLevel="2" x14ac:dyDescent="0.2">
      <c r="A4887" s="17"/>
      <c r="B4887" s="17"/>
      <c r="C4887" s="17"/>
      <c r="D4887" s="18"/>
      <c r="E4887" s="18"/>
      <c r="F4887" s="18"/>
      <c r="G4887" s="18"/>
      <c r="H4887" s="18"/>
      <c r="I4887" s="18"/>
      <c r="J4887" s="18"/>
      <c r="K4887" s="18"/>
      <c r="L4887" s="18"/>
      <c r="M4887" s="18"/>
      <c r="N4887" s="18"/>
      <c r="O4887" s="18"/>
      <c r="P4887" s="19"/>
      <c r="Q4887" s="19"/>
      <c r="R4887" s="19"/>
      <c r="S4887" s="19"/>
      <c r="T4887" s="19"/>
      <c r="U4887" s="19"/>
      <c r="V4887" s="19"/>
      <c r="W4887" s="19"/>
      <c r="X4887" s="19"/>
      <c r="Y4887" s="19"/>
      <c r="Z4887" s="19"/>
      <c r="AA4887" s="19"/>
    </row>
    <row r="4888" spans="1:27" s="1" customFormat="1" ht="11.1" customHeight="1" outlineLevel="2" x14ac:dyDescent="0.2">
      <c r="A4888" s="17">
        <v>961</v>
      </c>
      <c r="B4888" s="17"/>
      <c r="C4888" s="17"/>
      <c r="D4888" s="18" t="s">
        <v>2433</v>
      </c>
      <c r="E4888" s="18"/>
      <c r="F4888" s="18"/>
      <c r="G4888" s="18"/>
      <c r="H4888" s="18"/>
      <c r="I4888" s="18"/>
      <c r="J4888" s="18"/>
      <c r="K4888" s="18"/>
      <c r="L4888" s="18"/>
      <c r="M4888" s="18"/>
      <c r="N4888" s="18"/>
      <c r="O4888" s="18"/>
      <c r="P4888" s="19">
        <v>100</v>
      </c>
      <c r="Q4888" s="19"/>
      <c r="R4888" s="19"/>
      <c r="S4888" s="19"/>
      <c r="T4888" s="19">
        <v>80</v>
      </c>
      <c r="U4888" s="19"/>
      <c r="V4888" s="19"/>
      <c r="W4888" s="19"/>
      <c r="X4888" s="19">
        <v>1</v>
      </c>
      <c r="Y4888" s="19"/>
      <c r="Z4888" s="19"/>
      <c r="AA4888" s="19"/>
    </row>
    <row r="4889" spans="1:27" s="1" customFormat="1" ht="11.1" customHeight="1" outlineLevel="2" x14ac:dyDescent="0.2">
      <c r="A4889" s="17"/>
      <c r="B4889" s="17"/>
      <c r="C4889" s="17"/>
      <c r="D4889" s="18"/>
      <c r="E4889" s="18"/>
      <c r="F4889" s="18"/>
      <c r="G4889" s="18"/>
      <c r="H4889" s="18"/>
      <c r="I4889" s="18"/>
      <c r="J4889" s="18"/>
      <c r="K4889" s="18"/>
      <c r="L4889" s="18"/>
      <c r="M4889" s="18"/>
      <c r="N4889" s="18"/>
      <c r="O4889" s="18"/>
      <c r="P4889" s="19"/>
      <c r="Q4889" s="19"/>
      <c r="R4889" s="19"/>
      <c r="S4889" s="19"/>
      <c r="T4889" s="19"/>
      <c r="U4889" s="19"/>
      <c r="V4889" s="19"/>
      <c r="W4889" s="19"/>
      <c r="X4889" s="19"/>
      <c r="Y4889" s="19"/>
      <c r="Z4889" s="19"/>
      <c r="AA4889" s="19"/>
    </row>
    <row r="4890" spans="1:27" s="1" customFormat="1" ht="11.1" customHeight="1" outlineLevel="1" x14ac:dyDescent="0.2">
      <c r="A4890" s="16" t="s">
        <v>2434</v>
      </c>
      <c r="B4890" s="16"/>
      <c r="C4890" s="16"/>
      <c r="D4890" s="16"/>
      <c r="E4890" s="16"/>
      <c r="F4890" s="16"/>
      <c r="G4890" s="16"/>
      <c r="H4890" s="16"/>
      <c r="I4890" s="16"/>
      <c r="J4890" s="16"/>
      <c r="K4890" s="16"/>
      <c r="L4890" s="16"/>
      <c r="M4890" s="16"/>
      <c r="N4890" s="16"/>
      <c r="O4890" s="16"/>
      <c r="P4890" s="16"/>
      <c r="Q4890" s="16"/>
      <c r="R4890" s="16"/>
      <c r="S4890" s="16"/>
      <c r="T4890" s="16"/>
      <c r="U4890" s="16"/>
      <c r="V4890" s="16"/>
      <c r="W4890" s="16"/>
      <c r="X4890" s="16"/>
      <c r="Y4890" s="16"/>
      <c r="Z4890" s="16"/>
      <c r="AA4890" s="16"/>
    </row>
    <row r="4891" spans="1:27" s="1" customFormat="1" ht="11.1" customHeight="1" outlineLevel="1" x14ac:dyDescent="0.2">
      <c r="A4891" s="16"/>
      <c r="B4891" s="16"/>
      <c r="C4891" s="16"/>
      <c r="D4891" s="16"/>
      <c r="E4891" s="16"/>
      <c r="F4891" s="16"/>
      <c r="G4891" s="16"/>
      <c r="H4891" s="16"/>
      <c r="I4891" s="16"/>
      <c r="J4891" s="16"/>
      <c r="K4891" s="16"/>
      <c r="L4891" s="16"/>
      <c r="M4891" s="16"/>
      <c r="N4891" s="16"/>
      <c r="O4891" s="16"/>
      <c r="P4891" s="16"/>
      <c r="Q4891" s="16"/>
      <c r="R4891" s="16"/>
      <c r="S4891" s="16"/>
      <c r="T4891" s="16"/>
      <c r="U4891" s="16"/>
      <c r="V4891" s="16"/>
      <c r="W4891" s="16"/>
      <c r="X4891" s="16"/>
      <c r="Y4891" s="16"/>
      <c r="Z4891" s="16"/>
      <c r="AA4891" s="16"/>
    </row>
    <row r="4892" spans="1:27" s="1" customFormat="1" ht="14.1" customHeight="1" outlineLevel="2" x14ac:dyDescent="0.2">
      <c r="A4892" s="17">
        <v>12094</v>
      </c>
      <c r="B4892" s="17"/>
      <c r="C4892" s="17"/>
      <c r="D4892" s="18" t="s">
        <v>2435</v>
      </c>
      <c r="E4892" s="18"/>
      <c r="F4892" s="18"/>
      <c r="G4892" s="18"/>
      <c r="H4892" s="18"/>
      <c r="I4892" s="18"/>
      <c r="J4892" s="18"/>
      <c r="K4892" s="18"/>
      <c r="L4892" s="18"/>
      <c r="M4892" s="18"/>
      <c r="N4892" s="18"/>
      <c r="O4892" s="18"/>
      <c r="P4892" s="19">
        <v>450</v>
      </c>
      <c r="Q4892" s="19"/>
      <c r="R4892" s="19"/>
      <c r="S4892" s="19"/>
      <c r="T4892" s="19">
        <v>400</v>
      </c>
      <c r="U4892" s="19"/>
      <c r="V4892" s="19"/>
      <c r="W4892" s="19"/>
      <c r="X4892" s="19">
        <v>1</v>
      </c>
      <c r="Y4892" s="19"/>
      <c r="Z4892" s="19"/>
      <c r="AA4892" s="19"/>
    </row>
    <row r="4893" spans="1:27" s="1" customFormat="1" ht="14.1" customHeight="1" outlineLevel="2" x14ac:dyDescent="0.2">
      <c r="A4893" s="17"/>
      <c r="B4893" s="17"/>
      <c r="C4893" s="17"/>
      <c r="D4893" s="18"/>
      <c r="E4893" s="18"/>
      <c r="F4893" s="18"/>
      <c r="G4893" s="18"/>
      <c r="H4893" s="18"/>
      <c r="I4893" s="18"/>
      <c r="J4893" s="18"/>
      <c r="K4893" s="18"/>
      <c r="L4893" s="18"/>
      <c r="M4893" s="18"/>
      <c r="N4893" s="18"/>
      <c r="O4893" s="18"/>
      <c r="P4893" s="19"/>
      <c r="Q4893" s="19"/>
      <c r="R4893" s="19"/>
      <c r="S4893" s="19"/>
      <c r="T4893" s="19"/>
      <c r="U4893" s="19"/>
      <c r="V4893" s="19"/>
      <c r="W4893" s="19"/>
      <c r="X4893" s="19"/>
      <c r="Y4893" s="19"/>
      <c r="Z4893" s="19"/>
      <c r="AA4893" s="19"/>
    </row>
    <row r="4894" spans="1:27" s="1" customFormat="1" ht="14.1" customHeight="1" outlineLevel="2" x14ac:dyDescent="0.2">
      <c r="A4894" s="17">
        <v>10105</v>
      </c>
      <c r="B4894" s="17"/>
      <c r="C4894" s="17"/>
      <c r="D4894" s="18" t="s">
        <v>2436</v>
      </c>
      <c r="E4894" s="18"/>
      <c r="F4894" s="18"/>
      <c r="G4894" s="18"/>
      <c r="H4894" s="18"/>
      <c r="I4894" s="18"/>
      <c r="J4894" s="18"/>
      <c r="K4894" s="18"/>
      <c r="L4894" s="18"/>
      <c r="M4894" s="18"/>
      <c r="N4894" s="18"/>
      <c r="O4894" s="18"/>
      <c r="P4894" s="20">
        <v>1000</v>
      </c>
      <c r="Q4894" s="20"/>
      <c r="R4894" s="20"/>
      <c r="S4894" s="20"/>
      <c r="T4894" s="19">
        <v>900</v>
      </c>
      <c r="U4894" s="19"/>
      <c r="V4894" s="19"/>
      <c r="W4894" s="19"/>
      <c r="X4894" s="19">
        <v>1</v>
      </c>
      <c r="Y4894" s="19"/>
      <c r="Z4894" s="19"/>
      <c r="AA4894" s="19"/>
    </row>
    <row r="4895" spans="1:27" s="1" customFormat="1" ht="14.1" customHeight="1" outlineLevel="2" x14ac:dyDescent="0.2">
      <c r="A4895" s="17"/>
      <c r="B4895" s="17"/>
      <c r="C4895" s="17"/>
      <c r="D4895" s="18"/>
      <c r="E4895" s="18"/>
      <c r="F4895" s="18"/>
      <c r="G4895" s="18"/>
      <c r="H4895" s="18"/>
      <c r="I4895" s="18"/>
      <c r="J4895" s="18"/>
      <c r="K4895" s="18"/>
      <c r="L4895" s="18"/>
      <c r="M4895" s="18"/>
      <c r="N4895" s="18"/>
      <c r="O4895" s="18"/>
      <c r="P4895" s="20"/>
      <c r="Q4895" s="20"/>
      <c r="R4895" s="20"/>
      <c r="S4895" s="20"/>
      <c r="T4895" s="19"/>
      <c r="U4895" s="19"/>
      <c r="V4895" s="19"/>
      <c r="W4895" s="19"/>
      <c r="X4895" s="19"/>
      <c r="Y4895" s="19"/>
      <c r="Z4895" s="19"/>
      <c r="AA4895" s="19"/>
    </row>
    <row r="4896" spans="1:27" s="1" customFormat="1" ht="14.1" customHeight="1" outlineLevel="2" x14ac:dyDescent="0.2">
      <c r="A4896" s="17">
        <v>15567</v>
      </c>
      <c r="B4896" s="17"/>
      <c r="C4896" s="17"/>
      <c r="D4896" s="18" t="s">
        <v>2437</v>
      </c>
      <c r="E4896" s="18"/>
      <c r="F4896" s="18"/>
      <c r="G4896" s="18"/>
      <c r="H4896" s="18"/>
      <c r="I4896" s="18"/>
      <c r="J4896" s="18"/>
      <c r="K4896" s="18"/>
      <c r="L4896" s="18"/>
      <c r="M4896" s="18"/>
      <c r="N4896" s="18"/>
      <c r="O4896" s="18"/>
      <c r="P4896" s="19">
        <v>670</v>
      </c>
      <c r="Q4896" s="19"/>
      <c r="R4896" s="19"/>
      <c r="S4896" s="19"/>
      <c r="T4896" s="19">
        <v>600</v>
      </c>
      <c r="U4896" s="19"/>
      <c r="V4896" s="19"/>
      <c r="W4896" s="19"/>
      <c r="X4896" s="19">
        <v>1</v>
      </c>
      <c r="Y4896" s="19"/>
      <c r="Z4896" s="19"/>
      <c r="AA4896" s="19"/>
    </row>
    <row r="4897" spans="1:27" s="1" customFormat="1" ht="14.1" customHeight="1" outlineLevel="2" x14ac:dyDescent="0.2">
      <c r="A4897" s="17"/>
      <c r="B4897" s="17"/>
      <c r="C4897" s="17"/>
      <c r="D4897" s="18"/>
      <c r="E4897" s="18"/>
      <c r="F4897" s="18"/>
      <c r="G4897" s="18"/>
      <c r="H4897" s="18"/>
      <c r="I4897" s="18"/>
      <c r="J4897" s="18"/>
      <c r="K4897" s="18"/>
      <c r="L4897" s="18"/>
      <c r="M4897" s="18"/>
      <c r="N4897" s="18"/>
      <c r="O4897" s="18"/>
      <c r="P4897" s="19"/>
      <c r="Q4897" s="19"/>
      <c r="R4897" s="19"/>
      <c r="S4897" s="19"/>
      <c r="T4897" s="19"/>
      <c r="U4897" s="19"/>
      <c r="V4897" s="19"/>
      <c r="W4897" s="19"/>
      <c r="X4897" s="19"/>
      <c r="Y4897" s="19"/>
      <c r="Z4897" s="19"/>
      <c r="AA4897" s="19"/>
    </row>
    <row r="4898" spans="1:27" s="1" customFormat="1" ht="14.1" customHeight="1" outlineLevel="2" x14ac:dyDescent="0.2">
      <c r="A4898" s="17">
        <v>17521</v>
      </c>
      <c r="B4898" s="17"/>
      <c r="C4898" s="17"/>
      <c r="D4898" s="18" t="s">
        <v>2438</v>
      </c>
      <c r="E4898" s="18"/>
      <c r="F4898" s="18"/>
      <c r="G4898" s="18"/>
      <c r="H4898" s="18"/>
      <c r="I4898" s="18"/>
      <c r="J4898" s="18"/>
      <c r="K4898" s="18"/>
      <c r="L4898" s="18"/>
      <c r="M4898" s="18"/>
      <c r="N4898" s="18"/>
      <c r="O4898" s="18"/>
      <c r="P4898" s="19">
        <v>140</v>
      </c>
      <c r="Q4898" s="19"/>
      <c r="R4898" s="19"/>
      <c r="S4898" s="19"/>
      <c r="T4898" s="19">
        <v>100</v>
      </c>
      <c r="U4898" s="19"/>
      <c r="V4898" s="19"/>
      <c r="W4898" s="19"/>
      <c r="X4898" s="19">
        <v>1</v>
      </c>
      <c r="Y4898" s="19"/>
      <c r="Z4898" s="19"/>
      <c r="AA4898" s="19"/>
    </row>
    <row r="4899" spans="1:27" s="1" customFormat="1" ht="14.1" customHeight="1" outlineLevel="2" x14ac:dyDescent="0.2">
      <c r="A4899" s="17"/>
      <c r="B4899" s="17"/>
      <c r="C4899" s="17"/>
      <c r="D4899" s="18"/>
      <c r="E4899" s="18"/>
      <c r="F4899" s="18"/>
      <c r="G4899" s="18"/>
      <c r="H4899" s="18"/>
      <c r="I4899" s="18"/>
      <c r="J4899" s="18"/>
      <c r="K4899" s="18"/>
      <c r="L4899" s="18"/>
      <c r="M4899" s="18"/>
      <c r="N4899" s="18"/>
      <c r="O4899" s="18"/>
      <c r="P4899" s="19"/>
      <c r="Q4899" s="19"/>
      <c r="R4899" s="19"/>
      <c r="S4899" s="19"/>
      <c r="T4899" s="19"/>
      <c r="U4899" s="19"/>
      <c r="V4899" s="19"/>
      <c r="W4899" s="19"/>
      <c r="X4899" s="19"/>
      <c r="Y4899" s="19"/>
      <c r="Z4899" s="19"/>
      <c r="AA4899" s="19"/>
    </row>
    <row r="4900" spans="1:27" s="1" customFormat="1" ht="14.1" customHeight="1" outlineLevel="2" x14ac:dyDescent="0.2">
      <c r="A4900" s="17">
        <v>15828</v>
      </c>
      <c r="B4900" s="17"/>
      <c r="C4900" s="17"/>
      <c r="D4900" s="18" t="s">
        <v>2439</v>
      </c>
      <c r="E4900" s="18"/>
      <c r="F4900" s="18"/>
      <c r="G4900" s="18"/>
      <c r="H4900" s="18"/>
      <c r="I4900" s="18"/>
      <c r="J4900" s="18"/>
      <c r="K4900" s="18"/>
      <c r="L4900" s="18"/>
      <c r="M4900" s="18"/>
      <c r="N4900" s="18"/>
      <c r="O4900" s="18"/>
      <c r="P4900" s="19">
        <v>200</v>
      </c>
      <c r="Q4900" s="19"/>
      <c r="R4900" s="19"/>
      <c r="S4900" s="19"/>
      <c r="T4900" s="19">
        <v>150</v>
      </c>
      <c r="U4900" s="19"/>
      <c r="V4900" s="19"/>
      <c r="W4900" s="19"/>
      <c r="X4900" s="19">
        <v>1</v>
      </c>
      <c r="Y4900" s="19"/>
      <c r="Z4900" s="19"/>
      <c r="AA4900" s="19"/>
    </row>
    <row r="4901" spans="1:27" s="1" customFormat="1" ht="14.1" customHeight="1" outlineLevel="2" x14ac:dyDescent="0.2">
      <c r="A4901" s="17"/>
      <c r="B4901" s="17"/>
      <c r="C4901" s="17"/>
      <c r="D4901" s="18"/>
      <c r="E4901" s="18"/>
      <c r="F4901" s="18"/>
      <c r="G4901" s="18"/>
      <c r="H4901" s="18"/>
      <c r="I4901" s="18"/>
      <c r="J4901" s="18"/>
      <c r="K4901" s="18"/>
      <c r="L4901" s="18"/>
      <c r="M4901" s="18"/>
      <c r="N4901" s="18"/>
      <c r="O4901" s="18"/>
      <c r="P4901" s="19"/>
      <c r="Q4901" s="19"/>
      <c r="R4901" s="19"/>
      <c r="S4901" s="19"/>
      <c r="T4901" s="19"/>
      <c r="U4901" s="19"/>
      <c r="V4901" s="19"/>
      <c r="W4901" s="19"/>
      <c r="X4901" s="19"/>
      <c r="Y4901" s="19"/>
      <c r="Z4901" s="19"/>
      <c r="AA4901" s="19"/>
    </row>
    <row r="4902" spans="1:27" s="1" customFormat="1" ht="14.1" customHeight="1" outlineLevel="2" x14ac:dyDescent="0.2">
      <c r="A4902" s="17">
        <v>16366</v>
      </c>
      <c r="B4902" s="17"/>
      <c r="C4902" s="17"/>
      <c r="D4902" s="18" t="s">
        <v>2440</v>
      </c>
      <c r="E4902" s="18"/>
      <c r="F4902" s="18"/>
      <c r="G4902" s="18"/>
      <c r="H4902" s="18"/>
      <c r="I4902" s="18"/>
      <c r="J4902" s="18"/>
      <c r="K4902" s="18"/>
      <c r="L4902" s="18"/>
      <c r="M4902" s="18"/>
      <c r="N4902" s="18"/>
      <c r="O4902" s="18"/>
      <c r="P4902" s="19">
        <v>600</v>
      </c>
      <c r="Q4902" s="19"/>
      <c r="R4902" s="19"/>
      <c r="S4902" s="19"/>
      <c r="T4902" s="19">
        <v>500</v>
      </c>
      <c r="U4902" s="19"/>
      <c r="V4902" s="19"/>
      <c r="W4902" s="19"/>
      <c r="X4902" s="19">
        <v>2</v>
      </c>
      <c r="Y4902" s="19"/>
      <c r="Z4902" s="19"/>
      <c r="AA4902" s="19"/>
    </row>
    <row r="4903" spans="1:27" s="1" customFormat="1" ht="14.1" customHeight="1" outlineLevel="2" x14ac:dyDescent="0.2">
      <c r="A4903" s="17"/>
      <c r="B4903" s="17"/>
      <c r="C4903" s="17"/>
      <c r="D4903" s="18"/>
      <c r="E4903" s="18"/>
      <c r="F4903" s="18"/>
      <c r="G4903" s="18"/>
      <c r="H4903" s="18"/>
      <c r="I4903" s="18"/>
      <c r="J4903" s="18"/>
      <c r="K4903" s="18"/>
      <c r="L4903" s="18"/>
      <c r="M4903" s="18"/>
      <c r="N4903" s="18"/>
      <c r="O4903" s="18"/>
      <c r="P4903" s="19"/>
      <c r="Q4903" s="19"/>
      <c r="R4903" s="19"/>
      <c r="S4903" s="19"/>
      <c r="T4903" s="19"/>
      <c r="U4903" s="19"/>
      <c r="V4903" s="19"/>
      <c r="W4903" s="19"/>
      <c r="X4903" s="19"/>
      <c r="Y4903" s="19"/>
      <c r="Z4903" s="19"/>
      <c r="AA4903" s="19"/>
    </row>
    <row r="4904" spans="1:27" s="1" customFormat="1" ht="14.1" customHeight="1" outlineLevel="2" x14ac:dyDescent="0.2">
      <c r="A4904" s="17">
        <v>16947</v>
      </c>
      <c r="B4904" s="17"/>
      <c r="C4904" s="17"/>
      <c r="D4904" s="18" t="s">
        <v>2441</v>
      </c>
      <c r="E4904" s="18"/>
      <c r="F4904" s="18"/>
      <c r="G4904" s="18"/>
      <c r="H4904" s="18"/>
      <c r="I4904" s="18"/>
      <c r="J4904" s="18"/>
      <c r="K4904" s="18"/>
      <c r="L4904" s="18"/>
      <c r="M4904" s="18"/>
      <c r="N4904" s="18"/>
      <c r="O4904" s="18"/>
      <c r="P4904" s="19">
        <v>600</v>
      </c>
      <c r="Q4904" s="19"/>
      <c r="R4904" s="19"/>
      <c r="S4904" s="19"/>
      <c r="T4904" s="19">
        <v>500</v>
      </c>
      <c r="U4904" s="19"/>
      <c r="V4904" s="19"/>
      <c r="W4904" s="19"/>
      <c r="X4904" s="19">
        <v>1</v>
      </c>
      <c r="Y4904" s="19"/>
      <c r="Z4904" s="19"/>
      <c r="AA4904" s="19"/>
    </row>
    <row r="4905" spans="1:27" s="1" customFormat="1" ht="14.1" customHeight="1" outlineLevel="2" x14ac:dyDescent="0.2">
      <c r="A4905" s="17"/>
      <c r="B4905" s="17"/>
      <c r="C4905" s="17"/>
      <c r="D4905" s="18"/>
      <c r="E4905" s="18"/>
      <c r="F4905" s="18"/>
      <c r="G4905" s="18"/>
      <c r="H4905" s="18"/>
      <c r="I4905" s="18"/>
      <c r="J4905" s="18"/>
      <c r="K4905" s="18"/>
      <c r="L4905" s="18"/>
      <c r="M4905" s="18"/>
      <c r="N4905" s="18"/>
      <c r="O4905" s="18"/>
      <c r="P4905" s="19"/>
      <c r="Q4905" s="19"/>
      <c r="R4905" s="19"/>
      <c r="S4905" s="19"/>
      <c r="T4905" s="19"/>
      <c r="U4905" s="19"/>
      <c r="V4905" s="19"/>
      <c r="W4905" s="19"/>
      <c r="X4905" s="19"/>
      <c r="Y4905" s="19"/>
      <c r="Z4905" s="19"/>
      <c r="AA4905" s="19"/>
    </row>
    <row r="4906" spans="1:27" s="1" customFormat="1" ht="14.1" customHeight="1" outlineLevel="2" x14ac:dyDescent="0.2">
      <c r="A4906" s="17">
        <v>17630</v>
      </c>
      <c r="B4906" s="17"/>
      <c r="C4906" s="17"/>
      <c r="D4906" s="18" t="s">
        <v>2442</v>
      </c>
      <c r="E4906" s="18"/>
      <c r="F4906" s="18"/>
      <c r="G4906" s="18"/>
      <c r="H4906" s="18"/>
      <c r="I4906" s="18"/>
      <c r="J4906" s="18"/>
      <c r="K4906" s="18"/>
      <c r="L4906" s="18"/>
      <c r="M4906" s="18"/>
      <c r="N4906" s="18"/>
      <c r="O4906" s="18"/>
      <c r="P4906" s="19">
        <v>500</v>
      </c>
      <c r="Q4906" s="19"/>
      <c r="R4906" s="19"/>
      <c r="S4906" s="19"/>
      <c r="T4906" s="19">
        <v>400</v>
      </c>
      <c r="U4906" s="19"/>
      <c r="V4906" s="19"/>
      <c r="W4906" s="19"/>
      <c r="X4906" s="19">
        <v>1</v>
      </c>
      <c r="Y4906" s="19"/>
      <c r="Z4906" s="19"/>
      <c r="AA4906" s="19"/>
    </row>
    <row r="4907" spans="1:27" s="1" customFormat="1" ht="14.1" customHeight="1" outlineLevel="2" x14ac:dyDescent="0.2">
      <c r="A4907" s="17"/>
      <c r="B4907" s="17"/>
      <c r="C4907" s="17"/>
      <c r="D4907" s="18"/>
      <c r="E4907" s="18"/>
      <c r="F4907" s="18"/>
      <c r="G4907" s="18"/>
      <c r="H4907" s="18"/>
      <c r="I4907" s="18"/>
      <c r="J4907" s="18"/>
      <c r="K4907" s="18"/>
      <c r="L4907" s="18"/>
      <c r="M4907" s="18"/>
      <c r="N4907" s="18"/>
      <c r="O4907" s="18"/>
      <c r="P4907" s="19"/>
      <c r="Q4907" s="19"/>
      <c r="R4907" s="19"/>
      <c r="S4907" s="19"/>
      <c r="T4907" s="19"/>
      <c r="U4907" s="19"/>
      <c r="V4907" s="19"/>
      <c r="W4907" s="19"/>
      <c r="X4907" s="19"/>
      <c r="Y4907" s="19"/>
      <c r="Z4907" s="19"/>
      <c r="AA4907" s="19"/>
    </row>
    <row r="4908" spans="1:27" s="1" customFormat="1" ht="11.1" customHeight="1" outlineLevel="2" x14ac:dyDescent="0.2">
      <c r="A4908" s="17">
        <v>16609</v>
      </c>
      <c r="B4908" s="17"/>
      <c r="C4908" s="17"/>
      <c r="D4908" s="18" t="s">
        <v>2443</v>
      </c>
      <c r="E4908" s="18"/>
      <c r="F4908" s="18"/>
      <c r="G4908" s="18"/>
      <c r="H4908" s="18"/>
      <c r="I4908" s="18"/>
      <c r="J4908" s="18"/>
      <c r="K4908" s="18"/>
      <c r="L4908" s="18"/>
      <c r="M4908" s="18"/>
      <c r="N4908" s="18"/>
      <c r="O4908" s="18"/>
      <c r="P4908" s="19">
        <v>200</v>
      </c>
      <c r="Q4908" s="19"/>
      <c r="R4908" s="19"/>
      <c r="S4908" s="19"/>
      <c r="T4908" s="19">
        <v>100</v>
      </c>
      <c r="U4908" s="19"/>
      <c r="V4908" s="19"/>
      <c r="W4908" s="19"/>
      <c r="X4908" s="19">
        <v>1</v>
      </c>
      <c r="Y4908" s="19"/>
      <c r="Z4908" s="19"/>
      <c r="AA4908" s="19"/>
    </row>
    <row r="4909" spans="1:27" s="1" customFormat="1" ht="11.1" customHeight="1" outlineLevel="2" x14ac:dyDescent="0.2">
      <c r="A4909" s="17"/>
      <c r="B4909" s="17"/>
      <c r="C4909" s="17"/>
      <c r="D4909" s="18"/>
      <c r="E4909" s="18"/>
      <c r="F4909" s="18"/>
      <c r="G4909" s="18"/>
      <c r="H4909" s="18"/>
      <c r="I4909" s="18"/>
      <c r="J4909" s="18"/>
      <c r="K4909" s="18"/>
      <c r="L4909" s="18"/>
      <c r="M4909" s="18"/>
      <c r="N4909" s="18"/>
      <c r="O4909" s="18"/>
      <c r="P4909" s="19"/>
      <c r="Q4909" s="19"/>
      <c r="R4909" s="19"/>
      <c r="S4909" s="19"/>
      <c r="T4909" s="19"/>
      <c r="U4909" s="19"/>
      <c r="V4909" s="19"/>
      <c r="W4909" s="19"/>
      <c r="X4909" s="19"/>
      <c r="Y4909" s="19"/>
      <c r="Z4909" s="19"/>
      <c r="AA4909" s="19"/>
    </row>
    <row r="4910" spans="1:27" s="1" customFormat="1" ht="14.1" customHeight="1" outlineLevel="2" x14ac:dyDescent="0.2">
      <c r="A4910" s="17">
        <v>17533</v>
      </c>
      <c r="B4910" s="17"/>
      <c r="C4910" s="17"/>
      <c r="D4910" s="18" t="s">
        <v>2444</v>
      </c>
      <c r="E4910" s="18"/>
      <c r="F4910" s="18"/>
      <c r="G4910" s="18"/>
      <c r="H4910" s="18"/>
      <c r="I4910" s="18"/>
      <c r="J4910" s="18"/>
      <c r="K4910" s="18"/>
      <c r="L4910" s="18"/>
      <c r="M4910" s="18"/>
      <c r="N4910" s="18"/>
      <c r="O4910" s="18"/>
      <c r="P4910" s="19">
        <v>150</v>
      </c>
      <c r="Q4910" s="19"/>
      <c r="R4910" s="19"/>
      <c r="S4910" s="19"/>
      <c r="T4910" s="19">
        <v>100</v>
      </c>
      <c r="U4910" s="19"/>
      <c r="V4910" s="19"/>
      <c r="W4910" s="19"/>
      <c r="X4910" s="19">
        <v>1</v>
      </c>
      <c r="Y4910" s="19"/>
      <c r="Z4910" s="19"/>
      <c r="AA4910" s="19"/>
    </row>
    <row r="4911" spans="1:27" s="1" customFormat="1" ht="14.1" customHeight="1" outlineLevel="2" x14ac:dyDescent="0.2">
      <c r="A4911" s="17"/>
      <c r="B4911" s="17"/>
      <c r="C4911" s="17"/>
      <c r="D4911" s="18"/>
      <c r="E4911" s="18"/>
      <c r="F4911" s="18"/>
      <c r="G4911" s="18"/>
      <c r="H4911" s="18"/>
      <c r="I4911" s="18"/>
      <c r="J4911" s="18"/>
      <c r="K4911" s="18"/>
      <c r="L4911" s="18"/>
      <c r="M4911" s="18"/>
      <c r="N4911" s="18"/>
      <c r="O4911" s="18"/>
      <c r="P4911" s="19"/>
      <c r="Q4911" s="19"/>
      <c r="R4911" s="19"/>
      <c r="S4911" s="19"/>
      <c r="T4911" s="19"/>
      <c r="U4911" s="19"/>
      <c r="V4911" s="19"/>
      <c r="W4911" s="19"/>
      <c r="X4911" s="19"/>
      <c r="Y4911" s="19"/>
      <c r="Z4911" s="19"/>
      <c r="AA4911" s="19"/>
    </row>
    <row r="4912" spans="1:27" s="1" customFormat="1" ht="14.1" customHeight="1" outlineLevel="2" x14ac:dyDescent="0.2">
      <c r="A4912" s="17">
        <v>16375</v>
      </c>
      <c r="B4912" s="17"/>
      <c r="C4912" s="17"/>
      <c r="D4912" s="18" t="s">
        <v>2445</v>
      </c>
      <c r="E4912" s="18"/>
      <c r="F4912" s="18"/>
      <c r="G4912" s="18"/>
      <c r="H4912" s="18"/>
      <c r="I4912" s="18"/>
      <c r="J4912" s="18"/>
      <c r="K4912" s="18"/>
      <c r="L4912" s="18"/>
      <c r="M4912" s="18"/>
      <c r="N4912" s="18"/>
      <c r="O4912" s="18"/>
      <c r="P4912" s="19">
        <v>250</v>
      </c>
      <c r="Q4912" s="19"/>
      <c r="R4912" s="19"/>
      <c r="S4912" s="19"/>
      <c r="T4912" s="19">
        <v>150</v>
      </c>
      <c r="U4912" s="19"/>
      <c r="V4912" s="19"/>
      <c r="W4912" s="19"/>
      <c r="X4912" s="19">
        <v>1</v>
      </c>
      <c r="Y4912" s="19"/>
      <c r="Z4912" s="19"/>
      <c r="AA4912" s="19"/>
    </row>
    <row r="4913" spans="1:27" s="1" customFormat="1" ht="14.1" customHeight="1" outlineLevel="2" x14ac:dyDescent="0.2">
      <c r="A4913" s="17"/>
      <c r="B4913" s="17"/>
      <c r="C4913" s="17"/>
      <c r="D4913" s="18"/>
      <c r="E4913" s="18"/>
      <c r="F4913" s="18"/>
      <c r="G4913" s="18"/>
      <c r="H4913" s="18"/>
      <c r="I4913" s="18"/>
      <c r="J4913" s="18"/>
      <c r="K4913" s="18"/>
      <c r="L4913" s="18"/>
      <c r="M4913" s="18"/>
      <c r="N4913" s="18"/>
      <c r="O4913" s="18"/>
      <c r="P4913" s="19"/>
      <c r="Q4913" s="19"/>
      <c r="R4913" s="19"/>
      <c r="S4913" s="19"/>
      <c r="T4913" s="19"/>
      <c r="U4913" s="19"/>
      <c r="V4913" s="19"/>
      <c r="W4913" s="19"/>
      <c r="X4913" s="19"/>
      <c r="Y4913" s="19"/>
      <c r="Z4913" s="19"/>
      <c r="AA4913" s="19"/>
    </row>
    <row r="4914" spans="1:27" s="1" customFormat="1" ht="14.1" customHeight="1" outlineLevel="2" x14ac:dyDescent="0.2">
      <c r="A4914" s="17">
        <v>12926</v>
      </c>
      <c r="B4914" s="17"/>
      <c r="C4914" s="17"/>
      <c r="D4914" s="18" t="s">
        <v>2446</v>
      </c>
      <c r="E4914" s="18"/>
      <c r="F4914" s="18"/>
      <c r="G4914" s="18"/>
      <c r="H4914" s="18"/>
      <c r="I4914" s="18"/>
      <c r="J4914" s="18"/>
      <c r="K4914" s="18"/>
      <c r="L4914" s="18"/>
      <c r="M4914" s="18"/>
      <c r="N4914" s="18"/>
      <c r="O4914" s="18"/>
      <c r="P4914" s="19">
        <v>160</v>
      </c>
      <c r="Q4914" s="19"/>
      <c r="R4914" s="19"/>
      <c r="S4914" s="19"/>
      <c r="T4914" s="19">
        <v>120</v>
      </c>
      <c r="U4914" s="19"/>
      <c r="V4914" s="19"/>
      <c r="W4914" s="19"/>
      <c r="X4914" s="19">
        <v>1</v>
      </c>
      <c r="Y4914" s="19"/>
      <c r="Z4914" s="19"/>
      <c r="AA4914" s="19"/>
    </row>
    <row r="4915" spans="1:27" s="1" customFormat="1" ht="14.1" customHeight="1" outlineLevel="2" x14ac:dyDescent="0.2">
      <c r="A4915" s="17"/>
      <c r="B4915" s="17"/>
      <c r="C4915" s="17"/>
      <c r="D4915" s="18"/>
      <c r="E4915" s="18"/>
      <c r="F4915" s="18"/>
      <c r="G4915" s="18"/>
      <c r="H4915" s="18"/>
      <c r="I4915" s="18"/>
      <c r="J4915" s="18"/>
      <c r="K4915" s="18"/>
      <c r="L4915" s="18"/>
      <c r="M4915" s="18"/>
      <c r="N4915" s="18"/>
      <c r="O4915" s="18"/>
      <c r="P4915" s="19"/>
      <c r="Q4915" s="19"/>
      <c r="R4915" s="19"/>
      <c r="S4915" s="19"/>
      <c r="T4915" s="19"/>
      <c r="U4915" s="19"/>
      <c r="V4915" s="19"/>
      <c r="W4915" s="19"/>
      <c r="X4915" s="19"/>
      <c r="Y4915" s="19"/>
      <c r="Z4915" s="19"/>
      <c r="AA4915" s="19"/>
    </row>
    <row r="4916" spans="1:27" s="1" customFormat="1" ht="11.1" customHeight="1" outlineLevel="2" x14ac:dyDescent="0.2">
      <c r="A4916" s="17">
        <v>15829</v>
      </c>
      <c r="B4916" s="17"/>
      <c r="C4916" s="17"/>
      <c r="D4916" s="18" t="s">
        <v>2447</v>
      </c>
      <c r="E4916" s="18"/>
      <c r="F4916" s="18"/>
      <c r="G4916" s="18"/>
      <c r="H4916" s="18"/>
      <c r="I4916" s="18"/>
      <c r="J4916" s="18"/>
      <c r="K4916" s="18"/>
      <c r="L4916" s="18"/>
      <c r="M4916" s="18"/>
      <c r="N4916" s="18"/>
      <c r="O4916" s="18"/>
      <c r="P4916" s="19">
        <v>200</v>
      </c>
      <c r="Q4916" s="19"/>
      <c r="R4916" s="19"/>
      <c r="S4916" s="19"/>
      <c r="T4916" s="19">
        <v>150</v>
      </c>
      <c r="U4916" s="19"/>
      <c r="V4916" s="19"/>
      <c r="W4916" s="19"/>
      <c r="X4916" s="19">
        <v>1</v>
      </c>
      <c r="Y4916" s="19"/>
      <c r="Z4916" s="19"/>
      <c r="AA4916" s="19"/>
    </row>
    <row r="4917" spans="1:27" s="1" customFormat="1" ht="11.1" customHeight="1" outlineLevel="2" x14ac:dyDescent="0.2">
      <c r="A4917" s="17"/>
      <c r="B4917" s="17"/>
      <c r="C4917" s="17"/>
      <c r="D4917" s="18"/>
      <c r="E4917" s="18"/>
      <c r="F4917" s="18"/>
      <c r="G4917" s="18"/>
      <c r="H4917" s="18"/>
      <c r="I4917" s="18"/>
      <c r="J4917" s="18"/>
      <c r="K4917" s="18"/>
      <c r="L4917" s="18"/>
      <c r="M4917" s="18"/>
      <c r="N4917" s="18"/>
      <c r="O4917" s="18"/>
      <c r="P4917" s="19"/>
      <c r="Q4917" s="19"/>
      <c r="R4917" s="19"/>
      <c r="S4917" s="19"/>
      <c r="T4917" s="19"/>
      <c r="U4917" s="19"/>
      <c r="V4917" s="19"/>
      <c r="W4917" s="19"/>
      <c r="X4917" s="19"/>
      <c r="Y4917" s="19"/>
      <c r="Z4917" s="19"/>
      <c r="AA4917" s="19"/>
    </row>
    <row r="4918" spans="1:27" s="1" customFormat="1" ht="11.1" customHeight="1" outlineLevel="2" x14ac:dyDescent="0.2">
      <c r="A4918" s="17">
        <v>15081</v>
      </c>
      <c r="B4918" s="17"/>
      <c r="C4918" s="17"/>
      <c r="D4918" s="18" t="s">
        <v>2448</v>
      </c>
      <c r="E4918" s="18"/>
      <c r="F4918" s="18"/>
      <c r="G4918" s="18"/>
      <c r="H4918" s="18"/>
      <c r="I4918" s="18"/>
      <c r="J4918" s="18"/>
      <c r="K4918" s="18"/>
      <c r="L4918" s="18"/>
      <c r="M4918" s="18"/>
      <c r="N4918" s="18"/>
      <c r="O4918" s="18"/>
      <c r="P4918" s="19">
        <v>85</v>
      </c>
      <c r="Q4918" s="19"/>
      <c r="R4918" s="19"/>
      <c r="S4918" s="19"/>
      <c r="T4918" s="19">
        <v>50</v>
      </c>
      <c r="U4918" s="19"/>
      <c r="V4918" s="19"/>
      <c r="W4918" s="19"/>
      <c r="X4918" s="19">
        <v>1</v>
      </c>
      <c r="Y4918" s="19"/>
      <c r="Z4918" s="19"/>
      <c r="AA4918" s="19"/>
    </row>
    <row r="4919" spans="1:27" s="1" customFormat="1" ht="11.1" customHeight="1" outlineLevel="2" x14ac:dyDescent="0.2">
      <c r="A4919" s="17"/>
      <c r="B4919" s="17"/>
      <c r="C4919" s="17"/>
      <c r="D4919" s="18"/>
      <c r="E4919" s="18"/>
      <c r="F4919" s="18"/>
      <c r="G4919" s="18"/>
      <c r="H4919" s="18"/>
      <c r="I4919" s="18"/>
      <c r="J4919" s="18"/>
      <c r="K4919" s="18"/>
      <c r="L4919" s="18"/>
      <c r="M4919" s="18"/>
      <c r="N4919" s="18"/>
      <c r="O4919" s="18"/>
      <c r="P4919" s="19"/>
      <c r="Q4919" s="19"/>
      <c r="R4919" s="19"/>
      <c r="S4919" s="19"/>
      <c r="T4919" s="19"/>
      <c r="U4919" s="19"/>
      <c r="V4919" s="19"/>
      <c r="W4919" s="19"/>
      <c r="X4919" s="19"/>
      <c r="Y4919" s="19"/>
      <c r="Z4919" s="19"/>
      <c r="AA4919" s="19"/>
    </row>
    <row r="4920" spans="1:27" s="1" customFormat="1" ht="14.1" customHeight="1" outlineLevel="2" x14ac:dyDescent="0.2">
      <c r="A4920" s="17">
        <v>15812</v>
      </c>
      <c r="B4920" s="17"/>
      <c r="C4920" s="17"/>
      <c r="D4920" s="18" t="s">
        <v>2449</v>
      </c>
      <c r="E4920" s="18"/>
      <c r="F4920" s="18"/>
      <c r="G4920" s="18"/>
      <c r="H4920" s="18"/>
      <c r="I4920" s="18"/>
      <c r="J4920" s="18"/>
      <c r="K4920" s="18"/>
      <c r="L4920" s="18"/>
      <c r="M4920" s="18"/>
      <c r="N4920" s="18"/>
      <c r="O4920" s="18"/>
      <c r="P4920" s="19">
        <v>310</v>
      </c>
      <c r="Q4920" s="19"/>
      <c r="R4920" s="19"/>
      <c r="S4920" s="19"/>
      <c r="T4920" s="19">
        <v>250</v>
      </c>
      <c r="U4920" s="19"/>
      <c r="V4920" s="19"/>
      <c r="W4920" s="19"/>
      <c r="X4920" s="19">
        <v>1</v>
      </c>
      <c r="Y4920" s="19"/>
      <c r="Z4920" s="19"/>
      <c r="AA4920" s="19"/>
    </row>
    <row r="4921" spans="1:27" s="1" customFormat="1" ht="14.1" customHeight="1" outlineLevel="2" x14ac:dyDescent="0.2">
      <c r="A4921" s="17"/>
      <c r="B4921" s="17"/>
      <c r="C4921" s="17"/>
      <c r="D4921" s="18"/>
      <c r="E4921" s="18"/>
      <c r="F4921" s="18"/>
      <c r="G4921" s="18"/>
      <c r="H4921" s="18"/>
      <c r="I4921" s="18"/>
      <c r="J4921" s="18"/>
      <c r="K4921" s="18"/>
      <c r="L4921" s="18"/>
      <c r="M4921" s="18"/>
      <c r="N4921" s="18"/>
      <c r="O4921" s="18"/>
      <c r="P4921" s="19"/>
      <c r="Q4921" s="19"/>
      <c r="R4921" s="19"/>
      <c r="S4921" s="19"/>
      <c r="T4921" s="19"/>
      <c r="U4921" s="19"/>
      <c r="V4921" s="19"/>
      <c r="W4921" s="19"/>
      <c r="X4921" s="19"/>
      <c r="Y4921" s="19"/>
      <c r="Z4921" s="19"/>
      <c r="AA4921" s="19"/>
    </row>
    <row r="4922" spans="1:27" s="1" customFormat="1" ht="14.1" customHeight="1" outlineLevel="2" x14ac:dyDescent="0.2">
      <c r="A4922" s="17">
        <v>16367</v>
      </c>
      <c r="B4922" s="17"/>
      <c r="C4922" s="17"/>
      <c r="D4922" s="18" t="s">
        <v>2450</v>
      </c>
      <c r="E4922" s="18"/>
      <c r="F4922" s="18"/>
      <c r="G4922" s="18"/>
      <c r="H4922" s="18"/>
      <c r="I4922" s="18"/>
      <c r="J4922" s="18"/>
      <c r="K4922" s="18"/>
      <c r="L4922" s="18"/>
      <c r="M4922" s="18"/>
      <c r="N4922" s="18"/>
      <c r="O4922" s="18"/>
      <c r="P4922" s="19">
        <v>700</v>
      </c>
      <c r="Q4922" s="19"/>
      <c r="R4922" s="19"/>
      <c r="S4922" s="19"/>
      <c r="T4922" s="19">
        <v>600</v>
      </c>
      <c r="U4922" s="19"/>
      <c r="V4922" s="19"/>
      <c r="W4922" s="19"/>
      <c r="X4922" s="19">
        <v>2</v>
      </c>
      <c r="Y4922" s="19"/>
      <c r="Z4922" s="19"/>
      <c r="AA4922" s="19"/>
    </row>
    <row r="4923" spans="1:27" s="1" customFormat="1" ht="14.1" customHeight="1" outlineLevel="2" x14ac:dyDescent="0.2">
      <c r="A4923" s="17"/>
      <c r="B4923" s="17"/>
      <c r="C4923" s="17"/>
      <c r="D4923" s="18"/>
      <c r="E4923" s="18"/>
      <c r="F4923" s="18"/>
      <c r="G4923" s="18"/>
      <c r="H4923" s="18"/>
      <c r="I4923" s="18"/>
      <c r="J4923" s="18"/>
      <c r="K4923" s="18"/>
      <c r="L4923" s="18"/>
      <c r="M4923" s="18"/>
      <c r="N4923" s="18"/>
      <c r="O4923" s="18"/>
      <c r="P4923" s="19"/>
      <c r="Q4923" s="19"/>
      <c r="R4923" s="19"/>
      <c r="S4923" s="19"/>
      <c r="T4923" s="19"/>
      <c r="U4923" s="19"/>
      <c r="V4923" s="19"/>
      <c r="W4923" s="19"/>
      <c r="X4923" s="19"/>
      <c r="Y4923" s="19"/>
      <c r="Z4923" s="19"/>
      <c r="AA4923" s="19"/>
    </row>
    <row r="4924" spans="1:27" s="1" customFormat="1" ht="14.1" customHeight="1" outlineLevel="2" x14ac:dyDescent="0.2">
      <c r="A4924" s="17">
        <v>16945</v>
      </c>
      <c r="B4924" s="17"/>
      <c r="C4924" s="17"/>
      <c r="D4924" s="18" t="s">
        <v>2451</v>
      </c>
      <c r="E4924" s="18"/>
      <c r="F4924" s="18"/>
      <c r="G4924" s="18"/>
      <c r="H4924" s="18"/>
      <c r="I4924" s="18"/>
      <c r="J4924" s="18"/>
      <c r="K4924" s="18"/>
      <c r="L4924" s="18"/>
      <c r="M4924" s="18"/>
      <c r="N4924" s="18"/>
      <c r="O4924" s="18"/>
      <c r="P4924" s="19">
        <v>700</v>
      </c>
      <c r="Q4924" s="19"/>
      <c r="R4924" s="19"/>
      <c r="S4924" s="19"/>
      <c r="T4924" s="19">
        <v>600</v>
      </c>
      <c r="U4924" s="19"/>
      <c r="V4924" s="19"/>
      <c r="W4924" s="19"/>
      <c r="X4924" s="19">
        <v>1</v>
      </c>
      <c r="Y4924" s="19"/>
      <c r="Z4924" s="19"/>
      <c r="AA4924" s="19"/>
    </row>
    <row r="4925" spans="1:27" s="1" customFormat="1" ht="14.1" customHeight="1" outlineLevel="2" x14ac:dyDescent="0.2">
      <c r="A4925" s="17"/>
      <c r="B4925" s="17"/>
      <c r="C4925" s="17"/>
      <c r="D4925" s="18"/>
      <c r="E4925" s="18"/>
      <c r="F4925" s="18"/>
      <c r="G4925" s="18"/>
      <c r="H4925" s="18"/>
      <c r="I4925" s="18"/>
      <c r="J4925" s="18"/>
      <c r="K4925" s="18"/>
      <c r="L4925" s="18"/>
      <c r="M4925" s="18"/>
      <c r="N4925" s="18"/>
      <c r="O4925" s="18"/>
      <c r="P4925" s="19"/>
      <c r="Q4925" s="19"/>
      <c r="R4925" s="19"/>
      <c r="S4925" s="19"/>
      <c r="T4925" s="19"/>
      <c r="U4925" s="19"/>
      <c r="V4925" s="19"/>
      <c r="W4925" s="19"/>
      <c r="X4925" s="19"/>
      <c r="Y4925" s="19"/>
      <c r="Z4925" s="19"/>
      <c r="AA4925" s="19"/>
    </row>
    <row r="4926" spans="1:27" s="1" customFormat="1" ht="14.1" customHeight="1" outlineLevel="2" x14ac:dyDescent="0.2">
      <c r="A4926" s="17">
        <v>15796</v>
      </c>
      <c r="B4926" s="17"/>
      <c r="C4926" s="17"/>
      <c r="D4926" s="18" t="s">
        <v>2452</v>
      </c>
      <c r="E4926" s="18"/>
      <c r="F4926" s="18"/>
      <c r="G4926" s="18"/>
      <c r="H4926" s="18"/>
      <c r="I4926" s="18"/>
      <c r="J4926" s="18"/>
      <c r="K4926" s="18"/>
      <c r="L4926" s="18"/>
      <c r="M4926" s="18"/>
      <c r="N4926" s="18"/>
      <c r="O4926" s="18"/>
      <c r="P4926" s="19">
        <v>200</v>
      </c>
      <c r="Q4926" s="19"/>
      <c r="R4926" s="19"/>
      <c r="S4926" s="19"/>
      <c r="T4926" s="19">
        <v>150</v>
      </c>
      <c r="U4926" s="19"/>
      <c r="V4926" s="19"/>
      <c r="W4926" s="19"/>
      <c r="X4926" s="19">
        <v>1</v>
      </c>
      <c r="Y4926" s="19"/>
      <c r="Z4926" s="19"/>
      <c r="AA4926" s="19"/>
    </row>
    <row r="4927" spans="1:27" s="1" customFormat="1" ht="14.1" customHeight="1" outlineLevel="2" x14ac:dyDescent="0.2">
      <c r="A4927" s="17"/>
      <c r="B4927" s="17"/>
      <c r="C4927" s="17"/>
      <c r="D4927" s="18"/>
      <c r="E4927" s="18"/>
      <c r="F4927" s="18"/>
      <c r="G4927" s="18"/>
      <c r="H4927" s="18"/>
      <c r="I4927" s="18"/>
      <c r="J4927" s="18"/>
      <c r="K4927" s="18"/>
      <c r="L4927" s="18"/>
      <c r="M4927" s="18"/>
      <c r="N4927" s="18"/>
      <c r="O4927" s="18"/>
      <c r="P4927" s="19"/>
      <c r="Q4927" s="19"/>
      <c r="R4927" s="19"/>
      <c r="S4927" s="19"/>
      <c r="T4927" s="19"/>
      <c r="U4927" s="19"/>
      <c r="V4927" s="19"/>
      <c r="W4927" s="19"/>
      <c r="X4927" s="19"/>
      <c r="Y4927" s="19"/>
      <c r="Z4927" s="19"/>
      <c r="AA4927" s="19"/>
    </row>
    <row r="4928" spans="1:27" s="1" customFormat="1" ht="11.1" customHeight="1" outlineLevel="1" x14ac:dyDescent="0.2">
      <c r="A4928" s="16" t="s">
        <v>1205</v>
      </c>
      <c r="B4928" s="16"/>
      <c r="C4928" s="16"/>
      <c r="D4928" s="16"/>
      <c r="E4928" s="16"/>
      <c r="F4928" s="16"/>
      <c r="G4928" s="16"/>
      <c r="H4928" s="16"/>
      <c r="I4928" s="16"/>
      <c r="J4928" s="16"/>
      <c r="K4928" s="16"/>
      <c r="L4928" s="16"/>
      <c r="M4928" s="16"/>
      <c r="N4928" s="16"/>
      <c r="O4928" s="16"/>
      <c r="P4928" s="16"/>
      <c r="Q4928" s="16"/>
      <c r="R4928" s="16"/>
      <c r="S4928" s="16"/>
      <c r="T4928" s="16"/>
      <c r="U4928" s="16"/>
      <c r="V4928" s="16"/>
      <c r="W4928" s="16"/>
      <c r="X4928" s="16"/>
      <c r="Y4928" s="16"/>
      <c r="Z4928" s="16"/>
      <c r="AA4928" s="16"/>
    </row>
    <row r="4929" spans="1:27" s="1" customFormat="1" ht="11.1" customHeight="1" outlineLevel="1" x14ac:dyDescent="0.2">
      <c r="A4929" s="16"/>
      <c r="B4929" s="16"/>
      <c r="C4929" s="16"/>
      <c r="D4929" s="16"/>
      <c r="E4929" s="16"/>
      <c r="F4929" s="16"/>
      <c r="G4929" s="16"/>
      <c r="H4929" s="16"/>
      <c r="I4929" s="16"/>
      <c r="J4929" s="16"/>
      <c r="K4929" s="16"/>
      <c r="L4929" s="16"/>
      <c r="M4929" s="16"/>
      <c r="N4929" s="16"/>
      <c r="O4929" s="16"/>
      <c r="P4929" s="16"/>
      <c r="Q4929" s="16"/>
      <c r="R4929" s="16"/>
      <c r="S4929" s="16"/>
      <c r="T4929" s="16"/>
      <c r="U4929" s="16"/>
      <c r="V4929" s="16"/>
      <c r="W4929" s="16"/>
      <c r="X4929" s="16"/>
      <c r="Y4929" s="16"/>
      <c r="Z4929" s="16"/>
      <c r="AA4929" s="16"/>
    </row>
    <row r="4930" spans="1:27" s="1" customFormat="1" ht="14.1" customHeight="1" outlineLevel="2" x14ac:dyDescent="0.2">
      <c r="A4930" s="17">
        <v>16842</v>
      </c>
      <c r="B4930" s="17"/>
      <c r="C4930" s="17"/>
      <c r="D4930" s="18" t="s">
        <v>2453</v>
      </c>
      <c r="E4930" s="18"/>
      <c r="F4930" s="18"/>
      <c r="G4930" s="18"/>
      <c r="H4930" s="18"/>
      <c r="I4930" s="18"/>
      <c r="J4930" s="18"/>
      <c r="K4930" s="18"/>
      <c r="L4930" s="18"/>
      <c r="M4930" s="18"/>
      <c r="N4930" s="18"/>
      <c r="O4930" s="18"/>
      <c r="P4930" s="19">
        <v>300</v>
      </c>
      <c r="Q4930" s="19"/>
      <c r="R4930" s="19"/>
      <c r="S4930" s="19"/>
      <c r="T4930" s="19">
        <v>200</v>
      </c>
      <c r="U4930" s="19"/>
      <c r="V4930" s="19"/>
      <c r="W4930" s="19"/>
      <c r="X4930" s="19">
        <v>1</v>
      </c>
      <c r="Y4930" s="19"/>
      <c r="Z4930" s="19"/>
      <c r="AA4930" s="19"/>
    </row>
    <row r="4931" spans="1:27" s="1" customFormat="1" ht="14.1" customHeight="1" outlineLevel="2" x14ac:dyDescent="0.2">
      <c r="A4931" s="17"/>
      <c r="B4931" s="17"/>
      <c r="C4931" s="17"/>
      <c r="D4931" s="18"/>
      <c r="E4931" s="18"/>
      <c r="F4931" s="18"/>
      <c r="G4931" s="18"/>
      <c r="H4931" s="18"/>
      <c r="I4931" s="18"/>
      <c r="J4931" s="18"/>
      <c r="K4931" s="18"/>
      <c r="L4931" s="18"/>
      <c r="M4931" s="18"/>
      <c r="N4931" s="18"/>
      <c r="O4931" s="18"/>
      <c r="P4931" s="19"/>
      <c r="Q4931" s="19"/>
      <c r="R4931" s="19"/>
      <c r="S4931" s="19"/>
      <c r="T4931" s="19"/>
      <c r="U4931" s="19"/>
      <c r="V4931" s="19"/>
      <c r="W4931" s="19"/>
      <c r="X4931" s="19"/>
      <c r="Y4931" s="19"/>
      <c r="Z4931" s="19"/>
      <c r="AA4931" s="19"/>
    </row>
    <row r="4932" spans="1:27" s="1" customFormat="1" ht="14.1" customHeight="1" outlineLevel="2" x14ac:dyDescent="0.2">
      <c r="A4932" s="17">
        <v>16993</v>
      </c>
      <c r="B4932" s="17"/>
      <c r="C4932" s="17"/>
      <c r="D4932" s="18" t="s">
        <v>2454</v>
      </c>
      <c r="E4932" s="18"/>
      <c r="F4932" s="18"/>
      <c r="G4932" s="18"/>
      <c r="H4932" s="18"/>
      <c r="I4932" s="18"/>
      <c r="J4932" s="18"/>
      <c r="K4932" s="18"/>
      <c r="L4932" s="18"/>
      <c r="M4932" s="18"/>
      <c r="N4932" s="18"/>
      <c r="O4932" s="18"/>
      <c r="P4932" s="20">
        <v>1300</v>
      </c>
      <c r="Q4932" s="20"/>
      <c r="R4932" s="20"/>
      <c r="S4932" s="20"/>
      <c r="T4932" s="20">
        <v>1000</v>
      </c>
      <c r="U4932" s="20"/>
      <c r="V4932" s="20"/>
      <c r="W4932" s="20"/>
      <c r="X4932" s="19">
        <v>1</v>
      </c>
      <c r="Y4932" s="19"/>
      <c r="Z4932" s="19"/>
      <c r="AA4932" s="19"/>
    </row>
    <row r="4933" spans="1:27" s="1" customFormat="1" ht="14.1" customHeight="1" outlineLevel="2" x14ac:dyDescent="0.2">
      <c r="A4933" s="17"/>
      <c r="B4933" s="17"/>
      <c r="C4933" s="17"/>
      <c r="D4933" s="18"/>
      <c r="E4933" s="18"/>
      <c r="F4933" s="18"/>
      <c r="G4933" s="18"/>
      <c r="H4933" s="18"/>
      <c r="I4933" s="18"/>
      <c r="J4933" s="18"/>
      <c r="K4933" s="18"/>
      <c r="L4933" s="18"/>
      <c r="M4933" s="18"/>
      <c r="N4933" s="18"/>
      <c r="O4933" s="18"/>
      <c r="P4933" s="20"/>
      <c r="Q4933" s="20"/>
      <c r="R4933" s="20"/>
      <c r="S4933" s="20"/>
      <c r="T4933" s="20"/>
      <c r="U4933" s="20"/>
      <c r="V4933" s="20"/>
      <c r="W4933" s="20"/>
      <c r="X4933" s="19"/>
      <c r="Y4933" s="19"/>
      <c r="Z4933" s="19"/>
      <c r="AA4933" s="19"/>
    </row>
    <row r="4934" spans="1:27" s="1" customFormat="1" ht="14.1" customHeight="1" outlineLevel="2" x14ac:dyDescent="0.2">
      <c r="A4934" s="17">
        <v>16852</v>
      </c>
      <c r="B4934" s="17"/>
      <c r="C4934" s="17"/>
      <c r="D4934" s="18" t="s">
        <v>2455</v>
      </c>
      <c r="E4934" s="18"/>
      <c r="F4934" s="18"/>
      <c r="G4934" s="18"/>
      <c r="H4934" s="18"/>
      <c r="I4934" s="18"/>
      <c r="J4934" s="18"/>
      <c r="K4934" s="18"/>
      <c r="L4934" s="18"/>
      <c r="M4934" s="18"/>
      <c r="N4934" s="18"/>
      <c r="O4934" s="18"/>
      <c r="P4934" s="19">
        <v>100</v>
      </c>
      <c r="Q4934" s="19"/>
      <c r="R4934" s="19"/>
      <c r="S4934" s="19"/>
      <c r="T4934" s="19">
        <v>50</v>
      </c>
      <c r="U4934" s="19"/>
      <c r="V4934" s="19"/>
      <c r="W4934" s="19"/>
      <c r="X4934" s="19">
        <v>1</v>
      </c>
      <c r="Y4934" s="19"/>
      <c r="Z4934" s="19"/>
      <c r="AA4934" s="19"/>
    </row>
    <row r="4935" spans="1:27" s="1" customFormat="1" ht="14.1" customHeight="1" outlineLevel="2" x14ac:dyDescent="0.2">
      <c r="A4935" s="17"/>
      <c r="B4935" s="17"/>
      <c r="C4935" s="17"/>
      <c r="D4935" s="18"/>
      <c r="E4935" s="18"/>
      <c r="F4935" s="18"/>
      <c r="G4935" s="18"/>
      <c r="H4935" s="18"/>
      <c r="I4935" s="18"/>
      <c r="J4935" s="18"/>
      <c r="K4935" s="18"/>
      <c r="L4935" s="18"/>
      <c r="M4935" s="18"/>
      <c r="N4935" s="18"/>
      <c r="O4935" s="18"/>
      <c r="P4935" s="19"/>
      <c r="Q4935" s="19"/>
      <c r="R4935" s="19"/>
      <c r="S4935" s="19"/>
      <c r="T4935" s="19"/>
      <c r="U4935" s="19"/>
      <c r="V4935" s="19"/>
      <c r="W4935" s="19"/>
      <c r="X4935" s="19"/>
      <c r="Y4935" s="19"/>
      <c r="Z4935" s="19"/>
      <c r="AA4935" s="19"/>
    </row>
    <row r="4936" spans="1:27" s="1" customFormat="1" ht="14.1" customHeight="1" outlineLevel="2" x14ac:dyDescent="0.2">
      <c r="A4936" s="17">
        <v>16843</v>
      </c>
      <c r="B4936" s="17"/>
      <c r="C4936" s="17"/>
      <c r="D4936" s="18" t="s">
        <v>2456</v>
      </c>
      <c r="E4936" s="18"/>
      <c r="F4936" s="18"/>
      <c r="G4936" s="18"/>
      <c r="H4936" s="18"/>
      <c r="I4936" s="18"/>
      <c r="J4936" s="18"/>
      <c r="K4936" s="18"/>
      <c r="L4936" s="18"/>
      <c r="M4936" s="18"/>
      <c r="N4936" s="18"/>
      <c r="O4936" s="18"/>
      <c r="P4936" s="19">
        <v>800</v>
      </c>
      <c r="Q4936" s="19"/>
      <c r="R4936" s="19"/>
      <c r="S4936" s="19"/>
      <c r="T4936" s="19">
        <v>700</v>
      </c>
      <c r="U4936" s="19"/>
      <c r="V4936" s="19"/>
      <c r="W4936" s="19"/>
      <c r="X4936" s="19">
        <v>1</v>
      </c>
      <c r="Y4936" s="19"/>
      <c r="Z4936" s="19"/>
      <c r="AA4936" s="19"/>
    </row>
    <row r="4937" spans="1:27" s="1" customFormat="1" ht="14.1" customHeight="1" outlineLevel="2" x14ac:dyDescent="0.2">
      <c r="A4937" s="17"/>
      <c r="B4937" s="17"/>
      <c r="C4937" s="17"/>
      <c r="D4937" s="18"/>
      <c r="E4937" s="18"/>
      <c r="F4937" s="18"/>
      <c r="G4937" s="18"/>
      <c r="H4937" s="18"/>
      <c r="I4937" s="18"/>
      <c r="J4937" s="18"/>
      <c r="K4937" s="18"/>
      <c r="L4937" s="18"/>
      <c r="M4937" s="18"/>
      <c r="N4937" s="18"/>
      <c r="O4937" s="18"/>
      <c r="P4937" s="19"/>
      <c r="Q4937" s="19"/>
      <c r="R4937" s="19"/>
      <c r="S4937" s="19"/>
      <c r="T4937" s="19"/>
      <c r="U4937" s="19"/>
      <c r="V4937" s="19"/>
      <c r="W4937" s="19"/>
      <c r="X4937" s="19"/>
      <c r="Y4937" s="19"/>
      <c r="Z4937" s="19"/>
      <c r="AA4937" s="19"/>
    </row>
    <row r="4938" spans="1:27" s="1" customFormat="1" ht="14.1" customHeight="1" outlineLevel="2" x14ac:dyDescent="0.2">
      <c r="A4938" s="17">
        <v>16994</v>
      </c>
      <c r="B4938" s="17"/>
      <c r="C4938" s="17"/>
      <c r="D4938" s="18" t="s">
        <v>2457</v>
      </c>
      <c r="E4938" s="18"/>
      <c r="F4938" s="18"/>
      <c r="G4938" s="18"/>
      <c r="H4938" s="18"/>
      <c r="I4938" s="18"/>
      <c r="J4938" s="18"/>
      <c r="K4938" s="18"/>
      <c r="L4938" s="18"/>
      <c r="M4938" s="18"/>
      <c r="N4938" s="18"/>
      <c r="O4938" s="18"/>
      <c r="P4938" s="20">
        <v>1300</v>
      </c>
      <c r="Q4938" s="20"/>
      <c r="R4938" s="20"/>
      <c r="S4938" s="20"/>
      <c r="T4938" s="20">
        <v>1000</v>
      </c>
      <c r="U4938" s="20"/>
      <c r="V4938" s="20"/>
      <c r="W4938" s="20"/>
      <c r="X4938" s="19">
        <v>1</v>
      </c>
      <c r="Y4938" s="19"/>
      <c r="Z4938" s="19"/>
      <c r="AA4938" s="19"/>
    </row>
    <row r="4939" spans="1:27" s="1" customFormat="1" ht="14.1" customHeight="1" outlineLevel="2" x14ac:dyDescent="0.2">
      <c r="A4939" s="17"/>
      <c r="B4939" s="17"/>
      <c r="C4939" s="17"/>
      <c r="D4939" s="18"/>
      <c r="E4939" s="18"/>
      <c r="F4939" s="18"/>
      <c r="G4939" s="18"/>
      <c r="H4939" s="18"/>
      <c r="I4939" s="18"/>
      <c r="J4939" s="18"/>
      <c r="K4939" s="18"/>
      <c r="L4939" s="18"/>
      <c r="M4939" s="18"/>
      <c r="N4939" s="18"/>
      <c r="O4939" s="18"/>
      <c r="P4939" s="20"/>
      <c r="Q4939" s="20"/>
      <c r="R4939" s="20"/>
      <c r="S4939" s="20"/>
      <c r="T4939" s="20"/>
      <c r="U4939" s="20"/>
      <c r="V4939" s="20"/>
      <c r="W4939" s="20"/>
      <c r="X4939" s="19"/>
      <c r="Y4939" s="19"/>
      <c r="Z4939" s="19"/>
      <c r="AA4939" s="19"/>
    </row>
    <row r="4940" spans="1:27" s="1" customFormat="1" ht="11.1" customHeight="1" outlineLevel="1" x14ac:dyDescent="0.2">
      <c r="A4940" s="16" t="s">
        <v>1212</v>
      </c>
      <c r="B4940" s="16"/>
      <c r="C4940" s="16"/>
      <c r="D4940" s="16"/>
      <c r="E4940" s="16"/>
      <c r="F4940" s="16"/>
      <c r="G4940" s="16"/>
      <c r="H4940" s="16"/>
      <c r="I4940" s="16"/>
      <c r="J4940" s="16"/>
      <c r="K4940" s="16"/>
      <c r="L4940" s="16"/>
      <c r="M4940" s="16"/>
      <c r="N4940" s="16"/>
      <c r="O4940" s="16"/>
      <c r="P4940" s="16"/>
      <c r="Q4940" s="16"/>
      <c r="R4940" s="16"/>
      <c r="S4940" s="16"/>
      <c r="T4940" s="16"/>
      <c r="U4940" s="16"/>
      <c r="V4940" s="16"/>
      <c r="W4940" s="16"/>
      <c r="X4940" s="16"/>
      <c r="Y4940" s="16"/>
      <c r="Z4940" s="16"/>
      <c r="AA4940" s="16"/>
    </row>
    <row r="4941" spans="1:27" s="1" customFormat="1" ht="11.1" customHeight="1" outlineLevel="1" x14ac:dyDescent="0.2">
      <c r="A4941" s="16"/>
      <c r="B4941" s="16"/>
      <c r="C4941" s="16"/>
      <c r="D4941" s="16"/>
      <c r="E4941" s="16"/>
      <c r="F4941" s="16"/>
      <c r="G4941" s="16"/>
      <c r="H4941" s="16"/>
      <c r="I4941" s="16"/>
      <c r="J4941" s="16"/>
      <c r="K4941" s="16"/>
      <c r="L4941" s="16"/>
      <c r="M4941" s="16"/>
      <c r="N4941" s="16"/>
      <c r="O4941" s="16"/>
      <c r="P4941" s="16"/>
      <c r="Q4941" s="16"/>
      <c r="R4941" s="16"/>
      <c r="S4941" s="16"/>
      <c r="T4941" s="16"/>
      <c r="U4941" s="16"/>
      <c r="V4941" s="16"/>
      <c r="W4941" s="16"/>
      <c r="X4941" s="16"/>
      <c r="Y4941" s="16"/>
      <c r="Z4941" s="16"/>
      <c r="AA4941" s="16"/>
    </row>
    <row r="4942" spans="1:27" s="1" customFormat="1" ht="14.1" customHeight="1" outlineLevel="2" x14ac:dyDescent="0.2">
      <c r="A4942" s="17">
        <v>17063</v>
      </c>
      <c r="B4942" s="17"/>
      <c r="C4942" s="17"/>
      <c r="D4942" s="18" t="s">
        <v>2458</v>
      </c>
      <c r="E4942" s="18"/>
      <c r="F4942" s="18"/>
      <c r="G4942" s="18"/>
      <c r="H4942" s="18"/>
      <c r="I4942" s="18"/>
      <c r="J4942" s="18"/>
      <c r="K4942" s="18"/>
      <c r="L4942" s="18"/>
      <c r="M4942" s="18"/>
      <c r="N4942" s="18"/>
      <c r="O4942" s="18"/>
      <c r="P4942" s="19">
        <v>80</v>
      </c>
      <c r="Q4942" s="19"/>
      <c r="R4942" s="19"/>
      <c r="S4942" s="19"/>
      <c r="T4942" s="19">
        <v>50</v>
      </c>
      <c r="U4942" s="19"/>
      <c r="V4942" s="19"/>
      <c r="W4942" s="19"/>
      <c r="X4942" s="19">
        <v>1</v>
      </c>
      <c r="Y4942" s="19"/>
      <c r="Z4942" s="19"/>
      <c r="AA4942" s="19"/>
    </row>
    <row r="4943" spans="1:27" s="1" customFormat="1" ht="14.1" customHeight="1" outlineLevel="2" x14ac:dyDescent="0.2">
      <c r="A4943" s="17"/>
      <c r="B4943" s="17"/>
      <c r="C4943" s="17"/>
      <c r="D4943" s="18"/>
      <c r="E4943" s="18"/>
      <c r="F4943" s="18"/>
      <c r="G4943" s="18"/>
      <c r="H4943" s="18"/>
      <c r="I4943" s="18"/>
      <c r="J4943" s="18"/>
      <c r="K4943" s="18"/>
      <c r="L4943" s="18"/>
      <c r="M4943" s="18"/>
      <c r="N4943" s="18"/>
      <c r="O4943" s="18"/>
      <c r="P4943" s="19"/>
      <c r="Q4943" s="19"/>
      <c r="R4943" s="19"/>
      <c r="S4943" s="19"/>
      <c r="T4943" s="19"/>
      <c r="U4943" s="19"/>
      <c r="V4943" s="19"/>
      <c r="W4943" s="19"/>
      <c r="X4943" s="19"/>
      <c r="Y4943" s="19"/>
      <c r="Z4943" s="19"/>
      <c r="AA4943" s="19"/>
    </row>
    <row r="4944" spans="1:27" s="1" customFormat="1" ht="14.1" customHeight="1" outlineLevel="2" x14ac:dyDescent="0.2">
      <c r="A4944" s="17">
        <v>14655</v>
      </c>
      <c r="B4944" s="17"/>
      <c r="C4944" s="17"/>
      <c r="D4944" s="18" t="s">
        <v>2459</v>
      </c>
      <c r="E4944" s="18"/>
      <c r="F4944" s="18"/>
      <c r="G4944" s="18"/>
      <c r="H4944" s="18"/>
      <c r="I4944" s="18"/>
      <c r="J4944" s="18"/>
      <c r="K4944" s="18"/>
      <c r="L4944" s="18"/>
      <c r="M4944" s="18"/>
      <c r="N4944" s="18"/>
      <c r="O4944" s="18"/>
      <c r="P4944" s="19">
        <v>190</v>
      </c>
      <c r="Q4944" s="19"/>
      <c r="R4944" s="19"/>
      <c r="S4944" s="19"/>
      <c r="T4944" s="19">
        <v>150</v>
      </c>
      <c r="U4944" s="19"/>
      <c r="V4944" s="19"/>
      <c r="W4944" s="19"/>
      <c r="X4944" s="19">
        <v>1</v>
      </c>
      <c r="Y4944" s="19"/>
      <c r="Z4944" s="19"/>
      <c r="AA4944" s="19"/>
    </row>
    <row r="4945" spans="1:27" s="1" customFormat="1" ht="14.1" customHeight="1" outlineLevel="2" x14ac:dyDescent="0.2">
      <c r="A4945" s="17"/>
      <c r="B4945" s="17"/>
      <c r="C4945" s="17"/>
      <c r="D4945" s="18"/>
      <c r="E4945" s="18"/>
      <c r="F4945" s="18"/>
      <c r="G4945" s="18"/>
      <c r="H4945" s="18"/>
      <c r="I4945" s="18"/>
      <c r="J4945" s="18"/>
      <c r="K4945" s="18"/>
      <c r="L4945" s="18"/>
      <c r="M4945" s="18"/>
      <c r="N4945" s="18"/>
      <c r="O4945" s="18"/>
      <c r="P4945" s="19"/>
      <c r="Q4945" s="19"/>
      <c r="R4945" s="19"/>
      <c r="S4945" s="19"/>
      <c r="T4945" s="19"/>
      <c r="U4945" s="19"/>
      <c r="V4945" s="19"/>
      <c r="W4945" s="19"/>
      <c r="X4945" s="19"/>
      <c r="Y4945" s="19"/>
      <c r="Z4945" s="19"/>
      <c r="AA4945" s="19"/>
    </row>
    <row r="4946" spans="1:27" s="1" customFormat="1" ht="14.1" customHeight="1" outlineLevel="2" x14ac:dyDescent="0.2">
      <c r="A4946" s="17">
        <v>16857</v>
      </c>
      <c r="B4946" s="17"/>
      <c r="C4946" s="17"/>
      <c r="D4946" s="18" t="s">
        <v>2460</v>
      </c>
      <c r="E4946" s="18"/>
      <c r="F4946" s="18"/>
      <c r="G4946" s="18"/>
      <c r="H4946" s="18"/>
      <c r="I4946" s="18"/>
      <c r="J4946" s="18"/>
      <c r="K4946" s="18"/>
      <c r="L4946" s="18"/>
      <c r="M4946" s="18"/>
      <c r="N4946" s="18"/>
      <c r="O4946" s="18"/>
      <c r="P4946" s="20">
        <v>2300</v>
      </c>
      <c r="Q4946" s="20"/>
      <c r="R4946" s="20"/>
      <c r="S4946" s="20"/>
      <c r="T4946" s="20">
        <v>2000</v>
      </c>
      <c r="U4946" s="20"/>
      <c r="V4946" s="20"/>
      <c r="W4946" s="20"/>
      <c r="X4946" s="19">
        <v>1</v>
      </c>
      <c r="Y4946" s="19"/>
      <c r="Z4946" s="19"/>
      <c r="AA4946" s="19"/>
    </row>
    <row r="4947" spans="1:27" s="1" customFormat="1" ht="14.1" customHeight="1" outlineLevel="2" x14ac:dyDescent="0.2">
      <c r="A4947" s="17"/>
      <c r="B4947" s="17"/>
      <c r="C4947" s="17"/>
      <c r="D4947" s="18"/>
      <c r="E4947" s="18"/>
      <c r="F4947" s="18"/>
      <c r="G4947" s="18"/>
      <c r="H4947" s="18"/>
      <c r="I4947" s="18"/>
      <c r="J4947" s="18"/>
      <c r="K4947" s="18"/>
      <c r="L4947" s="18"/>
      <c r="M4947" s="18"/>
      <c r="N4947" s="18"/>
      <c r="O4947" s="18"/>
      <c r="P4947" s="20"/>
      <c r="Q4947" s="20"/>
      <c r="R4947" s="20"/>
      <c r="S4947" s="20"/>
      <c r="T4947" s="20"/>
      <c r="U4947" s="20"/>
      <c r="V4947" s="20"/>
      <c r="W4947" s="20"/>
      <c r="X4947" s="19"/>
      <c r="Y4947" s="19"/>
      <c r="Z4947" s="19"/>
      <c r="AA4947" s="19"/>
    </row>
    <row r="4948" spans="1:27" s="1" customFormat="1" ht="11.1" customHeight="1" outlineLevel="2" x14ac:dyDescent="0.2">
      <c r="A4948" s="17">
        <v>1446</v>
      </c>
      <c r="B4948" s="17"/>
      <c r="C4948" s="17"/>
      <c r="D4948" s="18" t="s">
        <v>2461</v>
      </c>
      <c r="E4948" s="18"/>
      <c r="F4948" s="18"/>
      <c r="G4948" s="18"/>
      <c r="H4948" s="18"/>
      <c r="I4948" s="18"/>
      <c r="J4948" s="18"/>
      <c r="K4948" s="18"/>
      <c r="L4948" s="18"/>
      <c r="M4948" s="18"/>
      <c r="N4948" s="18"/>
      <c r="O4948" s="18"/>
      <c r="P4948" s="19">
        <v>150</v>
      </c>
      <c r="Q4948" s="19"/>
      <c r="R4948" s="19"/>
      <c r="S4948" s="19"/>
      <c r="T4948" s="19">
        <v>120</v>
      </c>
      <c r="U4948" s="19"/>
      <c r="V4948" s="19"/>
      <c r="W4948" s="19"/>
      <c r="X4948" s="19">
        <v>1</v>
      </c>
      <c r="Y4948" s="19"/>
      <c r="Z4948" s="19"/>
      <c r="AA4948" s="19"/>
    </row>
    <row r="4949" spans="1:27" s="1" customFormat="1" ht="11.1" customHeight="1" outlineLevel="2" x14ac:dyDescent="0.2">
      <c r="A4949" s="17"/>
      <c r="B4949" s="17"/>
      <c r="C4949" s="17"/>
      <c r="D4949" s="18"/>
      <c r="E4949" s="18"/>
      <c r="F4949" s="18"/>
      <c r="G4949" s="18"/>
      <c r="H4949" s="18"/>
      <c r="I4949" s="18"/>
      <c r="J4949" s="18"/>
      <c r="K4949" s="18"/>
      <c r="L4949" s="18"/>
      <c r="M4949" s="18"/>
      <c r="N4949" s="18"/>
      <c r="O4949" s="18"/>
      <c r="P4949" s="19"/>
      <c r="Q4949" s="19"/>
      <c r="R4949" s="19"/>
      <c r="S4949" s="19"/>
      <c r="T4949" s="19"/>
      <c r="U4949" s="19"/>
      <c r="V4949" s="19"/>
      <c r="W4949" s="19"/>
      <c r="X4949" s="19"/>
      <c r="Y4949" s="19"/>
      <c r="Z4949" s="19"/>
      <c r="AA4949" s="19"/>
    </row>
    <row r="4950" spans="1:27" s="1" customFormat="1" ht="14.1" customHeight="1" outlineLevel="2" x14ac:dyDescent="0.2">
      <c r="A4950" s="17">
        <v>5931</v>
      </c>
      <c r="B4950" s="17"/>
      <c r="C4950" s="17"/>
      <c r="D4950" s="18" t="s">
        <v>2462</v>
      </c>
      <c r="E4950" s="18"/>
      <c r="F4950" s="18"/>
      <c r="G4950" s="18"/>
      <c r="H4950" s="18"/>
      <c r="I4950" s="18"/>
      <c r="J4950" s="18"/>
      <c r="K4950" s="18"/>
      <c r="L4950" s="18"/>
      <c r="M4950" s="18"/>
      <c r="N4950" s="18"/>
      <c r="O4950" s="18"/>
      <c r="P4950" s="19">
        <v>300</v>
      </c>
      <c r="Q4950" s="19"/>
      <c r="R4950" s="19"/>
      <c r="S4950" s="19"/>
      <c r="T4950" s="19">
        <v>250</v>
      </c>
      <c r="U4950" s="19"/>
      <c r="V4950" s="19"/>
      <c r="W4950" s="19"/>
      <c r="X4950" s="19">
        <v>1</v>
      </c>
      <c r="Y4950" s="19"/>
      <c r="Z4950" s="19"/>
      <c r="AA4950" s="19"/>
    </row>
    <row r="4951" spans="1:27" s="1" customFormat="1" ht="14.1" customHeight="1" outlineLevel="2" x14ac:dyDescent="0.2">
      <c r="A4951" s="17"/>
      <c r="B4951" s="17"/>
      <c r="C4951" s="17"/>
      <c r="D4951" s="18"/>
      <c r="E4951" s="18"/>
      <c r="F4951" s="18"/>
      <c r="G4951" s="18"/>
      <c r="H4951" s="18"/>
      <c r="I4951" s="18"/>
      <c r="J4951" s="18"/>
      <c r="K4951" s="18"/>
      <c r="L4951" s="18"/>
      <c r="M4951" s="18"/>
      <c r="N4951" s="18"/>
      <c r="O4951" s="18"/>
      <c r="P4951" s="19"/>
      <c r="Q4951" s="19"/>
      <c r="R4951" s="19"/>
      <c r="S4951" s="19"/>
      <c r="T4951" s="19"/>
      <c r="U4951" s="19"/>
      <c r="V4951" s="19"/>
      <c r="W4951" s="19"/>
      <c r="X4951" s="19"/>
      <c r="Y4951" s="19"/>
      <c r="Z4951" s="19"/>
      <c r="AA4951" s="19"/>
    </row>
    <row r="4952" spans="1:27" s="1" customFormat="1" ht="11.1" customHeight="1" outlineLevel="2" x14ac:dyDescent="0.2">
      <c r="A4952" s="17">
        <v>14775</v>
      </c>
      <c r="B4952" s="17"/>
      <c r="C4952" s="17"/>
      <c r="D4952" s="18" t="s">
        <v>2463</v>
      </c>
      <c r="E4952" s="18"/>
      <c r="F4952" s="18"/>
      <c r="G4952" s="18"/>
      <c r="H4952" s="18"/>
      <c r="I4952" s="18"/>
      <c r="J4952" s="18"/>
      <c r="K4952" s="18"/>
      <c r="L4952" s="18"/>
      <c r="M4952" s="18"/>
      <c r="N4952" s="18"/>
      <c r="O4952" s="18"/>
      <c r="P4952" s="19">
        <v>200</v>
      </c>
      <c r="Q4952" s="19"/>
      <c r="R4952" s="19"/>
      <c r="S4952" s="19"/>
      <c r="T4952" s="19">
        <v>150</v>
      </c>
      <c r="U4952" s="19"/>
      <c r="V4952" s="19"/>
      <c r="W4952" s="19"/>
      <c r="X4952" s="19">
        <v>13</v>
      </c>
      <c r="Y4952" s="19"/>
      <c r="Z4952" s="19"/>
      <c r="AA4952" s="19"/>
    </row>
    <row r="4953" spans="1:27" s="1" customFormat="1" ht="11.1" customHeight="1" outlineLevel="2" x14ac:dyDescent="0.2">
      <c r="A4953" s="17"/>
      <c r="B4953" s="17"/>
      <c r="C4953" s="17"/>
      <c r="D4953" s="18"/>
      <c r="E4953" s="18"/>
      <c r="F4953" s="18"/>
      <c r="G4953" s="18"/>
      <c r="H4953" s="18"/>
      <c r="I4953" s="18"/>
      <c r="J4953" s="18"/>
      <c r="K4953" s="18"/>
      <c r="L4953" s="18"/>
      <c r="M4953" s="18"/>
      <c r="N4953" s="18"/>
      <c r="O4953" s="18"/>
      <c r="P4953" s="19"/>
      <c r="Q4953" s="19"/>
      <c r="R4953" s="19"/>
      <c r="S4953" s="19"/>
      <c r="T4953" s="19"/>
      <c r="U4953" s="19"/>
      <c r="V4953" s="19"/>
      <c r="W4953" s="19"/>
      <c r="X4953" s="19"/>
      <c r="Y4953" s="19"/>
      <c r="Z4953" s="19"/>
      <c r="AA4953" s="19"/>
    </row>
    <row r="4954" spans="1:27" s="1" customFormat="1" ht="11.1" customHeight="1" outlineLevel="2" x14ac:dyDescent="0.2">
      <c r="A4954" s="17">
        <v>14343</v>
      </c>
      <c r="B4954" s="17"/>
      <c r="C4954" s="17"/>
      <c r="D4954" s="18" t="s">
        <v>2464</v>
      </c>
      <c r="E4954" s="18"/>
      <c r="F4954" s="18"/>
      <c r="G4954" s="18"/>
      <c r="H4954" s="18"/>
      <c r="I4954" s="18"/>
      <c r="J4954" s="18"/>
      <c r="K4954" s="18"/>
      <c r="L4954" s="18"/>
      <c r="M4954" s="18"/>
      <c r="N4954" s="18"/>
      <c r="O4954" s="18"/>
      <c r="P4954" s="19">
        <v>200</v>
      </c>
      <c r="Q4954" s="19"/>
      <c r="R4954" s="19"/>
      <c r="S4954" s="19"/>
      <c r="T4954" s="19">
        <v>150</v>
      </c>
      <c r="U4954" s="19"/>
      <c r="V4954" s="19"/>
      <c r="W4954" s="19"/>
      <c r="X4954" s="19">
        <v>37</v>
      </c>
      <c r="Y4954" s="19"/>
      <c r="Z4954" s="19"/>
      <c r="AA4954" s="19"/>
    </row>
    <row r="4955" spans="1:27" s="1" customFormat="1" ht="11.1" customHeight="1" outlineLevel="2" x14ac:dyDescent="0.2">
      <c r="A4955" s="17"/>
      <c r="B4955" s="17"/>
      <c r="C4955" s="17"/>
      <c r="D4955" s="18"/>
      <c r="E4955" s="18"/>
      <c r="F4955" s="18"/>
      <c r="G4955" s="18"/>
      <c r="H4955" s="18"/>
      <c r="I4955" s="18"/>
      <c r="J4955" s="18"/>
      <c r="K4955" s="18"/>
      <c r="L4955" s="18"/>
      <c r="M4955" s="18"/>
      <c r="N4955" s="18"/>
      <c r="O4955" s="18"/>
      <c r="P4955" s="19"/>
      <c r="Q4955" s="19"/>
      <c r="R4955" s="19"/>
      <c r="S4955" s="19"/>
      <c r="T4955" s="19"/>
      <c r="U4955" s="19"/>
      <c r="V4955" s="19"/>
      <c r="W4955" s="19"/>
      <c r="X4955" s="19"/>
      <c r="Y4955" s="19"/>
      <c r="Z4955" s="19"/>
      <c r="AA4955" s="19"/>
    </row>
    <row r="4956" spans="1:27" s="1" customFormat="1" ht="11.1" customHeight="1" outlineLevel="2" x14ac:dyDescent="0.2">
      <c r="A4956" s="17">
        <v>6988</v>
      </c>
      <c r="B4956" s="17"/>
      <c r="C4956" s="17"/>
      <c r="D4956" s="18" t="s">
        <v>2465</v>
      </c>
      <c r="E4956" s="18"/>
      <c r="F4956" s="18"/>
      <c r="G4956" s="18"/>
      <c r="H4956" s="18"/>
      <c r="I4956" s="18"/>
      <c r="J4956" s="18"/>
      <c r="K4956" s="18"/>
      <c r="L4956" s="18"/>
      <c r="M4956" s="18"/>
      <c r="N4956" s="18"/>
      <c r="O4956" s="18"/>
      <c r="P4956" s="19">
        <v>200</v>
      </c>
      <c r="Q4956" s="19"/>
      <c r="R4956" s="19"/>
      <c r="S4956" s="19"/>
      <c r="T4956" s="19">
        <v>150</v>
      </c>
      <c r="U4956" s="19"/>
      <c r="V4956" s="19"/>
      <c r="W4956" s="19"/>
      <c r="X4956" s="19">
        <v>33</v>
      </c>
      <c r="Y4956" s="19"/>
      <c r="Z4956" s="19"/>
      <c r="AA4956" s="19"/>
    </row>
    <row r="4957" spans="1:27" s="1" customFormat="1" ht="11.1" customHeight="1" outlineLevel="2" x14ac:dyDescent="0.2">
      <c r="A4957" s="17"/>
      <c r="B4957" s="17"/>
      <c r="C4957" s="17"/>
      <c r="D4957" s="18"/>
      <c r="E4957" s="18"/>
      <c r="F4957" s="18"/>
      <c r="G4957" s="18"/>
      <c r="H4957" s="18"/>
      <c r="I4957" s="18"/>
      <c r="J4957" s="18"/>
      <c r="K4957" s="18"/>
      <c r="L4957" s="18"/>
      <c r="M4957" s="18"/>
      <c r="N4957" s="18"/>
      <c r="O4957" s="18"/>
      <c r="P4957" s="19"/>
      <c r="Q4957" s="19"/>
      <c r="R4957" s="19"/>
      <c r="S4957" s="19"/>
      <c r="T4957" s="19"/>
      <c r="U4957" s="19"/>
      <c r="V4957" s="19"/>
      <c r="W4957" s="19"/>
      <c r="X4957" s="19"/>
      <c r="Y4957" s="19"/>
      <c r="Z4957" s="19"/>
      <c r="AA4957" s="19"/>
    </row>
    <row r="4958" spans="1:27" s="1" customFormat="1" ht="14.1" customHeight="1" outlineLevel="2" x14ac:dyDescent="0.2">
      <c r="A4958" s="17">
        <v>13476</v>
      </c>
      <c r="B4958" s="17"/>
      <c r="C4958" s="17"/>
      <c r="D4958" s="18" t="s">
        <v>2466</v>
      </c>
      <c r="E4958" s="18"/>
      <c r="F4958" s="18"/>
      <c r="G4958" s="18"/>
      <c r="H4958" s="18"/>
      <c r="I4958" s="18"/>
      <c r="J4958" s="18"/>
      <c r="K4958" s="18"/>
      <c r="L4958" s="18"/>
      <c r="M4958" s="18"/>
      <c r="N4958" s="18"/>
      <c r="O4958" s="18"/>
      <c r="P4958" s="19">
        <v>140</v>
      </c>
      <c r="Q4958" s="19"/>
      <c r="R4958" s="19"/>
      <c r="S4958" s="19"/>
      <c r="T4958" s="19">
        <v>100</v>
      </c>
      <c r="U4958" s="19"/>
      <c r="V4958" s="19"/>
      <c r="W4958" s="19"/>
      <c r="X4958" s="19">
        <v>1</v>
      </c>
      <c r="Y4958" s="19"/>
      <c r="Z4958" s="19"/>
      <c r="AA4958" s="19"/>
    </row>
    <row r="4959" spans="1:27" s="1" customFormat="1" ht="14.1" customHeight="1" outlineLevel="2" x14ac:dyDescent="0.2">
      <c r="A4959" s="17"/>
      <c r="B4959" s="17"/>
      <c r="C4959" s="17"/>
      <c r="D4959" s="18"/>
      <c r="E4959" s="18"/>
      <c r="F4959" s="18"/>
      <c r="G4959" s="18"/>
      <c r="H4959" s="18"/>
      <c r="I4959" s="18"/>
      <c r="J4959" s="18"/>
      <c r="K4959" s="18"/>
      <c r="L4959" s="18"/>
      <c r="M4959" s="18"/>
      <c r="N4959" s="18"/>
      <c r="O4959" s="18"/>
      <c r="P4959" s="19"/>
      <c r="Q4959" s="19"/>
      <c r="R4959" s="19"/>
      <c r="S4959" s="19"/>
      <c r="T4959" s="19"/>
      <c r="U4959" s="19"/>
      <c r="V4959" s="19"/>
      <c r="W4959" s="19"/>
      <c r="X4959" s="19"/>
      <c r="Y4959" s="19"/>
      <c r="Z4959" s="19"/>
      <c r="AA4959" s="19"/>
    </row>
    <row r="4960" spans="1:27" s="1" customFormat="1" ht="11.1" customHeight="1" outlineLevel="2" x14ac:dyDescent="0.2">
      <c r="A4960" s="17">
        <v>1442</v>
      </c>
      <c r="B4960" s="17"/>
      <c r="C4960" s="17"/>
      <c r="D4960" s="18" t="s">
        <v>2467</v>
      </c>
      <c r="E4960" s="18"/>
      <c r="F4960" s="18"/>
      <c r="G4960" s="18"/>
      <c r="H4960" s="18"/>
      <c r="I4960" s="18"/>
      <c r="J4960" s="18"/>
      <c r="K4960" s="18"/>
      <c r="L4960" s="18"/>
      <c r="M4960" s="18"/>
      <c r="N4960" s="18"/>
      <c r="O4960" s="18"/>
      <c r="P4960" s="19">
        <v>250</v>
      </c>
      <c r="Q4960" s="19"/>
      <c r="R4960" s="19"/>
      <c r="S4960" s="19"/>
      <c r="T4960" s="19">
        <v>190</v>
      </c>
      <c r="U4960" s="19"/>
      <c r="V4960" s="19"/>
      <c r="W4960" s="19"/>
      <c r="X4960" s="19">
        <v>1</v>
      </c>
      <c r="Y4960" s="19"/>
      <c r="Z4960" s="19"/>
      <c r="AA4960" s="19"/>
    </row>
    <row r="4961" spans="1:27" s="1" customFormat="1" ht="11.1" customHeight="1" outlineLevel="2" x14ac:dyDescent="0.2">
      <c r="A4961" s="17"/>
      <c r="B4961" s="17"/>
      <c r="C4961" s="17"/>
      <c r="D4961" s="18"/>
      <c r="E4961" s="18"/>
      <c r="F4961" s="18"/>
      <c r="G4961" s="18"/>
      <c r="H4961" s="18"/>
      <c r="I4961" s="18"/>
      <c r="J4961" s="18"/>
      <c r="K4961" s="18"/>
      <c r="L4961" s="18"/>
      <c r="M4961" s="18"/>
      <c r="N4961" s="18"/>
      <c r="O4961" s="18"/>
      <c r="P4961" s="19"/>
      <c r="Q4961" s="19"/>
      <c r="R4961" s="19"/>
      <c r="S4961" s="19"/>
      <c r="T4961" s="19"/>
      <c r="U4961" s="19"/>
      <c r="V4961" s="19"/>
      <c r="W4961" s="19"/>
      <c r="X4961" s="19"/>
      <c r="Y4961" s="19"/>
      <c r="Z4961" s="19"/>
      <c r="AA4961" s="19"/>
    </row>
    <row r="4962" spans="1:27" s="1" customFormat="1" ht="11.1" customHeight="1" outlineLevel="2" x14ac:dyDescent="0.2">
      <c r="A4962" s="17">
        <v>15657</v>
      </c>
      <c r="B4962" s="17"/>
      <c r="C4962" s="17"/>
      <c r="D4962" s="18" t="s">
        <v>2468</v>
      </c>
      <c r="E4962" s="18"/>
      <c r="F4962" s="18"/>
      <c r="G4962" s="18"/>
      <c r="H4962" s="18"/>
      <c r="I4962" s="18"/>
      <c r="J4962" s="18"/>
      <c r="K4962" s="18"/>
      <c r="L4962" s="18"/>
      <c r="M4962" s="18"/>
      <c r="N4962" s="18"/>
      <c r="O4962" s="18"/>
      <c r="P4962" s="19">
        <v>260</v>
      </c>
      <c r="Q4962" s="19"/>
      <c r="R4962" s="19"/>
      <c r="S4962" s="19"/>
      <c r="T4962" s="19">
        <v>200</v>
      </c>
      <c r="U4962" s="19"/>
      <c r="V4962" s="19"/>
      <c r="W4962" s="19"/>
      <c r="X4962" s="19">
        <v>7</v>
      </c>
      <c r="Y4962" s="19"/>
      <c r="Z4962" s="19"/>
      <c r="AA4962" s="19"/>
    </row>
    <row r="4963" spans="1:27" s="1" customFormat="1" ht="11.1" customHeight="1" outlineLevel="2" x14ac:dyDescent="0.2">
      <c r="A4963" s="17"/>
      <c r="B4963" s="17"/>
      <c r="C4963" s="17"/>
      <c r="D4963" s="18"/>
      <c r="E4963" s="18"/>
      <c r="F4963" s="18"/>
      <c r="G4963" s="18"/>
      <c r="H4963" s="18"/>
      <c r="I4963" s="18"/>
      <c r="J4963" s="18"/>
      <c r="K4963" s="18"/>
      <c r="L4963" s="18"/>
      <c r="M4963" s="18"/>
      <c r="N4963" s="18"/>
      <c r="O4963" s="18"/>
      <c r="P4963" s="19"/>
      <c r="Q4963" s="19"/>
      <c r="R4963" s="19"/>
      <c r="S4963" s="19"/>
      <c r="T4963" s="19"/>
      <c r="U4963" s="19"/>
      <c r="V4963" s="19"/>
      <c r="W4963" s="19"/>
      <c r="X4963" s="19"/>
      <c r="Y4963" s="19"/>
      <c r="Z4963" s="19"/>
      <c r="AA4963" s="19"/>
    </row>
    <row r="4964" spans="1:27" s="1" customFormat="1" ht="11.1" customHeight="1" outlineLevel="2" x14ac:dyDescent="0.2">
      <c r="A4964" s="17">
        <v>15658</v>
      </c>
      <c r="B4964" s="17"/>
      <c r="C4964" s="17"/>
      <c r="D4964" s="18" t="s">
        <v>2469</v>
      </c>
      <c r="E4964" s="18"/>
      <c r="F4964" s="18"/>
      <c r="G4964" s="18"/>
      <c r="H4964" s="18"/>
      <c r="I4964" s="18"/>
      <c r="J4964" s="18"/>
      <c r="K4964" s="18"/>
      <c r="L4964" s="18"/>
      <c r="M4964" s="18"/>
      <c r="N4964" s="18"/>
      <c r="O4964" s="18"/>
      <c r="P4964" s="19">
        <v>240</v>
      </c>
      <c r="Q4964" s="19"/>
      <c r="R4964" s="19"/>
      <c r="S4964" s="19"/>
      <c r="T4964" s="19">
        <v>180</v>
      </c>
      <c r="U4964" s="19"/>
      <c r="V4964" s="19"/>
      <c r="W4964" s="19"/>
      <c r="X4964" s="19">
        <v>3</v>
      </c>
      <c r="Y4964" s="19"/>
      <c r="Z4964" s="19"/>
      <c r="AA4964" s="19"/>
    </row>
    <row r="4965" spans="1:27" s="1" customFormat="1" ht="11.1" customHeight="1" outlineLevel="2" x14ac:dyDescent="0.2">
      <c r="A4965" s="17"/>
      <c r="B4965" s="17"/>
      <c r="C4965" s="17"/>
      <c r="D4965" s="18"/>
      <c r="E4965" s="18"/>
      <c r="F4965" s="18"/>
      <c r="G4965" s="18"/>
      <c r="H4965" s="18"/>
      <c r="I4965" s="18"/>
      <c r="J4965" s="18"/>
      <c r="K4965" s="18"/>
      <c r="L4965" s="18"/>
      <c r="M4965" s="18"/>
      <c r="N4965" s="18"/>
      <c r="O4965" s="18"/>
      <c r="P4965" s="19"/>
      <c r="Q4965" s="19"/>
      <c r="R4965" s="19"/>
      <c r="S4965" s="19"/>
      <c r="T4965" s="19"/>
      <c r="U4965" s="19"/>
      <c r="V4965" s="19"/>
      <c r="W4965" s="19"/>
      <c r="X4965" s="19"/>
      <c r="Y4965" s="19"/>
      <c r="Z4965" s="19"/>
      <c r="AA4965" s="19"/>
    </row>
    <row r="4966" spans="1:27" s="1" customFormat="1" ht="11.1" customHeight="1" outlineLevel="2" x14ac:dyDescent="0.2">
      <c r="A4966" s="17">
        <v>15656</v>
      </c>
      <c r="B4966" s="17"/>
      <c r="C4966" s="17"/>
      <c r="D4966" s="18" t="s">
        <v>2470</v>
      </c>
      <c r="E4966" s="18"/>
      <c r="F4966" s="18"/>
      <c r="G4966" s="18"/>
      <c r="H4966" s="18"/>
      <c r="I4966" s="18"/>
      <c r="J4966" s="18"/>
      <c r="K4966" s="18"/>
      <c r="L4966" s="18"/>
      <c r="M4966" s="18"/>
      <c r="N4966" s="18"/>
      <c r="O4966" s="18"/>
      <c r="P4966" s="19">
        <v>240</v>
      </c>
      <c r="Q4966" s="19"/>
      <c r="R4966" s="19"/>
      <c r="S4966" s="19"/>
      <c r="T4966" s="19">
        <v>180</v>
      </c>
      <c r="U4966" s="19"/>
      <c r="V4966" s="19"/>
      <c r="W4966" s="19"/>
      <c r="X4966" s="19">
        <v>5</v>
      </c>
      <c r="Y4966" s="19"/>
      <c r="Z4966" s="19"/>
      <c r="AA4966" s="19"/>
    </row>
    <row r="4967" spans="1:27" s="1" customFormat="1" ht="11.1" customHeight="1" outlineLevel="2" x14ac:dyDescent="0.2">
      <c r="A4967" s="17"/>
      <c r="B4967" s="17"/>
      <c r="C4967" s="17"/>
      <c r="D4967" s="18"/>
      <c r="E4967" s="18"/>
      <c r="F4967" s="18"/>
      <c r="G4967" s="18"/>
      <c r="H4967" s="18"/>
      <c r="I4967" s="18"/>
      <c r="J4967" s="18"/>
      <c r="K4967" s="18"/>
      <c r="L4967" s="18"/>
      <c r="M4967" s="18"/>
      <c r="N4967" s="18"/>
      <c r="O4967" s="18"/>
      <c r="P4967" s="19"/>
      <c r="Q4967" s="19"/>
      <c r="R4967" s="19"/>
      <c r="S4967" s="19"/>
      <c r="T4967" s="19"/>
      <c r="U4967" s="19"/>
      <c r="V4967" s="19"/>
      <c r="W4967" s="19"/>
      <c r="X4967" s="19"/>
      <c r="Y4967" s="19"/>
      <c r="Z4967" s="19"/>
      <c r="AA4967" s="19"/>
    </row>
    <row r="4968" spans="1:27" s="1" customFormat="1" ht="14.1" customHeight="1" outlineLevel="2" x14ac:dyDescent="0.2">
      <c r="A4968" s="17">
        <v>7002</v>
      </c>
      <c r="B4968" s="17"/>
      <c r="C4968" s="17"/>
      <c r="D4968" s="18" t="s">
        <v>2471</v>
      </c>
      <c r="E4968" s="18"/>
      <c r="F4968" s="18"/>
      <c r="G4968" s="18"/>
      <c r="H4968" s="18"/>
      <c r="I4968" s="18"/>
      <c r="J4968" s="18"/>
      <c r="K4968" s="18"/>
      <c r="L4968" s="18"/>
      <c r="M4968" s="18"/>
      <c r="N4968" s="18"/>
      <c r="O4968" s="18"/>
      <c r="P4968" s="19">
        <v>250</v>
      </c>
      <c r="Q4968" s="19"/>
      <c r="R4968" s="19"/>
      <c r="S4968" s="19"/>
      <c r="T4968" s="19">
        <v>200</v>
      </c>
      <c r="U4968" s="19"/>
      <c r="V4968" s="19"/>
      <c r="W4968" s="19"/>
      <c r="X4968" s="19">
        <v>1</v>
      </c>
      <c r="Y4968" s="19"/>
      <c r="Z4968" s="19"/>
      <c r="AA4968" s="19"/>
    </row>
    <row r="4969" spans="1:27" s="1" customFormat="1" ht="14.1" customHeight="1" outlineLevel="2" x14ac:dyDescent="0.2">
      <c r="A4969" s="17"/>
      <c r="B4969" s="17"/>
      <c r="C4969" s="17"/>
      <c r="D4969" s="18"/>
      <c r="E4969" s="18"/>
      <c r="F4969" s="18"/>
      <c r="G4969" s="18"/>
      <c r="H4969" s="18"/>
      <c r="I4969" s="18"/>
      <c r="J4969" s="18"/>
      <c r="K4969" s="18"/>
      <c r="L4969" s="18"/>
      <c r="M4969" s="18"/>
      <c r="N4969" s="18"/>
      <c r="O4969" s="18"/>
      <c r="P4969" s="19"/>
      <c r="Q4969" s="19"/>
      <c r="R4969" s="19"/>
      <c r="S4969" s="19"/>
      <c r="T4969" s="19"/>
      <c r="U4969" s="19"/>
      <c r="V4969" s="19"/>
      <c r="W4969" s="19"/>
      <c r="X4969" s="19"/>
      <c r="Y4969" s="19"/>
      <c r="Z4969" s="19"/>
      <c r="AA4969" s="19"/>
    </row>
    <row r="4970" spans="1:27" s="1" customFormat="1" ht="14.1" customHeight="1" outlineLevel="2" x14ac:dyDescent="0.2">
      <c r="A4970" s="17">
        <v>6994</v>
      </c>
      <c r="B4970" s="17"/>
      <c r="C4970" s="17"/>
      <c r="D4970" s="18" t="s">
        <v>2472</v>
      </c>
      <c r="E4970" s="18"/>
      <c r="F4970" s="18"/>
      <c r="G4970" s="18"/>
      <c r="H4970" s="18"/>
      <c r="I4970" s="18"/>
      <c r="J4970" s="18"/>
      <c r="K4970" s="18"/>
      <c r="L4970" s="18"/>
      <c r="M4970" s="18"/>
      <c r="N4970" s="18"/>
      <c r="O4970" s="18"/>
      <c r="P4970" s="19">
        <v>250</v>
      </c>
      <c r="Q4970" s="19"/>
      <c r="R4970" s="19"/>
      <c r="S4970" s="19"/>
      <c r="T4970" s="19">
        <v>200</v>
      </c>
      <c r="U4970" s="19"/>
      <c r="V4970" s="19"/>
      <c r="W4970" s="19"/>
      <c r="X4970" s="19">
        <v>2</v>
      </c>
      <c r="Y4970" s="19"/>
      <c r="Z4970" s="19"/>
      <c r="AA4970" s="19"/>
    </row>
    <row r="4971" spans="1:27" s="1" customFormat="1" ht="14.1" customHeight="1" outlineLevel="2" x14ac:dyDescent="0.2">
      <c r="A4971" s="17"/>
      <c r="B4971" s="17"/>
      <c r="C4971" s="17"/>
      <c r="D4971" s="18"/>
      <c r="E4971" s="18"/>
      <c r="F4971" s="18"/>
      <c r="G4971" s="18"/>
      <c r="H4971" s="18"/>
      <c r="I4971" s="18"/>
      <c r="J4971" s="18"/>
      <c r="K4971" s="18"/>
      <c r="L4971" s="18"/>
      <c r="M4971" s="18"/>
      <c r="N4971" s="18"/>
      <c r="O4971" s="18"/>
      <c r="P4971" s="19"/>
      <c r="Q4971" s="19"/>
      <c r="R4971" s="19"/>
      <c r="S4971" s="19"/>
      <c r="T4971" s="19"/>
      <c r="U4971" s="19"/>
      <c r="V4971" s="19"/>
      <c r="W4971" s="19"/>
      <c r="X4971" s="19"/>
      <c r="Y4971" s="19"/>
      <c r="Z4971" s="19"/>
      <c r="AA4971" s="19"/>
    </row>
    <row r="4972" spans="1:27" s="1" customFormat="1" ht="14.1" customHeight="1" outlineLevel="2" x14ac:dyDescent="0.2">
      <c r="A4972" s="17">
        <v>14767</v>
      </c>
      <c r="B4972" s="17"/>
      <c r="C4972" s="17"/>
      <c r="D4972" s="18" t="s">
        <v>2473</v>
      </c>
      <c r="E4972" s="18"/>
      <c r="F4972" s="18"/>
      <c r="G4972" s="18"/>
      <c r="H4972" s="18"/>
      <c r="I4972" s="18"/>
      <c r="J4972" s="18"/>
      <c r="K4972" s="18"/>
      <c r="L4972" s="18"/>
      <c r="M4972" s="18"/>
      <c r="N4972" s="18"/>
      <c r="O4972" s="18"/>
      <c r="P4972" s="19">
        <v>200</v>
      </c>
      <c r="Q4972" s="19"/>
      <c r="R4972" s="19"/>
      <c r="S4972" s="19"/>
      <c r="T4972" s="19">
        <v>150</v>
      </c>
      <c r="U4972" s="19"/>
      <c r="V4972" s="19"/>
      <c r="W4972" s="19"/>
      <c r="X4972" s="19">
        <v>20</v>
      </c>
      <c r="Y4972" s="19"/>
      <c r="Z4972" s="19"/>
      <c r="AA4972" s="19"/>
    </row>
    <row r="4973" spans="1:27" s="1" customFormat="1" ht="14.1" customHeight="1" outlineLevel="2" x14ac:dyDescent="0.2">
      <c r="A4973" s="17"/>
      <c r="B4973" s="17"/>
      <c r="C4973" s="17"/>
      <c r="D4973" s="18"/>
      <c r="E4973" s="18"/>
      <c r="F4973" s="18"/>
      <c r="G4973" s="18"/>
      <c r="H4973" s="18"/>
      <c r="I4973" s="18"/>
      <c r="J4973" s="18"/>
      <c r="K4973" s="18"/>
      <c r="L4973" s="18"/>
      <c r="M4973" s="18"/>
      <c r="N4973" s="18"/>
      <c r="O4973" s="18"/>
      <c r="P4973" s="19"/>
      <c r="Q4973" s="19"/>
      <c r="R4973" s="19"/>
      <c r="S4973" s="19"/>
      <c r="T4973" s="19"/>
      <c r="U4973" s="19"/>
      <c r="V4973" s="19"/>
      <c r="W4973" s="19"/>
      <c r="X4973" s="19"/>
      <c r="Y4973" s="19"/>
      <c r="Z4973" s="19"/>
      <c r="AA4973" s="19"/>
    </row>
    <row r="4974" spans="1:27" s="1" customFormat="1" ht="14.1" customHeight="1" outlineLevel="2" x14ac:dyDescent="0.2">
      <c r="A4974" s="17">
        <v>15642</v>
      </c>
      <c r="B4974" s="17"/>
      <c r="C4974" s="17"/>
      <c r="D4974" s="18" t="s">
        <v>2474</v>
      </c>
      <c r="E4974" s="18"/>
      <c r="F4974" s="18"/>
      <c r="G4974" s="18"/>
      <c r="H4974" s="18"/>
      <c r="I4974" s="18"/>
      <c r="J4974" s="18"/>
      <c r="K4974" s="18"/>
      <c r="L4974" s="18"/>
      <c r="M4974" s="18"/>
      <c r="N4974" s="18"/>
      <c r="O4974" s="18"/>
      <c r="P4974" s="19">
        <v>210</v>
      </c>
      <c r="Q4974" s="19"/>
      <c r="R4974" s="19"/>
      <c r="S4974" s="19"/>
      <c r="T4974" s="19">
        <v>160</v>
      </c>
      <c r="U4974" s="19"/>
      <c r="V4974" s="19"/>
      <c r="W4974" s="19"/>
      <c r="X4974" s="19">
        <v>9</v>
      </c>
      <c r="Y4974" s="19"/>
      <c r="Z4974" s="19"/>
      <c r="AA4974" s="19"/>
    </row>
    <row r="4975" spans="1:27" s="1" customFormat="1" ht="14.1" customHeight="1" outlineLevel="2" x14ac:dyDescent="0.2">
      <c r="A4975" s="17"/>
      <c r="B4975" s="17"/>
      <c r="C4975" s="17"/>
      <c r="D4975" s="18"/>
      <c r="E4975" s="18"/>
      <c r="F4975" s="18"/>
      <c r="G4975" s="18"/>
      <c r="H4975" s="18"/>
      <c r="I4975" s="18"/>
      <c r="J4975" s="18"/>
      <c r="K4975" s="18"/>
      <c r="L4975" s="18"/>
      <c r="M4975" s="18"/>
      <c r="N4975" s="18"/>
      <c r="O4975" s="18"/>
      <c r="P4975" s="19"/>
      <c r="Q4975" s="19"/>
      <c r="R4975" s="19"/>
      <c r="S4975" s="19"/>
      <c r="T4975" s="19"/>
      <c r="U4975" s="19"/>
      <c r="V4975" s="19"/>
      <c r="W4975" s="19"/>
      <c r="X4975" s="19"/>
      <c r="Y4975" s="19"/>
      <c r="Z4975" s="19"/>
      <c r="AA4975" s="19"/>
    </row>
    <row r="4976" spans="1:27" s="1" customFormat="1" ht="14.1" customHeight="1" outlineLevel="2" x14ac:dyDescent="0.2">
      <c r="A4976" s="17">
        <v>15641</v>
      </c>
      <c r="B4976" s="17"/>
      <c r="C4976" s="17"/>
      <c r="D4976" s="18" t="s">
        <v>2475</v>
      </c>
      <c r="E4976" s="18"/>
      <c r="F4976" s="18"/>
      <c r="G4976" s="18"/>
      <c r="H4976" s="18"/>
      <c r="I4976" s="18"/>
      <c r="J4976" s="18"/>
      <c r="K4976" s="18"/>
      <c r="L4976" s="18"/>
      <c r="M4976" s="18"/>
      <c r="N4976" s="18"/>
      <c r="O4976" s="18"/>
      <c r="P4976" s="19">
        <v>210</v>
      </c>
      <c r="Q4976" s="19"/>
      <c r="R4976" s="19"/>
      <c r="S4976" s="19"/>
      <c r="T4976" s="19">
        <v>160</v>
      </c>
      <c r="U4976" s="19"/>
      <c r="V4976" s="19"/>
      <c r="W4976" s="19"/>
      <c r="X4976" s="19">
        <v>10</v>
      </c>
      <c r="Y4976" s="19"/>
      <c r="Z4976" s="19"/>
      <c r="AA4976" s="19"/>
    </row>
    <row r="4977" spans="1:27" s="1" customFormat="1" ht="14.1" customHeight="1" outlineLevel="2" x14ac:dyDescent="0.2">
      <c r="A4977" s="17"/>
      <c r="B4977" s="17"/>
      <c r="C4977" s="17"/>
      <c r="D4977" s="18"/>
      <c r="E4977" s="18"/>
      <c r="F4977" s="18"/>
      <c r="G4977" s="18"/>
      <c r="H4977" s="18"/>
      <c r="I4977" s="18"/>
      <c r="J4977" s="18"/>
      <c r="K4977" s="18"/>
      <c r="L4977" s="18"/>
      <c r="M4977" s="18"/>
      <c r="N4977" s="18"/>
      <c r="O4977" s="18"/>
      <c r="P4977" s="19"/>
      <c r="Q4977" s="19"/>
      <c r="R4977" s="19"/>
      <c r="S4977" s="19"/>
      <c r="T4977" s="19"/>
      <c r="U4977" s="19"/>
      <c r="V4977" s="19"/>
      <c r="W4977" s="19"/>
      <c r="X4977" s="19"/>
      <c r="Y4977" s="19"/>
      <c r="Z4977" s="19"/>
      <c r="AA4977" s="19"/>
    </row>
    <row r="4978" spans="1:27" s="1" customFormat="1" ht="14.1" customHeight="1" outlineLevel="2" x14ac:dyDescent="0.2">
      <c r="A4978" s="17">
        <v>15640</v>
      </c>
      <c r="B4978" s="17"/>
      <c r="C4978" s="17"/>
      <c r="D4978" s="18" t="s">
        <v>2476</v>
      </c>
      <c r="E4978" s="18"/>
      <c r="F4978" s="18"/>
      <c r="G4978" s="18"/>
      <c r="H4978" s="18"/>
      <c r="I4978" s="18"/>
      <c r="J4978" s="18"/>
      <c r="K4978" s="18"/>
      <c r="L4978" s="18"/>
      <c r="M4978" s="18"/>
      <c r="N4978" s="18"/>
      <c r="O4978" s="18"/>
      <c r="P4978" s="19">
        <v>250</v>
      </c>
      <c r="Q4978" s="19"/>
      <c r="R4978" s="19"/>
      <c r="S4978" s="19"/>
      <c r="T4978" s="19">
        <v>190</v>
      </c>
      <c r="U4978" s="19"/>
      <c r="V4978" s="19"/>
      <c r="W4978" s="19"/>
      <c r="X4978" s="19">
        <v>18</v>
      </c>
      <c r="Y4978" s="19"/>
      <c r="Z4978" s="19"/>
      <c r="AA4978" s="19"/>
    </row>
    <row r="4979" spans="1:27" s="1" customFormat="1" ht="14.1" customHeight="1" outlineLevel="2" x14ac:dyDescent="0.2">
      <c r="A4979" s="17"/>
      <c r="B4979" s="17"/>
      <c r="C4979" s="17"/>
      <c r="D4979" s="18"/>
      <c r="E4979" s="18"/>
      <c r="F4979" s="18"/>
      <c r="G4979" s="18"/>
      <c r="H4979" s="18"/>
      <c r="I4979" s="18"/>
      <c r="J4979" s="18"/>
      <c r="K4979" s="18"/>
      <c r="L4979" s="18"/>
      <c r="M4979" s="18"/>
      <c r="N4979" s="18"/>
      <c r="O4979" s="18"/>
      <c r="P4979" s="19"/>
      <c r="Q4979" s="19"/>
      <c r="R4979" s="19"/>
      <c r="S4979" s="19"/>
      <c r="T4979" s="19"/>
      <c r="U4979" s="19"/>
      <c r="V4979" s="19"/>
      <c r="W4979" s="19"/>
      <c r="X4979" s="19"/>
      <c r="Y4979" s="19"/>
      <c r="Z4979" s="19"/>
      <c r="AA4979" s="19"/>
    </row>
    <row r="4980" spans="1:27" s="1" customFormat="1" ht="14.1" customHeight="1" outlineLevel="2" x14ac:dyDescent="0.2">
      <c r="A4980" s="17">
        <v>11140</v>
      </c>
      <c r="B4980" s="17"/>
      <c r="C4980" s="17"/>
      <c r="D4980" s="18" t="s">
        <v>2477</v>
      </c>
      <c r="E4980" s="18"/>
      <c r="F4980" s="18"/>
      <c r="G4980" s="18"/>
      <c r="H4980" s="18"/>
      <c r="I4980" s="18"/>
      <c r="J4980" s="18"/>
      <c r="K4980" s="18"/>
      <c r="L4980" s="18"/>
      <c r="M4980" s="18"/>
      <c r="N4980" s="18"/>
      <c r="O4980" s="18"/>
      <c r="P4980" s="19">
        <v>290</v>
      </c>
      <c r="Q4980" s="19"/>
      <c r="R4980" s="19"/>
      <c r="S4980" s="19"/>
      <c r="T4980" s="19">
        <v>230</v>
      </c>
      <c r="U4980" s="19"/>
      <c r="V4980" s="19"/>
      <c r="W4980" s="19"/>
      <c r="X4980" s="19">
        <v>3</v>
      </c>
      <c r="Y4980" s="19"/>
      <c r="Z4980" s="19"/>
      <c r="AA4980" s="19"/>
    </row>
    <row r="4981" spans="1:27" s="1" customFormat="1" ht="14.1" customHeight="1" outlineLevel="2" x14ac:dyDescent="0.2">
      <c r="A4981" s="17"/>
      <c r="B4981" s="17"/>
      <c r="C4981" s="17"/>
      <c r="D4981" s="18"/>
      <c r="E4981" s="18"/>
      <c r="F4981" s="18"/>
      <c r="G4981" s="18"/>
      <c r="H4981" s="18"/>
      <c r="I4981" s="18"/>
      <c r="J4981" s="18"/>
      <c r="K4981" s="18"/>
      <c r="L4981" s="18"/>
      <c r="M4981" s="18"/>
      <c r="N4981" s="18"/>
      <c r="O4981" s="18"/>
      <c r="P4981" s="19"/>
      <c r="Q4981" s="19"/>
      <c r="R4981" s="19"/>
      <c r="S4981" s="19"/>
      <c r="T4981" s="19"/>
      <c r="U4981" s="19"/>
      <c r="V4981" s="19"/>
      <c r="W4981" s="19"/>
      <c r="X4981" s="19"/>
      <c r="Y4981" s="19"/>
      <c r="Z4981" s="19"/>
      <c r="AA4981" s="19"/>
    </row>
    <row r="4982" spans="1:27" s="1" customFormat="1" ht="14.1" customHeight="1" outlineLevel="2" x14ac:dyDescent="0.2">
      <c r="A4982" s="17">
        <v>11139</v>
      </c>
      <c r="B4982" s="17"/>
      <c r="C4982" s="17"/>
      <c r="D4982" s="18" t="s">
        <v>2478</v>
      </c>
      <c r="E4982" s="18"/>
      <c r="F4982" s="18"/>
      <c r="G4982" s="18"/>
      <c r="H4982" s="18"/>
      <c r="I4982" s="18"/>
      <c r="J4982" s="18"/>
      <c r="K4982" s="18"/>
      <c r="L4982" s="18"/>
      <c r="M4982" s="18"/>
      <c r="N4982" s="18"/>
      <c r="O4982" s="18"/>
      <c r="P4982" s="19">
        <v>290</v>
      </c>
      <c r="Q4982" s="19"/>
      <c r="R4982" s="19"/>
      <c r="S4982" s="19"/>
      <c r="T4982" s="19">
        <v>230</v>
      </c>
      <c r="U4982" s="19"/>
      <c r="V4982" s="19"/>
      <c r="W4982" s="19"/>
      <c r="X4982" s="19">
        <v>3</v>
      </c>
      <c r="Y4982" s="19"/>
      <c r="Z4982" s="19"/>
      <c r="AA4982" s="19"/>
    </row>
    <row r="4983" spans="1:27" s="1" customFormat="1" ht="14.1" customHeight="1" outlineLevel="2" x14ac:dyDescent="0.2">
      <c r="A4983" s="17"/>
      <c r="B4983" s="17"/>
      <c r="C4983" s="17"/>
      <c r="D4983" s="18"/>
      <c r="E4983" s="18"/>
      <c r="F4983" s="18"/>
      <c r="G4983" s="18"/>
      <c r="H4983" s="18"/>
      <c r="I4983" s="18"/>
      <c r="J4983" s="18"/>
      <c r="K4983" s="18"/>
      <c r="L4983" s="18"/>
      <c r="M4983" s="18"/>
      <c r="N4983" s="18"/>
      <c r="O4983" s="18"/>
      <c r="P4983" s="19"/>
      <c r="Q4983" s="19"/>
      <c r="R4983" s="19"/>
      <c r="S4983" s="19"/>
      <c r="T4983" s="19"/>
      <c r="U4983" s="19"/>
      <c r="V4983" s="19"/>
      <c r="W4983" s="19"/>
      <c r="X4983" s="19"/>
      <c r="Y4983" s="19"/>
      <c r="Z4983" s="19"/>
      <c r="AA4983" s="19"/>
    </row>
    <row r="4984" spans="1:27" s="1" customFormat="1" ht="14.1" customHeight="1" outlineLevel="2" x14ac:dyDescent="0.2">
      <c r="A4984" s="17">
        <v>11138</v>
      </c>
      <c r="B4984" s="17"/>
      <c r="C4984" s="17"/>
      <c r="D4984" s="18" t="s">
        <v>2479</v>
      </c>
      <c r="E4984" s="18"/>
      <c r="F4984" s="18"/>
      <c r="G4984" s="18"/>
      <c r="H4984" s="18"/>
      <c r="I4984" s="18"/>
      <c r="J4984" s="18"/>
      <c r="K4984" s="18"/>
      <c r="L4984" s="18"/>
      <c r="M4984" s="18"/>
      <c r="N4984" s="18"/>
      <c r="O4984" s="18"/>
      <c r="P4984" s="19">
        <v>290</v>
      </c>
      <c r="Q4984" s="19"/>
      <c r="R4984" s="19"/>
      <c r="S4984" s="19"/>
      <c r="T4984" s="19">
        <v>230</v>
      </c>
      <c r="U4984" s="19"/>
      <c r="V4984" s="19"/>
      <c r="W4984" s="19"/>
      <c r="X4984" s="19">
        <v>2</v>
      </c>
      <c r="Y4984" s="19"/>
      <c r="Z4984" s="19"/>
      <c r="AA4984" s="19"/>
    </row>
    <row r="4985" spans="1:27" s="1" customFormat="1" ht="14.1" customHeight="1" outlineLevel="2" x14ac:dyDescent="0.2">
      <c r="A4985" s="17"/>
      <c r="B4985" s="17"/>
      <c r="C4985" s="17"/>
      <c r="D4985" s="18"/>
      <c r="E4985" s="18"/>
      <c r="F4985" s="18"/>
      <c r="G4985" s="18"/>
      <c r="H4985" s="18"/>
      <c r="I4985" s="18"/>
      <c r="J4985" s="18"/>
      <c r="K4985" s="18"/>
      <c r="L4985" s="18"/>
      <c r="M4985" s="18"/>
      <c r="N4985" s="18"/>
      <c r="O4985" s="18"/>
      <c r="P4985" s="19"/>
      <c r="Q4985" s="19"/>
      <c r="R4985" s="19"/>
      <c r="S4985" s="19"/>
      <c r="T4985" s="19"/>
      <c r="U4985" s="19"/>
      <c r="V4985" s="19"/>
      <c r="W4985" s="19"/>
      <c r="X4985" s="19"/>
      <c r="Y4985" s="19"/>
      <c r="Z4985" s="19"/>
      <c r="AA4985" s="19"/>
    </row>
    <row r="4986" spans="1:27" s="1" customFormat="1" ht="14.1" customHeight="1" outlineLevel="2" x14ac:dyDescent="0.2">
      <c r="A4986" s="17">
        <v>11131</v>
      </c>
      <c r="B4986" s="17"/>
      <c r="C4986" s="17"/>
      <c r="D4986" s="18" t="s">
        <v>2480</v>
      </c>
      <c r="E4986" s="18"/>
      <c r="F4986" s="18"/>
      <c r="G4986" s="18"/>
      <c r="H4986" s="18"/>
      <c r="I4986" s="18"/>
      <c r="J4986" s="18"/>
      <c r="K4986" s="18"/>
      <c r="L4986" s="18"/>
      <c r="M4986" s="18"/>
      <c r="N4986" s="18"/>
      <c r="O4986" s="18"/>
      <c r="P4986" s="19">
        <v>290</v>
      </c>
      <c r="Q4986" s="19"/>
      <c r="R4986" s="19"/>
      <c r="S4986" s="19"/>
      <c r="T4986" s="19">
        <v>210</v>
      </c>
      <c r="U4986" s="19"/>
      <c r="V4986" s="19"/>
      <c r="W4986" s="19"/>
      <c r="X4986" s="19">
        <v>3</v>
      </c>
      <c r="Y4986" s="19"/>
      <c r="Z4986" s="19"/>
      <c r="AA4986" s="19"/>
    </row>
    <row r="4987" spans="1:27" s="1" customFormat="1" ht="14.1" customHeight="1" outlineLevel="2" x14ac:dyDescent="0.2">
      <c r="A4987" s="17"/>
      <c r="B4987" s="17"/>
      <c r="C4987" s="17"/>
      <c r="D4987" s="18"/>
      <c r="E4987" s="18"/>
      <c r="F4987" s="18"/>
      <c r="G4987" s="18"/>
      <c r="H4987" s="18"/>
      <c r="I4987" s="18"/>
      <c r="J4987" s="18"/>
      <c r="K4987" s="18"/>
      <c r="L4987" s="18"/>
      <c r="M4987" s="18"/>
      <c r="N4987" s="18"/>
      <c r="O4987" s="18"/>
      <c r="P4987" s="19"/>
      <c r="Q4987" s="19"/>
      <c r="R4987" s="19"/>
      <c r="S4987" s="19"/>
      <c r="T4987" s="19"/>
      <c r="U4987" s="19"/>
      <c r="V4987" s="19"/>
      <c r="W4987" s="19"/>
      <c r="X4987" s="19"/>
      <c r="Y4987" s="19"/>
      <c r="Z4987" s="19"/>
      <c r="AA4987" s="19"/>
    </row>
    <row r="4988" spans="1:27" s="1" customFormat="1" ht="14.1" customHeight="1" outlineLevel="2" x14ac:dyDescent="0.2">
      <c r="A4988" s="17">
        <v>16402</v>
      </c>
      <c r="B4988" s="17"/>
      <c r="C4988" s="17"/>
      <c r="D4988" s="18" t="s">
        <v>2481</v>
      </c>
      <c r="E4988" s="18"/>
      <c r="F4988" s="18"/>
      <c r="G4988" s="18"/>
      <c r="H4988" s="18"/>
      <c r="I4988" s="18"/>
      <c r="J4988" s="18"/>
      <c r="K4988" s="18"/>
      <c r="L4988" s="18"/>
      <c r="M4988" s="18"/>
      <c r="N4988" s="18"/>
      <c r="O4988" s="18"/>
      <c r="P4988" s="19">
        <v>250</v>
      </c>
      <c r="Q4988" s="19"/>
      <c r="R4988" s="19"/>
      <c r="S4988" s="19"/>
      <c r="T4988" s="19">
        <v>190</v>
      </c>
      <c r="U4988" s="19"/>
      <c r="V4988" s="19"/>
      <c r="W4988" s="19"/>
      <c r="X4988" s="19">
        <v>10</v>
      </c>
      <c r="Y4988" s="19"/>
      <c r="Z4988" s="19"/>
      <c r="AA4988" s="19"/>
    </row>
    <row r="4989" spans="1:27" s="1" customFormat="1" ht="14.1" customHeight="1" outlineLevel="2" x14ac:dyDescent="0.2">
      <c r="A4989" s="17"/>
      <c r="B4989" s="17"/>
      <c r="C4989" s="17"/>
      <c r="D4989" s="18"/>
      <c r="E4989" s="18"/>
      <c r="F4989" s="18"/>
      <c r="G4989" s="18"/>
      <c r="H4989" s="18"/>
      <c r="I4989" s="18"/>
      <c r="J4989" s="18"/>
      <c r="K4989" s="18"/>
      <c r="L4989" s="18"/>
      <c r="M4989" s="18"/>
      <c r="N4989" s="18"/>
      <c r="O4989" s="18"/>
      <c r="P4989" s="19"/>
      <c r="Q4989" s="19"/>
      <c r="R4989" s="19"/>
      <c r="S4989" s="19"/>
      <c r="T4989" s="19"/>
      <c r="U4989" s="19"/>
      <c r="V4989" s="19"/>
      <c r="W4989" s="19"/>
      <c r="X4989" s="19"/>
      <c r="Y4989" s="19"/>
      <c r="Z4989" s="19"/>
      <c r="AA4989" s="19"/>
    </row>
    <row r="4990" spans="1:27" s="1" customFormat="1" ht="14.1" customHeight="1" outlineLevel="2" x14ac:dyDescent="0.2">
      <c r="A4990" s="17">
        <v>13911</v>
      </c>
      <c r="B4990" s="17"/>
      <c r="C4990" s="17"/>
      <c r="D4990" s="18" t="s">
        <v>2482</v>
      </c>
      <c r="E4990" s="18"/>
      <c r="F4990" s="18"/>
      <c r="G4990" s="18"/>
      <c r="H4990" s="18"/>
      <c r="I4990" s="18"/>
      <c r="J4990" s="18"/>
      <c r="K4990" s="18"/>
      <c r="L4990" s="18"/>
      <c r="M4990" s="18"/>
      <c r="N4990" s="18"/>
      <c r="O4990" s="18"/>
      <c r="P4990" s="19">
        <v>250</v>
      </c>
      <c r="Q4990" s="19"/>
      <c r="R4990" s="19"/>
      <c r="S4990" s="19"/>
      <c r="T4990" s="19">
        <v>190</v>
      </c>
      <c r="U4990" s="19"/>
      <c r="V4990" s="19"/>
      <c r="W4990" s="19"/>
      <c r="X4990" s="19">
        <v>30</v>
      </c>
      <c r="Y4990" s="19"/>
      <c r="Z4990" s="19"/>
      <c r="AA4990" s="19"/>
    </row>
    <row r="4991" spans="1:27" s="1" customFormat="1" ht="14.1" customHeight="1" outlineLevel="2" x14ac:dyDescent="0.2">
      <c r="A4991" s="17"/>
      <c r="B4991" s="17"/>
      <c r="C4991" s="17"/>
      <c r="D4991" s="18"/>
      <c r="E4991" s="18"/>
      <c r="F4991" s="18"/>
      <c r="G4991" s="18"/>
      <c r="H4991" s="18"/>
      <c r="I4991" s="18"/>
      <c r="J4991" s="18"/>
      <c r="K4991" s="18"/>
      <c r="L4991" s="18"/>
      <c r="M4991" s="18"/>
      <c r="N4991" s="18"/>
      <c r="O4991" s="18"/>
      <c r="P4991" s="19"/>
      <c r="Q4991" s="19"/>
      <c r="R4991" s="19"/>
      <c r="S4991" s="19"/>
      <c r="T4991" s="19"/>
      <c r="U4991" s="19"/>
      <c r="V4991" s="19"/>
      <c r="W4991" s="19"/>
      <c r="X4991" s="19"/>
      <c r="Y4991" s="19"/>
      <c r="Z4991" s="19"/>
      <c r="AA4991" s="19"/>
    </row>
    <row r="4992" spans="1:27" s="1" customFormat="1" ht="14.1" customHeight="1" outlineLevel="2" x14ac:dyDescent="0.2">
      <c r="A4992" s="17">
        <v>13910</v>
      </c>
      <c r="B4992" s="17"/>
      <c r="C4992" s="17"/>
      <c r="D4992" s="18" t="s">
        <v>2483</v>
      </c>
      <c r="E4992" s="18"/>
      <c r="F4992" s="18"/>
      <c r="G4992" s="18"/>
      <c r="H4992" s="18"/>
      <c r="I4992" s="18"/>
      <c r="J4992" s="18"/>
      <c r="K4992" s="18"/>
      <c r="L4992" s="18"/>
      <c r="M4992" s="18"/>
      <c r="N4992" s="18"/>
      <c r="O4992" s="18"/>
      <c r="P4992" s="19">
        <v>250</v>
      </c>
      <c r="Q4992" s="19"/>
      <c r="R4992" s="19"/>
      <c r="S4992" s="19"/>
      <c r="T4992" s="19">
        <v>190</v>
      </c>
      <c r="U4992" s="19"/>
      <c r="V4992" s="19"/>
      <c r="W4992" s="19"/>
      <c r="X4992" s="19">
        <v>28</v>
      </c>
      <c r="Y4992" s="19"/>
      <c r="Z4992" s="19"/>
      <c r="AA4992" s="19"/>
    </row>
    <row r="4993" spans="1:27" s="1" customFormat="1" ht="14.1" customHeight="1" outlineLevel="2" x14ac:dyDescent="0.2">
      <c r="A4993" s="17"/>
      <c r="B4993" s="17"/>
      <c r="C4993" s="17"/>
      <c r="D4993" s="18"/>
      <c r="E4993" s="18"/>
      <c r="F4993" s="18"/>
      <c r="G4993" s="18"/>
      <c r="H4993" s="18"/>
      <c r="I4993" s="18"/>
      <c r="J4993" s="18"/>
      <c r="K4993" s="18"/>
      <c r="L4993" s="18"/>
      <c r="M4993" s="18"/>
      <c r="N4993" s="18"/>
      <c r="O4993" s="18"/>
      <c r="P4993" s="19"/>
      <c r="Q4993" s="19"/>
      <c r="R4993" s="19"/>
      <c r="S4993" s="19"/>
      <c r="T4993" s="19"/>
      <c r="U4993" s="19"/>
      <c r="V4993" s="19"/>
      <c r="W4993" s="19"/>
      <c r="X4993" s="19"/>
      <c r="Y4993" s="19"/>
      <c r="Z4993" s="19"/>
      <c r="AA4993" s="19"/>
    </row>
    <row r="4994" spans="1:27" s="1" customFormat="1" ht="14.1" customHeight="1" outlineLevel="2" x14ac:dyDescent="0.2">
      <c r="A4994" s="17">
        <v>17877</v>
      </c>
      <c r="B4994" s="17"/>
      <c r="C4994" s="17"/>
      <c r="D4994" s="18" t="s">
        <v>2484</v>
      </c>
      <c r="E4994" s="18"/>
      <c r="F4994" s="18"/>
      <c r="G4994" s="18"/>
      <c r="H4994" s="18"/>
      <c r="I4994" s="18"/>
      <c r="J4994" s="18"/>
      <c r="K4994" s="18"/>
      <c r="L4994" s="18"/>
      <c r="M4994" s="18"/>
      <c r="N4994" s="18"/>
      <c r="O4994" s="18"/>
      <c r="P4994" s="19">
        <v>600</v>
      </c>
      <c r="Q4994" s="19"/>
      <c r="R4994" s="19"/>
      <c r="S4994" s="19"/>
      <c r="T4994" s="19">
        <v>500</v>
      </c>
      <c r="U4994" s="19"/>
      <c r="V4994" s="19"/>
      <c r="W4994" s="19"/>
      <c r="X4994" s="19">
        <v>1</v>
      </c>
      <c r="Y4994" s="19"/>
      <c r="Z4994" s="19"/>
      <c r="AA4994" s="19"/>
    </row>
    <row r="4995" spans="1:27" s="1" customFormat="1" ht="14.1" customHeight="1" outlineLevel="2" x14ac:dyDescent="0.2">
      <c r="A4995" s="17"/>
      <c r="B4995" s="17"/>
      <c r="C4995" s="17"/>
      <c r="D4995" s="18"/>
      <c r="E4995" s="18"/>
      <c r="F4995" s="18"/>
      <c r="G4995" s="18"/>
      <c r="H4995" s="18"/>
      <c r="I4995" s="18"/>
      <c r="J4995" s="18"/>
      <c r="K4995" s="18"/>
      <c r="L4995" s="18"/>
      <c r="M4995" s="18"/>
      <c r="N4995" s="18"/>
      <c r="O4995" s="18"/>
      <c r="P4995" s="19"/>
      <c r="Q4995" s="19"/>
      <c r="R4995" s="19"/>
      <c r="S4995" s="19"/>
      <c r="T4995" s="19"/>
      <c r="U4995" s="19"/>
      <c r="V4995" s="19"/>
      <c r="W4995" s="19"/>
      <c r="X4995" s="19"/>
      <c r="Y4995" s="19"/>
      <c r="Z4995" s="19"/>
      <c r="AA4995" s="19"/>
    </row>
    <row r="4996" spans="1:27" s="1" customFormat="1" ht="14.1" customHeight="1" outlineLevel="2" x14ac:dyDescent="0.2">
      <c r="A4996" s="17">
        <v>15644</v>
      </c>
      <c r="B4996" s="17"/>
      <c r="C4996" s="17"/>
      <c r="D4996" s="18" t="s">
        <v>2485</v>
      </c>
      <c r="E4996" s="18"/>
      <c r="F4996" s="18"/>
      <c r="G4996" s="18"/>
      <c r="H4996" s="18"/>
      <c r="I4996" s="18"/>
      <c r="J4996" s="18"/>
      <c r="K4996" s="18"/>
      <c r="L4996" s="18"/>
      <c r="M4996" s="18"/>
      <c r="N4996" s="18"/>
      <c r="O4996" s="18"/>
      <c r="P4996" s="19">
        <v>190</v>
      </c>
      <c r="Q4996" s="19"/>
      <c r="R4996" s="19"/>
      <c r="S4996" s="19"/>
      <c r="T4996" s="19">
        <v>140</v>
      </c>
      <c r="U4996" s="19"/>
      <c r="V4996" s="19"/>
      <c r="W4996" s="19"/>
      <c r="X4996" s="19">
        <v>10</v>
      </c>
      <c r="Y4996" s="19"/>
      <c r="Z4996" s="19"/>
      <c r="AA4996" s="19"/>
    </row>
    <row r="4997" spans="1:27" s="1" customFormat="1" ht="14.1" customHeight="1" outlineLevel="2" x14ac:dyDescent="0.2">
      <c r="A4997" s="17"/>
      <c r="B4997" s="17"/>
      <c r="C4997" s="17"/>
      <c r="D4997" s="18"/>
      <c r="E4997" s="18"/>
      <c r="F4997" s="18"/>
      <c r="G4997" s="18"/>
      <c r="H4997" s="18"/>
      <c r="I4997" s="18"/>
      <c r="J4997" s="18"/>
      <c r="K4997" s="18"/>
      <c r="L4997" s="18"/>
      <c r="M4997" s="18"/>
      <c r="N4997" s="18"/>
      <c r="O4997" s="18"/>
      <c r="P4997" s="19"/>
      <c r="Q4997" s="19"/>
      <c r="R4997" s="19"/>
      <c r="S4997" s="19"/>
      <c r="T4997" s="19"/>
      <c r="U4997" s="19"/>
      <c r="V4997" s="19"/>
      <c r="W4997" s="19"/>
      <c r="X4997" s="19"/>
      <c r="Y4997" s="19"/>
      <c r="Z4997" s="19"/>
      <c r="AA4997" s="19"/>
    </row>
    <row r="4998" spans="1:27" s="1" customFormat="1" ht="14.1" customHeight="1" outlineLevel="2" x14ac:dyDescent="0.2">
      <c r="A4998" s="17">
        <v>15643</v>
      </c>
      <c r="B4998" s="17"/>
      <c r="C4998" s="17"/>
      <c r="D4998" s="18" t="s">
        <v>2486</v>
      </c>
      <c r="E4998" s="18"/>
      <c r="F4998" s="18"/>
      <c r="G4998" s="18"/>
      <c r="H4998" s="18"/>
      <c r="I4998" s="18"/>
      <c r="J4998" s="18"/>
      <c r="K4998" s="18"/>
      <c r="L4998" s="18"/>
      <c r="M4998" s="18"/>
      <c r="N4998" s="18"/>
      <c r="O4998" s="18"/>
      <c r="P4998" s="19">
        <v>190</v>
      </c>
      <c r="Q4998" s="19"/>
      <c r="R4998" s="19"/>
      <c r="S4998" s="19"/>
      <c r="T4998" s="19">
        <v>140</v>
      </c>
      <c r="U4998" s="19"/>
      <c r="V4998" s="19"/>
      <c r="W4998" s="19"/>
      <c r="X4998" s="19">
        <v>8</v>
      </c>
      <c r="Y4998" s="19"/>
      <c r="Z4998" s="19"/>
      <c r="AA4998" s="19"/>
    </row>
    <row r="4999" spans="1:27" s="1" customFormat="1" ht="14.1" customHeight="1" outlineLevel="2" x14ac:dyDescent="0.2">
      <c r="A4999" s="17"/>
      <c r="B4999" s="17"/>
      <c r="C4999" s="17"/>
      <c r="D4999" s="18"/>
      <c r="E4999" s="18"/>
      <c r="F4999" s="18"/>
      <c r="G4999" s="18"/>
      <c r="H4999" s="18"/>
      <c r="I4999" s="18"/>
      <c r="J4999" s="18"/>
      <c r="K4999" s="18"/>
      <c r="L4999" s="18"/>
      <c r="M4999" s="18"/>
      <c r="N4999" s="18"/>
      <c r="O4999" s="18"/>
      <c r="P4999" s="19"/>
      <c r="Q4999" s="19"/>
      <c r="R4999" s="19"/>
      <c r="S4999" s="19"/>
      <c r="T4999" s="19"/>
      <c r="U4999" s="19"/>
      <c r="V4999" s="19"/>
      <c r="W4999" s="19"/>
      <c r="X4999" s="19"/>
      <c r="Y4999" s="19"/>
      <c r="Z4999" s="19"/>
      <c r="AA4999" s="19"/>
    </row>
    <row r="5000" spans="1:27" s="1" customFormat="1" ht="14.1" customHeight="1" outlineLevel="2" x14ac:dyDescent="0.2">
      <c r="A5000" s="17">
        <v>17462</v>
      </c>
      <c r="B5000" s="17"/>
      <c r="C5000" s="17"/>
      <c r="D5000" s="18" t="s">
        <v>2487</v>
      </c>
      <c r="E5000" s="18"/>
      <c r="F5000" s="18"/>
      <c r="G5000" s="18"/>
      <c r="H5000" s="18"/>
      <c r="I5000" s="18"/>
      <c r="J5000" s="18"/>
      <c r="K5000" s="18"/>
      <c r="L5000" s="18"/>
      <c r="M5000" s="18"/>
      <c r="N5000" s="18"/>
      <c r="O5000" s="18"/>
      <c r="P5000" s="19">
        <v>500</v>
      </c>
      <c r="Q5000" s="19"/>
      <c r="R5000" s="19"/>
      <c r="S5000" s="19"/>
      <c r="T5000" s="19">
        <v>400</v>
      </c>
      <c r="U5000" s="19"/>
      <c r="V5000" s="19"/>
      <c r="W5000" s="19"/>
      <c r="X5000" s="19">
        <v>1</v>
      </c>
      <c r="Y5000" s="19"/>
      <c r="Z5000" s="19"/>
      <c r="AA5000" s="19"/>
    </row>
    <row r="5001" spans="1:27" s="1" customFormat="1" ht="14.1" customHeight="1" outlineLevel="2" x14ac:dyDescent="0.2">
      <c r="A5001" s="17"/>
      <c r="B5001" s="17"/>
      <c r="C5001" s="17"/>
      <c r="D5001" s="18"/>
      <c r="E5001" s="18"/>
      <c r="F5001" s="18"/>
      <c r="G5001" s="18"/>
      <c r="H5001" s="18"/>
      <c r="I5001" s="18"/>
      <c r="J5001" s="18"/>
      <c r="K5001" s="18"/>
      <c r="L5001" s="18"/>
      <c r="M5001" s="18"/>
      <c r="N5001" s="18"/>
      <c r="O5001" s="18"/>
      <c r="P5001" s="19"/>
      <c r="Q5001" s="19"/>
      <c r="R5001" s="19"/>
      <c r="S5001" s="19"/>
      <c r="T5001" s="19"/>
      <c r="U5001" s="19"/>
      <c r="V5001" s="19"/>
      <c r="W5001" s="19"/>
      <c r="X5001" s="19"/>
      <c r="Y5001" s="19"/>
      <c r="Z5001" s="19"/>
      <c r="AA5001" s="19"/>
    </row>
    <row r="5002" spans="1:27" s="1" customFormat="1" ht="14.1" customHeight="1" outlineLevel="2" x14ac:dyDescent="0.2">
      <c r="A5002" s="17">
        <v>15646</v>
      </c>
      <c r="B5002" s="17"/>
      <c r="C5002" s="17"/>
      <c r="D5002" s="18" t="s">
        <v>2488</v>
      </c>
      <c r="E5002" s="18"/>
      <c r="F5002" s="18"/>
      <c r="G5002" s="18"/>
      <c r="H5002" s="18"/>
      <c r="I5002" s="18"/>
      <c r="J5002" s="18"/>
      <c r="K5002" s="18"/>
      <c r="L5002" s="18"/>
      <c r="M5002" s="18"/>
      <c r="N5002" s="18"/>
      <c r="O5002" s="18"/>
      <c r="P5002" s="19">
        <v>190</v>
      </c>
      <c r="Q5002" s="19"/>
      <c r="R5002" s="19"/>
      <c r="S5002" s="19"/>
      <c r="T5002" s="19">
        <v>140</v>
      </c>
      <c r="U5002" s="19"/>
      <c r="V5002" s="19"/>
      <c r="W5002" s="19"/>
      <c r="X5002" s="19">
        <v>10</v>
      </c>
      <c r="Y5002" s="19"/>
      <c r="Z5002" s="19"/>
      <c r="AA5002" s="19"/>
    </row>
    <row r="5003" spans="1:27" s="1" customFormat="1" ht="14.1" customHeight="1" outlineLevel="2" x14ac:dyDescent="0.2">
      <c r="A5003" s="17"/>
      <c r="B5003" s="17"/>
      <c r="C5003" s="17"/>
      <c r="D5003" s="18"/>
      <c r="E5003" s="18"/>
      <c r="F5003" s="18"/>
      <c r="G5003" s="18"/>
      <c r="H5003" s="18"/>
      <c r="I5003" s="18"/>
      <c r="J5003" s="18"/>
      <c r="K5003" s="18"/>
      <c r="L5003" s="18"/>
      <c r="M5003" s="18"/>
      <c r="N5003" s="18"/>
      <c r="O5003" s="18"/>
      <c r="P5003" s="19"/>
      <c r="Q5003" s="19"/>
      <c r="R5003" s="19"/>
      <c r="S5003" s="19"/>
      <c r="T5003" s="19"/>
      <c r="U5003" s="19"/>
      <c r="V5003" s="19"/>
      <c r="W5003" s="19"/>
      <c r="X5003" s="19"/>
      <c r="Y5003" s="19"/>
      <c r="Z5003" s="19"/>
      <c r="AA5003" s="19"/>
    </row>
    <row r="5004" spans="1:27" s="1" customFormat="1" ht="14.1" customHeight="1" outlineLevel="2" x14ac:dyDescent="0.2">
      <c r="A5004" s="17">
        <v>15645</v>
      </c>
      <c r="B5004" s="17"/>
      <c r="C5004" s="17"/>
      <c r="D5004" s="18" t="s">
        <v>2489</v>
      </c>
      <c r="E5004" s="18"/>
      <c r="F5004" s="18"/>
      <c r="G5004" s="18"/>
      <c r="H5004" s="18"/>
      <c r="I5004" s="18"/>
      <c r="J5004" s="18"/>
      <c r="K5004" s="18"/>
      <c r="L5004" s="18"/>
      <c r="M5004" s="18"/>
      <c r="N5004" s="18"/>
      <c r="O5004" s="18"/>
      <c r="P5004" s="19">
        <v>190</v>
      </c>
      <c r="Q5004" s="19"/>
      <c r="R5004" s="19"/>
      <c r="S5004" s="19"/>
      <c r="T5004" s="19">
        <v>140</v>
      </c>
      <c r="U5004" s="19"/>
      <c r="V5004" s="19"/>
      <c r="W5004" s="19"/>
      <c r="X5004" s="19">
        <v>10</v>
      </c>
      <c r="Y5004" s="19"/>
      <c r="Z5004" s="19"/>
      <c r="AA5004" s="19"/>
    </row>
    <row r="5005" spans="1:27" s="1" customFormat="1" ht="14.1" customHeight="1" outlineLevel="2" x14ac:dyDescent="0.2">
      <c r="A5005" s="17"/>
      <c r="B5005" s="17"/>
      <c r="C5005" s="17"/>
      <c r="D5005" s="18"/>
      <c r="E5005" s="18"/>
      <c r="F5005" s="18"/>
      <c r="G5005" s="18"/>
      <c r="H5005" s="18"/>
      <c r="I5005" s="18"/>
      <c r="J5005" s="18"/>
      <c r="K5005" s="18"/>
      <c r="L5005" s="18"/>
      <c r="M5005" s="18"/>
      <c r="N5005" s="18"/>
      <c r="O5005" s="18"/>
      <c r="P5005" s="19"/>
      <c r="Q5005" s="19"/>
      <c r="R5005" s="19"/>
      <c r="S5005" s="19"/>
      <c r="T5005" s="19"/>
      <c r="U5005" s="19"/>
      <c r="V5005" s="19"/>
      <c r="W5005" s="19"/>
      <c r="X5005" s="19"/>
      <c r="Y5005" s="19"/>
      <c r="Z5005" s="19"/>
      <c r="AA5005" s="19"/>
    </row>
    <row r="5006" spans="1:27" s="1" customFormat="1" ht="14.1" customHeight="1" outlineLevel="2" x14ac:dyDescent="0.2">
      <c r="A5006" s="17">
        <v>11133</v>
      </c>
      <c r="B5006" s="17"/>
      <c r="C5006" s="17"/>
      <c r="D5006" s="18" t="s">
        <v>2490</v>
      </c>
      <c r="E5006" s="18"/>
      <c r="F5006" s="18"/>
      <c r="G5006" s="18"/>
      <c r="H5006" s="18"/>
      <c r="I5006" s="18"/>
      <c r="J5006" s="18"/>
      <c r="K5006" s="18"/>
      <c r="L5006" s="18"/>
      <c r="M5006" s="18"/>
      <c r="N5006" s="18"/>
      <c r="O5006" s="18"/>
      <c r="P5006" s="19">
        <v>250</v>
      </c>
      <c r="Q5006" s="19"/>
      <c r="R5006" s="19"/>
      <c r="S5006" s="19"/>
      <c r="T5006" s="19">
        <v>190</v>
      </c>
      <c r="U5006" s="19"/>
      <c r="V5006" s="19"/>
      <c r="W5006" s="19"/>
      <c r="X5006" s="19">
        <v>1</v>
      </c>
      <c r="Y5006" s="19"/>
      <c r="Z5006" s="19"/>
      <c r="AA5006" s="19"/>
    </row>
    <row r="5007" spans="1:27" s="1" customFormat="1" ht="14.1" customHeight="1" outlineLevel="2" x14ac:dyDescent="0.2">
      <c r="A5007" s="17"/>
      <c r="B5007" s="17"/>
      <c r="C5007" s="17"/>
      <c r="D5007" s="18"/>
      <c r="E5007" s="18"/>
      <c r="F5007" s="18"/>
      <c r="G5007" s="18"/>
      <c r="H5007" s="18"/>
      <c r="I5007" s="18"/>
      <c r="J5007" s="18"/>
      <c r="K5007" s="18"/>
      <c r="L5007" s="18"/>
      <c r="M5007" s="18"/>
      <c r="N5007" s="18"/>
      <c r="O5007" s="18"/>
      <c r="P5007" s="19"/>
      <c r="Q5007" s="19"/>
      <c r="R5007" s="19"/>
      <c r="S5007" s="19"/>
      <c r="T5007" s="19"/>
      <c r="U5007" s="19"/>
      <c r="V5007" s="19"/>
      <c r="W5007" s="19"/>
      <c r="X5007" s="19"/>
      <c r="Y5007" s="19"/>
      <c r="Z5007" s="19"/>
      <c r="AA5007" s="19"/>
    </row>
    <row r="5008" spans="1:27" s="1" customFormat="1" ht="14.1" customHeight="1" outlineLevel="2" x14ac:dyDescent="0.2">
      <c r="A5008" s="17">
        <v>11132</v>
      </c>
      <c r="B5008" s="17"/>
      <c r="C5008" s="17"/>
      <c r="D5008" s="18" t="s">
        <v>2491</v>
      </c>
      <c r="E5008" s="18"/>
      <c r="F5008" s="18"/>
      <c r="G5008" s="18"/>
      <c r="H5008" s="18"/>
      <c r="I5008" s="18"/>
      <c r="J5008" s="18"/>
      <c r="K5008" s="18"/>
      <c r="L5008" s="18"/>
      <c r="M5008" s="18"/>
      <c r="N5008" s="18"/>
      <c r="O5008" s="18"/>
      <c r="P5008" s="19">
        <v>190</v>
      </c>
      <c r="Q5008" s="19"/>
      <c r="R5008" s="19"/>
      <c r="S5008" s="19"/>
      <c r="T5008" s="19">
        <v>140</v>
      </c>
      <c r="U5008" s="19"/>
      <c r="V5008" s="19"/>
      <c r="W5008" s="19"/>
      <c r="X5008" s="19">
        <v>40</v>
      </c>
      <c r="Y5008" s="19"/>
      <c r="Z5008" s="19"/>
      <c r="AA5008" s="19"/>
    </row>
    <row r="5009" spans="1:27" s="1" customFormat="1" ht="14.1" customHeight="1" outlineLevel="2" x14ac:dyDescent="0.2">
      <c r="A5009" s="17"/>
      <c r="B5009" s="17"/>
      <c r="C5009" s="17"/>
      <c r="D5009" s="18"/>
      <c r="E5009" s="18"/>
      <c r="F5009" s="18"/>
      <c r="G5009" s="18"/>
      <c r="H5009" s="18"/>
      <c r="I5009" s="18"/>
      <c r="J5009" s="18"/>
      <c r="K5009" s="18"/>
      <c r="L5009" s="18"/>
      <c r="M5009" s="18"/>
      <c r="N5009" s="18"/>
      <c r="O5009" s="18"/>
      <c r="P5009" s="19"/>
      <c r="Q5009" s="19"/>
      <c r="R5009" s="19"/>
      <c r="S5009" s="19"/>
      <c r="T5009" s="19"/>
      <c r="U5009" s="19"/>
      <c r="V5009" s="19"/>
      <c r="W5009" s="19"/>
      <c r="X5009" s="19"/>
      <c r="Y5009" s="19"/>
      <c r="Z5009" s="19"/>
      <c r="AA5009" s="19"/>
    </row>
    <row r="5010" spans="1:27" s="1" customFormat="1" ht="14.1" customHeight="1" outlineLevel="2" x14ac:dyDescent="0.2">
      <c r="A5010" s="17">
        <v>14768</v>
      </c>
      <c r="B5010" s="17"/>
      <c r="C5010" s="17"/>
      <c r="D5010" s="18" t="s">
        <v>2492</v>
      </c>
      <c r="E5010" s="18"/>
      <c r="F5010" s="18"/>
      <c r="G5010" s="18"/>
      <c r="H5010" s="18"/>
      <c r="I5010" s="18"/>
      <c r="J5010" s="18"/>
      <c r="K5010" s="18"/>
      <c r="L5010" s="18"/>
      <c r="M5010" s="18"/>
      <c r="N5010" s="18"/>
      <c r="O5010" s="18"/>
      <c r="P5010" s="19">
        <v>190</v>
      </c>
      <c r="Q5010" s="19"/>
      <c r="R5010" s="19"/>
      <c r="S5010" s="19"/>
      <c r="T5010" s="19">
        <v>140</v>
      </c>
      <c r="U5010" s="19"/>
      <c r="V5010" s="19"/>
      <c r="W5010" s="19"/>
      <c r="X5010" s="19">
        <v>19</v>
      </c>
      <c r="Y5010" s="19"/>
      <c r="Z5010" s="19"/>
      <c r="AA5010" s="19"/>
    </row>
    <row r="5011" spans="1:27" s="1" customFormat="1" ht="14.1" customHeight="1" outlineLevel="2" x14ac:dyDescent="0.2">
      <c r="A5011" s="17"/>
      <c r="B5011" s="17"/>
      <c r="C5011" s="17"/>
      <c r="D5011" s="18"/>
      <c r="E5011" s="18"/>
      <c r="F5011" s="18"/>
      <c r="G5011" s="18"/>
      <c r="H5011" s="18"/>
      <c r="I5011" s="18"/>
      <c r="J5011" s="18"/>
      <c r="K5011" s="18"/>
      <c r="L5011" s="18"/>
      <c r="M5011" s="18"/>
      <c r="N5011" s="18"/>
      <c r="O5011" s="18"/>
      <c r="P5011" s="19"/>
      <c r="Q5011" s="19"/>
      <c r="R5011" s="19"/>
      <c r="S5011" s="19"/>
      <c r="T5011" s="19"/>
      <c r="U5011" s="19"/>
      <c r="V5011" s="19"/>
      <c r="W5011" s="19"/>
      <c r="X5011" s="19"/>
      <c r="Y5011" s="19"/>
      <c r="Z5011" s="19"/>
      <c r="AA5011" s="19"/>
    </row>
    <row r="5012" spans="1:27" s="1" customFormat="1" ht="14.1" customHeight="1" outlineLevel="2" x14ac:dyDescent="0.2">
      <c r="A5012" s="17">
        <v>14769</v>
      </c>
      <c r="B5012" s="17"/>
      <c r="C5012" s="17"/>
      <c r="D5012" s="18" t="s">
        <v>2493</v>
      </c>
      <c r="E5012" s="18"/>
      <c r="F5012" s="18"/>
      <c r="G5012" s="18"/>
      <c r="H5012" s="18"/>
      <c r="I5012" s="18"/>
      <c r="J5012" s="18"/>
      <c r="K5012" s="18"/>
      <c r="L5012" s="18"/>
      <c r="M5012" s="18"/>
      <c r="N5012" s="18"/>
      <c r="O5012" s="18"/>
      <c r="P5012" s="19">
        <v>190</v>
      </c>
      <c r="Q5012" s="19"/>
      <c r="R5012" s="19"/>
      <c r="S5012" s="19"/>
      <c r="T5012" s="19">
        <v>140</v>
      </c>
      <c r="U5012" s="19"/>
      <c r="V5012" s="19"/>
      <c r="W5012" s="19"/>
      <c r="X5012" s="19">
        <v>19</v>
      </c>
      <c r="Y5012" s="19"/>
      <c r="Z5012" s="19"/>
      <c r="AA5012" s="19"/>
    </row>
    <row r="5013" spans="1:27" s="1" customFormat="1" ht="14.1" customHeight="1" outlineLevel="2" x14ac:dyDescent="0.2">
      <c r="A5013" s="17"/>
      <c r="B5013" s="17"/>
      <c r="C5013" s="17"/>
      <c r="D5013" s="18"/>
      <c r="E5013" s="18"/>
      <c r="F5013" s="18"/>
      <c r="G5013" s="18"/>
      <c r="H5013" s="18"/>
      <c r="I5013" s="18"/>
      <c r="J5013" s="18"/>
      <c r="K5013" s="18"/>
      <c r="L5013" s="18"/>
      <c r="M5013" s="18"/>
      <c r="N5013" s="18"/>
      <c r="O5013" s="18"/>
      <c r="P5013" s="19"/>
      <c r="Q5013" s="19"/>
      <c r="R5013" s="19"/>
      <c r="S5013" s="19"/>
      <c r="T5013" s="19"/>
      <c r="U5013" s="19"/>
      <c r="V5013" s="19"/>
      <c r="W5013" s="19"/>
      <c r="X5013" s="19"/>
      <c r="Y5013" s="19"/>
      <c r="Z5013" s="19"/>
      <c r="AA5013" s="19"/>
    </row>
    <row r="5014" spans="1:27" s="1" customFormat="1" ht="14.1" customHeight="1" outlineLevel="2" x14ac:dyDescent="0.2">
      <c r="A5014" s="17">
        <v>13634</v>
      </c>
      <c r="B5014" s="17"/>
      <c r="C5014" s="17"/>
      <c r="D5014" s="18" t="s">
        <v>2494</v>
      </c>
      <c r="E5014" s="18"/>
      <c r="F5014" s="18"/>
      <c r="G5014" s="18"/>
      <c r="H5014" s="18"/>
      <c r="I5014" s="18"/>
      <c r="J5014" s="18"/>
      <c r="K5014" s="18"/>
      <c r="L5014" s="18"/>
      <c r="M5014" s="18"/>
      <c r="N5014" s="18"/>
      <c r="O5014" s="18"/>
      <c r="P5014" s="19">
        <v>190</v>
      </c>
      <c r="Q5014" s="19"/>
      <c r="R5014" s="19"/>
      <c r="S5014" s="19"/>
      <c r="T5014" s="19">
        <v>140</v>
      </c>
      <c r="U5014" s="19"/>
      <c r="V5014" s="19"/>
      <c r="W5014" s="19"/>
      <c r="X5014" s="19">
        <v>48</v>
      </c>
      <c r="Y5014" s="19"/>
      <c r="Z5014" s="19"/>
      <c r="AA5014" s="19"/>
    </row>
    <row r="5015" spans="1:27" s="1" customFormat="1" ht="14.1" customHeight="1" outlineLevel="2" x14ac:dyDescent="0.2">
      <c r="A5015" s="17"/>
      <c r="B5015" s="17"/>
      <c r="C5015" s="17"/>
      <c r="D5015" s="18"/>
      <c r="E5015" s="18"/>
      <c r="F5015" s="18"/>
      <c r="G5015" s="18"/>
      <c r="H5015" s="18"/>
      <c r="I5015" s="18"/>
      <c r="J5015" s="18"/>
      <c r="K5015" s="18"/>
      <c r="L5015" s="18"/>
      <c r="M5015" s="18"/>
      <c r="N5015" s="18"/>
      <c r="O5015" s="18"/>
      <c r="P5015" s="19"/>
      <c r="Q5015" s="19"/>
      <c r="R5015" s="19"/>
      <c r="S5015" s="19"/>
      <c r="T5015" s="19"/>
      <c r="U5015" s="19"/>
      <c r="V5015" s="19"/>
      <c r="W5015" s="19"/>
      <c r="X5015" s="19"/>
      <c r="Y5015" s="19"/>
      <c r="Z5015" s="19"/>
      <c r="AA5015" s="19"/>
    </row>
    <row r="5016" spans="1:27" s="1" customFormat="1" ht="14.1" customHeight="1" outlineLevel="2" x14ac:dyDescent="0.2">
      <c r="A5016" s="17">
        <v>13633</v>
      </c>
      <c r="B5016" s="17"/>
      <c r="C5016" s="17"/>
      <c r="D5016" s="18" t="s">
        <v>2495</v>
      </c>
      <c r="E5016" s="18"/>
      <c r="F5016" s="18"/>
      <c r="G5016" s="18"/>
      <c r="H5016" s="18"/>
      <c r="I5016" s="18"/>
      <c r="J5016" s="18"/>
      <c r="K5016" s="18"/>
      <c r="L5016" s="18"/>
      <c r="M5016" s="18"/>
      <c r="N5016" s="18"/>
      <c r="O5016" s="18"/>
      <c r="P5016" s="19">
        <v>190</v>
      </c>
      <c r="Q5016" s="19"/>
      <c r="R5016" s="19"/>
      <c r="S5016" s="19"/>
      <c r="T5016" s="19">
        <v>140</v>
      </c>
      <c r="U5016" s="19"/>
      <c r="V5016" s="19"/>
      <c r="W5016" s="19"/>
      <c r="X5016" s="19">
        <v>34</v>
      </c>
      <c r="Y5016" s="19"/>
      <c r="Z5016" s="19"/>
      <c r="AA5016" s="19"/>
    </row>
    <row r="5017" spans="1:27" s="1" customFormat="1" ht="14.1" customHeight="1" outlineLevel="2" x14ac:dyDescent="0.2">
      <c r="A5017" s="17"/>
      <c r="B5017" s="17"/>
      <c r="C5017" s="17"/>
      <c r="D5017" s="18"/>
      <c r="E5017" s="18"/>
      <c r="F5017" s="18"/>
      <c r="G5017" s="18"/>
      <c r="H5017" s="18"/>
      <c r="I5017" s="18"/>
      <c r="J5017" s="18"/>
      <c r="K5017" s="18"/>
      <c r="L5017" s="18"/>
      <c r="M5017" s="18"/>
      <c r="N5017" s="18"/>
      <c r="O5017" s="18"/>
      <c r="P5017" s="19"/>
      <c r="Q5017" s="19"/>
      <c r="R5017" s="19"/>
      <c r="S5017" s="19"/>
      <c r="T5017" s="19"/>
      <c r="U5017" s="19"/>
      <c r="V5017" s="19"/>
      <c r="W5017" s="19"/>
      <c r="X5017" s="19"/>
      <c r="Y5017" s="19"/>
      <c r="Z5017" s="19"/>
      <c r="AA5017" s="19"/>
    </row>
    <row r="5018" spans="1:27" s="1" customFormat="1" ht="14.1" customHeight="1" outlineLevel="2" x14ac:dyDescent="0.2">
      <c r="A5018" s="17">
        <v>15648</v>
      </c>
      <c r="B5018" s="17"/>
      <c r="C5018" s="17"/>
      <c r="D5018" s="18" t="s">
        <v>2496</v>
      </c>
      <c r="E5018" s="18"/>
      <c r="F5018" s="18"/>
      <c r="G5018" s="18"/>
      <c r="H5018" s="18"/>
      <c r="I5018" s="18"/>
      <c r="J5018" s="18"/>
      <c r="K5018" s="18"/>
      <c r="L5018" s="18"/>
      <c r="M5018" s="18"/>
      <c r="N5018" s="18"/>
      <c r="O5018" s="18"/>
      <c r="P5018" s="19">
        <v>190</v>
      </c>
      <c r="Q5018" s="19"/>
      <c r="R5018" s="19"/>
      <c r="S5018" s="19"/>
      <c r="T5018" s="19">
        <v>140</v>
      </c>
      <c r="U5018" s="19"/>
      <c r="V5018" s="19"/>
      <c r="W5018" s="19"/>
      <c r="X5018" s="19">
        <v>8</v>
      </c>
      <c r="Y5018" s="19"/>
      <c r="Z5018" s="19"/>
      <c r="AA5018" s="19"/>
    </row>
    <row r="5019" spans="1:27" s="1" customFormat="1" ht="14.1" customHeight="1" outlineLevel="2" x14ac:dyDescent="0.2">
      <c r="A5019" s="17"/>
      <c r="B5019" s="17"/>
      <c r="C5019" s="17"/>
      <c r="D5019" s="18"/>
      <c r="E5019" s="18"/>
      <c r="F5019" s="18"/>
      <c r="G5019" s="18"/>
      <c r="H5019" s="18"/>
      <c r="I5019" s="18"/>
      <c r="J5019" s="18"/>
      <c r="K5019" s="18"/>
      <c r="L5019" s="18"/>
      <c r="M5019" s="18"/>
      <c r="N5019" s="18"/>
      <c r="O5019" s="18"/>
      <c r="P5019" s="19"/>
      <c r="Q5019" s="19"/>
      <c r="R5019" s="19"/>
      <c r="S5019" s="19"/>
      <c r="T5019" s="19"/>
      <c r="U5019" s="19"/>
      <c r="V5019" s="19"/>
      <c r="W5019" s="19"/>
      <c r="X5019" s="19"/>
      <c r="Y5019" s="19"/>
      <c r="Z5019" s="19"/>
      <c r="AA5019" s="19"/>
    </row>
    <row r="5020" spans="1:27" s="1" customFormat="1" ht="14.1" customHeight="1" outlineLevel="2" x14ac:dyDescent="0.2">
      <c r="A5020" s="17">
        <v>15647</v>
      </c>
      <c r="B5020" s="17"/>
      <c r="C5020" s="17"/>
      <c r="D5020" s="18" t="s">
        <v>2497</v>
      </c>
      <c r="E5020" s="18"/>
      <c r="F5020" s="18"/>
      <c r="G5020" s="18"/>
      <c r="H5020" s="18"/>
      <c r="I5020" s="18"/>
      <c r="J5020" s="18"/>
      <c r="K5020" s="18"/>
      <c r="L5020" s="18"/>
      <c r="M5020" s="18"/>
      <c r="N5020" s="18"/>
      <c r="O5020" s="18"/>
      <c r="P5020" s="19">
        <v>190</v>
      </c>
      <c r="Q5020" s="19"/>
      <c r="R5020" s="19"/>
      <c r="S5020" s="19"/>
      <c r="T5020" s="19">
        <v>140</v>
      </c>
      <c r="U5020" s="19"/>
      <c r="V5020" s="19"/>
      <c r="W5020" s="19"/>
      <c r="X5020" s="19">
        <v>9</v>
      </c>
      <c r="Y5020" s="19"/>
      <c r="Z5020" s="19"/>
      <c r="AA5020" s="19"/>
    </row>
    <row r="5021" spans="1:27" s="1" customFormat="1" ht="14.1" customHeight="1" outlineLevel="2" x14ac:dyDescent="0.2">
      <c r="A5021" s="17"/>
      <c r="B5021" s="17"/>
      <c r="C5021" s="17"/>
      <c r="D5021" s="18"/>
      <c r="E5021" s="18"/>
      <c r="F5021" s="18"/>
      <c r="G5021" s="18"/>
      <c r="H5021" s="18"/>
      <c r="I5021" s="18"/>
      <c r="J5021" s="18"/>
      <c r="K5021" s="18"/>
      <c r="L5021" s="18"/>
      <c r="M5021" s="18"/>
      <c r="N5021" s="18"/>
      <c r="O5021" s="18"/>
      <c r="P5021" s="19"/>
      <c r="Q5021" s="19"/>
      <c r="R5021" s="19"/>
      <c r="S5021" s="19"/>
      <c r="T5021" s="19"/>
      <c r="U5021" s="19"/>
      <c r="V5021" s="19"/>
      <c r="W5021" s="19"/>
      <c r="X5021" s="19"/>
      <c r="Y5021" s="19"/>
      <c r="Z5021" s="19"/>
      <c r="AA5021" s="19"/>
    </row>
    <row r="5022" spans="1:27" s="1" customFormat="1" ht="14.1" customHeight="1" outlineLevel="2" x14ac:dyDescent="0.2">
      <c r="A5022" s="17">
        <v>15650</v>
      </c>
      <c r="B5022" s="17"/>
      <c r="C5022" s="17"/>
      <c r="D5022" s="18" t="s">
        <v>2498</v>
      </c>
      <c r="E5022" s="18"/>
      <c r="F5022" s="18"/>
      <c r="G5022" s="18"/>
      <c r="H5022" s="18"/>
      <c r="I5022" s="18"/>
      <c r="J5022" s="18"/>
      <c r="K5022" s="18"/>
      <c r="L5022" s="18"/>
      <c r="M5022" s="18"/>
      <c r="N5022" s="18"/>
      <c r="O5022" s="18"/>
      <c r="P5022" s="19">
        <v>190</v>
      </c>
      <c r="Q5022" s="19"/>
      <c r="R5022" s="19"/>
      <c r="S5022" s="19"/>
      <c r="T5022" s="19">
        <v>140</v>
      </c>
      <c r="U5022" s="19"/>
      <c r="V5022" s="19"/>
      <c r="W5022" s="19"/>
      <c r="X5022" s="19">
        <v>6</v>
      </c>
      <c r="Y5022" s="19"/>
      <c r="Z5022" s="19"/>
      <c r="AA5022" s="19"/>
    </row>
    <row r="5023" spans="1:27" s="1" customFormat="1" ht="14.1" customHeight="1" outlineLevel="2" x14ac:dyDescent="0.2">
      <c r="A5023" s="17"/>
      <c r="B5023" s="17"/>
      <c r="C5023" s="17"/>
      <c r="D5023" s="18"/>
      <c r="E5023" s="18"/>
      <c r="F5023" s="18"/>
      <c r="G5023" s="18"/>
      <c r="H5023" s="18"/>
      <c r="I5023" s="18"/>
      <c r="J5023" s="18"/>
      <c r="K5023" s="18"/>
      <c r="L5023" s="18"/>
      <c r="M5023" s="18"/>
      <c r="N5023" s="18"/>
      <c r="O5023" s="18"/>
      <c r="P5023" s="19"/>
      <c r="Q5023" s="19"/>
      <c r="R5023" s="19"/>
      <c r="S5023" s="19"/>
      <c r="T5023" s="19"/>
      <c r="U5023" s="19"/>
      <c r="V5023" s="19"/>
      <c r="W5023" s="19"/>
      <c r="X5023" s="19"/>
      <c r="Y5023" s="19"/>
      <c r="Z5023" s="19"/>
      <c r="AA5023" s="19"/>
    </row>
    <row r="5024" spans="1:27" s="1" customFormat="1" ht="14.1" customHeight="1" outlineLevel="2" x14ac:dyDescent="0.2">
      <c r="A5024" s="17">
        <v>15649</v>
      </c>
      <c r="B5024" s="17"/>
      <c r="C5024" s="17"/>
      <c r="D5024" s="18" t="s">
        <v>2499</v>
      </c>
      <c r="E5024" s="18"/>
      <c r="F5024" s="18"/>
      <c r="G5024" s="18"/>
      <c r="H5024" s="18"/>
      <c r="I5024" s="18"/>
      <c r="J5024" s="18"/>
      <c r="K5024" s="18"/>
      <c r="L5024" s="18"/>
      <c r="M5024" s="18"/>
      <c r="N5024" s="18"/>
      <c r="O5024" s="18"/>
      <c r="P5024" s="19">
        <v>190</v>
      </c>
      <c r="Q5024" s="19"/>
      <c r="R5024" s="19"/>
      <c r="S5024" s="19"/>
      <c r="T5024" s="19">
        <v>140</v>
      </c>
      <c r="U5024" s="19"/>
      <c r="V5024" s="19"/>
      <c r="W5024" s="19"/>
      <c r="X5024" s="19">
        <v>9</v>
      </c>
      <c r="Y5024" s="19"/>
      <c r="Z5024" s="19"/>
      <c r="AA5024" s="19"/>
    </row>
    <row r="5025" spans="1:27" s="1" customFormat="1" ht="14.1" customHeight="1" outlineLevel="2" x14ac:dyDescent="0.2">
      <c r="A5025" s="17"/>
      <c r="B5025" s="17"/>
      <c r="C5025" s="17"/>
      <c r="D5025" s="18"/>
      <c r="E5025" s="18"/>
      <c r="F5025" s="18"/>
      <c r="G5025" s="18"/>
      <c r="H5025" s="18"/>
      <c r="I5025" s="18"/>
      <c r="J5025" s="18"/>
      <c r="K5025" s="18"/>
      <c r="L5025" s="18"/>
      <c r="M5025" s="18"/>
      <c r="N5025" s="18"/>
      <c r="O5025" s="18"/>
      <c r="P5025" s="19"/>
      <c r="Q5025" s="19"/>
      <c r="R5025" s="19"/>
      <c r="S5025" s="19"/>
      <c r="T5025" s="19"/>
      <c r="U5025" s="19"/>
      <c r="V5025" s="19"/>
      <c r="W5025" s="19"/>
      <c r="X5025" s="19"/>
      <c r="Y5025" s="19"/>
      <c r="Z5025" s="19"/>
      <c r="AA5025" s="19"/>
    </row>
    <row r="5026" spans="1:27" s="1" customFormat="1" ht="14.1" customHeight="1" outlineLevel="2" x14ac:dyDescent="0.2">
      <c r="A5026" s="17">
        <v>7728</v>
      </c>
      <c r="B5026" s="17"/>
      <c r="C5026" s="17"/>
      <c r="D5026" s="18" t="s">
        <v>2500</v>
      </c>
      <c r="E5026" s="18"/>
      <c r="F5026" s="18"/>
      <c r="G5026" s="18"/>
      <c r="H5026" s="18"/>
      <c r="I5026" s="18"/>
      <c r="J5026" s="18"/>
      <c r="K5026" s="18"/>
      <c r="L5026" s="18"/>
      <c r="M5026" s="18"/>
      <c r="N5026" s="18"/>
      <c r="O5026" s="18"/>
      <c r="P5026" s="19">
        <v>150</v>
      </c>
      <c r="Q5026" s="19"/>
      <c r="R5026" s="19"/>
      <c r="S5026" s="19"/>
      <c r="T5026" s="19">
        <v>120</v>
      </c>
      <c r="U5026" s="19"/>
      <c r="V5026" s="19"/>
      <c r="W5026" s="19"/>
      <c r="X5026" s="19">
        <v>1</v>
      </c>
      <c r="Y5026" s="19"/>
      <c r="Z5026" s="19"/>
      <c r="AA5026" s="19"/>
    </row>
    <row r="5027" spans="1:27" s="1" customFormat="1" ht="14.1" customHeight="1" outlineLevel="2" x14ac:dyDescent="0.2">
      <c r="A5027" s="17"/>
      <c r="B5027" s="17"/>
      <c r="C5027" s="17"/>
      <c r="D5027" s="18"/>
      <c r="E5027" s="18"/>
      <c r="F5027" s="18"/>
      <c r="G5027" s="18"/>
      <c r="H5027" s="18"/>
      <c r="I5027" s="18"/>
      <c r="J5027" s="18"/>
      <c r="K5027" s="18"/>
      <c r="L5027" s="18"/>
      <c r="M5027" s="18"/>
      <c r="N5027" s="18"/>
      <c r="O5027" s="18"/>
      <c r="P5027" s="19"/>
      <c r="Q5027" s="19"/>
      <c r="R5027" s="19"/>
      <c r="S5027" s="19"/>
      <c r="T5027" s="19"/>
      <c r="U5027" s="19"/>
      <c r="V5027" s="19"/>
      <c r="W5027" s="19"/>
      <c r="X5027" s="19"/>
      <c r="Y5027" s="19"/>
      <c r="Z5027" s="19"/>
      <c r="AA5027" s="19"/>
    </row>
    <row r="5028" spans="1:27" s="1" customFormat="1" ht="14.1" customHeight="1" outlineLevel="2" x14ac:dyDescent="0.2">
      <c r="A5028" s="17">
        <v>7704</v>
      </c>
      <c r="B5028" s="17"/>
      <c r="C5028" s="17"/>
      <c r="D5028" s="18" t="s">
        <v>2501</v>
      </c>
      <c r="E5028" s="18"/>
      <c r="F5028" s="18"/>
      <c r="G5028" s="18"/>
      <c r="H5028" s="18"/>
      <c r="I5028" s="18"/>
      <c r="J5028" s="18"/>
      <c r="K5028" s="18"/>
      <c r="L5028" s="18"/>
      <c r="M5028" s="18"/>
      <c r="N5028" s="18"/>
      <c r="O5028" s="18"/>
      <c r="P5028" s="19">
        <v>190</v>
      </c>
      <c r="Q5028" s="19"/>
      <c r="R5028" s="19"/>
      <c r="S5028" s="19"/>
      <c r="T5028" s="19">
        <v>140</v>
      </c>
      <c r="U5028" s="19"/>
      <c r="V5028" s="19"/>
      <c r="W5028" s="19"/>
      <c r="X5028" s="19">
        <v>12</v>
      </c>
      <c r="Y5028" s="19"/>
      <c r="Z5028" s="19"/>
      <c r="AA5028" s="19"/>
    </row>
    <row r="5029" spans="1:27" s="1" customFormat="1" ht="14.1" customHeight="1" outlineLevel="2" x14ac:dyDescent="0.2">
      <c r="A5029" s="17"/>
      <c r="B5029" s="17"/>
      <c r="C5029" s="17"/>
      <c r="D5029" s="18"/>
      <c r="E5029" s="18"/>
      <c r="F5029" s="18"/>
      <c r="G5029" s="18"/>
      <c r="H5029" s="18"/>
      <c r="I5029" s="18"/>
      <c r="J5029" s="18"/>
      <c r="K5029" s="18"/>
      <c r="L5029" s="18"/>
      <c r="M5029" s="18"/>
      <c r="N5029" s="18"/>
      <c r="O5029" s="18"/>
      <c r="P5029" s="19"/>
      <c r="Q5029" s="19"/>
      <c r="R5029" s="19"/>
      <c r="S5029" s="19"/>
      <c r="T5029" s="19"/>
      <c r="U5029" s="19"/>
      <c r="V5029" s="19"/>
      <c r="W5029" s="19"/>
      <c r="X5029" s="19"/>
      <c r="Y5029" s="19"/>
      <c r="Z5029" s="19"/>
      <c r="AA5029" s="19"/>
    </row>
    <row r="5030" spans="1:27" s="1" customFormat="1" ht="14.1" customHeight="1" outlineLevel="2" x14ac:dyDescent="0.2">
      <c r="A5030" s="17">
        <v>7705</v>
      </c>
      <c r="B5030" s="17"/>
      <c r="C5030" s="17"/>
      <c r="D5030" s="18" t="s">
        <v>2502</v>
      </c>
      <c r="E5030" s="18"/>
      <c r="F5030" s="18"/>
      <c r="G5030" s="18"/>
      <c r="H5030" s="18"/>
      <c r="I5030" s="18"/>
      <c r="J5030" s="18"/>
      <c r="K5030" s="18"/>
      <c r="L5030" s="18"/>
      <c r="M5030" s="18"/>
      <c r="N5030" s="18"/>
      <c r="O5030" s="18"/>
      <c r="P5030" s="19">
        <v>190</v>
      </c>
      <c r="Q5030" s="19"/>
      <c r="R5030" s="19"/>
      <c r="S5030" s="19"/>
      <c r="T5030" s="19">
        <v>140</v>
      </c>
      <c r="U5030" s="19"/>
      <c r="V5030" s="19"/>
      <c r="W5030" s="19"/>
      <c r="X5030" s="19">
        <v>18</v>
      </c>
      <c r="Y5030" s="19"/>
      <c r="Z5030" s="19"/>
      <c r="AA5030" s="19"/>
    </row>
    <row r="5031" spans="1:27" s="1" customFormat="1" ht="14.1" customHeight="1" outlineLevel="2" x14ac:dyDescent="0.2">
      <c r="A5031" s="17"/>
      <c r="B5031" s="17"/>
      <c r="C5031" s="17"/>
      <c r="D5031" s="18"/>
      <c r="E5031" s="18"/>
      <c r="F5031" s="18"/>
      <c r="G5031" s="18"/>
      <c r="H5031" s="18"/>
      <c r="I5031" s="18"/>
      <c r="J5031" s="18"/>
      <c r="K5031" s="18"/>
      <c r="L5031" s="18"/>
      <c r="M5031" s="18"/>
      <c r="N5031" s="18"/>
      <c r="O5031" s="18"/>
      <c r="P5031" s="19"/>
      <c r="Q5031" s="19"/>
      <c r="R5031" s="19"/>
      <c r="S5031" s="19"/>
      <c r="T5031" s="19"/>
      <c r="U5031" s="19"/>
      <c r="V5031" s="19"/>
      <c r="W5031" s="19"/>
      <c r="X5031" s="19"/>
      <c r="Y5031" s="19"/>
      <c r="Z5031" s="19"/>
      <c r="AA5031" s="19"/>
    </row>
    <row r="5032" spans="1:27" s="1" customFormat="1" ht="14.1" customHeight="1" outlineLevel="2" x14ac:dyDescent="0.2">
      <c r="A5032" s="17">
        <v>14770</v>
      </c>
      <c r="B5032" s="17"/>
      <c r="C5032" s="17"/>
      <c r="D5032" s="18" t="s">
        <v>2503</v>
      </c>
      <c r="E5032" s="18"/>
      <c r="F5032" s="18"/>
      <c r="G5032" s="18"/>
      <c r="H5032" s="18"/>
      <c r="I5032" s="18"/>
      <c r="J5032" s="18"/>
      <c r="K5032" s="18"/>
      <c r="L5032" s="18"/>
      <c r="M5032" s="18"/>
      <c r="N5032" s="18"/>
      <c r="O5032" s="18"/>
      <c r="P5032" s="19">
        <v>190</v>
      </c>
      <c r="Q5032" s="19"/>
      <c r="R5032" s="19"/>
      <c r="S5032" s="19"/>
      <c r="T5032" s="19">
        <v>140</v>
      </c>
      <c r="U5032" s="19"/>
      <c r="V5032" s="19"/>
      <c r="W5032" s="19"/>
      <c r="X5032" s="19">
        <v>17</v>
      </c>
      <c r="Y5032" s="19"/>
      <c r="Z5032" s="19"/>
      <c r="AA5032" s="19"/>
    </row>
    <row r="5033" spans="1:27" s="1" customFormat="1" ht="14.1" customHeight="1" outlineLevel="2" x14ac:dyDescent="0.2">
      <c r="A5033" s="17"/>
      <c r="B5033" s="17"/>
      <c r="C5033" s="17"/>
      <c r="D5033" s="18"/>
      <c r="E5033" s="18"/>
      <c r="F5033" s="18"/>
      <c r="G5033" s="18"/>
      <c r="H5033" s="18"/>
      <c r="I5033" s="18"/>
      <c r="J5033" s="18"/>
      <c r="K5033" s="18"/>
      <c r="L5033" s="18"/>
      <c r="M5033" s="18"/>
      <c r="N5033" s="18"/>
      <c r="O5033" s="18"/>
      <c r="P5033" s="19"/>
      <c r="Q5033" s="19"/>
      <c r="R5033" s="19"/>
      <c r="S5033" s="19"/>
      <c r="T5033" s="19"/>
      <c r="U5033" s="19"/>
      <c r="V5033" s="19"/>
      <c r="W5033" s="19"/>
      <c r="X5033" s="19"/>
      <c r="Y5033" s="19"/>
      <c r="Z5033" s="19"/>
      <c r="AA5033" s="19"/>
    </row>
    <row r="5034" spans="1:27" s="1" customFormat="1" ht="14.1" customHeight="1" outlineLevel="2" x14ac:dyDescent="0.2">
      <c r="A5034" s="17">
        <v>11143</v>
      </c>
      <c r="B5034" s="17"/>
      <c r="C5034" s="17"/>
      <c r="D5034" s="18" t="s">
        <v>2504</v>
      </c>
      <c r="E5034" s="18"/>
      <c r="F5034" s="18"/>
      <c r="G5034" s="18"/>
      <c r="H5034" s="18"/>
      <c r="I5034" s="18"/>
      <c r="J5034" s="18"/>
      <c r="K5034" s="18"/>
      <c r="L5034" s="18"/>
      <c r="M5034" s="18"/>
      <c r="N5034" s="18"/>
      <c r="O5034" s="18"/>
      <c r="P5034" s="19">
        <v>220</v>
      </c>
      <c r="Q5034" s="19"/>
      <c r="R5034" s="19"/>
      <c r="S5034" s="19"/>
      <c r="T5034" s="19">
        <v>170</v>
      </c>
      <c r="U5034" s="19"/>
      <c r="V5034" s="19"/>
      <c r="W5034" s="19"/>
      <c r="X5034" s="19">
        <v>2</v>
      </c>
      <c r="Y5034" s="19"/>
      <c r="Z5034" s="19"/>
      <c r="AA5034" s="19"/>
    </row>
    <row r="5035" spans="1:27" s="1" customFormat="1" ht="14.1" customHeight="1" outlineLevel="2" x14ac:dyDescent="0.2">
      <c r="A5035" s="17"/>
      <c r="B5035" s="17"/>
      <c r="C5035" s="17"/>
      <c r="D5035" s="18"/>
      <c r="E5035" s="18"/>
      <c r="F5035" s="18"/>
      <c r="G5035" s="18"/>
      <c r="H5035" s="18"/>
      <c r="I5035" s="18"/>
      <c r="J5035" s="18"/>
      <c r="K5035" s="18"/>
      <c r="L5035" s="18"/>
      <c r="M5035" s="18"/>
      <c r="N5035" s="18"/>
      <c r="O5035" s="18"/>
      <c r="P5035" s="19"/>
      <c r="Q5035" s="19"/>
      <c r="R5035" s="19"/>
      <c r="S5035" s="19"/>
      <c r="T5035" s="19"/>
      <c r="U5035" s="19"/>
      <c r="V5035" s="19"/>
      <c r="W5035" s="19"/>
      <c r="X5035" s="19"/>
      <c r="Y5035" s="19"/>
      <c r="Z5035" s="19"/>
      <c r="AA5035" s="19"/>
    </row>
    <row r="5036" spans="1:27" s="1" customFormat="1" ht="14.1" customHeight="1" outlineLevel="2" x14ac:dyDescent="0.2">
      <c r="A5036" s="17">
        <v>14771</v>
      </c>
      <c r="B5036" s="17"/>
      <c r="C5036" s="17"/>
      <c r="D5036" s="18" t="s">
        <v>2505</v>
      </c>
      <c r="E5036" s="18"/>
      <c r="F5036" s="18"/>
      <c r="G5036" s="18"/>
      <c r="H5036" s="18"/>
      <c r="I5036" s="18"/>
      <c r="J5036" s="18"/>
      <c r="K5036" s="18"/>
      <c r="L5036" s="18"/>
      <c r="M5036" s="18"/>
      <c r="N5036" s="18"/>
      <c r="O5036" s="18"/>
      <c r="P5036" s="19">
        <v>190</v>
      </c>
      <c r="Q5036" s="19"/>
      <c r="R5036" s="19"/>
      <c r="S5036" s="19"/>
      <c r="T5036" s="19">
        <v>140</v>
      </c>
      <c r="U5036" s="19"/>
      <c r="V5036" s="19"/>
      <c r="W5036" s="19"/>
      <c r="X5036" s="19">
        <v>13</v>
      </c>
      <c r="Y5036" s="19"/>
      <c r="Z5036" s="19"/>
      <c r="AA5036" s="19"/>
    </row>
    <row r="5037" spans="1:27" s="1" customFormat="1" ht="14.1" customHeight="1" outlineLevel="2" x14ac:dyDescent="0.2">
      <c r="A5037" s="17"/>
      <c r="B5037" s="17"/>
      <c r="C5037" s="17"/>
      <c r="D5037" s="18"/>
      <c r="E5037" s="18"/>
      <c r="F5037" s="18"/>
      <c r="G5037" s="18"/>
      <c r="H5037" s="18"/>
      <c r="I5037" s="18"/>
      <c r="J5037" s="18"/>
      <c r="K5037" s="18"/>
      <c r="L5037" s="18"/>
      <c r="M5037" s="18"/>
      <c r="N5037" s="18"/>
      <c r="O5037" s="18"/>
      <c r="P5037" s="19"/>
      <c r="Q5037" s="19"/>
      <c r="R5037" s="19"/>
      <c r="S5037" s="19"/>
      <c r="T5037" s="19"/>
      <c r="U5037" s="19"/>
      <c r="V5037" s="19"/>
      <c r="W5037" s="19"/>
      <c r="X5037" s="19"/>
      <c r="Y5037" s="19"/>
      <c r="Z5037" s="19"/>
      <c r="AA5037" s="19"/>
    </row>
    <row r="5038" spans="1:27" s="1" customFormat="1" ht="14.1" customHeight="1" outlineLevel="2" x14ac:dyDescent="0.2">
      <c r="A5038" s="17">
        <v>13617</v>
      </c>
      <c r="B5038" s="17"/>
      <c r="C5038" s="17"/>
      <c r="D5038" s="18" t="s">
        <v>2506</v>
      </c>
      <c r="E5038" s="18"/>
      <c r="F5038" s="18"/>
      <c r="G5038" s="18"/>
      <c r="H5038" s="18"/>
      <c r="I5038" s="18"/>
      <c r="J5038" s="18"/>
      <c r="K5038" s="18"/>
      <c r="L5038" s="18"/>
      <c r="M5038" s="18"/>
      <c r="N5038" s="18"/>
      <c r="O5038" s="18"/>
      <c r="P5038" s="19">
        <v>190</v>
      </c>
      <c r="Q5038" s="19"/>
      <c r="R5038" s="19"/>
      <c r="S5038" s="19"/>
      <c r="T5038" s="19">
        <v>140</v>
      </c>
      <c r="U5038" s="19"/>
      <c r="V5038" s="19"/>
      <c r="W5038" s="19"/>
      <c r="X5038" s="19">
        <v>21</v>
      </c>
      <c r="Y5038" s="19"/>
      <c r="Z5038" s="19"/>
      <c r="AA5038" s="19"/>
    </row>
    <row r="5039" spans="1:27" s="1" customFormat="1" ht="14.1" customHeight="1" outlineLevel="2" x14ac:dyDescent="0.2">
      <c r="A5039" s="17"/>
      <c r="B5039" s="17"/>
      <c r="C5039" s="17"/>
      <c r="D5039" s="18"/>
      <c r="E5039" s="18"/>
      <c r="F5039" s="18"/>
      <c r="G5039" s="18"/>
      <c r="H5039" s="18"/>
      <c r="I5039" s="18"/>
      <c r="J5039" s="18"/>
      <c r="K5039" s="18"/>
      <c r="L5039" s="18"/>
      <c r="M5039" s="18"/>
      <c r="N5039" s="18"/>
      <c r="O5039" s="18"/>
      <c r="P5039" s="19"/>
      <c r="Q5039" s="19"/>
      <c r="R5039" s="19"/>
      <c r="S5039" s="19"/>
      <c r="T5039" s="19"/>
      <c r="U5039" s="19"/>
      <c r="V5039" s="19"/>
      <c r="W5039" s="19"/>
      <c r="X5039" s="19"/>
      <c r="Y5039" s="19"/>
      <c r="Z5039" s="19"/>
      <c r="AA5039" s="19"/>
    </row>
    <row r="5040" spans="1:27" s="1" customFormat="1" ht="14.1" customHeight="1" outlineLevel="2" x14ac:dyDescent="0.2">
      <c r="A5040" s="17">
        <v>12467</v>
      </c>
      <c r="B5040" s="17"/>
      <c r="C5040" s="17"/>
      <c r="D5040" s="18" t="s">
        <v>2507</v>
      </c>
      <c r="E5040" s="18"/>
      <c r="F5040" s="18"/>
      <c r="G5040" s="18"/>
      <c r="H5040" s="18"/>
      <c r="I5040" s="18"/>
      <c r="J5040" s="18"/>
      <c r="K5040" s="18"/>
      <c r="L5040" s="18"/>
      <c r="M5040" s="18"/>
      <c r="N5040" s="18"/>
      <c r="O5040" s="18"/>
      <c r="P5040" s="19">
        <v>220</v>
      </c>
      <c r="Q5040" s="19"/>
      <c r="R5040" s="19"/>
      <c r="S5040" s="19"/>
      <c r="T5040" s="19">
        <v>170</v>
      </c>
      <c r="U5040" s="19"/>
      <c r="V5040" s="19"/>
      <c r="W5040" s="19"/>
      <c r="X5040" s="19">
        <v>18</v>
      </c>
      <c r="Y5040" s="19"/>
      <c r="Z5040" s="19"/>
      <c r="AA5040" s="19"/>
    </row>
    <row r="5041" spans="1:27" s="1" customFormat="1" ht="14.1" customHeight="1" outlineLevel="2" x14ac:dyDescent="0.2">
      <c r="A5041" s="17"/>
      <c r="B5041" s="17"/>
      <c r="C5041" s="17"/>
      <c r="D5041" s="18"/>
      <c r="E5041" s="18"/>
      <c r="F5041" s="18"/>
      <c r="G5041" s="18"/>
      <c r="H5041" s="18"/>
      <c r="I5041" s="18"/>
      <c r="J5041" s="18"/>
      <c r="K5041" s="18"/>
      <c r="L5041" s="18"/>
      <c r="M5041" s="18"/>
      <c r="N5041" s="18"/>
      <c r="O5041" s="18"/>
      <c r="P5041" s="19"/>
      <c r="Q5041" s="19"/>
      <c r="R5041" s="19"/>
      <c r="S5041" s="19"/>
      <c r="T5041" s="19"/>
      <c r="U5041" s="19"/>
      <c r="V5041" s="19"/>
      <c r="W5041" s="19"/>
      <c r="X5041" s="19"/>
      <c r="Y5041" s="19"/>
      <c r="Z5041" s="19"/>
      <c r="AA5041" s="19"/>
    </row>
    <row r="5042" spans="1:27" s="1" customFormat="1" ht="14.1" customHeight="1" outlineLevel="2" x14ac:dyDescent="0.2">
      <c r="A5042" s="17">
        <v>14774</v>
      </c>
      <c r="B5042" s="17"/>
      <c r="C5042" s="17"/>
      <c r="D5042" s="18" t="s">
        <v>2508</v>
      </c>
      <c r="E5042" s="18"/>
      <c r="F5042" s="18"/>
      <c r="G5042" s="18"/>
      <c r="H5042" s="18"/>
      <c r="I5042" s="18"/>
      <c r="J5042" s="18"/>
      <c r="K5042" s="18"/>
      <c r="L5042" s="18"/>
      <c r="M5042" s="18"/>
      <c r="N5042" s="18"/>
      <c r="O5042" s="18"/>
      <c r="P5042" s="19">
        <v>190</v>
      </c>
      <c r="Q5042" s="19"/>
      <c r="R5042" s="19"/>
      <c r="S5042" s="19"/>
      <c r="T5042" s="19">
        <v>140</v>
      </c>
      <c r="U5042" s="19"/>
      <c r="V5042" s="19"/>
      <c r="W5042" s="19"/>
      <c r="X5042" s="19">
        <v>39</v>
      </c>
      <c r="Y5042" s="19"/>
      <c r="Z5042" s="19"/>
      <c r="AA5042" s="19"/>
    </row>
    <row r="5043" spans="1:27" s="1" customFormat="1" ht="14.1" customHeight="1" outlineLevel="2" x14ac:dyDescent="0.2">
      <c r="A5043" s="17"/>
      <c r="B5043" s="17"/>
      <c r="C5043" s="17"/>
      <c r="D5043" s="18"/>
      <c r="E5043" s="18"/>
      <c r="F5043" s="18"/>
      <c r="G5043" s="18"/>
      <c r="H5043" s="18"/>
      <c r="I5043" s="18"/>
      <c r="J5043" s="18"/>
      <c r="K5043" s="18"/>
      <c r="L5043" s="18"/>
      <c r="M5043" s="18"/>
      <c r="N5043" s="18"/>
      <c r="O5043" s="18"/>
      <c r="P5043" s="19"/>
      <c r="Q5043" s="19"/>
      <c r="R5043" s="19"/>
      <c r="S5043" s="19"/>
      <c r="T5043" s="19"/>
      <c r="U5043" s="19"/>
      <c r="V5043" s="19"/>
      <c r="W5043" s="19"/>
      <c r="X5043" s="19"/>
      <c r="Y5043" s="19"/>
      <c r="Z5043" s="19"/>
      <c r="AA5043" s="19"/>
    </row>
    <row r="5044" spans="1:27" s="1" customFormat="1" ht="14.1" customHeight="1" outlineLevel="2" x14ac:dyDescent="0.2">
      <c r="A5044" s="17">
        <v>14773</v>
      </c>
      <c r="B5044" s="17"/>
      <c r="C5044" s="17"/>
      <c r="D5044" s="18" t="s">
        <v>2509</v>
      </c>
      <c r="E5044" s="18"/>
      <c r="F5044" s="18"/>
      <c r="G5044" s="18"/>
      <c r="H5044" s="18"/>
      <c r="I5044" s="18"/>
      <c r="J5044" s="18"/>
      <c r="K5044" s="18"/>
      <c r="L5044" s="18"/>
      <c r="M5044" s="18"/>
      <c r="N5044" s="18"/>
      <c r="O5044" s="18"/>
      <c r="P5044" s="19">
        <v>190</v>
      </c>
      <c r="Q5044" s="19"/>
      <c r="R5044" s="19"/>
      <c r="S5044" s="19"/>
      <c r="T5044" s="19">
        <v>140</v>
      </c>
      <c r="U5044" s="19"/>
      <c r="V5044" s="19"/>
      <c r="W5044" s="19"/>
      <c r="X5044" s="19">
        <v>40</v>
      </c>
      <c r="Y5044" s="19"/>
      <c r="Z5044" s="19"/>
      <c r="AA5044" s="19"/>
    </row>
    <row r="5045" spans="1:27" s="1" customFormat="1" ht="14.1" customHeight="1" outlineLevel="2" x14ac:dyDescent="0.2">
      <c r="A5045" s="17"/>
      <c r="B5045" s="17"/>
      <c r="C5045" s="17"/>
      <c r="D5045" s="18"/>
      <c r="E5045" s="18"/>
      <c r="F5045" s="18"/>
      <c r="G5045" s="18"/>
      <c r="H5045" s="18"/>
      <c r="I5045" s="18"/>
      <c r="J5045" s="18"/>
      <c r="K5045" s="18"/>
      <c r="L5045" s="18"/>
      <c r="M5045" s="18"/>
      <c r="N5045" s="18"/>
      <c r="O5045" s="18"/>
      <c r="P5045" s="19"/>
      <c r="Q5045" s="19"/>
      <c r="R5045" s="19"/>
      <c r="S5045" s="19"/>
      <c r="T5045" s="19"/>
      <c r="U5045" s="19"/>
      <c r="V5045" s="19"/>
      <c r="W5045" s="19"/>
      <c r="X5045" s="19"/>
      <c r="Y5045" s="19"/>
      <c r="Z5045" s="19"/>
      <c r="AA5045" s="19"/>
    </row>
    <row r="5046" spans="1:27" s="1" customFormat="1" ht="14.1" customHeight="1" outlineLevel="2" x14ac:dyDescent="0.2">
      <c r="A5046" s="17">
        <v>14772</v>
      </c>
      <c r="B5046" s="17"/>
      <c r="C5046" s="17"/>
      <c r="D5046" s="18" t="s">
        <v>2510</v>
      </c>
      <c r="E5046" s="18"/>
      <c r="F5046" s="18"/>
      <c r="G5046" s="18"/>
      <c r="H5046" s="18"/>
      <c r="I5046" s="18"/>
      <c r="J5046" s="18"/>
      <c r="K5046" s="18"/>
      <c r="L5046" s="18"/>
      <c r="M5046" s="18"/>
      <c r="N5046" s="18"/>
      <c r="O5046" s="18"/>
      <c r="P5046" s="19">
        <v>190</v>
      </c>
      <c r="Q5046" s="19"/>
      <c r="R5046" s="19"/>
      <c r="S5046" s="19"/>
      <c r="T5046" s="19">
        <v>140</v>
      </c>
      <c r="U5046" s="19"/>
      <c r="V5046" s="19"/>
      <c r="W5046" s="19"/>
      <c r="X5046" s="19">
        <v>34</v>
      </c>
      <c r="Y5046" s="19"/>
      <c r="Z5046" s="19"/>
      <c r="AA5046" s="19"/>
    </row>
    <row r="5047" spans="1:27" s="1" customFormat="1" ht="14.1" customHeight="1" outlineLevel="2" x14ac:dyDescent="0.2">
      <c r="A5047" s="17"/>
      <c r="B5047" s="17"/>
      <c r="C5047" s="17"/>
      <c r="D5047" s="18"/>
      <c r="E5047" s="18"/>
      <c r="F5047" s="18"/>
      <c r="G5047" s="18"/>
      <c r="H5047" s="18"/>
      <c r="I5047" s="18"/>
      <c r="J5047" s="18"/>
      <c r="K5047" s="18"/>
      <c r="L5047" s="18"/>
      <c r="M5047" s="18"/>
      <c r="N5047" s="18"/>
      <c r="O5047" s="18"/>
      <c r="P5047" s="19"/>
      <c r="Q5047" s="19"/>
      <c r="R5047" s="19"/>
      <c r="S5047" s="19"/>
      <c r="T5047" s="19"/>
      <c r="U5047" s="19"/>
      <c r="V5047" s="19"/>
      <c r="W5047" s="19"/>
      <c r="X5047" s="19"/>
      <c r="Y5047" s="19"/>
      <c r="Z5047" s="19"/>
      <c r="AA5047" s="19"/>
    </row>
    <row r="5048" spans="1:27" s="1" customFormat="1" ht="14.1" customHeight="1" outlineLevel="2" x14ac:dyDescent="0.2">
      <c r="A5048" s="17">
        <v>6672</v>
      </c>
      <c r="B5048" s="17"/>
      <c r="C5048" s="17"/>
      <c r="D5048" s="18" t="s">
        <v>2511</v>
      </c>
      <c r="E5048" s="18"/>
      <c r="F5048" s="18"/>
      <c r="G5048" s="18"/>
      <c r="H5048" s="18"/>
      <c r="I5048" s="18"/>
      <c r="J5048" s="18"/>
      <c r="K5048" s="18"/>
      <c r="L5048" s="18"/>
      <c r="M5048" s="18"/>
      <c r="N5048" s="18"/>
      <c r="O5048" s="18"/>
      <c r="P5048" s="19">
        <v>170</v>
      </c>
      <c r="Q5048" s="19"/>
      <c r="R5048" s="19"/>
      <c r="S5048" s="19"/>
      <c r="T5048" s="19">
        <v>130</v>
      </c>
      <c r="U5048" s="19"/>
      <c r="V5048" s="19"/>
      <c r="W5048" s="19"/>
      <c r="X5048" s="19">
        <v>1</v>
      </c>
      <c r="Y5048" s="19"/>
      <c r="Z5048" s="19"/>
      <c r="AA5048" s="19"/>
    </row>
    <row r="5049" spans="1:27" s="1" customFormat="1" ht="14.1" customHeight="1" outlineLevel="2" x14ac:dyDescent="0.2">
      <c r="A5049" s="17"/>
      <c r="B5049" s="17"/>
      <c r="C5049" s="17"/>
      <c r="D5049" s="18"/>
      <c r="E5049" s="18"/>
      <c r="F5049" s="18"/>
      <c r="G5049" s="18"/>
      <c r="H5049" s="18"/>
      <c r="I5049" s="18"/>
      <c r="J5049" s="18"/>
      <c r="K5049" s="18"/>
      <c r="L5049" s="18"/>
      <c r="M5049" s="18"/>
      <c r="N5049" s="18"/>
      <c r="O5049" s="18"/>
      <c r="P5049" s="19"/>
      <c r="Q5049" s="19"/>
      <c r="R5049" s="19"/>
      <c r="S5049" s="19"/>
      <c r="T5049" s="19"/>
      <c r="U5049" s="19"/>
      <c r="V5049" s="19"/>
      <c r="W5049" s="19"/>
      <c r="X5049" s="19"/>
      <c r="Y5049" s="19"/>
      <c r="Z5049" s="19"/>
      <c r="AA5049" s="19"/>
    </row>
    <row r="5050" spans="1:27" s="1" customFormat="1" ht="14.1" customHeight="1" outlineLevel="2" x14ac:dyDescent="0.2">
      <c r="A5050" s="17">
        <v>16404</v>
      </c>
      <c r="B5050" s="17"/>
      <c r="C5050" s="17"/>
      <c r="D5050" s="18" t="s">
        <v>2512</v>
      </c>
      <c r="E5050" s="18"/>
      <c r="F5050" s="18"/>
      <c r="G5050" s="18"/>
      <c r="H5050" s="18"/>
      <c r="I5050" s="18"/>
      <c r="J5050" s="18"/>
      <c r="K5050" s="18"/>
      <c r="L5050" s="18"/>
      <c r="M5050" s="18"/>
      <c r="N5050" s="18"/>
      <c r="O5050" s="18"/>
      <c r="P5050" s="19">
        <v>300</v>
      </c>
      <c r="Q5050" s="19"/>
      <c r="R5050" s="19"/>
      <c r="S5050" s="19"/>
      <c r="T5050" s="19">
        <v>200</v>
      </c>
      <c r="U5050" s="19"/>
      <c r="V5050" s="19"/>
      <c r="W5050" s="19"/>
      <c r="X5050" s="19">
        <v>10</v>
      </c>
      <c r="Y5050" s="19"/>
      <c r="Z5050" s="19"/>
      <c r="AA5050" s="19"/>
    </row>
    <row r="5051" spans="1:27" s="1" customFormat="1" ht="14.1" customHeight="1" outlineLevel="2" x14ac:dyDescent="0.2">
      <c r="A5051" s="17"/>
      <c r="B5051" s="17"/>
      <c r="C5051" s="17"/>
      <c r="D5051" s="18"/>
      <c r="E5051" s="18"/>
      <c r="F5051" s="18"/>
      <c r="G5051" s="18"/>
      <c r="H5051" s="18"/>
      <c r="I5051" s="18"/>
      <c r="J5051" s="18"/>
      <c r="K5051" s="18"/>
      <c r="L5051" s="18"/>
      <c r="M5051" s="18"/>
      <c r="N5051" s="18"/>
      <c r="O5051" s="18"/>
      <c r="P5051" s="19"/>
      <c r="Q5051" s="19"/>
      <c r="R5051" s="19"/>
      <c r="S5051" s="19"/>
      <c r="T5051" s="19"/>
      <c r="U5051" s="19"/>
      <c r="V5051" s="19"/>
      <c r="W5051" s="19"/>
      <c r="X5051" s="19"/>
      <c r="Y5051" s="19"/>
      <c r="Z5051" s="19"/>
      <c r="AA5051" s="19"/>
    </row>
    <row r="5052" spans="1:27" s="1" customFormat="1" ht="14.1" customHeight="1" outlineLevel="2" x14ac:dyDescent="0.2">
      <c r="A5052" s="17">
        <v>16403</v>
      </c>
      <c r="B5052" s="17"/>
      <c r="C5052" s="17"/>
      <c r="D5052" s="18" t="s">
        <v>2513</v>
      </c>
      <c r="E5052" s="18"/>
      <c r="F5052" s="18"/>
      <c r="G5052" s="18"/>
      <c r="H5052" s="18"/>
      <c r="I5052" s="18"/>
      <c r="J5052" s="18"/>
      <c r="K5052" s="18"/>
      <c r="L5052" s="18"/>
      <c r="M5052" s="18"/>
      <c r="N5052" s="18"/>
      <c r="O5052" s="18"/>
      <c r="P5052" s="19">
        <v>300</v>
      </c>
      <c r="Q5052" s="19"/>
      <c r="R5052" s="19"/>
      <c r="S5052" s="19"/>
      <c r="T5052" s="19">
        <v>200</v>
      </c>
      <c r="U5052" s="19"/>
      <c r="V5052" s="19"/>
      <c r="W5052" s="19"/>
      <c r="X5052" s="19">
        <v>10</v>
      </c>
      <c r="Y5052" s="19"/>
      <c r="Z5052" s="19"/>
      <c r="AA5052" s="19"/>
    </row>
    <row r="5053" spans="1:27" s="1" customFormat="1" ht="14.1" customHeight="1" outlineLevel="2" x14ac:dyDescent="0.2">
      <c r="A5053" s="17"/>
      <c r="B5053" s="17"/>
      <c r="C5053" s="17"/>
      <c r="D5053" s="18"/>
      <c r="E5053" s="18"/>
      <c r="F5053" s="18"/>
      <c r="G5053" s="18"/>
      <c r="H5053" s="18"/>
      <c r="I5053" s="18"/>
      <c r="J5053" s="18"/>
      <c r="K5053" s="18"/>
      <c r="L5053" s="18"/>
      <c r="M5053" s="18"/>
      <c r="N5053" s="18"/>
      <c r="O5053" s="18"/>
      <c r="P5053" s="19"/>
      <c r="Q5053" s="19"/>
      <c r="R5053" s="19"/>
      <c r="S5053" s="19"/>
      <c r="T5053" s="19"/>
      <c r="U5053" s="19"/>
      <c r="V5053" s="19"/>
      <c r="W5053" s="19"/>
      <c r="X5053" s="19"/>
      <c r="Y5053" s="19"/>
      <c r="Z5053" s="19"/>
      <c r="AA5053" s="19"/>
    </row>
    <row r="5054" spans="1:27" s="1" customFormat="1" ht="14.1" customHeight="1" outlineLevel="2" x14ac:dyDescent="0.2">
      <c r="A5054" s="17">
        <v>8713</v>
      </c>
      <c r="B5054" s="17"/>
      <c r="C5054" s="17"/>
      <c r="D5054" s="18" t="s">
        <v>2514</v>
      </c>
      <c r="E5054" s="18"/>
      <c r="F5054" s="18"/>
      <c r="G5054" s="18"/>
      <c r="H5054" s="18"/>
      <c r="I5054" s="18"/>
      <c r="J5054" s="18"/>
      <c r="K5054" s="18"/>
      <c r="L5054" s="18"/>
      <c r="M5054" s="18"/>
      <c r="N5054" s="18"/>
      <c r="O5054" s="18"/>
      <c r="P5054" s="19">
        <v>300</v>
      </c>
      <c r="Q5054" s="19"/>
      <c r="R5054" s="19"/>
      <c r="S5054" s="19"/>
      <c r="T5054" s="19">
        <v>200</v>
      </c>
      <c r="U5054" s="19"/>
      <c r="V5054" s="19"/>
      <c r="W5054" s="19"/>
      <c r="X5054" s="19">
        <v>10</v>
      </c>
      <c r="Y5054" s="19"/>
      <c r="Z5054" s="19"/>
      <c r="AA5054" s="19"/>
    </row>
    <row r="5055" spans="1:27" s="1" customFormat="1" ht="14.1" customHeight="1" outlineLevel="2" x14ac:dyDescent="0.2">
      <c r="A5055" s="17"/>
      <c r="B5055" s="17"/>
      <c r="C5055" s="17"/>
      <c r="D5055" s="18"/>
      <c r="E5055" s="18"/>
      <c r="F5055" s="18"/>
      <c r="G5055" s="18"/>
      <c r="H5055" s="18"/>
      <c r="I5055" s="18"/>
      <c r="J5055" s="18"/>
      <c r="K5055" s="18"/>
      <c r="L5055" s="18"/>
      <c r="M5055" s="18"/>
      <c r="N5055" s="18"/>
      <c r="O5055" s="18"/>
      <c r="P5055" s="19"/>
      <c r="Q5055" s="19"/>
      <c r="R5055" s="19"/>
      <c r="S5055" s="19"/>
      <c r="T5055" s="19"/>
      <c r="U5055" s="19"/>
      <c r="V5055" s="19"/>
      <c r="W5055" s="19"/>
      <c r="X5055" s="19"/>
      <c r="Y5055" s="19"/>
      <c r="Z5055" s="19"/>
      <c r="AA5055" s="19"/>
    </row>
    <row r="5056" spans="1:27" s="1" customFormat="1" ht="14.1" customHeight="1" outlineLevel="2" x14ac:dyDescent="0.2">
      <c r="A5056" s="17">
        <v>15651</v>
      </c>
      <c r="B5056" s="17"/>
      <c r="C5056" s="17"/>
      <c r="D5056" s="18" t="s">
        <v>2515</v>
      </c>
      <c r="E5056" s="18"/>
      <c r="F5056" s="18"/>
      <c r="G5056" s="18"/>
      <c r="H5056" s="18"/>
      <c r="I5056" s="18"/>
      <c r="J5056" s="18"/>
      <c r="K5056" s="18"/>
      <c r="L5056" s="18"/>
      <c r="M5056" s="18"/>
      <c r="N5056" s="18"/>
      <c r="O5056" s="18"/>
      <c r="P5056" s="19">
        <v>190</v>
      </c>
      <c r="Q5056" s="19"/>
      <c r="R5056" s="19"/>
      <c r="S5056" s="19"/>
      <c r="T5056" s="19">
        <v>140</v>
      </c>
      <c r="U5056" s="19"/>
      <c r="V5056" s="19"/>
      <c r="W5056" s="19"/>
      <c r="X5056" s="19">
        <v>18</v>
      </c>
      <c r="Y5056" s="19"/>
      <c r="Z5056" s="19"/>
      <c r="AA5056" s="19"/>
    </row>
    <row r="5057" spans="1:27" s="1" customFormat="1" ht="14.1" customHeight="1" outlineLevel="2" x14ac:dyDescent="0.2">
      <c r="A5057" s="17"/>
      <c r="B5057" s="17"/>
      <c r="C5057" s="17"/>
      <c r="D5057" s="18"/>
      <c r="E5057" s="18"/>
      <c r="F5057" s="18"/>
      <c r="G5057" s="18"/>
      <c r="H5057" s="18"/>
      <c r="I5057" s="18"/>
      <c r="J5057" s="18"/>
      <c r="K5057" s="18"/>
      <c r="L5057" s="18"/>
      <c r="M5057" s="18"/>
      <c r="N5057" s="18"/>
      <c r="O5057" s="18"/>
      <c r="P5057" s="19"/>
      <c r="Q5057" s="19"/>
      <c r="R5057" s="19"/>
      <c r="S5057" s="19"/>
      <c r="T5057" s="19"/>
      <c r="U5057" s="19"/>
      <c r="V5057" s="19"/>
      <c r="W5057" s="19"/>
      <c r="X5057" s="19"/>
      <c r="Y5057" s="19"/>
      <c r="Z5057" s="19"/>
      <c r="AA5057" s="19"/>
    </row>
    <row r="5058" spans="1:27" s="1" customFormat="1" ht="14.1" customHeight="1" outlineLevel="2" x14ac:dyDescent="0.2">
      <c r="A5058" s="17">
        <v>12537</v>
      </c>
      <c r="B5058" s="17"/>
      <c r="C5058" s="17"/>
      <c r="D5058" s="18" t="s">
        <v>2516</v>
      </c>
      <c r="E5058" s="18"/>
      <c r="F5058" s="18"/>
      <c r="G5058" s="18"/>
      <c r="H5058" s="18"/>
      <c r="I5058" s="18"/>
      <c r="J5058" s="18"/>
      <c r="K5058" s="18"/>
      <c r="L5058" s="18"/>
      <c r="M5058" s="18"/>
      <c r="N5058" s="18"/>
      <c r="O5058" s="18"/>
      <c r="P5058" s="19">
        <v>290</v>
      </c>
      <c r="Q5058" s="19"/>
      <c r="R5058" s="19"/>
      <c r="S5058" s="19"/>
      <c r="T5058" s="19">
        <v>200</v>
      </c>
      <c r="U5058" s="19"/>
      <c r="V5058" s="19"/>
      <c r="W5058" s="19"/>
      <c r="X5058" s="19">
        <v>10</v>
      </c>
      <c r="Y5058" s="19"/>
      <c r="Z5058" s="19"/>
      <c r="AA5058" s="19"/>
    </row>
    <row r="5059" spans="1:27" s="1" customFormat="1" ht="14.1" customHeight="1" outlineLevel="2" x14ac:dyDescent="0.2">
      <c r="A5059" s="17"/>
      <c r="B5059" s="17"/>
      <c r="C5059" s="17"/>
      <c r="D5059" s="18"/>
      <c r="E5059" s="18"/>
      <c r="F5059" s="18"/>
      <c r="G5059" s="18"/>
      <c r="H5059" s="18"/>
      <c r="I5059" s="18"/>
      <c r="J5059" s="18"/>
      <c r="K5059" s="18"/>
      <c r="L5059" s="18"/>
      <c r="M5059" s="18"/>
      <c r="N5059" s="18"/>
      <c r="O5059" s="18"/>
      <c r="P5059" s="19"/>
      <c r="Q5059" s="19"/>
      <c r="R5059" s="19"/>
      <c r="S5059" s="19"/>
      <c r="T5059" s="19"/>
      <c r="U5059" s="19"/>
      <c r="V5059" s="19"/>
      <c r="W5059" s="19"/>
      <c r="X5059" s="19"/>
      <c r="Y5059" s="19"/>
      <c r="Z5059" s="19"/>
      <c r="AA5059" s="19"/>
    </row>
    <row r="5060" spans="1:27" s="1" customFormat="1" ht="14.1" customHeight="1" outlineLevel="2" x14ac:dyDescent="0.2">
      <c r="A5060" s="17">
        <v>16405</v>
      </c>
      <c r="B5060" s="17"/>
      <c r="C5060" s="17"/>
      <c r="D5060" s="18" t="s">
        <v>2517</v>
      </c>
      <c r="E5060" s="18"/>
      <c r="F5060" s="18"/>
      <c r="G5060" s="18"/>
      <c r="H5060" s="18"/>
      <c r="I5060" s="18"/>
      <c r="J5060" s="18"/>
      <c r="K5060" s="18"/>
      <c r="L5060" s="18"/>
      <c r="M5060" s="18"/>
      <c r="N5060" s="18"/>
      <c r="O5060" s="18"/>
      <c r="P5060" s="19">
        <v>290</v>
      </c>
      <c r="Q5060" s="19"/>
      <c r="R5060" s="19"/>
      <c r="S5060" s="19"/>
      <c r="T5060" s="19">
        <v>200</v>
      </c>
      <c r="U5060" s="19"/>
      <c r="V5060" s="19"/>
      <c r="W5060" s="19"/>
      <c r="X5060" s="19">
        <v>10</v>
      </c>
      <c r="Y5060" s="19"/>
      <c r="Z5060" s="19"/>
      <c r="AA5060" s="19"/>
    </row>
    <row r="5061" spans="1:27" s="1" customFormat="1" ht="14.1" customHeight="1" outlineLevel="2" x14ac:dyDescent="0.2">
      <c r="A5061" s="17"/>
      <c r="B5061" s="17"/>
      <c r="C5061" s="17"/>
      <c r="D5061" s="18"/>
      <c r="E5061" s="18"/>
      <c r="F5061" s="18"/>
      <c r="G5061" s="18"/>
      <c r="H5061" s="18"/>
      <c r="I5061" s="18"/>
      <c r="J5061" s="18"/>
      <c r="K5061" s="18"/>
      <c r="L5061" s="18"/>
      <c r="M5061" s="18"/>
      <c r="N5061" s="18"/>
      <c r="O5061" s="18"/>
      <c r="P5061" s="19"/>
      <c r="Q5061" s="19"/>
      <c r="R5061" s="19"/>
      <c r="S5061" s="19"/>
      <c r="T5061" s="19"/>
      <c r="U5061" s="19"/>
      <c r="V5061" s="19"/>
      <c r="W5061" s="19"/>
      <c r="X5061" s="19"/>
      <c r="Y5061" s="19"/>
      <c r="Z5061" s="19"/>
      <c r="AA5061" s="19"/>
    </row>
    <row r="5062" spans="1:27" s="1" customFormat="1" ht="14.1" customHeight="1" outlineLevel="2" x14ac:dyDescent="0.2">
      <c r="A5062" s="17">
        <v>12536</v>
      </c>
      <c r="B5062" s="17"/>
      <c r="C5062" s="17"/>
      <c r="D5062" s="18" t="s">
        <v>2518</v>
      </c>
      <c r="E5062" s="18"/>
      <c r="F5062" s="18"/>
      <c r="G5062" s="18"/>
      <c r="H5062" s="18"/>
      <c r="I5062" s="18"/>
      <c r="J5062" s="18"/>
      <c r="K5062" s="18"/>
      <c r="L5062" s="18"/>
      <c r="M5062" s="18"/>
      <c r="N5062" s="18"/>
      <c r="O5062" s="18"/>
      <c r="P5062" s="19">
        <v>290</v>
      </c>
      <c r="Q5062" s="19"/>
      <c r="R5062" s="19"/>
      <c r="S5062" s="19"/>
      <c r="T5062" s="19">
        <v>200</v>
      </c>
      <c r="U5062" s="19"/>
      <c r="V5062" s="19"/>
      <c r="W5062" s="19"/>
      <c r="X5062" s="19">
        <v>10</v>
      </c>
      <c r="Y5062" s="19"/>
      <c r="Z5062" s="19"/>
      <c r="AA5062" s="19"/>
    </row>
    <row r="5063" spans="1:27" s="1" customFormat="1" ht="14.1" customHeight="1" outlineLevel="2" x14ac:dyDescent="0.2">
      <c r="A5063" s="17"/>
      <c r="B5063" s="17"/>
      <c r="C5063" s="17"/>
      <c r="D5063" s="18"/>
      <c r="E5063" s="18"/>
      <c r="F5063" s="18"/>
      <c r="G5063" s="18"/>
      <c r="H5063" s="18"/>
      <c r="I5063" s="18"/>
      <c r="J5063" s="18"/>
      <c r="K5063" s="18"/>
      <c r="L5063" s="18"/>
      <c r="M5063" s="18"/>
      <c r="N5063" s="18"/>
      <c r="O5063" s="18"/>
      <c r="P5063" s="19"/>
      <c r="Q5063" s="19"/>
      <c r="R5063" s="19"/>
      <c r="S5063" s="19"/>
      <c r="T5063" s="19"/>
      <c r="U5063" s="19"/>
      <c r="V5063" s="19"/>
      <c r="W5063" s="19"/>
      <c r="X5063" s="19"/>
      <c r="Y5063" s="19"/>
      <c r="Z5063" s="19"/>
      <c r="AA5063" s="19"/>
    </row>
    <row r="5064" spans="1:27" s="1" customFormat="1" ht="14.1" customHeight="1" outlineLevel="2" x14ac:dyDescent="0.2">
      <c r="A5064" s="17">
        <v>12538</v>
      </c>
      <c r="B5064" s="17"/>
      <c r="C5064" s="17"/>
      <c r="D5064" s="18" t="s">
        <v>2518</v>
      </c>
      <c r="E5064" s="18"/>
      <c r="F5064" s="18"/>
      <c r="G5064" s="18"/>
      <c r="H5064" s="18"/>
      <c r="I5064" s="18"/>
      <c r="J5064" s="18"/>
      <c r="K5064" s="18"/>
      <c r="L5064" s="18"/>
      <c r="M5064" s="18"/>
      <c r="N5064" s="18"/>
      <c r="O5064" s="18"/>
      <c r="P5064" s="19">
        <v>290</v>
      </c>
      <c r="Q5064" s="19"/>
      <c r="R5064" s="19"/>
      <c r="S5064" s="19"/>
      <c r="T5064" s="19">
        <v>230</v>
      </c>
      <c r="U5064" s="19"/>
      <c r="V5064" s="19"/>
      <c r="W5064" s="19"/>
      <c r="X5064" s="19">
        <v>2</v>
      </c>
      <c r="Y5064" s="19"/>
      <c r="Z5064" s="19"/>
      <c r="AA5064" s="19"/>
    </row>
    <row r="5065" spans="1:27" s="1" customFormat="1" ht="14.1" customHeight="1" outlineLevel="2" x14ac:dyDescent="0.2">
      <c r="A5065" s="17"/>
      <c r="B5065" s="17"/>
      <c r="C5065" s="17"/>
      <c r="D5065" s="18"/>
      <c r="E5065" s="18"/>
      <c r="F5065" s="18"/>
      <c r="G5065" s="18"/>
      <c r="H5065" s="18"/>
      <c r="I5065" s="18"/>
      <c r="J5065" s="18"/>
      <c r="K5065" s="18"/>
      <c r="L5065" s="18"/>
      <c r="M5065" s="18"/>
      <c r="N5065" s="18"/>
      <c r="O5065" s="18"/>
      <c r="P5065" s="19"/>
      <c r="Q5065" s="19"/>
      <c r="R5065" s="19"/>
      <c r="S5065" s="19"/>
      <c r="T5065" s="19"/>
      <c r="U5065" s="19"/>
      <c r="V5065" s="19"/>
      <c r="W5065" s="19"/>
      <c r="X5065" s="19"/>
      <c r="Y5065" s="19"/>
      <c r="Z5065" s="19"/>
      <c r="AA5065" s="19"/>
    </row>
    <row r="5066" spans="1:27" s="1" customFormat="1" ht="14.1" customHeight="1" outlineLevel="2" x14ac:dyDescent="0.2">
      <c r="A5066" s="17">
        <v>12540</v>
      </c>
      <c r="B5066" s="17"/>
      <c r="C5066" s="17"/>
      <c r="D5066" s="18" t="s">
        <v>2519</v>
      </c>
      <c r="E5066" s="18"/>
      <c r="F5066" s="18"/>
      <c r="G5066" s="18"/>
      <c r="H5066" s="18"/>
      <c r="I5066" s="18"/>
      <c r="J5066" s="18"/>
      <c r="K5066" s="18"/>
      <c r="L5066" s="18"/>
      <c r="M5066" s="18"/>
      <c r="N5066" s="18"/>
      <c r="O5066" s="18"/>
      <c r="P5066" s="19">
        <v>290</v>
      </c>
      <c r="Q5066" s="19"/>
      <c r="R5066" s="19"/>
      <c r="S5066" s="19"/>
      <c r="T5066" s="19">
        <v>230</v>
      </c>
      <c r="U5066" s="19"/>
      <c r="V5066" s="19"/>
      <c r="W5066" s="19"/>
      <c r="X5066" s="19">
        <v>1</v>
      </c>
      <c r="Y5066" s="19"/>
      <c r="Z5066" s="19"/>
      <c r="AA5066" s="19"/>
    </row>
    <row r="5067" spans="1:27" s="1" customFormat="1" ht="14.1" customHeight="1" outlineLevel="2" x14ac:dyDescent="0.2">
      <c r="A5067" s="17"/>
      <c r="B5067" s="17"/>
      <c r="C5067" s="17"/>
      <c r="D5067" s="18"/>
      <c r="E5067" s="18"/>
      <c r="F5067" s="18"/>
      <c r="G5067" s="18"/>
      <c r="H5067" s="18"/>
      <c r="I5067" s="18"/>
      <c r="J5067" s="18"/>
      <c r="K5067" s="18"/>
      <c r="L5067" s="18"/>
      <c r="M5067" s="18"/>
      <c r="N5067" s="18"/>
      <c r="O5067" s="18"/>
      <c r="P5067" s="19"/>
      <c r="Q5067" s="19"/>
      <c r="R5067" s="19"/>
      <c r="S5067" s="19"/>
      <c r="T5067" s="19"/>
      <c r="U5067" s="19"/>
      <c r="V5067" s="19"/>
      <c r="W5067" s="19"/>
      <c r="X5067" s="19"/>
      <c r="Y5067" s="19"/>
      <c r="Z5067" s="19"/>
      <c r="AA5067" s="19"/>
    </row>
    <row r="5068" spans="1:27" s="1" customFormat="1" ht="14.1" customHeight="1" outlineLevel="2" x14ac:dyDescent="0.2">
      <c r="A5068" s="17">
        <v>12539</v>
      </c>
      <c r="B5068" s="17"/>
      <c r="C5068" s="17"/>
      <c r="D5068" s="18" t="s">
        <v>2520</v>
      </c>
      <c r="E5068" s="18"/>
      <c r="F5068" s="18"/>
      <c r="G5068" s="18"/>
      <c r="H5068" s="18"/>
      <c r="I5068" s="18"/>
      <c r="J5068" s="18"/>
      <c r="K5068" s="18"/>
      <c r="L5068" s="18"/>
      <c r="M5068" s="18"/>
      <c r="N5068" s="18"/>
      <c r="O5068" s="18"/>
      <c r="P5068" s="19">
        <v>290</v>
      </c>
      <c r="Q5068" s="19"/>
      <c r="R5068" s="19"/>
      <c r="S5068" s="19"/>
      <c r="T5068" s="19">
        <v>230</v>
      </c>
      <c r="U5068" s="19"/>
      <c r="V5068" s="19"/>
      <c r="W5068" s="19"/>
      <c r="X5068" s="19">
        <v>1</v>
      </c>
      <c r="Y5068" s="19"/>
      <c r="Z5068" s="19"/>
      <c r="AA5068" s="19"/>
    </row>
    <row r="5069" spans="1:27" s="1" customFormat="1" ht="14.1" customHeight="1" outlineLevel="2" x14ac:dyDescent="0.2">
      <c r="A5069" s="17"/>
      <c r="B5069" s="17"/>
      <c r="C5069" s="17"/>
      <c r="D5069" s="18"/>
      <c r="E5069" s="18"/>
      <c r="F5069" s="18"/>
      <c r="G5069" s="18"/>
      <c r="H5069" s="18"/>
      <c r="I5069" s="18"/>
      <c r="J5069" s="18"/>
      <c r="K5069" s="18"/>
      <c r="L5069" s="18"/>
      <c r="M5069" s="18"/>
      <c r="N5069" s="18"/>
      <c r="O5069" s="18"/>
      <c r="P5069" s="19"/>
      <c r="Q5069" s="19"/>
      <c r="R5069" s="19"/>
      <c r="S5069" s="19"/>
      <c r="T5069" s="19"/>
      <c r="U5069" s="19"/>
      <c r="V5069" s="19"/>
      <c r="W5069" s="19"/>
      <c r="X5069" s="19"/>
      <c r="Y5069" s="19"/>
      <c r="Z5069" s="19"/>
      <c r="AA5069" s="19"/>
    </row>
    <row r="5070" spans="1:27" s="1" customFormat="1" ht="14.1" customHeight="1" outlineLevel="2" x14ac:dyDescent="0.2">
      <c r="A5070" s="17">
        <v>16390</v>
      </c>
      <c r="B5070" s="17"/>
      <c r="C5070" s="17"/>
      <c r="D5070" s="18" t="s">
        <v>2521</v>
      </c>
      <c r="E5070" s="18"/>
      <c r="F5070" s="18"/>
      <c r="G5070" s="18"/>
      <c r="H5070" s="18"/>
      <c r="I5070" s="18"/>
      <c r="J5070" s="18"/>
      <c r="K5070" s="18"/>
      <c r="L5070" s="18"/>
      <c r="M5070" s="18"/>
      <c r="N5070" s="18"/>
      <c r="O5070" s="18"/>
      <c r="P5070" s="19">
        <v>400</v>
      </c>
      <c r="Q5070" s="19"/>
      <c r="R5070" s="19"/>
      <c r="S5070" s="19"/>
      <c r="T5070" s="19">
        <v>300</v>
      </c>
      <c r="U5070" s="19"/>
      <c r="V5070" s="19"/>
      <c r="W5070" s="19"/>
      <c r="X5070" s="19">
        <v>1</v>
      </c>
      <c r="Y5070" s="19"/>
      <c r="Z5070" s="19"/>
      <c r="AA5070" s="19"/>
    </row>
    <row r="5071" spans="1:27" s="1" customFormat="1" ht="14.1" customHeight="1" outlineLevel="2" x14ac:dyDescent="0.2">
      <c r="A5071" s="17"/>
      <c r="B5071" s="17"/>
      <c r="C5071" s="17"/>
      <c r="D5071" s="18"/>
      <c r="E5071" s="18"/>
      <c r="F5071" s="18"/>
      <c r="G5071" s="18"/>
      <c r="H5071" s="18"/>
      <c r="I5071" s="18"/>
      <c r="J5071" s="18"/>
      <c r="K5071" s="18"/>
      <c r="L5071" s="18"/>
      <c r="M5071" s="18"/>
      <c r="N5071" s="18"/>
      <c r="O5071" s="18"/>
      <c r="P5071" s="19"/>
      <c r="Q5071" s="19"/>
      <c r="R5071" s="19"/>
      <c r="S5071" s="19"/>
      <c r="T5071" s="19"/>
      <c r="U5071" s="19"/>
      <c r="V5071" s="19"/>
      <c r="W5071" s="19"/>
      <c r="X5071" s="19"/>
      <c r="Y5071" s="19"/>
      <c r="Z5071" s="19"/>
      <c r="AA5071" s="19"/>
    </row>
    <row r="5072" spans="1:27" s="1" customFormat="1" ht="14.1" customHeight="1" outlineLevel="2" x14ac:dyDescent="0.2">
      <c r="A5072" s="17">
        <v>15654</v>
      </c>
      <c r="B5072" s="17"/>
      <c r="C5072" s="17"/>
      <c r="D5072" s="18" t="s">
        <v>2522</v>
      </c>
      <c r="E5072" s="18"/>
      <c r="F5072" s="18"/>
      <c r="G5072" s="18"/>
      <c r="H5072" s="18"/>
      <c r="I5072" s="18"/>
      <c r="J5072" s="18"/>
      <c r="K5072" s="18"/>
      <c r="L5072" s="18"/>
      <c r="M5072" s="18"/>
      <c r="N5072" s="18"/>
      <c r="O5072" s="18"/>
      <c r="P5072" s="19">
        <v>230</v>
      </c>
      <c r="Q5072" s="19"/>
      <c r="R5072" s="19"/>
      <c r="S5072" s="19"/>
      <c r="T5072" s="19">
        <v>170</v>
      </c>
      <c r="U5072" s="19"/>
      <c r="V5072" s="19"/>
      <c r="W5072" s="19"/>
      <c r="X5072" s="19">
        <v>10</v>
      </c>
      <c r="Y5072" s="19"/>
      <c r="Z5072" s="19"/>
      <c r="AA5072" s="19"/>
    </row>
    <row r="5073" spans="1:27" s="1" customFormat="1" ht="14.1" customHeight="1" outlineLevel="2" x14ac:dyDescent="0.2">
      <c r="A5073" s="17"/>
      <c r="B5073" s="17"/>
      <c r="C5073" s="17"/>
      <c r="D5073" s="18"/>
      <c r="E5073" s="18"/>
      <c r="F5073" s="18"/>
      <c r="G5073" s="18"/>
      <c r="H5073" s="18"/>
      <c r="I5073" s="18"/>
      <c r="J5073" s="18"/>
      <c r="K5073" s="18"/>
      <c r="L5073" s="18"/>
      <c r="M5073" s="18"/>
      <c r="N5073" s="18"/>
      <c r="O5073" s="18"/>
      <c r="P5073" s="19"/>
      <c r="Q5073" s="19"/>
      <c r="R5073" s="19"/>
      <c r="S5073" s="19"/>
      <c r="T5073" s="19"/>
      <c r="U5073" s="19"/>
      <c r="V5073" s="19"/>
      <c r="W5073" s="19"/>
      <c r="X5073" s="19"/>
      <c r="Y5073" s="19"/>
      <c r="Z5073" s="19"/>
      <c r="AA5073" s="19"/>
    </row>
    <row r="5074" spans="1:27" s="1" customFormat="1" ht="14.1" customHeight="1" outlineLevel="2" x14ac:dyDescent="0.2">
      <c r="A5074" s="17">
        <v>15653</v>
      </c>
      <c r="B5074" s="17"/>
      <c r="C5074" s="17"/>
      <c r="D5074" s="18" t="s">
        <v>2523</v>
      </c>
      <c r="E5074" s="18"/>
      <c r="F5074" s="18"/>
      <c r="G5074" s="18"/>
      <c r="H5074" s="18"/>
      <c r="I5074" s="18"/>
      <c r="J5074" s="18"/>
      <c r="K5074" s="18"/>
      <c r="L5074" s="18"/>
      <c r="M5074" s="18"/>
      <c r="N5074" s="18"/>
      <c r="O5074" s="18"/>
      <c r="P5074" s="19">
        <v>230</v>
      </c>
      <c r="Q5074" s="19"/>
      <c r="R5074" s="19"/>
      <c r="S5074" s="19"/>
      <c r="T5074" s="19">
        <v>170</v>
      </c>
      <c r="U5074" s="19"/>
      <c r="V5074" s="19"/>
      <c r="W5074" s="19"/>
      <c r="X5074" s="19">
        <v>8</v>
      </c>
      <c r="Y5074" s="19"/>
      <c r="Z5074" s="19"/>
      <c r="AA5074" s="19"/>
    </row>
    <row r="5075" spans="1:27" s="1" customFormat="1" ht="14.1" customHeight="1" outlineLevel="2" x14ac:dyDescent="0.2">
      <c r="A5075" s="17"/>
      <c r="B5075" s="17"/>
      <c r="C5075" s="17"/>
      <c r="D5075" s="18"/>
      <c r="E5075" s="18"/>
      <c r="F5075" s="18"/>
      <c r="G5075" s="18"/>
      <c r="H5075" s="18"/>
      <c r="I5075" s="18"/>
      <c r="J5075" s="18"/>
      <c r="K5075" s="18"/>
      <c r="L5075" s="18"/>
      <c r="M5075" s="18"/>
      <c r="N5075" s="18"/>
      <c r="O5075" s="18"/>
      <c r="P5075" s="19"/>
      <c r="Q5075" s="19"/>
      <c r="R5075" s="19"/>
      <c r="S5075" s="19"/>
      <c r="T5075" s="19"/>
      <c r="U5075" s="19"/>
      <c r="V5075" s="19"/>
      <c r="W5075" s="19"/>
      <c r="X5075" s="19"/>
      <c r="Y5075" s="19"/>
      <c r="Z5075" s="19"/>
      <c r="AA5075" s="19"/>
    </row>
    <row r="5076" spans="1:27" s="1" customFormat="1" ht="14.1" customHeight="1" outlineLevel="2" x14ac:dyDescent="0.2">
      <c r="A5076" s="17">
        <v>15652</v>
      </c>
      <c r="B5076" s="17"/>
      <c r="C5076" s="17"/>
      <c r="D5076" s="18" t="s">
        <v>2524</v>
      </c>
      <c r="E5076" s="18"/>
      <c r="F5076" s="18"/>
      <c r="G5076" s="18"/>
      <c r="H5076" s="18"/>
      <c r="I5076" s="18"/>
      <c r="J5076" s="18"/>
      <c r="K5076" s="18"/>
      <c r="L5076" s="18"/>
      <c r="M5076" s="18"/>
      <c r="N5076" s="18"/>
      <c r="O5076" s="18"/>
      <c r="P5076" s="19">
        <v>230</v>
      </c>
      <c r="Q5076" s="19"/>
      <c r="R5076" s="19"/>
      <c r="S5076" s="19"/>
      <c r="T5076" s="19">
        <v>170</v>
      </c>
      <c r="U5076" s="19"/>
      <c r="V5076" s="19"/>
      <c r="W5076" s="19"/>
      <c r="X5076" s="19">
        <v>9</v>
      </c>
      <c r="Y5076" s="19"/>
      <c r="Z5076" s="19"/>
      <c r="AA5076" s="19"/>
    </row>
    <row r="5077" spans="1:27" s="1" customFormat="1" ht="14.1" customHeight="1" outlineLevel="2" x14ac:dyDescent="0.2">
      <c r="A5077" s="17"/>
      <c r="B5077" s="17"/>
      <c r="C5077" s="17"/>
      <c r="D5077" s="18"/>
      <c r="E5077" s="18"/>
      <c r="F5077" s="18"/>
      <c r="G5077" s="18"/>
      <c r="H5077" s="18"/>
      <c r="I5077" s="18"/>
      <c r="J5077" s="18"/>
      <c r="K5077" s="18"/>
      <c r="L5077" s="18"/>
      <c r="M5077" s="18"/>
      <c r="N5077" s="18"/>
      <c r="O5077" s="18"/>
      <c r="P5077" s="19"/>
      <c r="Q5077" s="19"/>
      <c r="R5077" s="19"/>
      <c r="S5077" s="19"/>
      <c r="T5077" s="19"/>
      <c r="U5077" s="19"/>
      <c r="V5077" s="19"/>
      <c r="W5077" s="19"/>
      <c r="X5077" s="19"/>
      <c r="Y5077" s="19"/>
      <c r="Z5077" s="19"/>
      <c r="AA5077" s="19"/>
    </row>
    <row r="5078" spans="1:27" s="1" customFormat="1" ht="14.1" customHeight="1" outlineLevel="2" x14ac:dyDescent="0.2">
      <c r="A5078" s="17">
        <v>16100</v>
      </c>
      <c r="B5078" s="17"/>
      <c r="C5078" s="17"/>
      <c r="D5078" s="18" t="s">
        <v>2525</v>
      </c>
      <c r="E5078" s="18"/>
      <c r="F5078" s="18"/>
      <c r="G5078" s="18"/>
      <c r="H5078" s="18"/>
      <c r="I5078" s="18"/>
      <c r="J5078" s="18"/>
      <c r="K5078" s="18"/>
      <c r="L5078" s="18"/>
      <c r="M5078" s="18"/>
      <c r="N5078" s="18"/>
      <c r="O5078" s="18"/>
      <c r="P5078" s="19">
        <v>220</v>
      </c>
      <c r="Q5078" s="19"/>
      <c r="R5078" s="19"/>
      <c r="S5078" s="19"/>
      <c r="T5078" s="19">
        <v>170</v>
      </c>
      <c r="U5078" s="19"/>
      <c r="V5078" s="19"/>
      <c r="W5078" s="19"/>
      <c r="X5078" s="19">
        <v>17</v>
      </c>
      <c r="Y5078" s="19"/>
      <c r="Z5078" s="19"/>
      <c r="AA5078" s="19"/>
    </row>
    <row r="5079" spans="1:27" s="1" customFormat="1" ht="14.1" customHeight="1" outlineLevel="2" x14ac:dyDescent="0.2">
      <c r="A5079" s="17"/>
      <c r="B5079" s="17"/>
      <c r="C5079" s="17"/>
      <c r="D5079" s="18"/>
      <c r="E5079" s="18"/>
      <c r="F5079" s="18"/>
      <c r="G5079" s="18"/>
      <c r="H5079" s="18"/>
      <c r="I5079" s="18"/>
      <c r="J5079" s="18"/>
      <c r="K5079" s="18"/>
      <c r="L5079" s="18"/>
      <c r="M5079" s="18"/>
      <c r="N5079" s="18"/>
      <c r="O5079" s="18"/>
      <c r="P5079" s="19"/>
      <c r="Q5079" s="19"/>
      <c r="R5079" s="19"/>
      <c r="S5079" s="19"/>
      <c r="T5079" s="19"/>
      <c r="U5079" s="19"/>
      <c r="V5079" s="19"/>
      <c r="W5079" s="19"/>
      <c r="X5079" s="19"/>
      <c r="Y5079" s="19"/>
      <c r="Z5079" s="19"/>
      <c r="AA5079" s="19"/>
    </row>
    <row r="5080" spans="1:27" s="1" customFormat="1" ht="14.1" customHeight="1" outlineLevel="2" x14ac:dyDescent="0.2">
      <c r="A5080" s="17">
        <v>16099</v>
      </c>
      <c r="B5080" s="17"/>
      <c r="C5080" s="17"/>
      <c r="D5080" s="18" t="s">
        <v>2526</v>
      </c>
      <c r="E5080" s="18"/>
      <c r="F5080" s="18"/>
      <c r="G5080" s="18"/>
      <c r="H5080" s="18"/>
      <c r="I5080" s="18"/>
      <c r="J5080" s="18"/>
      <c r="K5080" s="18"/>
      <c r="L5080" s="18"/>
      <c r="M5080" s="18"/>
      <c r="N5080" s="18"/>
      <c r="O5080" s="18"/>
      <c r="P5080" s="19">
        <v>220</v>
      </c>
      <c r="Q5080" s="19"/>
      <c r="R5080" s="19"/>
      <c r="S5080" s="19"/>
      <c r="T5080" s="19">
        <v>170</v>
      </c>
      <c r="U5080" s="19"/>
      <c r="V5080" s="19"/>
      <c r="W5080" s="19"/>
      <c r="X5080" s="19">
        <v>20</v>
      </c>
      <c r="Y5080" s="19"/>
      <c r="Z5080" s="19"/>
      <c r="AA5080" s="19"/>
    </row>
    <row r="5081" spans="1:27" s="1" customFormat="1" ht="14.1" customHeight="1" outlineLevel="2" x14ac:dyDescent="0.2">
      <c r="A5081" s="17"/>
      <c r="B5081" s="17"/>
      <c r="C5081" s="17"/>
      <c r="D5081" s="18"/>
      <c r="E5081" s="18"/>
      <c r="F5081" s="18"/>
      <c r="G5081" s="18"/>
      <c r="H5081" s="18"/>
      <c r="I5081" s="18"/>
      <c r="J5081" s="18"/>
      <c r="K5081" s="18"/>
      <c r="L5081" s="18"/>
      <c r="M5081" s="18"/>
      <c r="N5081" s="18"/>
      <c r="O5081" s="18"/>
      <c r="P5081" s="19"/>
      <c r="Q5081" s="19"/>
      <c r="R5081" s="19"/>
      <c r="S5081" s="19"/>
      <c r="T5081" s="19"/>
      <c r="U5081" s="19"/>
      <c r="V5081" s="19"/>
      <c r="W5081" s="19"/>
      <c r="X5081" s="19"/>
      <c r="Y5081" s="19"/>
      <c r="Z5081" s="19"/>
      <c r="AA5081" s="19"/>
    </row>
    <row r="5082" spans="1:27" s="1" customFormat="1" ht="14.1" customHeight="1" outlineLevel="2" x14ac:dyDescent="0.2">
      <c r="A5082" s="17">
        <v>15655</v>
      </c>
      <c r="B5082" s="17"/>
      <c r="C5082" s="17"/>
      <c r="D5082" s="18" t="s">
        <v>2527</v>
      </c>
      <c r="E5082" s="18"/>
      <c r="F5082" s="18"/>
      <c r="G5082" s="18"/>
      <c r="H5082" s="18"/>
      <c r="I5082" s="18"/>
      <c r="J5082" s="18"/>
      <c r="K5082" s="18"/>
      <c r="L5082" s="18"/>
      <c r="M5082" s="18"/>
      <c r="N5082" s="18"/>
      <c r="O5082" s="18"/>
      <c r="P5082" s="19">
        <v>220</v>
      </c>
      <c r="Q5082" s="19"/>
      <c r="R5082" s="19"/>
      <c r="S5082" s="19"/>
      <c r="T5082" s="19">
        <v>170</v>
      </c>
      <c r="U5082" s="19"/>
      <c r="V5082" s="19"/>
      <c r="W5082" s="19"/>
      <c r="X5082" s="19">
        <v>10</v>
      </c>
      <c r="Y5082" s="19"/>
      <c r="Z5082" s="19"/>
      <c r="AA5082" s="19"/>
    </row>
    <row r="5083" spans="1:27" s="1" customFormat="1" ht="14.1" customHeight="1" outlineLevel="2" x14ac:dyDescent="0.2">
      <c r="A5083" s="17"/>
      <c r="B5083" s="17"/>
      <c r="C5083" s="17"/>
      <c r="D5083" s="18"/>
      <c r="E5083" s="18"/>
      <c r="F5083" s="18"/>
      <c r="G5083" s="18"/>
      <c r="H5083" s="18"/>
      <c r="I5083" s="18"/>
      <c r="J5083" s="18"/>
      <c r="K5083" s="18"/>
      <c r="L5083" s="18"/>
      <c r="M5083" s="18"/>
      <c r="N5083" s="18"/>
      <c r="O5083" s="18"/>
      <c r="P5083" s="19"/>
      <c r="Q5083" s="19"/>
      <c r="R5083" s="19"/>
      <c r="S5083" s="19"/>
      <c r="T5083" s="19"/>
      <c r="U5083" s="19"/>
      <c r="V5083" s="19"/>
      <c r="W5083" s="19"/>
      <c r="X5083" s="19"/>
      <c r="Y5083" s="19"/>
      <c r="Z5083" s="19"/>
      <c r="AA5083" s="19"/>
    </row>
    <row r="5084" spans="1:27" s="1" customFormat="1" ht="14.1" customHeight="1" outlineLevel="2" x14ac:dyDescent="0.2">
      <c r="A5084" s="17">
        <v>14778</v>
      </c>
      <c r="B5084" s="17"/>
      <c r="C5084" s="17"/>
      <c r="D5084" s="18" t="s">
        <v>2528</v>
      </c>
      <c r="E5084" s="18"/>
      <c r="F5084" s="18"/>
      <c r="G5084" s="18"/>
      <c r="H5084" s="18"/>
      <c r="I5084" s="18"/>
      <c r="J5084" s="18"/>
      <c r="K5084" s="18"/>
      <c r="L5084" s="18"/>
      <c r="M5084" s="18"/>
      <c r="N5084" s="18"/>
      <c r="O5084" s="18"/>
      <c r="P5084" s="19">
        <v>240</v>
      </c>
      <c r="Q5084" s="19"/>
      <c r="R5084" s="19"/>
      <c r="S5084" s="19"/>
      <c r="T5084" s="19">
        <v>180</v>
      </c>
      <c r="U5084" s="19"/>
      <c r="V5084" s="19"/>
      <c r="W5084" s="19"/>
      <c r="X5084" s="19">
        <v>19</v>
      </c>
      <c r="Y5084" s="19"/>
      <c r="Z5084" s="19"/>
      <c r="AA5084" s="19"/>
    </row>
    <row r="5085" spans="1:27" s="1" customFormat="1" ht="14.1" customHeight="1" outlineLevel="2" x14ac:dyDescent="0.2">
      <c r="A5085" s="17"/>
      <c r="B5085" s="17"/>
      <c r="C5085" s="17"/>
      <c r="D5085" s="18"/>
      <c r="E5085" s="18"/>
      <c r="F5085" s="18"/>
      <c r="G5085" s="18"/>
      <c r="H5085" s="18"/>
      <c r="I5085" s="18"/>
      <c r="J5085" s="18"/>
      <c r="K5085" s="18"/>
      <c r="L5085" s="18"/>
      <c r="M5085" s="18"/>
      <c r="N5085" s="18"/>
      <c r="O5085" s="18"/>
      <c r="P5085" s="19"/>
      <c r="Q5085" s="19"/>
      <c r="R5085" s="19"/>
      <c r="S5085" s="19"/>
      <c r="T5085" s="19"/>
      <c r="U5085" s="19"/>
      <c r="V5085" s="19"/>
      <c r="W5085" s="19"/>
      <c r="X5085" s="19"/>
      <c r="Y5085" s="19"/>
      <c r="Z5085" s="19"/>
      <c r="AA5085" s="19"/>
    </row>
    <row r="5086" spans="1:27" s="1" customFormat="1" ht="14.1" customHeight="1" outlineLevel="2" x14ac:dyDescent="0.2">
      <c r="A5086" s="17">
        <v>14777</v>
      </c>
      <c r="B5086" s="17"/>
      <c r="C5086" s="17"/>
      <c r="D5086" s="18" t="s">
        <v>2529</v>
      </c>
      <c r="E5086" s="18"/>
      <c r="F5086" s="18"/>
      <c r="G5086" s="18"/>
      <c r="H5086" s="18"/>
      <c r="I5086" s="18"/>
      <c r="J5086" s="18"/>
      <c r="K5086" s="18"/>
      <c r="L5086" s="18"/>
      <c r="M5086" s="18"/>
      <c r="N5086" s="18"/>
      <c r="O5086" s="18"/>
      <c r="P5086" s="19">
        <v>240</v>
      </c>
      <c r="Q5086" s="19"/>
      <c r="R5086" s="19"/>
      <c r="S5086" s="19"/>
      <c r="T5086" s="19">
        <v>180</v>
      </c>
      <c r="U5086" s="19"/>
      <c r="V5086" s="19"/>
      <c r="W5086" s="19"/>
      <c r="X5086" s="19">
        <v>19</v>
      </c>
      <c r="Y5086" s="19"/>
      <c r="Z5086" s="19"/>
      <c r="AA5086" s="19"/>
    </row>
    <row r="5087" spans="1:27" s="1" customFormat="1" ht="14.1" customHeight="1" outlineLevel="2" x14ac:dyDescent="0.2">
      <c r="A5087" s="17"/>
      <c r="B5087" s="17"/>
      <c r="C5087" s="17"/>
      <c r="D5087" s="18"/>
      <c r="E5087" s="18"/>
      <c r="F5087" s="18"/>
      <c r="G5087" s="18"/>
      <c r="H5087" s="18"/>
      <c r="I5087" s="18"/>
      <c r="J5087" s="18"/>
      <c r="K5087" s="18"/>
      <c r="L5087" s="18"/>
      <c r="M5087" s="18"/>
      <c r="N5087" s="18"/>
      <c r="O5087" s="18"/>
      <c r="P5087" s="19"/>
      <c r="Q5087" s="19"/>
      <c r="R5087" s="19"/>
      <c r="S5087" s="19"/>
      <c r="T5087" s="19"/>
      <c r="U5087" s="19"/>
      <c r="V5087" s="19"/>
      <c r="W5087" s="19"/>
      <c r="X5087" s="19"/>
      <c r="Y5087" s="19"/>
      <c r="Z5087" s="19"/>
      <c r="AA5087" s="19"/>
    </row>
    <row r="5088" spans="1:27" s="1" customFormat="1" ht="14.1" customHeight="1" outlineLevel="2" x14ac:dyDescent="0.2">
      <c r="A5088" s="17">
        <v>14776</v>
      </c>
      <c r="B5088" s="17"/>
      <c r="C5088" s="17"/>
      <c r="D5088" s="18" t="s">
        <v>2530</v>
      </c>
      <c r="E5088" s="18"/>
      <c r="F5088" s="18"/>
      <c r="G5088" s="18"/>
      <c r="H5088" s="18"/>
      <c r="I5088" s="18"/>
      <c r="J5088" s="18"/>
      <c r="K5088" s="18"/>
      <c r="L5088" s="18"/>
      <c r="M5088" s="18"/>
      <c r="N5088" s="18"/>
      <c r="O5088" s="18"/>
      <c r="P5088" s="19">
        <v>240</v>
      </c>
      <c r="Q5088" s="19"/>
      <c r="R5088" s="19"/>
      <c r="S5088" s="19"/>
      <c r="T5088" s="19">
        <v>180</v>
      </c>
      <c r="U5088" s="19"/>
      <c r="V5088" s="19"/>
      <c r="W5088" s="19"/>
      <c r="X5088" s="19">
        <v>20</v>
      </c>
      <c r="Y5088" s="19"/>
      <c r="Z5088" s="19"/>
      <c r="AA5088" s="19"/>
    </row>
    <row r="5089" spans="1:27" s="1" customFormat="1" ht="14.1" customHeight="1" outlineLevel="2" x14ac:dyDescent="0.2">
      <c r="A5089" s="17"/>
      <c r="B5089" s="17"/>
      <c r="C5089" s="17"/>
      <c r="D5089" s="18"/>
      <c r="E5089" s="18"/>
      <c r="F5089" s="18"/>
      <c r="G5089" s="18"/>
      <c r="H5089" s="18"/>
      <c r="I5089" s="18"/>
      <c r="J5089" s="18"/>
      <c r="K5089" s="18"/>
      <c r="L5089" s="18"/>
      <c r="M5089" s="18"/>
      <c r="N5089" s="18"/>
      <c r="O5089" s="18"/>
      <c r="P5089" s="19"/>
      <c r="Q5089" s="19"/>
      <c r="R5089" s="19"/>
      <c r="S5089" s="19"/>
      <c r="T5089" s="19"/>
      <c r="U5089" s="19"/>
      <c r="V5089" s="19"/>
      <c r="W5089" s="19"/>
      <c r="X5089" s="19"/>
      <c r="Y5089" s="19"/>
      <c r="Z5089" s="19"/>
      <c r="AA5089" s="19"/>
    </row>
    <row r="5090" spans="1:27" s="1" customFormat="1" ht="14.1" customHeight="1" outlineLevel="2" x14ac:dyDescent="0.2">
      <c r="A5090" s="17">
        <v>14780</v>
      </c>
      <c r="B5090" s="17"/>
      <c r="C5090" s="17"/>
      <c r="D5090" s="18" t="s">
        <v>2531</v>
      </c>
      <c r="E5090" s="18"/>
      <c r="F5090" s="18"/>
      <c r="G5090" s="18"/>
      <c r="H5090" s="18"/>
      <c r="I5090" s="18"/>
      <c r="J5090" s="18"/>
      <c r="K5090" s="18"/>
      <c r="L5090" s="18"/>
      <c r="M5090" s="18"/>
      <c r="N5090" s="18"/>
      <c r="O5090" s="18"/>
      <c r="P5090" s="19">
        <v>260</v>
      </c>
      <c r="Q5090" s="19"/>
      <c r="R5090" s="19"/>
      <c r="S5090" s="19"/>
      <c r="T5090" s="19">
        <v>200</v>
      </c>
      <c r="U5090" s="19"/>
      <c r="V5090" s="19"/>
      <c r="W5090" s="19"/>
      <c r="X5090" s="19">
        <v>1</v>
      </c>
      <c r="Y5090" s="19"/>
      <c r="Z5090" s="19"/>
      <c r="AA5090" s="19"/>
    </row>
    <row r="5091" spans="1:27" s="1" customFormat="1" ht="14.1" customHeight="1" outlineLevel="2" x14ac:dyDescent="0.2">
      <c r="A5091" s="17"/>
      <c r="B5091" s="17"/>
      <c r="C5091" s="17"/>
      <c r="D5091" s="18"/>
      <c r="E5091" s="18"/>
      <c r="F5091" s="18"/>
      <c r="G5091" s="18"/>
      <c r="H5091" s="18"/>
      <c r="I5091" s="18"/>
      <c r="J5091" s="18"/>
      <c r="K5091" s="18"/>
      <c r="L5091" s="18"/>
      <c r="M5091" s="18"/>
      <c r="N5091" s="18"/>
      <c r="O5091" s="18"/>
      <c r="P5091" s="19"/>
      <c r="Q5091" s="19"/>
      <c r="R5091" s="19"/>
      <c r="S5091" s="19"/>
      <c r="T5091" s="19"/>
      <c r="U5091" s="19"/>
      <c r="V5091" s="19"/>
      <c r="W5091" s="19"/>
      <c r="X5091" s="19"/>
      <c r="Y5091" s="19"/>
      <c r="Z5091" s="19"/>
      <c r="AA5091" s="19"/>
    </row>
    <row r="5092" spans="1:27" s="1" customFormat="1" ht="14.1" customHeight="1" outlineLevel="2" x14ac:dyDescent="0.2">
      <c r="A5092" s="17">
        <v>14781</v>
      </c>
      <c r="B5092" s="17"/>
      <c r="C5092" s="17"/>
      <c r="D5092" s="18" t="s">
        <v>2532</v>
      </c>
      <c r="E5092" s="18"/>
      <c r="F5092" s="18"/>
      <c r="G5092" s="18"/>
      <c r="H5092" s="18"/>
      <c r="I5092" s="18"/>
      <c r="J5092" s="18"/>
      <c r="K5092" s="18"/>
      <c r="L5092" s="18"/>
      <c r="M5092" s="18"/>
      <c r="N5092" s="18"/>
      <c r="O5092" s="18"/>
      <c r="P5092" s="19">
        <v>260</v>
      </c>
      <c r="Q5092" s="19"/>
      <c r="R5092" s="19"/>
      <c r="S5092" s="19"/>
      <c r="T5092" s="19">
        <v>200</v>
      </c>
      <c r="U5092" s="19"/>
      <c r="V5092" s="19"/>
      <c r="W5092" s="19"/>
      <c r="X5092" s="19">
        <v>10</v>
      </c>
      <c r="Y5092" s="19"/>
      <c r="Z5092" s="19"/>
      <c r="AA5092" s="19"/>
    </row>
    <row r="5093" spans="1:27" s="1" customFormat="1" ht="14.1" customHeight="1" outlineLevel="2" x14ac:dyDescent="0.2">
      <c r="A5093" s="17"/>
      <c r="B5093" s="17"/>
      <c r="C5093" s="17"/>
      <c r="D5093" s="18"/>
      <c r="E5093" s="18"/>
      <c r="F5093" s="18"/>
      <c r="G5093" s="18"/>
      <c r="H5093" s="18"/>
      <c r="I5093" s="18"/>
      <c r="J5093" s="18"/>
      <c r="K5093" s="18"/>
      <c r="L5093" s="18"/>
      <c r="M5093" s="18"/>
      <c r="N5093" s="18"/>
      <c r="O5093" s="18"/>
      <c r="P5093" s="19"/>
      <c r="Q5093" s="19"/>
      <c r="R5093" s="19"/>
      <c r="S5093" s="19"/>
      <c r="T5093" s="19"/>
      <c r="U5093" s="19"/>
      <c r="V5093" s="19"/>
      <c r="W5093" s="19"/>
      <c r="X5093" s="19"/>
      <c r="Y5093" s="19"/>
      <c r="Z5093" s="19"/>
      <c r="AA5093" s="19"/>
    </row>
    <row r="5094" spans="1:27" s="1" customFormat="1" ht="14.1" customHeight="1" outlineLevel="2" x14ac:dyDescent="0.2">
      <c r="A5094" s="17">
        <v>14779</v>
      </c>
      <c r="B5094" s="17"/>
      <c r="C5094" s="17"/>
      <c r="D5094" s="18" t="s">
        <v>2533</v>
      </c>
      <c r="E5094" s="18"/>
      <c r="F5094" s="18"/>
      <c r="G5094" s="18"/>
      <c r="H5094" s="18"/>
      <c r="I5094" s="18"/>
      <c r="J5094" s="18"/>
      <c r="K5094" s="18"/>
      <c r="L5094" s="18"/>
      <c r="M5094" s="18"/>
      <c r="N5094" s="18"/>
      <c r="O5094" s="18"/>
      <c r="P5094" s="19">
        <v>260</v>
      </c>
      <c r="Q5094" s="19"/>
      <c r="R5094" s="19"/>
      <c r="S5094" s="19"/>
      <c r="T5094" s="19">
        <v>200</v>
      </c>
      <c r="U5094" s="19"/>
      <c r="V5094" s="19"/>
      <c r="W5094" s="19"/>
      <c r="X5094" s="19">
        <v>7</v>
      </c>
      <c r="Y5094" s="19"/>
      <c r="Z5094" s="19"/>
      <c r="AA5094" s="19"/>
    </row>
    <row r="5095" spans="1:27" s="1" customFormat="1" ht="14.1" customHeight="1" outlineLevel="2" x14ac:dyDescent="0.2">
      <c r="A5095" s="17"/>
      <c r="B5095" s="17"/>
      <c r="C5095" s="17"/>
      <c r="D5095" s="18"/>
      <c r="E5095" s="18"/>
      <c r="F5095" s="18"/>
      <c r="G5095" s="18"/>
      <c r="H5095" s="18"/>
      <c r="I5095" s="18"/>
      <c r="J5095" s="18"/>
      <c r="K5095" s="18"/>
      <c r="L5095" s="18"/>
      <c r="M5095" s="18"/>
      <c r="N5095" s="18"/>
      <c r="O5095" s="18"/>
      <c r="P5095" s="19"/>
      <c r="Q5095" s="19"/>
      <c r="R5095" s="19"/>
      <c r="S5095" s="19"/>
      <c r="T5095" s="19"/>
      <c r="U5095" s="19"/>
      <c r="V5095" s="19"/>
      <c r="W5095" s="19"/>
      <c r="X5095" s="19"/>
      <c r="Y5095" s="19"/>
      <c r="Z5095" s="19"/>
      <c r="AA5095" s="19"/>
    </row>
    <row r="5096" spans="1:27" s="1" customFormat="1" ht="14.1" customHeight="1" outlineLevel="2" x14ac:dyDescent="0.2">
      <c r="A5096" s="17">
        <v>11136</v>
      </c>
      <c r="B5096" s="17"/>
      <c r="C5096" s="17"/>
      <c r="D5096" s="18" t="s">
        <v>2534</v>
      </c>
      <c r="E5096" s="18"/>
      <c r="F5096" s="18"/>
      <c r="G5096" s="18"/>
      <c r="H5096" s="18"/>
      <c r="I5096" s="18"/>
      <c r="J5096" s="18"/>
      <c r="K5096" s="18"/>
      <c r="L5096" s="18"/>
      <c r="M5096" s="18"/>
      <c r="N5096" s="18"/>
      <c r="O5096" s="18"/>
      <c r="P5096" s="19">
        <v>250</v>
      </c>
      <c r="Q5096" s="19"/>
      <c r="R5096" s="19"/>
      <c r="S5096" s="19"/>
      <c r="T5096" s="19">
        <v>190</v>
      </c>
      <c r="U5096" s="19"/>
      <c r="V5096" s="19"/>
      <c r="W5096" s="19"/>
      <c r="X5096" s="19">
        <v>1</v>
      </c>
      <c r="Y5096" s="19"/>
      <c r="Z5096" s="19"/>
      <c r="AA5096" s="19"/>
    </row>
    <row r="5097" spans="1:27" s="1" customFormat="1" ht="14.1" customHeight="1" outlineLevel="2" x14ac:dyDescent="0.2">
      <c r="A5097" s="17"/>
      <c r="B5097" s="17"/>
      <c r="C5097" s="17"/>
      <c r="D5097" s="18"/>
      <c r="E5097" s="18"/>
      <c r="F5097" s="18"/>
      <c r="G5097" s="18"/>
      <c r="H5097" s="18"/>
      <c r="I5097" s="18"/>
      <c r="J5097" s="18"/>
      <c r="K5097" s="18"/>
      <c r="L5097" s="18"/>
      <c r="M5097" s="18"/>
      <c r="N5097" s="18"/>
      <c r="O5097" s="18"/>
      <c r="P5097" s="19"/>
      <c r="Q5097" s="19"/>
      <c r="R5097" s="19"/>
      <c r="S5097" s="19"/>
      <c r="T5097" s="19"/>
      <c r="U5097" s="19"/>
      <c r="V5097" s="19"/>
      <c r="W5097" s="19"/>
      <c r="X5097" s="19"/>
      <c r="Y5097" s="19"/>
      <c r="Z5097" s="19"/>
      <c r="AA5097" s="19"/>
    </row>
    <row r="5098" spans="1:27" s="1" customFormat="1" ht="14.1" customHeight="1" outlineLevel="2" x14ac:dyDescent="0.2">
      <c r="A5098" s="17">
        <v>11135</v>
      </c>
      <c r="B5098" s="17"/>
      <c r="C5098" s="17"/>
      <c r="D5098" s="18" t="s">
        <v>2535</v>
      </c>
      <c r="E5098" s="18"/>
      <c r="F5098" s="18"/>
      <c r="G5098" s="18"/>
      <c r="H5098" s="18"/>
      <c r="I5098" s="18"/>
      <c r="J5098" s="18"/>
      <c r="K5098" s="18"/>
      <c r="L5098" s="18"/>
      <c r="M5098" s="18"/>
      <c r="N5098" s="18"/>
      <c r="O5098" s="18"/>
      <c r="P5098" s="19">
        <v>250</v>
      </c>
      <c r="Q5098" s="19"/>
      <c r="R5098" s="19"/>
      <c r="S5098" s="19"/>
      <c r="T5098" s="19">
        <v>190</v>
      </c>
      <c r="U5098" s="19"/>
      <c r="V5098" s="19"/>
      <c r="W5098" s="19"/>
      <c r="X5098" s="19">
        <v>1</v>
      </c>
      <c r="Y5098" s="19"/>
      <c r="Z5098" s="19"/>
      <c r="AA5098" s="19"/>
    </row>
    <row r="5099" spans="1:27" s="1" customFormat="1" ht="14.1" customHeight="1" outlineLevel="2" x14ac:dyDescent="0.2">
      <c r="A5099" s="17"/>
      <c r="B5099" s="17"/>
      <c r="C5099" s="17"/>
      <c r="D5099" s="18"/>
      <c r="E5099" s="18"/>
      <c r="F5099" s="18"/>
      <c r="G5099" s="18"/>
      <c r="H5099" s="18"/>
      <c r="I5099" s="18"/>
      <c r="J5099" s="18"/>
      <c r="K5099" s="18"/>
      <c r="L5099" s="18"/>
      <c r="M5099" s="18"/>
      <c r="N5099" s="18"/>
      <c r="O5099" s="18"/>
      <c r="P5099" s="19"/>
      <c r="Q5099" s="19"/>
      <c r="R5099" s="19"/>
      <c r="S5099" s="19"/>
      <c r="T5099" s="19"/>
      <c r="U5099" s="19"/>
      <c r="V5099" s="19"/>
      <c r="W5099" s="19"/>
      <c r="X5099" s="19"/>
      <c r="Y5099" s="19"/>
      <c r="Z5099" s="19"/>
      <c r="AA5099" s="19"/>
    </row>
    <row r="5100" spans="1:27" s="1" customFormat="1" ht="14.1" customHeight="1" outlineLevel="2" x14ac:dyDescent="0.2">
      <c r="A5100" s="17">
        <v>11137</v>
      </c>
      <c r="B5100" s="17"/>
      <c r="C5100" s="17"/>
      <c r="D5100" s="18" t="s">
        <v>2536</v>
      </c>
      <c r="E5100" s="18"/>
      <c r="F5100" s="18"/>
      <c r="G5100" s="18"/>
      <c r="H5100" s="18"/>
      <c r="I5100" s="18"/>
      <c r="J5100" s="18"/>
      <c r="K5100" s="18"/>
      <c r="L5100" s="18"/>
      <c r="M5100" s="18"/>
      <c r="N5100" s="18"/>
      <c r="O5100" s="18"/>
      <c r="P5100" s="19">
        <v>320</v>
      </c>
      <c r="Q5100" s="19"/>
      <c r="R5100" s="19"/>
      <c r="S5100" s="19"/>
      <c r="T5100" s="19">
        <v>260</v>
      </c>
      <c r="U5100" s="19"/>
      <c r="V5100" s="19"/>
      <c r="W5100" s="19"/>
      <c r="X5100" s="19">
        <v>1</v>
      </c>
      <c r="Y5100" s="19"/>
      <c r="Z5100" s="19"/>
      <c r="AA5100" s="19"/>
    </row>
    <row r="5101" spans="1:27" s="1" customFormat="1" ht="14.1" customHeight="1" outlineLevel="2" x14ac:dyDescent="0.2">
      <c r="A5101" s="17"/>
      <c r="B5101" s="17"/>
      <c r="C5101" s="17"/>
      <c r="D5101" s="18"/>
      <c r="E5101" s="18"/>
      <c r="F5101" s="18"/>
      <c r="G5101" s="18"/>
      <c r="H5101" s="18"/>
      <c r="I5101" s="18"/>
      <c r="J5101" s="18"/>
      <c r="K5101" s="18"/>
      <c r="L5101" s="18"/>
      <c r="M5101" s="18"/>
      <c r="N5101" s="18"/>
      <c r="O5101" s="18"/>
      <c r="P5101" s="19"/>
      <c r="Q5101" s="19"/>
      <c r="R5101" s="19"/>
      <c r="S5101" s="19"/>
      <c r="T5101" s="19"/>
      <c r="U5101" s="19"/>
      <c r="V5101" s="19"/>
      <c r="W5101" s="19"/>
      <c r="X5101" s="19"/>
      <c r="Y5101" s="19"/>
      <c r="Z5101" s="19"/>
      <c r="AA5101" s="19"/>
    </row>
    <row r="5102" spans="1:27" s="1" customFormat="1" ht="14.1" customHeight="1" outlineLevel="2" x14ac:dyDescent="0.2">
      <c r="A5102" s="17">
        <v>16407</v>
      </c>
      <c r="B5102" s="17"/>
      <c r="C5102" s="17"/>
      <c r="D5102" s="18" t="s">
        <v>2537</v>
      </c>
      <c r="E5102" s="18"/>
      <c r="F5102" s="18"/>
      <c r="G5102" s="18"/>
      <c r="H5102" s="18"/>
      <c r="I5102" s="18"/>
      <c r="J5102" s="18"/>
      <c r="K5102" s="18"/>
      <c r="L5102" s="18"/>
      <c r="M5102" s="18"/>
      <c r="N5102" s="18"/>
      <c r="O5102" s="18"/>
      <c r="P5102" s="19">
        <v>390</v>
      </c>
      <c r="Q5102" s="19"/>
      <c r="R5102" s="19"/>
      <c r="S5102" s="19"/>
      <c r="T5102" s="19">
        <v>290</v>
      </c>
      <c r="U5102" s="19"/>
      <c r="V5102" s="19"/>
      <c r="W5102" s="19"/>
      <c r="X5102" s="19">
        <v>10</v>
      </c>
      <c r="Y5102" s="19"/>
      <c r="Z5102" s="19"/>
      <c r="AA5102" s="19"/>
    </row>
    <row r="5103" spans="1:27" s="1" customFormat="1" ht="14.1" customHeight="1" outlineLevel="2" x14ac:dyDescent="0.2">
      <c r="A5103" s="17"/>
      <c r="B5103" s="17"/>
      <c r="C5103" s="17"/>
      <c r="D5103" s="18"/>
      <c r="E5103" s="18"/>
      <c r="F5103" s="18"/>
      <c r="G5103" s="18"/>
      <c r="H5103" s="18"/>
      <c r="I5103" s="18"/>
      <c r="J5103" s="18"/>
      <c r="K5103" s="18"/>
      <c r="L5103" s="18"/>
      <c r="M5103" s="18"/>
      <c r="N5103" s="18"/>
      <c r="O5103" s="18"/>
      <c r="P5103" s="19"/>
      <c r="Q5103" s="19"/>
      <c r="R5103" s="19"/>
      <c r="S5103" s="19"/>
      <c r="T5103" s="19"/>
      <c r="U5103" s="19"/>
      <c r="V5103" s="19"/>
      <c r="W5103" s="19"/>
      <c r="X5103" s="19"/>
      <c r="Y5103" s="19"/>
      <c r="Z5103" s="19"/>
      <c r="AA5103" s="19"/>
    </row>
    <row r="5104" spans="1:27" s="1" customFormat="1" ht="14.1" customHeight="1" outlineLevel="2" x14ac:dyDescent="0.2">
      <c r="A5104" s="17">
        <v>16408</v>
      </c>
      <c r="B5104" s="17"/>
      <c r="C5104" s="17"/>
      <c r="D5104" s="18" t="s">
        <v>2538</v>
      </c>
      <c r="E5104" s="18"/>
      <c r="F5104" s="18"/>
      <c r="G5104" s="18"/>
      <c r="H5104" s="18"/>
      <c r="I5104" s="18"/>
      <c r="J5104" s="18"/>
      <c r="K5104" s="18"/>
      <c r="L5104" s="18"/>
      <c r="M5104" s="18"/>
      <c r="N5104" s="18"/>
      <c r="O5104" s="18"/>
      <c r="P5104" s="19">
        <v>390</v>
      </c>
      <c r="Q5104" s="19"/>
      <c r="R5104" s="19"/>
      <c r="S5104" s="19"/>
      <c r="T5104" s="19">
        <v>290</v>
      </c>
      <c r="U5104" s="19"/>
      <c r="V5104" s="19"/>
      <c r="W5104" s="19"/>
      <c r="X5104" s="19">
        <v>9</v>
      </c>
      <c r="Y5104" s="19"/>
      <c r="Z5104" s="19"/>
      <c r="AA5104" s="19"/>
    </row>
    <row r="5105" spans="1:27" s="1" customFormat="1" ht="14.1" customHeight="1" outlineLevel="2" x14ac:dyDescent="0.2">
      <c r="A5105" s="17"/>
      <c r="B5105" s="17"/>
      <c r="C5105" s="17"/>
      <c r="D5105" s="18"/>
      <c r="E5105" s="18"/>
      <c r="F5105" s="18"/>
      <c r="G5105" s="18"/>
      <c r="H5105" s="18"/>
      <c r="I5105" s="18"/>
      <c r="J5105" s="18"/>
      <c r="K5105" s="18"/>
      <c r="L5105" s="18"/>
      <c r="M5105" s="18"/>
      <c r="N5105" s="18"/>
      <c r="O5105" s="18"/>
      <c r="P5105" s="19"/>
      <c r="Q5105" s="19"/>
      <c r="R5105" s="19"/>
      <c r="S5105" s="19"/>
      <c r="T5105" s="19"/>
      <c r="U5105" s="19"/>
      <c r="V5105" s="19"/>
      <c r="W5105" s="19"/>
      <c r="X5105" s="19"/>
      <c r="Y5105" s="19"/>
      <c r="Z5105" s="19"/>
      <c r="AA5105" s="19"/>
    </row>
    <row r="5106" spans="1:27" s="1" customFormat="1" ht="14.1" customHeight="1" outlineLevel="2" x14ac:dyDescent="0.2">
      <c r="A5106" s="17">
        <v>16409</v>
      </c>
      <c r="B5106" s="17"/>
      <c r="C5106" s="17"/>
      <c r="D5106" s="18" t="s">
        <v>2539</v>
      </c>
      <c r="E5106" s="18"/>
      <c r="F5106" s="18"/>
      <c r="G5106" s="18"/>
      <c r="H5106" s="18"/>
      <c r="I5106" s="18"/>
      <c r="J5106" s="18"/>
      <c r="K5106" s="18"/>
      <c r="L5106" s="18"/>
      <c r="M5106" s="18"/>
      <c r="N5106" s="18"/>
      <c r="O5106" s="18"/>
      <c r="P5106" s="19">
        <v>390</v>
      </c>
      <c r="Q5106" s="19"/>
      <c r="R5106" s="19"/>
      <c r="S5106" s="19"/>
      <c r="T5106" s="19">
        <v>290</v>
      </c>
      <c r="U5106" s="19"/>
      <c r="V5106" s="19"/>
      <c r="W5106" s="19"/>
      <c r="X5106" s="19">
        <v>10</v>
      </c>
      <c r="Y5106" s="19"/>
      <c r="Z5106" s="19"/>
      <c r="AA5106" s="19"/>
    </row>
    <row r="5107" spans="1:27" s="1" customFormat="1" ht="14.1" customHeight="1" outlineLevel="2" x14ac:dyDescent="0.2">
      <c r="A5107" s="17"/>
      <c r="B5107" s="17"/>
      <c r="C5107" s="17"/>
      <c r="D5107" s="18"/>
      <c r="E5107" s="18"/>
      <c r="F5107" s="18"/>
      <c r="G5107" s="18"/>
      <c r="H5107" s="18"/>
      <c r="I5107" s="18"/>
      <c r="J5107" s="18"/>
      <c r="K5107" s="18"/>
      <c r="L5107" s="18"/>
      <c r="M5107" s="18"/>
      <c r="N5107" s="18"/>
      <c r="O5107" s="18"/>
      <c r="P5107" s="19"/>
      <c r="Q5107" s="19"/>
      <c r="R5107" s="19"/>
      <c r="S5107" s="19"/>
      <c r="T5107" s="19"/>
      <c r="U5107" s="19"/>
      <c r="V5107" s="19"/>
      <c r="W5107" s="19"/>
      <c r="X5107" s="19"/>
      <c r="Y5107" s="19"/>
      <c r="Z5107" s="19"/>
      <c r="AA5107" s="19"/>
    </row>
    <row r="5108" spans="1:27" s="1" customFormat="1" ht="14.1" customHeight="1" outlineLevel="2" x14ac:dyDescent="0.2">
      <c r="A5108" s="17">
        <v>18012</v>
      </c>
      <c r="B5108" s="17"/>
      <c r="C5108" s="17"/>
      <c r="D5108" s="18" t="s">
        <v>2540</v>
      </c>
      <c r="E5108" s="18"/>
      <c r="F5108" s="18"/>
      <c r="G5108" s="18"/>
      <c r="H5108" s="18"/>
      <c r="I5108" s="18"/>
      <c r="J5108" s="18"/>
      <c r="K5108" s="18"/>
      <c r="L5108" s="18"/>
      <c r="M5108" s="18"/>
      <c r="N5108" s="18"/>
      <c r="O5108" s="18"/>
      <c r="P5108" s="20">
        <v>1700</v>
      </c>
      <c r="Q5108" s="20"/>
      <c r="R5108" s="20"/>
      <c r="S5108" s="20"/>
      <c r="T5108" s="20">
        <v>1500</v>
      </c>
      <c r="U5108" s="20"/>
      <c r="V5108" s="20"/>
      <c r="W5108" s="20"/>
      <c r="X5108" s="19">
        <v>1</v>
      </c>
      <c r="Y5108" s="19"/>
      <c r="Z5108" s="19"/>
      <c r="AA5108" s="19"/>
    </row>
    <row r="5109" spans="1:27" s="1" customFormat="1" ht="14.1" customHeight="1" outlineLevel="2" x14ac:dyDescent="0.2">
      <c r="A5109" s="17"/>
      <c r="B5109" s="17"/>
      <c r="C5109" s="17"/>
      <c r="D5109" s="18"/>
      <c r="E5109" s="18"/>
      <c r="F5109" s="18"/>
      <c r="G5109" s="18"/>
      <c r="H5109" s="18"/>
      <c r="I5109" s="18"/>
      <c r="J5109" s="18"/>
      <c r="K5109" s="18"/>
      <c r="L5109" s="18"/>
      <c r="M5109" s="18"/>
      <c r="N5109" s="18"/>
      <c r="O5109" s="18"/>
      <c r="P5109" s="20"/>
      <c r="Q5109" s="20"/>
      <c r="R5109" s="20"/>
      <c r="S5109" s="20"/>
      <c r="T5109" s="20"/>
      <c r="U5109" s="20"/>
      <c r="V5109" s="20"/>
      <c r="W5109" s="20"/>
      <c r="X5109" s="19"/>
      <c r="Y5109" s="19"/>
      <c r="Z5109" s="19"/>
      <c r="AA5109" s="19"/>
    </row>
    <row r="5110" spans="1:27" s="1" customFormat="1" ht="14.1" customHeight="1" outlineLevel="2" x14ac:dyDescent="0.2">
      <c r="A5110" s="17">
        <v>16411</v>
      </c>
      <c r="B5110" s="17"/>
      <c r="C5110" s="17"/>
      <c r="D5110" s="18" t="s">
        <v>2541</v>
      </c>
      <c r="E5110" s="18"/>
      <c r="F5110" s="18"/>
      <c r="G5110" s="18"/>
      <c r="H5110" s="18"/>
      <c r="I5110" s="18"/>
      <c r="J5110" s="18"/>
      <c r="K5110" s="18"/>
      <c r="L5110" s="18"/>
      <c r="M5110" s="18"/>
      <c r="N5110" s="18"/>
      <c r="O5110" s="18"/>
      <c r="P5110" s="19">
        <v>390</v>
      </c>
      <c r="Q5110" s="19"/>
      <c r="R5110" s="19"/>
      <c r="S5110" s="19"/>
      <c r="T5110" s="19">
        <v>290</v>
      </c>
      <c r="U5110" s="19"/>
      <c r="V5110" s="19"/>
      <c r="W5110" s="19"/>
      <c r="X5110" s="19">
        <v>10</v>
      </c>
      <c r="Y5110" s="19"/>
      <c r="Z5110" s="19"/>
      <c r="AA5110" s="19"/>
    </row>
    <row r="5111" spans="1:27" s="1" customFormat="1" ht="14.1" customHeight="1" outlineLevel="2" x14ac:dyDescent="0.2">
      <c r="A5111" s="17"/>
      <c r="B5111" s="17"/>
      <c r="C5111" s="17"/>
      <c r="D5111" s="18"/>
      <c r="E5111" s="18"/>
      <c r="F5111" s="18"/>
      <c r="G5111" s="18"/>
      <c r="H5111" s="18"/>
      <c r="I5111" s="18"/>
      <c r="J5111" s="18"/>
      <c r="K5111" s="18"/>
      <c r="L5111" s="18"/>
      <c r="M5111" s="18"/>
      <c r="N5111" s="18"/>
      <c r="O5111" s="18"/>
      <c r="P5111" s="19"/>
      <c r="Q5111" s="19"/>
      <c r="R5111" s="19"/>
      <c r="S5111" s="19"/>
      <c r="T5111" s="19"/>
      <c r="U5111" s="19"/>
      <c r="V5111" s="19"/>
      <c r="W5111" s="19"/>
      <c r="X5111" s="19"/>
      <c r="Y5111" s="19"/>
      <c r="Z5111" s="19"/>
      <c r="AA5111" s="19"/>
    </row>
    <row r="5112" spans="1:27" s="1" customFormat="1" ht="14.1" customHeight="1" outlineLevel="2" x14ac:dyDescent="0.2">
      <c r="A5112" s="17">
        <v>16410</v>
      </c>
      <c r="B5112" s="17"/>
      <c r="C5112" s="17"/>
      <c r="D5112" s="18" t="s">
        <v>2542</v>
      </c>
      <c r="E5112" s="18"/>
      <c r="F5112" s="18"/>
      <c r="G5112" s="18"/>
      <c r="H5112" s="18"/>
      <c r="I5112" s="18"/>
      <c r="J5112" s="18"/>
      <c r="K5112" s="18"/>
      <c r="L5112" s="18"/>
      <c r="M5112" s="18"/>
      <c r="N5112" s="18"/>
      <c r="O5112" s="18"/>
      <c r="P5112" s="19">
        <v>390</v>
      </c>
      <c r="Q5112" s="19"/>
      <c r="R5112" s="19"/>
      <c r="S5112" s="19"/>
      <c r="T5112" s="19">
        <v>290</v>
      </c>
      <c r="U5112" s="19"/>
      <c r="V5112" s="19"/>
      <c r="W5112" s="19"/>
      <c r="X5112" s="19">
        <v>8</v>
      </c>
      <c r="Y5112" s="19"/>
      <c r="Z5112" s="19"/>
      <c r="AA5112" s="19"/>
    </row>
    <row r="5113" spans="1:27" s="1" customFormat="1" ht="14.1" customHeight="1" outlineLevel="2" x14ac:dyDescent="0.2">
      <c r="A5113" s="17"/>
      <c r="B5113" s="17"/>
      <c r="C5113" s="17"/>
      <c r="D5113" s="18"/>
      <c r="E5113" s="18"/>
      <c r="F5113" s="18"/>
      <c r="G5113" s="18"/>
      <c r="H5113" s="18"/>
      <c r="I5113" s="18"/>
      <c r="J5113" s="18"/>
      <c r="K5113" s="18"/>
      <c r="L5113" s="18"/>
      <c r="M5113" s="18"/>
      <c r="N5113" s="18"/>
      <c r="O5113" s="18"/>
      <c r="P5113" s="19"/>
      <c r="Q5113" s="19"/>
      <c r="R5113" s="19"/>
      <c r="S5113" s="19"/>
      <c r="T5113" s="19"/>
      <c r="U5113" s="19"/>
      <c r="V5113" s="19"/>
      <c r="W5113" s="19"/>
      <c r="X5113" s="19"/>
      <c r="Y5113" s="19"/>
      <c r="Z5113" s="19"/>
      <c r="AA5113" s="19"/>
    </row>
    <row r="5114" spans="1:27" s="1" customFormat="1" ht="14.1" customHeight="1" outlineLevel="2" x14ac:dyDescent="0.2">
      <c r="A5114" s="17">
        <v>16773</v>
      </c>
      <c r="B5114" s="17"/>
      <c r="C5114" s="17"/>
      <c r="D5114" s="18" t="s">
        <v>2543</v>
      </c>
      <c r="E5114" s="18"/>
      <c r="F5114" s="18"/>
      <c r="G5114" s="18"/>
      <c r="H5114" s="18"/>
      <c r="I5114" s="18"/>
      <c r="J5114" s="18"/>
      <c r="K5114" s="18"/>
      <c r="L5114" s="18"/>
      <c r="M5114" s="18"/>
      <c r="N5114" s="18"/>
      <c r="O5114" s="18"/>
      <c r="P5114" s="20">
        <v>1100</v>
      </c>
      <c r="Q5114" s="20"/>
      <c r="R5114" s="20"/>
      <c r="S5114" s="20"/>
      <c r="T5114" s="19">
        <v>900</v>
      </c>
      <c r="U5114" s="19"/>
      <c r="V5114" s="19"/>
      <c r="W5114" s="19"/>
      <c r="X5114" s="19">
        <v>1</v>
      </c>
      <c r="Y5114" s="19"/>
      <c r="Z5114" s="19"/>
      <c r="AA5114" s="19"/>
    </row>
    <row r="5115" spans="1:27" s="1" customFormat="1" ht="14.1" customHeight="1" outlineLevel="2" x14ac:dyDescent="0.2">
      <c r="A5115" s="17"/>
      <c r="B5115" s="17"/>
      <c r="C5115" s="17"/>
      <c r="D5115" s="18"/>
      <c r="E5115" s="18"/>
      <c r="F5115" s="18"/>
      <c r="G5115" s="18"/>
      <c r="H5115" s="18"/>
      <c r="I5115" s="18"/>
      <c r="J5115" s="18"/>
      <c r="K5115" s="18"/>
      <c r="L5115" s="18"/>
      <c r="M5115" s="18"/>
      <c r="N5115" s="18"/>
      <c r="O5115" s="18"/>
      <c r="P5115" s="20"/>
      <c r="Q5115" s="20"/>
      <c r="R5115" s="20"/>
      <c r="S5115" s="20"/>
      <c r="T5115" s="19"/>
      <c r="U5115" s="19"/>
      <c r="V5115" s="19"/>
      <c r="W5115" s="19"/>
      <c r="X5115" s="19"/>
      <c r="Y5115" s="19"/>
      <c r="Z5115" s="19"/>
      <c r="AA5115" s="19"/>
    </row>
    <row r="5116" spans="1:27" s="1" customFormat="1" ht="14.1" customHeight="1" outlineLevel="2" x14ac:dyDescent="0.2">
      <c r="A5116" s="17">
        <v>16412</v>
      </c>
      <c r="B5116" s="17"/>
      <c r="C5116" s="17"/>
      <c r="D5116" s="18" t="s">
        <v>2544</v>
      </c>
      <c r="E5116" s="18"/>
      <c r="F5116" s="18"/>
      <c r="G5116" s="18"/>
      <c r="H5116" s="18"/>
      <c r="I5116" s="18"/>
      <c r="J5116" s="18"/>
      <c r="K5116" s="18"/>
      <c r="L5116" s="18"/>
      <c r="M5116" s="18"/>
      <c r="N5116" s="18"/>
      <c r="O5116" s="18"/>
      <c r="P5116" s="19">
        <v>450</v>
      </c>
      <c r="Q5116" s="19"/>
      <c r="R5116" s="19"/>
      <c r="S5116" s="19"/>
      <c r="T5116" s="19">
        <v>350</v>
      </c>
      <c r="U5116" s="19"/>
      <c r="V5116" s="19"/>
      <c r="W5116" s="19"/>
      <c r="X5116" s="19">
        <v>10</v>
      </c>
      <c r="Y5116" s="19"/>
      <c r="Z5116" s="19"/>
      <c r="AA5116" s="19"/>
    </row>
    <row r="5117" spans="1:27" s="1" customFormat="1" ht="14.1" customHeight="1" outlineLevel="2" x14ac:dyDescent="0.2">
      <c r="A5117" s="17"/>
      <c r="B5117" s="17"/>
      <c r="C5117" s="17"/>
      <c r="D5117" s="18"/>
      <c r="E5117" s="18"/>
      <c r="F5117" s="18"/>
      <c r="G5117" s="18"/>
      <c r="H5117" s="18"/>
      <c r="I5117" s="18"/>
      <c r="J5117" s="18"/>
      <c r="K5117" s="18"/>
      <c r="L5117" s="18"/>
      <c r="M5117" s="18"/>
      <c r="N5117" s="18"/>
      <c r="O5117" s="18"/>
      <c r="P5117" s="19"/>
      <c r="Q5117" s="19"/>
      <c r="R5117" s="19"/>
      <c r="S5117" s="19"/>
      <c r="T5117" s="19"/>
      <c r="U5117" s="19"/>
      <c r="V5117" s="19"/>
      <c r="W5117" s="19"/>
      <c r="X5117" s="19"/>
      <c r="Y5117" s="19"/>
      <c r="Z5117" s="19"/>
      <c r="AA5117" s="19"/>
    </row>
    <row r="5118" spans="1:27" s="1" customFormat="1" ht="14.1" customHeight="1" outlineLevel="2" x14ac:dyDescent="0.2">
      <c r="A5118" s="17">
        <v>16413</v>
      </c>
      <c r="B5118" s="17"/>
      <c r="C5118" s="17"/>
      <c r="D5118" s="18" t="s">
        <v>2545</v>
      </c>
      <c r="E5118" s="18"/>
      <c r="F5118" s="18"/>
      <c r="G5118" s="18"/>
      <c r="H5118" s="18"/>
      <c r="I5118" s="18"/>
      <c r="J5118" s="18"/>
      <c r="K5118" s="18"/>
      <c r="L5118" s="18"/>
      <c r="M5118" s="18"/>
      <c r="N5118" s="18"/>
      <c r="O5118" s="18"/>
      <c r="P5118" s="19">
        <v>400</v>
      </c>
      <c r="Q5118" s="19"/>
      <c r="R5118" s="19"/>
      <c r="S5118" s="19"/>
      <c r="T5118" s="19">
        <v>300</v>
      </c>
      <c r="U5118" s="19"/>
      <c r="V5118" s="19"/>
      <c r="W5118" s="19"/>
      <c r="X5118" s="19">
        <v>10</v>
      </c>
      <c r="Y5118" s="19"/>
      <c r="Z5118" s="19"/>
      <c r="AA5118" s="19"/>
    </row>
    <row r="5119" spans="1:27" s="1" customFormat="1" ht="14.1" customHeight="1" outlineLevel="2" x14ac:dyDescent="0.2">
      <c r="A5119" s="17"/>
      <c r="B5119" s="17"/>
      <c r="C5119" s="17"/>
      <c r="D5119" s="18"/>
      <c r="E5119" s="18"/>
      <c r="F5119" s="18"/>
      <c r="G5119" s="18"/>
      <c r="H5119" s="18"/>
      <c r="I5119" s="18"/>
      <c r="J5119" s="18"/>
      <c r="K5119" s="18"/>
      <c r="L5119" s="18"/>
      <c r="M5119" s="18"/>
      <c r="N5119" s="18"/>
      <c r="O5119" s="18"/>
      <c r="P5119" s="19"/>
      <c r="Q5119" s="19"/>
      <c r="R5119" s="19"/>
      <c r="S5119" s="19"/>
      <c r="T5119" s="19"/>
      <c r="U5119" s="19"/>
      <c r="V5119" s="19"/>
      <c r="W5119" s="19"/>
      <c r="X5119" s="19"/>
      <c r="Y5119" s="19"/>
      <c r="Z5119" s="19"/>
      <c r="AA5119" s="19"/>
    </row>
    <row r="5120" spans="1:27" s="1" customFormat="1" ht="14.1" customHeight="1" outlineLevel="2" x14ac:dyDescent="0.2">
      <c r="A5120" s="17">
        <v>15239</v>
      </c>
      <c r="B5120" s="17"/>
      <c r="C5120" s="17"/>
      <c r="D5120" s="18" t="s">
        <v>2546</v>
      </c>
      <c r="E5120" s="18"/>
      <c r="F5120" s="18"/>
      <c r="G5120" s="18"/>
      <c r="H5120" s="18"/>
      <c r="I5120" s="18"/>
      <c r="J5120" s="18"/>
      <c r="K5120" s="18"/>
      <c r="L5120" s="18"/>
      <c r="M5120" s="18"/>
      <c r="N5120" s="18"/>
      <c r="O5120" s="18"/>
      <c r="P5120" s="19">
        <v>230</v>
      </c>
      <c r="Q5120" s="19"/>
      <c r="R5120" s="19"/>
      <c r="S5120" s="19"/>
      <c r="T5120" s="19">
        <v>170</v>
      </c>
      <c r="U5120" s="19"/>
      <c r="V5120" s="19"/>
      <c r="W5120" s="19"/>
      <c r="X5120" s="19">
        <v>10</v>
      </c>
      <c r="Y5120" s="19"/>
      <c r="Z5120" s="19"/>
      <c r="AA5120" s="19"/>
    </row>
    <row r="5121" spans="1:27" s="1" customFormat="1" ht="14.1" customHeight="1" outlineLevel="2" x14ac:dyDescent="0.2">
      <c r="A5121" s="17"/>
      <c r="B5121" s="17"/>
      <c r="C5121" s="17"/>
      <c r="D5121" s="18"/>
      <c r="E5121" s="18"/>
      <c r="F5121" s="18"/>
      <c r="G5121" s="18"/>
      <c r="H5121" s="18"/>
      <c r="I5121" s="18"/>
      <c r="J5121" s="18"/>
      <c r="K5121" s="18"/>
      <c r="L5121" s="18"/>
      <c r="M5121" s="18"/>
      <c r="N5121" s="18"/>
      <c r="O5121" s="18"/>
      <c r="P5121" s="19"/>
      <c r="Q5121" s="19"/>
      <c r="R5121" s="19"/>
      <c r="S5121" s="19"/>
      <c r="T5121" s="19"/>
      <c r="U5121" s="19"/>
      <c r="V5121" s="19"/>
      <c r="W5121" s="19"/>
      <c r="X5121" s="19"/>
      <c r="Y5121" s="19"/>
      <c r="Z5121" s="19"/>
      <c r="AA5121" s="19"/>
    </row>
    <row r="5122" spans="1:27" s="1" customFormat="1" ht="14.1" customHeight="1" outlineLevel="2" x14ac:dyDescent="0.2">
      <c r="A5122" s="17">
        <v>15238</v>
      </c>
      <c r="B5122" s="17"/>
      <c r="C5122" s="17"/>
      <c r="D5122" s="18" t="s">
        <v>2547</v>
      </c>
      <c r="E5122" s="18"/>
      <c r="F5122" s="18"/>
      <c r="G5122" s="18"/>
      <c r="H5122" s="18"/>
      <c r="I5122" s="18"/>
      <c r="J5122" s="18"/>
      <c r="K5122" s="18"/>
      <c r="L5122" s="18"/>
      <c r="M5122" s="18"/>
      <c r="N5122" s="18"/>
      <c r="O5122" s="18"/>
      <c r="P5122" s="19">
        <v>230</v>
      </c>
      <c r="Q5122" s="19"/>
      <c r="R5122" s="19"/>
      <c r="S5122" s="19"/>
      <c r="T5122" s="19">
        <v>170</v>
      </c>
      <c r="U5122" s="19"/>
      <c r="V5122" s="19"/>
      <c r="W5122" s="19"/>
      <c r="X5122" s="19">
        <v>10</v>
      </c>
      <c r="Y5122" s="19"/>
      <c r="Z5122" s="19"/>
      <c r="AA5122" s="19"/>
    </row>
    <row r="5123" spans="1:27" s="1" customFormat="1" ht="14.1" customHeight="1" outlineLevel="2" x14ac:dyDescent="0.2">
      <c r="A5123" s="17"/>
      <c r="B5123" s="17"/>
      <c r="C5123" s="17"/>
      <c r="D5123" s="18"/>
      <c r="E5123" s="18"/>
      <c r="F5123" s="18"/>
      <c r="G5123" s="18"/>
      <c r="H5123" s="18"/>
      <c r="I5123" s="18"/>
      <c r="J5123" s="18"/>
      <c r="K5123" s="18"/>
      <c r="L5123" s="18"/>
      <c r="M5123" s="18"/>
      <c r="N5123" s="18"/>
      <c r="O5123" s="18"/>
      <c r="P5123" s="19"/>
      <c r="Q5123" s="19"/>
      <c r="R5123" s="19"/>
      <c r="S5123" s="19"/>
      <c r="T5123" s="19"/>
      <c r="U5123" s="19"/>
      <c r="V5123" s="19"/>
      <c r="W5123" s="19"/>
      <c r="X5123" s="19"/>
      <c r="Y5123" s="19"/>
      <c r="Z5123" s="19"/>
      <c r="AA5123" s="19"/>
    </row>
    <row r="5124" spans="1:27" s="1" customFormat="1" ht="14.1" customHeight="1" outlineLevel="2" x14ac:dyDescent="0.2">
      <c r="A5124" s="17">
        <v>15237</v>
      </c>
      <c r="B5124" s="17"/>
      <c r="C5124" s="17"/>
      <c r="D5124" s="18" t="s">
        <v>2548</v>
      </c>
      <c r="E5124" s="18"/>
      <c r="F5124" s="18"/>
      <c r="G5124" s="18"/>
      <c r="H5124" s="18"/>
      <c r="I5124" s="18"/>
      <c r="J5124" s="18"/>
      <c r="K5124" s="18"/>
      <c r="L5124" s="18"/>
      <c r="M5124" s="18"/>
      <c r="N5124" s="18"/>
      <c r="O5124" s="18"/>
      <c r="P5124" s="19">
        <v>230</v>
      </c>
      <c r="Q5124" s="19"/>
      <c r="R5124" s="19"/>
      <c r="S5124" s="19"/>
      <c r="T5124" s="19">
        <v>170</v>
      </c>
      <c r="U5124" s="19"/>
      <c r="V5124" s="19"/>
      <c r="W5124" s="19"/>
      <c r="X5124" s="19">
        <v>8</v>
      </c>
      <c r="Y5124" s="19"/>
      <c r="Z5124" s="19"/>
      <c r="AA5124" s="19"/>
    </row>
    <row r="5125" spans="1:27" s="1" customFormat="1" ht="14.1" customHeight="1" outlineLevel="2" x14ac:dyDescent="0.2">
      <c r="A5125" s="17"/>
      <c r="B5125" s="17"/>
      <c r="C5125" s="17"/>
      <c r="D5125" s="18"/>
      <c r="E5125" s="18"/>
      <c r="F5125" s="18"/>
      <c r="G5125" s="18"/>
      <c r="H5125" s="18"/>
      <c r="I5125" s="18"/>
      <c r="J5125" s="18"/>
      <c r="K5125" s="18"/>
      <c r="L5125" s="18"/>
      <c r="M5125" s="18"/>
      <c r="N5125" s="18"/>
      <c r="O5125" s="18"/>
      <c r="P5125" s="19"/>
      <c r="Q5125" s="19"/>
      <c r="R5125" s="19"/>
      <c r="S5125" s="19"/>
      <c r="T5125" s="19"/>
      <c r="U5125" s="19"/>
      <c r="V5125" s="19"/>
      <c r="W5125" s="19"/>
      <c r="X5125" s="19"/>
      <c r="Y5125" s="19"/>
      <c r="Z5125" s="19"/>
      <c r="AA5125" s="19"/>
    </row>
    <row r="5126" spans="1:27" s="1" customFormat="1" ht="14.1" customHeight="1" outlineLevel="2" x14ac:dyDescent="0.2">
      <c r="A5126" s="17">
        <v>15236</v>
      </c>
      <c r="B5126" s="17"/>
      <c r="C5126" s="17"/>
      <c r="D5126" s="18" t="s">
        <v>2549</v>
      </c>
      <c r="E5126" s="18"/>
      <c r="F5126" s="18"/>
      <c r="G5126" s="18"/>
      <c r="H5126" s="18"/>
      <c r="I5126" s="18"/>
      <c r="J5126" s="18"/>
      <c r="K5126" s="18"/>
      <c r="L5126" s="18"/>
      <c r="M5126" s="18"/>
      <c r="N5126" s="18"/>
      <c r="O5126" s="18"/>
      <c r="P5126" s="19">
        <v>220</v>
      </c>
      <c r="Q5126" s="19"/>
      <c r="R5126" s="19"/>
      <c r="S5126" s="19"/>
      <c r="T5126" s="19">
        <v>160</v>
      </c>
      <c r="U5126" s="19"/>
      <c r="V5126" s="19"/>
      <c r="W5126" s="19"/>
      <c r="X5126" s="19">
        <v>9</v>
      </c>
      <c r="Y5126" s="19"/>
      <c r="Z5126" s="19"/>
      <c r="AA5126" s="19"/>
    </row>
    <row r="5127" spans="1:27" s="1" customFormat="1" ht="14.1" customHeight="1" outlineLevel="2" x14ac:dyDescent="0.2">
      <c r="A5127" s="17"/>
      <c r="B5127" s="17"/>
      <c r="C5127" s="17"/>
      <c r="D5127" s="18"/>
      <c r="E5127" s="18"/>
      <c r="F5127" s="18"/>
      <c r="G5127" s="18"/>
      <c r="H5127" s="18"/>
      <c r="I5127" s="18"/>
      <c r="J5127" s="18"/>
      <c r="K5127" s="18"/>
      <c r="L5127" s="18"/>
      <c r="M5127" s="18"/>
      <c r="N5127" s="18"/>
      <c r="O5127" s="18"/>
      <c r="P5127" s="19"/>
      <c r="Q5127" s="19"/>
      <c r="R5127" s="19"/>
      <c r="S5127" s="19"/>
      <c r="T5127" s="19"/>
      <c r="U5127" s="19"/>
      <c r="V5127" s="19"/>
      <c r="W5127" s="19"/>
      <c r="X5127" s="19"/>
      <c r="Y5127" s="19"/>
      <c r="Z5127" s="19"/>
      <c r="AA5127" s="19"/>
    </row>
    <row r="5128" spans="1:27" s="1" customFormat="1" ht="14.1" customHeight="1" outlineLevel="2" x14ac:dyDescent="0.2">
      <c r="A5128" s="17">
        <v>15235</v>
      </c>
      <c r="B5128" s="17"/>
      <c r="C5128" s="17"/>
      <c r="D5128" s="18" t="s">
        <v>2550</v>
      </c>
      <c r="E5128" s="18"/>
      <c r="F5128" s="18"/>
      <c r="G5128" s="18"/>
      <c r="H5128" s="18"/>
      <c r="I5128" s="18"/>
      <c r="J5128" s="18"/>
      <c r="K5128" s="18"/>
      <c r="L5128" s="18"/>
      <c r="M5128" s="18"/>
      <c r="N5128" s="18"/>
      <c r="O5128" s="18"/>
      <c r="P5128" s="19">
        <v>220</v>
      </c>
      <c r="Q5128" s="19"/>
      <c r="R5128" s="19"/>
      <c r="S5128" s="19"/>
      <c r="T5128" s="19">
        <v>160</v>
      </c>
      <c r="U5128" s="19"/>
      <c r="V5128" s="19"/>
      <c r="W5128" s="19"/>
      <c r="X5128" s="19">
        <v>10</v>
      </c>
      <c r="Y5128" s="19"/>
      <c r="Z5128" s="19"/>
      <c r="AA5128" s="19"/>
    </row>
    <row r="5129" spans="1:27" s="1" customFormat="1" ht="14.1" customHeight="1" outlineLevel="2" x14ac:dyDescent="0.2">
      <c r="A5129" s="17"/>
      <c r="B5129" s="17"/>
      <c r="C5129" s="17"/>
      <c r="D5129" s="18"/>
      <c r="E5129" s="18"/>
      <c r="F5129" s="18"/>
      <c r="G5129" s="18"/>
      <c r="H5129" s="18"/>
      <c r="I5129" s="18"/>
      <c r="J5129" s="18"/>
      <c r="K5129" s="18"/>
      <c r="L5129" s="18"/>
      <c r="M5129" s="18"/>
      <c r="N5129" s="18"/>
      <c r="O5129" s="18"/>
      <c r="P5129" s="19"/>
      <c r="Q5129" s="19"/>
      <c r="R5129" s="19"/>
      <c r="S5129" s="19"/>
      <c r="T5129" s="19"/>
      <c r="U5129" s="19"/>
      <c r="V5129" s="19"/>
      <c r="W5129" s="19"/>
      <c r="X5129" s="19"/>
      <c r="Y5129" s="19"/>
      <c r="Z5129" s="19"/>
      <c r="AA5129" s="19"/>
    </row>
    <row r="5130" spans="1:27" s="1" customFormat="1" ht="14.1" customHeight="1" outlineLevel="2" x14ac:dyDescent="0.2">
      <c r="A5130" s="17">
        <v>15244</v>
      </c>
      <c r="B5130" s="17"/>
      <c r="C5130" s="17"/>
      <c r="D5130" s="18" t="s">
        <v>2551</v>
      </c>
      <c r="E5130" s="18"/>
      <c r="F5130" s="18"/>
      <c r="G5130" s="18"/>
      <c r="H5130" s="18"/>
      <c r="I5130" s="18"/>
      <c r="J5130" s="18"/>
      <c r="K5130" s="18"/>
      <c r="L5130" s="18"/>
      <c r="M5130" s="18"/>
      <c r="N5130" s="18"/>
      <c r="O5130" s="18"/>
      <c r="P5130" s="19">
        <v>290</v>
      </c>
      <c r="Q5130" s="19"/>
      <c r="R5130" s="19"/>
      <c r="S5130" s="19"/>
      <c r="T5130" s="19">
        <v>230</v>
      </c>
      <c r="U5130" s="19"/>
      <c r="V5130" s="19"/>
      <c r="W5130" s="19"/>
      <c r="X5130" s="19">
        <v>10</v>
      </c>
      <c r="Y5130" s="19"/>
      <c r="Z5130" s="19"/>
      <c r="AA5130" s="19"/>
    </row>
    <row r="5131" spans="1:27" s="1" customFormat="1" ht="14.1" customHeight="1" outlineLevel="2" x14ac:dyDescent="0.2">
      <c r="A5131" s="17"/>
      <c r="B5131" s="17"/>
      <c r="C5131" s="17"/>
      <c r="D5131" s="18"/>
      <c r="E5131" s="18"/>
      <c r="F5131" s="18"/>
      <c r="G5131" s="18"/>
      <c r="H5131" s="18"/>
      <c r="I5131" s="18"/>
      <c r="J5131" s="18"/>
      <c r="K5131" s="18"/>
      <c r="L5131" s="18"/>
      <c r="M5131" s="18"/>
      <c r="N5131" s="18"/>
      <c r="O5131" s="18"/>
      <c r="P5131" s="19"/>
      <c r="Q5131" s="19"/>
      <c r="R5131" s="19"/>
      <c r="S5131" s="19"/>
      <c r="T5131" s="19"/>
      <c r="U5131" s="19"/>
      <c r="V5131" s="19"/>
      <c r="W5131" s="19"/>
      <c r="X5131" s="19"/>
      <c r="Y5131" s="19"/>
      <c r="Z5131" s="19"/>
      <c r="AA5131" s="19"/>
    </row>
    <row r="5132" spans="1:27" s="1" customFormat="1" ht="14.1" customHeight="1" outlineLevel="2" x14ac:dyDescent="0.2">
      <c r="A5132" s="17">
        <v>15246</v>
      </c>
      <c r="B5132" s="17"/>
      <c r="C5132" s="17"/>
      <c r="D5132" s="18" t="s">
        <v>2552</v>
      </c>
      <c r="E5132" s="18"/>
      <c r="F5132" s="18"/>
      <c r="G5132" s="18"/>
      <c r="H5132" s="18"/>
      <c r="I5132" s="18"/>
      <c r="J5132" s="18"/>
      <c r="K5132" s="18"/>
      <c r="L5132" s="18"/>
      <c r="M5132" s="18"/>
      <c r="N5132" s="18"/>
      <c r="O5132" s="18"/>
      <c r="P5132" s="19">
        <v>290</v>
      </c>
      <c r="Q5132" s="19"/>
      <c r="R5132" s="19"/>
      <c r="S5132" s="19"/>
      <c r="T5132" s="19">
        <v>230</v>
      </c>
      <c r="U5132" s="19"/>
      <c r="V5132" s="19"/>
      <c r="W5132" s="19"/>
      <c r="X5132" s="19">
        <v>10</v>
      </c>
      <c r="Y5132" s="19"/>
      <c r="Z5132" s="19"/>
      <c r="AA5132" s="19"/>
    </row>
    <row r="5133" spans="1:27" s="1" customFormat="1" ht="14.1" customHeight="1" outlineLevel="2" x14ac:dyDescent="0.2">
      <c r="A5133" s="17"/>
      <c r="B5133" s="17"/>
      <c r="C5133" s="17"/>
      <c r="D5133" s="18"/>
      <c r="E5133" s="18"/>
      <c r="F5133" s="18"/>
      <c r="G5133" s="18"/>
      <c r="H5133" s="18"/>
      <c r="I5133" s="18"/>
      <c r="J5133" s="18"/>
      <c r="K5133" s="18"/>
      <c r="L5133" s="18"/>
      <c r="M5133" s="18"/>
      <c r="N5133" s="18"/>
      <c r="O5133" s="18"/>
      <c r="P5133" s="19"/>
      <c r="Q5133" s="19"/>
      <c r="R5133" s="19"/>
      <c r="S5133" s="19"/>
      <c r="T5133" s="19"/>
      <c r="U5133" s="19"/>
      <c r="V5133" s="19"/>
      <c r="W5133" s="19"/>
      <c r="X5133" s="19"/>
      <c r="Y5133" s="19"/>
      <c r="Z5133" s="19"/>
      <c r="AA5133" s="19"/>
    </row>
    <row r="5134" spans="1:27" s="1" customFormat="1" ht="14.1" customHeight="1" outlineLevel="2" x14ac:dyDescent="0.2">
      <c r="A5134" s="17">
        <v>15245</v>
      </c>
      <c r="B5134" s="17"/>
      <c r="C5134" s="17"/>
      <c r="D5134" s="18" t="s">
        <v>2553</v>
      </c>
      <c r="E5134" s="18"/>
      <c r="F5134" s="18"/>
      <c r="G5134" s="18"/>
      <c r="H5134" s="18"/>
      <c r="I5134" s="18"/>
      <c r="J5134" s="18"/>
      <c r="K5134" s="18"/>
      <c r="L5134" s="18"/>
      <c r="M5134" s="18"/>
      <c r="N5134" s="18"/>
      <c r="O5134" s="18"/>
      <c r="P5134" s="19">
        <v>290</v>
      </c>
      <c r="Q5134" s="19"/>
      <c r="R5134" s="19"/>
      <c r="S5134" s="19"/>
      <c r="T5134" s="19">
        <v>230</v>
      </c>
      <c r="U5134" s="19"/>
      <c r="V5134" s="19"/>
      <c r="W5134" s="19"/>
      <c r="X5134" s="19">
        <v>6</v>
      </c>
      <c r="Y5134" s="19"/>
      <c r="Z5134" s="19"/>
      <c r="AA5134" s="19"/>
    </row>
    <row r="5135" spans="1:27" s="1" customFormat="1" ht="14.1" customHeight="1" outlineLevel="2" x14ac:dyDescent="0.2">
      <c r="A5135" s="17"/>
      <c r="B5135" s="17"/>
      <c r="C5135" s="17"/>
      <c r="D5135" s="18"/>
      <c r="E5135" s="18"/>
      <c r="F5135" s="18"/>
      <c r="G5135" s="18"/>
      <c r="H5135" s="18"/>
      <c r="I5135" s="18"/>
      <c r="J5135" s="18"/>
      <c r="K5135" s="18"/>
      <c r="L5135" s="18"/>
      <c r="M5135" s="18"/>
      <c r="N5135" s="18"/>
      <c r="O5135" s="18"/>
      <c r="P5135" s="19"/>
      <c r="Q5135" s="19"/>
      <c r="R5135" s="19"/>
      <c r="S5135" s="19"/>
      <c r="T5135" s="19"/>
      <c r="U5135" s="19"/>
      <c r="V5135" s="19"/>
      <c r="W5135" s="19"/>
      <c r="X5135" s="19"/>
      <c r="Y5135" s="19"/>
      <c r="Z5135" s="19"/>
      <c r="AA5135" s="19"/>
    </row>
    <row r="5136" spans="1:27" s="1" customFormat="1" ht="14.1" customHeight="1" outlineLevel="2" x14ac:dyDescent="0.2">
      <c r="A5136" s="17">
        <v>15243</v>
      </c>
      <c r="B5136" s="17"/>
      <c r="C5136" s="17"/>
      <c r="D5136" s="18" t="s">
        <v>2554</v>
      </c>
      <c r="E5136" s="18"/>
      <c r="F5136" s="18"/>
      <c r="G5136" s="18"/>
      <c r="H5136" s="18"/>
      <c r="I5136" s="18"/>
      <c r="J5136" s="18"/>
      <c r="K5136" s="18"/>
      <c r="L5136" s="18"/>
      <c r="M5136" s="18"/>
      <c r="N5136" s="18"/>
      <c r="O5136" s="18"/>
      <c r="P5136" s="19">
        <v>290</v>
      </c>
      <c r="Q5136" s="19"/>
      <c r="R5136" s="19"/>
      <c r="S5136" s="19"/>
      <c r="T5136" s="19">
        <v>230</v>
      </c>
      <c r="U5136" s="19"/>
      <c r="V5136" s="19"/>
      <c r="W5136" s="19"/>
      <c r="X5136" s="19">
        <v>6</v>
      </c>
      <c r="Y5136" s="19"/>
      <c r="Z5136" s="19"/>
      <c r="AA5136" s="19"/>
    </row>
    <row r="5137" spans="1:27" s="1" customFormat="1" ht="14.1" customHeight="1" outlineLevel="2" x14ac:dyDescent="0.2">
      <c r="A5137" s="17"/>
      <c r="B5137" s="17"/>
      <c r="C5137" s="17"/>
      <c r="D5137" s="18"/>
      <c r="E5137" s="18"/>
      <c r="F5137" s="18"/>
      <c r="G5137" s="18"/>
      <c r="H5137" s="18"/>
      <c r="I5137" s="18"/>
      <c r="J5137" s="18"/>
      <c r="K5137" s="18"/>
      <c r="L5137" s="18"/>
      <c r="M5137" s="18"/>
      <c r="N5137" s="18"/>
      <c r="O5137" s="18"/>
      <c r="P5137" s="19"/>
      <c r="Q5137" s="19"/>
      <c r="R5137" s="19"/>
      <c r="S5137" s="19"/>
      <c r="T5137" s="19"/>
      <c r="U5137" s="19"/>
      <c r="V5137" s="19"/>
      <c r="W5137" s="19"/>
      <c r="X5137" s="19"/>
      <c r="Y5137" s="19"/>
      <c r="Z5137" s="19"/>
      <c r="AA5137" s="19"/>
    </row>
    <row r="5138" spans="1:27" s="1" customFormat="1" ht="14.1" customHeight="1" outlineLevel="2" x14ac:dyDescent="0.2">
      <c r="A5138" s="17">
        <v>15242</v>
      </c>
      <c r="B5138" s="17"/>
      <c r="C5138" s="17"/>
      <c r="D5138" s="18" t="s">
        <v>2555</v>
      </c>
      <c r="E5138" s="18"/>
      <c r="F5138" s="18"/>
      <c r="G5138" s="18"/>
      <c r="H5138" s="18"/>
      <c r="I5138" s="18"/>
      <c r="J5138" s="18"/>
      <c r="K5138" s="18"/>
      <c r="L5138" s="18"/>
      <c r="M5138" s="18"/>
      <c r="N5138" s="18"/>
      <c r="O5138" s="18"/>
      <c r="P5138" s="19">
        <v>290</v>
      </c>
      <c r="Q5138" s="19"/>
      <c r="R5138" s="19"/>
      <c r="S5138" s="19"/>
      <c r="T5138" s="19">
        <v>230</v>
      </c>
      <c r="U5138" s="19"/>
      <c r="V5138" s="19"/>
      <c r="W5138" s="19"/>
      <c r="X5138" s="19">
        <v>9</v>
      </c>
      <c r="Y5138" s="19"/>
      <c r="Z5138" s="19"/>
      <c r="AA5138" s="19"/>
    </row>
    <row r="5139" spans="1:27" s="1" customFormat="1" ht="14.1" customHeight="1" outlineLevel="2" x14ac:dyDescent="0.2">
      <c r="A5139" s="17"/>
      <c r="B5139" s="17"/>
      <c r="C5139" s="17"/>
      <c r="D5139" s="18"/>
      <c r="E5139" s="18"/>
      <c r="F5139" s="18"/>
      <c r="G5139" s="18"/>
      <c r="H5139" s="18"/>
      <c r="I5139" s="18"/>
      <c r="J5139" s="18"/>
      <c r="K5139" s="18"/>
      <c r="L5139" s="18"/>
      <c r="M5139" s="18"/>
      <c r="N5139" s="18"/>
      <c r="O5139" s="18"/>
      <c r="P5139" s="19"/>
      <c r="Q5139" s="19"/>
      <c r="R5139" s="19"/>
      <c r="S5139" s="19"/>
      <c r="T5139" s="19"/>
      <c r="U5139" s="19"/>
      <c r="V5139" s="19"/>
      <c r="W5139" s="19"/>
      <c r="X5139" s="19"/>
      <c r="Y5139" s="19"/>
      <c r="Z5139" s="19"/>
      <c r="AA5139" s="19"/>
    </row>
    <row r="5140" spans="1:27" s="1" customFormat="1" ht="14.1" customHeight="1" outlineLevel="2" x14ac:dyDescent="0.2">
      <c r="A5140" s="17">
        <v>15241</v>
      </c>
      <c r="B5140" s="17"/>
      <c r="C5140" s="17"/>
      <c r="D5140" s="18" t="s">
        <v>2556</v>
      </c>
      <c r="E5140" s="18"/>
      <c r="F5140" s="18"/>
      <c r="G5140" s="18"/>
      <c r="H5140" s="18"/>
      <c r="I5140" s="18"/>
      <c r="J5140" s="18"/>
      <c r="K5140" s="18"/>
      <c r="L5140" s="18"/>
      <c r="M5140" s="18"/>
      <c r="N5140" s="18"/>
      <c r="O5140" s="18"/>
      <c r="P5140" s="19">
        <v>290</v>
      </c>
      <c r="Q5140" s="19"/>
      <c r="R5140" s="19"/>
      <c r="S5140" s="19"/>
      <c r="T5140" s="19">
        <v>230</v>
      </c>
      <c r="U5140" s="19"/>
      <c r="V5140" s="19"/>
      <c r="W5140" s="19"/>
      <c r="X5140" s="19">
        <v>8</v>
      </c>
      <c r="Y5140" s="19"/>
      <c r="Z5140" s="19"/>
      <c r="AA5140" s="19"/>
    </row>
    <row r="5141" spans="1:27" s="1" customFormat="1" ht="14.1" customHeight="1" outlineLevel="2" x14ac:dyDescent="0.2">
      <c r="A5141" s="17"/>
      <c r="B5141" s="17"/>
      <c r="C5141" s="17"/>
      <c r="D5141" s="18"/>
      <c r="E5141" s="18"/>
      <c r="F5141" s="18"/>
      <c r="G5141" s="18"/>
      <c r="H5141" s="18"/>
      <c r="I5141" s="18"/>
      <c r="J5141" s="18"/>
      <c r="K5141" s="18"/>
      <c r="L5141" s="18"/>
      <c r="M5141" s="18"/>
      <c r="N5141" s="18"/>
      <c r="O5141" s="18"/>
      <c r="P5141" s="19"/>
      <c r="Q5141" s="19"/>
      <c r="R5141" s="19"/>
      <c r="S5141" s="19"/>
      <c r="T5141" s="19"/>
      <c r="U5141" s="19"/>
      <c r="V5141" s="19"/>
      <c r="W5141" s="19"/>
      <c r="X5141" s="19"/>
      <c r="Y5141" s="19"/>
      <c r="Z5141" s="19"/>
      <c r="AA5141" s="19"/>
    </row>
    <row r="5142" spans="1:27" s="1" customFormat="1" ht="14.1" customHeight="1" outlineLevel="2" x14ac:dyDescent="0.2">
      <c r="A5142" s="17">
        <v>15240</v>
      </c>
      <c r="B5142" s="17"/>
      <c r="C5142" s="17"/>
      <c r="D5142" s="18" t="s">
        <v>2557</v>
      </c>
      <c r="E5142" s="18"/>
      <c r="F5142" s="18"/>
      <c r="G5142" s="18"/>
      <c r="H5142" s="18"/>
      <c r="I5142" s="18"/>
      <c r="J5142" s="18"/>
      <c r="K5142" s="18"/>
      <c r="L5142" s="18"/>
      <c r="M5142" s="18"/>
      <c r="N5142" s="18"/>
      <c r="O5142" s="18"/>
      <c r="P5142" s="19">
        <v>290</v>
      </c>
      <c r="Q5142" s="19"/>
      <c r="R5142" s="19"/>
      <c r="S5142" s="19"/>
      <c r="T5142" s="19">
        <v>230</v>
      </c>
      <c r="U5142" s="19"/>
      <c r="V5142" s="19"/>
      <c r="W5142" s="19"/>
      <c r="X5142" s="19">
        <v>9</v>
      </c>
      <c r="Y5142" s="19"/>
      <c r="Z5142" s="19"/>
      <c r="AA5142" s="19"/>
    </row>
    <row r="5143" spans="1:27" s="1" customFormat="1" ht="14.1" customHeight="1" outlineLevel="2" x14ac:dyDescent="0.2">
      <c r="A5143" s="17"/>
      <c r="B5143" s="17"/>
      <c r="C5143" s="17"/>
      <c r="D5143" s="18"/>
      <c r="E5143" s="18"/>
      <c r="F5143" s="18"/>
      <c r="G5143" s="18"/>
      <c r="H5143" s="18"/>
      <c r="I5143" s="18"/>
      <c r="J5143" s="18"/>
      <c r="K5143" s="18"/>
      <c r="L5143" s="18"/>
      <c r="M5143" s="18"/>
      <c r="N5143" s="18"/>
      <c r="O5143" s="18"/>
      <c r="P5143" s="19"/>
      <c r="Q5143" s="19"/>
      <c r="R5143" s="19"/>
      <c r="S5143" s="19"/>
      <c r="T5143" s="19"/>
      <c r="U5143" s="19"/>
      <c r="V5143" s="19"/>
      <c r="W5143" s="19"/>
      <c r="X5143" s="19"/>
      <c r="Y5143" s="19"/>
      <c r="Z5143" s="19"/>
      <c r="AA5143" s="19"/>
    </row>
    <row r="5144" spans="1:27" s="1" customFormat="1" ht="14.1" customHeight="1" outlineLevel="2" x14ac:dyDescent="0.2">
      <c r="A5144" s="17">
        <v>6832</v>
      </c>
      <c r="B5144" s="17"/>
      <c r="C5144" s="17"/>
      <c r="D5144" s="18" t="s">
        <v>2558</v>
      </c>
      <c r="E5144" s="18"/>
      <c r="F5144" s="18"/>
      <c r="G5144" s="18"/>
      <c r="H5144" s="18"/>
      <c r="I5144" s="18"/>
      <c r="J5144" s="18"/>
      <c r="K5144" s="18"/>
      <c r="L5144" s="18"/>
      <c r="M5144" s="18"/>
      <c r="N5144" s="18"/>
      <c r="O5144" s="18"/>
      <c r="P5144" s="19">
        <v>240</v>
      </c>
      <c r="Q5144" s="19"/>
      <c r="R5144" s="19"/>
      <c r="S5144" s="19"/>
      <c r="T5144" s="19">
        <v>180</v>
      </c>
      <c r="U5144" s="19"/>
      <c r="V5144" s="19"/>
      <c r="W5144" s="19"/>
      <c r="X5144" s="19">
        <v>9</v>
      </c>
      <c r="Y5144" s="19"/>
      <c r="Z5144" s="19"/>
      <c r="AA5144" s="19"/>
    </row>
    <row r="5145" spans="1:27" s="1" customFormat="1" ht="14.1" customHeight="1" outlineLevel="2" x14ac:dyDescent="0.2">
      <c r="A5145" s="17"/>
      <c r="B5145" s="17"/>
      <c r="C5145" s="17"/>
      <c r="D5145" s="18"/>
      <c r="E5145" s="18"/>
      <c r="F5145" s="18"/>
      <c r="G5145" s="18"/>
      <c r="H5145" s="18"/>
      <c r="I5145" s="18"/>
      <c r="J5145" s="18"/>
      <c r="K5145" s="18"/>
      <c r="L5145" s="18"/>
      <c r="M5145" s="18"/>
      <c r="N5145" s="18"/>
      <c r="O5145" s="18"/>
      <c r="P5145" s="19"/>
      <c r="Q5145" s="19"/>
      <c r="R5145" s="19"/>
      <c r="S5145" s="19"/>
      <c r="T5145" s="19"/>
      <c r="U5145" s="19"/>
      <c r="V5145" s="19"/>
      <c r="W5145" s="19"/>
      <c r="X5145" s="19"/>
      <c r="Y5145" s="19"/>
      <c r="Z5145" s="19"/>
      <c r="AA5145" s="19"/>
    </row>
    <row r="5146" spans="1:27" s="1" customFormat="1" ht="14.1" customHeight="1" outlineLevel="2" x14ac:dyDescent="0.2">
      <c r="A5146" s="17">
        <v>7267</v>
      </c>
      <c r="B5146" s="17"/>
      <c r="C5146" s="17"/>
      <c r="D5146" s="18" t="s">
        <v>2559</v>
      </c>
      <c r="E5146" s="18"/>
      <c r="F5146" s="18"/>
      <c r="G5146" s="18"/>
      <c r="H5146" s="18"/>
      <c r="I5146" s="18"/>
      <c r="J5146" s="18"/>
      <c r="K5146" s="18"/>
      <c r="L5146" s="18"/>
      <c r="M5146" s="18"/>
      <c r="N5146" s="18"/>
      <c r="O5146" s="18"/>
      <c r="P5146" s="19">
        <v>240</v>
      </c>
      <c r="Q5146" s="19"/>
      <c r="R5146" s="19"/>
      <c r="S5146" s="19"/>
      <c r="T5146" s="19">
        <v>180</v>
      </c>
      <c r="U5146" s="19"/>
      <c r="V5146" s="19"/>
      <c r="W5146" s="19"/>
      <c r="X5146" s="19">
        <v>4</v>
      </c>
      <c r="Y5146" s="19"/>
      <c r="Z5146" s="19"/>
      <c r="AA5146" s="19"/>
    </row>
    <row r="5147" spans="1:27" s="1" customFormat="1" ht="14.1" customHeight="1" outlineLevel="2" x14ac:dyDescent="0.2">
      <c r="A5147" s="17"/>
      <c r="B5147" s="17"/>
      <c r="C5147" s="17"/>
      <c r="D5147" s="18"/>
      <c r="E5147" s="18"/>
      <c r="F5147" s="18"/>
      <c r="G5147" s="18"/>
      <c r="H5147" s="18"/>
      <c r="I5147" s="18"/>
      <c r="J5147" s="18"/>
      <c r="K5147" s="18"/>
      <c r="L5147" s="18"/>
      <c r="M5147" s="18"/>
      <c r="N5147" s="18"/>
      <c r="O5147" s="18"/>
      <c r="P5147" s="19"/>
      <c r="Q5147" s="19"/>
      <c r="R5147" s="19"/>
      <c r="S5147" s="19"/>
      <c r="T5147" s="19"/>
      <c r="U5147" s="19"/>
      <c r="V5147" s="19"/>
      <c r="W5147" s="19"/>
      <c r="X5147" s="19"/>
      <c r="Y5147" s="19"/>
      <c r="Z5147" s="19"/>
      <c r="AA5147" s="19"/>
    </row>
    <row r="5148" spans="1:27" s="1" customFormat="1" ht="14.1" customHeight="1" outlineLevel="2" x14ac:dyDescent="0.2">
      <c r="A5148" s="17">
        <v>15659</v>
      </c>
      <c r="B5148" s="17"/>
      <c r="C5148" s="17"/>
      <c r="D5148" s="18" t="s">
        <v>2560</v>
      </c>
      <c r="E5148" s="18"/>
      <c r="F5148" s="18"/>
      <c r="G5148" s="18"/>
      <c r="H5148" s="18"/>
      <c r="I5148" s="18"/>
      <c r="J5148" s="18"/>
      <c r="K5148" s="18"/>
      <c r="L5148" s="18"/>
      <c r="M5148" s="18"/>
      <c r="N5148" s="18"/>
      <c r="O5148" s="18"/>
      <c r="P5148" s="19">
        <v>240</v>
      </c>
      <c r="Q5148" s="19"/>
      <c r="R5148" s="19"/>
      <c r="S5148" s="19"/>
      <c r="T5148" s="19">
        <v>180</v>
      </c>
      <c r="U5148" s="19"/>
      <c r="V5148" s="19"/>
      <c r="W5148" s="19"/>
      <c r="X5148" s="19">
        <v>4</v>
      </c>
      <c r="Y5148" s="19"/>
      <c r="Z5148" s="19"/>
      <c r="AA5148" s="19"/>
    </row>
    <row r="5149" spans="1:27" s="1" customFormat="1" ht="14.1" customHeight="1" outlineLevel="2" x14ac:dyDescent="0.2">
      <c r="A5149" s="17"/>
      <c r="B5149" s="17"/>
      <c r="C5149" s="17"/>
      <c r="D5149" s="18"/>
      <c r="E5149" s="18"/>
      <c r="F5149" s="18"/>
      <c r="G5149" s="18"/>
      <c r="H5149" s="18"/>
      <c r="I5149" s="18"/>
      <c r="J5149" s="18"/>
      <c r="K5149" s="18"/>
      <c r="L5149" s="18"/>
      <c r="M5149" s="18"/>
      <c r="N5149" s="18"/>
      <c r="O5149" s="18"/>
      <c r="P5149" s="19"/>
      <c r="Q5149" s="19"/>
      <c r="R5149" s="19"/>
      <c r="S5149" s="19"/>
      <c r="T5149" s="19"/>
      <c r="U5149" s="19"/>
      <c r="V5149" s="19"/>
      <c r="W5149" s="19"/>
      <c r="X5149" s="19"/>
      <c r="Y5149" s="19"/>
      <c r="Z5149" s="19"/>
      <c r="AA5149" s="19"/>
    </row>
    <row r="5150" spans="1:27" s="1" customFormat="1" ht="14.1" customHeight="1" outlineLevel="2" x14ac:dyDescent="0.2">
      <c r="A5150" s="17">
        <v>11146</v>
      </c>
      <c r="B5150" s="17"/>
      <c r="C5150" s="17"/>
      <c r="D5150" s="18" t="s">
        <v>2561</v>
      </c>
      <c r="E5150" s="18"/>
      <c r="F5150" s="18"/>
      <c r="G5150" s="18"/>
      <c r="H5150" s="18"/>
      <c r="I5150" s="18"/>
      <c r="J5150" s="18"/>
      <c r="K5150" s="18"/>
      <c r="L5150" s="18"/>
      <c r="M5150" s="18"/>
      <c r="N5150" s="18"/>
      <c r="O5150" s="18"/>
      <c r="P5150" s="19">
        <v>200</v>
      </c>
      <c r="Q5150" s="19"/>
      <c r="R5150" s="19"/>
      <c r="S5150" s="19"/>
      <c r="T5150" s="19">
        <v>150</v>
      </c>
      <c r="U5150" s="19"/>
      <c r="V5150" s="19"/>
      <c r="W5150" s="19"/>
      <c r="X5150" s="19">
        <v>6</v>
      </c>
      <c r="Y5150" s="19"/>
      <c r="Z5150" s="19"/>
      <c r="AA5150" s="19"/>
    </row>
    <row r="5151" spans="1:27" s="1" customFormat="1" ht="14.1" customHeight="1" outlineLevel="2" x14ac:dyDescent="0.2">
      <c r="A5151" s="17"/>
      <c r="B5151" s="17"/>
      <c r="C5151" s="17"/>
      <c r="D5151" s="18"/>
      <c r="E5151" s="18"/>
      <c r="F5151" s="18"/>
      <c r="G5151" s="18"/>
      <c r="H5151" s="18"/>
      <c r="I5151" s="18"/>
      <c r="J5151" s="18"/>
      <c r="K5151" s="18"/>
      <c r="L5151" s="18"/>
      <c r="M5151" s="18"/>
      <c r="N5151" s="18"/>
      <c r="O5151" s="18"/>
      <c r="P5151" s="19"/>
      <c r="Q5151" s="19"/>
      <c r="R5151" s="19"/>
      <c r="S5151" s="19"/>
      <c r="T5151" s="19"/>
      <c r="U5151" s="19"/>
      <c r="V5151" s="19"/>
      <c r="W5151" s="19"/>
      <c r="X5151" s="19"/>
      <c r="Y5151" s="19"/>
      <c r="Z5151" s="19"/>
      <c r="AA5151" s="19"/>
    </row>
    <row r="5152" spans="1:27" s="1" customFormat="1" ht="11.1" customHeight="1" outlineLevel="2" x14ac:dyDescent="0.2">
      <c r="A5152" s="17">
        <v>14783</v>
      </c>
      <c r="B5152" s="17"/>
      <c r="C5152" s="17"/>
      <c r="D5152" s="18" t="s">
        <v>2562</v>
      </c>
      <c r="E5152" s="18"/>
      <c r="F5152" s="18"/>
      <c r="G5152" s="18"/>
      <c r="H5152" s="18"/>
      <c r="I5152" s="18"/>
      <c r="J5152" s="18"/>
      <c r="K5152" s="18"/>
      <c r="L5152" s="18"/>
      <c r="M5152" s="18"/>
      <c r="N5152" s="18"/>
      <c r="O5152" s="18"/>
      <c r="P5152" s="19">
        <v>260</v>
      </c>
      <c r="Q5152" s="19"/>
      <c r="R5152" s="19"/>
      <c r="S5152" s="19"/>
      <c r="T5152" s="19">
        <v>200</v>
      </c>
      <c r="U5152" s="19"/>
      <c r="V5152" s="19"/>
      <c r="W5152" s="19"/>
      <c r="X5152" s="19">
        <v>9</v>
      </c>
      <c r="Y5152" s="19"/>
      <c r="Z5152" s="19"/>
      <c r="AA5152" s="19"/>
    </row>
    <row r="5153" spans="1:27" s="1" customFormat="1" ht="11.1" customHeight="1" outlineLevel="2" x14ac:dyDescent="0.2">
      <c r="A5153" s="17"/>
      <c r="B5153" s="17"/>
      <c r="C5153" s="17"/>
      <c r="D5153" s="18"/>
      <c r="E5153" s="18"/>
      <c r="F5153" s="18"/>
      <c r="G5153" s="18"/>
      <c r="H5153" s="18"/>
      <c r="I5153" s="18"/>
      <c r="J5153" s="18"/>
      <c r="K5153" s="18"/>
      <c r="L5153" s="18"/>
      <c r="M5153" s="18"/>
      <c r="N5153" s="18"/>
      <c r="O5153" s="18"/>
      <c r="P5153" s="19"/>
      <c r="Q5153" s="19"/>
      <c r="R5153" s="19"/>
      <c r="S5153" s="19"/>
      <c r="T5153" s="19"/>
      <c r="U5153" s="19"/>
      <c r="V5153" s="19"/>
      <c r="W5153" s="19"/>
      <c r="X5153" s="19"/>
      <c r="Y5153" s="19"/>
      <c r="Z5153" s="19"/>
      <c r="AA5153" s="19"/>
    </row>
    <row r="5154" spans="1:27" s="1" customFormat="1" ht="14.1" customHeight="1" outlineLevel="2" x14ac:dyDescent="0.2">
      <c r="A5154" s="17">
        <v>14785</v>
      </c>
      <c r="B5154" s="17"/>
      <c r="C5154" s="17"/>
      <c r="D5154" s="18" t="s">
        <v>2563</v>
      </c>
      <c r="E5154" s="18"/>
      <c r="F5154" s="18"/>
      <c r="G5154" s="18"/>
      <c r="H5154" s="18"/>
      <c r="I5154" s="18"/>
      <c r="J5154" s="18"/>
      <c r="K5154" s="18"/>
      <c r="L5154" s="18"/>
      <c r="M5154" s="18"/>
      <c r="N5154" s="18"/>
      <c r="O5154" s="18"/>
      <c r="P5154" s="19">
        <v>230</v>
      </c>
      <c r="Q5154" s="19"/>
      <c r="R5154" s="19"/>
      <c r="S5154" s="19"/>
      <c r="T5154" s="19">
        <v>170</v>
      </c>
      <c r="U5154" s="19"/>
      <c r="V5154" s="19"/>
      <c r="W5154" s="19"/>
      <c r="X5154" s="19">
        <v>14</v>
      </c>
      <c r="Y5154" s="19"/>
      <c r="Z5154" s="19"/>
      <c r="AA5154" s="19"/>
    </row>
    <row r="5155" spans="1:27" s="1" customFormat="1" ht="14.1" customHeight="1" outlineLevel="2" x14ac:dyDescent="0.2">
      <c r="A5155" s="17"/>
      <c r="B5155" s="17"/>
      <c r="C5155" s="17"/>
      <c r="D5155" s="18"/>
      <c r="E5155" s="18"/>
      <c r="F5155" s="18"/>
      <c r="G5155" s="18"/>
      <c r="H5155" s="18"/>
      <c r="I5155" s="18"/>
      <c r="J5155" s="18"/>
      <c r="K5155" s="18"/>
      <c r="L5155" s="18"/>
      <c r="M5155" s="18"/>
      <c r="N5155" s="18"/>
      <c r="O5155" s="18"/>
      <c r="P5155" s="19"/>
      <c r="Q5155" s="19"/>
      <c r="R5155" s="19"/>
      <c r="S5155" s="19"/>
      <c r="T5155" s="19"/>
      <c r="U5155" s="19"/>
      <c r="V5155" s="19"/>
      <c r="W5155" s="19"/>
      <c r="X5155" s="19"/>
      <c r="Y5155" s="19"/>
      <c r="Z5155" s="19"/>
      <c r="AA5155" s="19"/>
    </row>
    <row r="5156" spans="1:27" s="1" customFormat="1" ht="14.1" customHeight="1" outlineLevel="2" x14ac:dyDescent="0.2">
      <c r="A5156" s="17">
        <v>14786</v>
      </c>
      <c r="B5156" s="17"/>
      <c r="C5156" s="17"/>
      <c r="D5156" s="18" t="s">
        <v>2564</v>
      </c>
      <c r="E5156" s="18"/>
      <c r="F5156" s="18"/>
      <c r="G5156" s="18"/>
      <c r="H5156" s="18"/>
      <c r="I5156" s="18"/>
      <c r="J5156" s="18"/>
      <c r="K5156" s="18"/>
      <c r="L5156" s="18"/>
      <c r="M5156" s="18"/>
      <c r="N5156" s="18"/>
      <c r="O5156" s="18"/>
      <c r="P5156" s="19">
        <v>250</v>
      </c>
      <c r="Q5156" s="19"/>
      <c r="R5156" s="19"/>
      <c r="S5156" s="19"/>
      <c r="T5156" s="19">
        <v>190</v>
      </c>
      <c r="U5156" s="19"/>
      <c r="V5156" s="19"/>
      <c r="W5156" s="19"/>
      <c r="X5156" s="19">
        <v>10</v>
      </c>
      <c r="Y5156" s="19"/>
      <c r="Z5156" s="19"/>
      <c r="AA5156" s="19"/>
    </row>
    <row r="5157" spans="1:27" s="1" customFormat="1" ht="14.1" customHeight="1" outlineLevel="2" x14ac:dyDescent="0.2">
      <c r="A5157" s="17"/>
      <c r="B5157" s="17"/>
      <c r="C5157" s="17"/>
      <c r="D5157" s="18"/>
      <c r="E5157" s="18"/>
      <c r="F5157" s="18"/>
      <c r="G5157" s="18"/>
      <c r="H5157" s="18"/>
      <c r="I5157" s="18"/>
      <c r="J5157" s="18"/>
      <c r="K5157" s="18"/>
      <c r="L5157" s="18"/>
      <c r="M5157" s="18"/>
      <c r="N5157" s="18"/>
      <c r="O5157" s="18"/>
      <c r="P5157" s="19"/>
      <c r="Q5157" s="19"/>
      <c r="R5157" s="19"/>
      <c r="S5157" s="19"/>
      <c r="T5157" s="19"/>
      <c r="U5157" s="19"/>
      <c r="V5157" s="19"/>
      <c r="W5157" s="19"/>
      <c r="X5157" s="19"/>
      <c r="Y5157" s="19"/>
      <c r="Z5157" s="19"/>
      <c r="AA5157" s="19"/>
    </row>
    <row r="5158" spans="1:27" s="1" customFormat="1" ht="11.1" customHeight="1" outlineLevel="2" x14ac:dyDescent="0.2">
      <c r="A5158" s="17">
        <v>14782</v>
      </c>
      <c r="B5158" s="17"/>
      <c r="C5158" s="17"/>
      <c r="D5158" s="18" t="s">
        <v>2565</v>
      </c>
      <c r="E5158" s="18"/>
      <c r="F5158" s="18"/>
      <c r="G5158" s="18"/>
      <c r="H5158" s="18"/>
      <c r="I5158" s="18"/>
      <c r="J5158" s="18"/>
      <c r="K5158" s="18"/>
      <c r="L5158" s="18"/>
      <c r="M5158" s="18"/>
      <c r="N5158" s="18"/>
      <c r="O5158" s="18"/>
      <c r="P5158" s="19">
        <v>230</v>
      </c>
      <c r="Q5158" s="19"/>
      <c r="R5158" s="19"/>
      <c r="S5158" s="19"/>
      <c r="T5158" s="19">
        <v>170</v>
      </c>
      <c r="U5158" s="19"/>
      <c r="V5158" s="19"/>
      <c r="W5158" s="19"/>
      <c r="X5158" s="19">
        <v>20</v>
      </c>
      <c r="Y5158" s="19"/>
      <c r="Z5158" s="19"/>
      <c r="AA5158" s="19"/>
    </row>
    <row r="5159" spans="1:27" s="1" customFormat="1" ht="11.1" customHeight="1" outlineLevel="2" x14ac:dyDescent="0.2">
      <c r="A5159" s="17"/>
      <c r="B5159" s="17"/>
      <c r="C5159" s="17"/>
      <c r="D5159" s="18"/>
      <c r="E5159" s="18"/>
      <c r="F5159" s="18"/>
      <c r="G5159" s="18"/>
      <c r="H5159" s="18"/>
      <c r="I5159" s="18"/>
      <c r="J5159" s="18"/>
      <c r="K5159" s="18"/>
      <c r="L5159" s="18"/>
      <c r="M5159" s="18"/>
      <c r="N5159" s="18"/>
      <c r="O5159" s="18"/>
      <c r="P5159" s="19"/>
      <c r="Q5159" s="19"/>
      <c r="R5159" s="19"/>
      <c r="S5159" s="19"/>
      <c r="T5159" s="19"/>
      <c r="U5159" s="19"/>
      <c r="V5159" s="19"/>
      <c r="W5159" s="19"/>
      <c r="X5159" s="19"/>
      <c r="Y5159" s="19"/>
      <c r="Z5159" s="19"/>
      <c r="AA5159" s="19"/>
    </row>
    <row r="5160" spans="1:27" s="1" customFormat="1" ht="14.1" customHeight="1" outlineLevel="2" x14ac:dyDescent="0.2">
      <c r="A5160" s="17">
        <v>14784</v>
      </c>
      <c r="B5160" s="17"/>
      <c r="C5160" s="17"/>
      <c r="D5160" s="18" t="s">
        <v>2566</v>
      </c>
      <c r="E5160" s="18"/>
      <c r="F5160" s="18"/>
      <c r="G5160" s="18"/>
      <c r="H5160" s="18"/>
      <c r="I5160" s="18"/>
      <c r="J5160" s="18"/>
      <c r="K5160" s="18"/>
      <c r="L5160" s="18"/>
      <c r="M5160" s="18"/>
      <c r="N5160" s="18"/>
      <c r="O5160" s="18"/>
      <c r="P5160" s="19">
        <v>250</v>
      </c>
      <c r="Q5160" s="19"/>
      <c r="R5160" s="19"/>
      <c r="S5160" s="19"/>
      <c r="T5160" s="19">
        <v>190</v>
      </c>
      <c r="U5160" s="19"/>
      <c r="V5160" s="19"/>
      <c r="W5160" s="19"/>
      <c r="X5160" s="19">
        <v>6</v>
      </c>
      <c r="Y5160" s="19"/>
      <c r="Z5160" s="19"/>
      <c r="AA5160" s="19"/>
    </row>
    <row r="5161" spans="1:27" s="1" customFormat="1" ht="14.1" customHeight="1" outlineLevel="2" x14ac:dyDescent="0.2">
      <c r="A5161" s="17"/>
      <c r="B5161" s="17"/>
      <c r="C5161" s="17"/>
      <c r="D5161" s="18"/>
      <c r="E5161" s="18"/>
      <c r="F5161" s="18"/>
      <c r="G5161" s="18"/>
      <c r="H5161" s="18"/>
      <c r="I5161" s="18"/>
      <c r="J5161" s="18"/>
      <c r="K5161" s="18"/>
      <c r="L5161" s="18"/>
      <c r="M5161" s="18"/>
      <c r="N5161" s="18"/>
      <c r="O5161" s="18"/>
      <c r="P5161" s="19"/>
      <c r="Q5161" s="19"/>
      <c r="R5161" s="19"/>
      <c r="S5161" s="19"/>
      <c r="T5161" s="19"/>
      <c r="U5161" s="19"/>
      <c r="V5161" s="19"/>
      <c r="W5161" s="19"/>
      <c r="X5161" s="19"/>
      <c r="Y5161" s="19"/>
      <c r="Z5161" s="19"/>
      <c r="AA5161" s="19"/>
    </row>
    <row r="5162" spans="1:27" s="1" customFormat="1" ht="14.1" customHeight="1" outlineLevel="2" x14ac:dyDescent="0.2">
      <c r="A5162" s="17">
        <v>9310</v>
      </c>
      <c r="B5162" s="17"/>
      <c r="C5162" s="17"/>
      <c r="D5162" s="18" t="s">
        <v>2567</v>
      </c>
      <c r="E5162" s="18"/>
      <c r="F5162" s="18"/>
      <c r="G5162" s="18"/>
      <c r="H5162" s="18"/>
      <c r="I5162" s="18"/>
      <c r="J5162" s="18"/>
      <c r="K5162" s="18"/>
      <c r="L5162" s="18"/>
      <c r="M5162" s="18"/>
      <c r="N5162" s="18"/>
      <c r="O5162" s="18"/>
      <c r="P5162" s="19">
        <v>250</v>
      </c>
      <c r="Q5162" s="19"/>
      <c r="R5162" s="19"/>
      <c r="S5162" s="19"/>
      <c r="T5162" s="19">
        <v>190</v>
      </c>
      <c r="U5162" s="19"/>
      <c r="V5162" s="19"/>
      <c r="W5162" s="19"/>
      <c r="X5162" s="19">
        <v>7</v>
      </c>
      <c r="Y5162" s="19"/>
      <c r="Z5162" s="19"/>
      <c r="AA5162" s="19"/>
    </row>
    <row r="5163" spans="1:27" s="1" customFormat="1" ht="14.1" customHeight="1" outlineLevel="2" x14ac:dyDescent="0.2">
      <c r="A5163" s="17"/>
      <c r="B5163" s="17"/>
      <c r="C5163" s="17"/>
      <c r="D5163" s="18"/>
      <c r="E5163" s="18"/>
      <c r="F5163" s="18"/>
      <c r="G5163" s="18"/>
      <c r="H5163" s="18"/>
      <c r="I5163" s="18"/>
      <c r="J5163" s="18"/>
      <c r="K5163" s="18"/>
      <c r="L5163" s="18"/>
      <c r="M5163" s="18"/>
      <c r="N5163" s="18"/>
      <c r="O5163" s="18"/>
      <c r="P5163" s="19"/>
      <c r="Q5163" s="19"/>
      <c r="R5163" s="19"/>
      <c r="S5163" s="19"/>
      <c r="T5163" s="19"/>
      <c r="U5163" s="19"/>
      <c r="V5163" s="19"/>
      <c r="W5163" s="19"/>
      <c r="X5163" s="19"/>
      <c r="Y5163" s="19"/>
      <c r="Z5163" s="19"/>
      <c r="AA5163" s="19"/>
    </row>
    <row r="5164" spans="1:27" s="1" customFormat="1" ht="14.1" customHeight="1" outlineLevel="2" x14ac:dyDescent="0.2">
      <c r="A5164" s="17">
        <v>17073</v>
      </c>
      <c r="B5164" s="17"/>
      <c r="C5164" s="17"/>
      <c r="D5164" s="18" t="s">
        <v>2568</v>
      </c>
      <c r="E5164" s="18"/>
      <c r="F5164" s="18"/>
      <c r="G5164" s="18"/>
      <c r="H5164" s="18"/>
      <c r="I5164" s="18"/>
      <c r="J5164" s="18"/>
      <c r="K5164" s="18"/>
      <c r="L5164" s="18"/>
      <c r="M5164" s="18"/>
      <c r="N5164" s="18"/>
      <c r="O5164" s="18"/>
      <c r="P5164" s="19">
        <v>650</v>
      </c>
      <c r="Q5164" s="19"/>
      <c r="R5164" s="19"/>
      <c r="S5164" s="19"/>
      <c r="T5164" s="19">
        <v>400</v>
      </c>
      <c r="U5164" s="19"/>
      <c r="V5164" s="19"/>
      <c r="W5164" s="19"/>
      <c r="X5164" s="19">
        <v>1</v>
      </c>
      <c r="Y5164" s="19"/>
      <c r="Z5164" s="19"/>
      <c r="AA5164" s="19"/>
    </row>
    <row r="5165" spans="1:27" s="1" customFormat="1" ht="14.1" customHeight="1" outlineLevel="2" x14ac:dyDescent="0.2">
      <c r="A5165" s="17"/>
      <c r="B5165" s="17"/>
      <c r="C5165" s="17"/>
      <c r="D5165" s="18"/>
      <c r="E5165" s="18"/>
      <c r="F5165" s="18"/>
      <c r="G5165" s="18"/>
      <c r="H5165" s="18"/>
      <c r="I5165" s="18"/>
      <c r="J5165" s="18"/>
      <c r="K5165" s="18"/>
      <c r="L5165" s="18"/>
      <c r="M5165" s="18"/>
      <c r="N5165" s="18"/>
      <c r="O5165" s="18"/>
      <c r="P5165" s="19"/>
      <c r="Q5165" s="19"/>
      <c r="R5165" s="19"/>
      <c r="S5165" s="19"/>
      <c r="T5165" s="19"/>
      <c r="U5165" s="19"/>
      <c r="V5165" s="19"/>
      <c r="W5165" s="19"/>
      <c r="X5165" s="19"/>
      <c r="Y5165" s="19"/>
      <c r="Z5165" s="19"/>
      <c r="AA5165" s="19"/>
    </row>
    <row r="5166" spans="1:27" s="1" customFormat="1" ht="14.1" customHeight="1" outlineLevel="2" x14ac:dyDescent="0.2">
      <c r="A5166" s="17">
        <v>17072</v>
      </c>
      <c r="B5166" s="17"/>
      <c r="C5166" s="17"/>
      <c r="D5166" s="18" t="s">
        <v>2569</v>
      </c>
      <c r="E5166" s="18"/>
      <c r="F5166" s="18"/>
      <c r="G5166" s="18"/>
      <c r="H5166" s="18"/>
      <c r="I5166" s="18"/>
      <c r="J5166" s="18"/>
      <c r="K5166" s="18"/>
      <c r="L5166" s="18"/>
      <c r="M5166" s="18"/>
      <c r="N5166" s="18"/>
      <c r="O5166" s="18"/>
      <c r="P5166" s="19">
        <v>650</v>
      </c>
      <c r="Q5166" s="19"/>
      <c r="R5166" s="19"/>
      <c r="S5166" s="19"/>
      <c r="T5166" s="19">
        <v>400</v>
      </c>
      <c r="U5166" s="19"/>
      <c r="V5166" s="19"/>
      <c r="W5166" s="19"/>
      <c r="X5166" s="19">
        <v>1</v>
      </c>
      <c r="Y5166" s="19"/>
      <c r="Z5166" s="19"/>
      <c r="AA5166" s="19"/>
    </row>
    <row r="5167" spans="1:27" s="1" customFormat="1" ht="14.1" customHeight="1" outlineLevel="2" x14ac:dyDescent="0.2">
      <c r="A5167" s="17"/>
      <c r="B5167" s="17"/>
      <c r="C5167" s="17"/>
      <c r="D5167" s="18"/>
      <c r="E5167" s="18"/>
      <c r="F5167" s="18"/>
      <c r="G5167" s="18"/>
      <c r="H5167" s="18"/>
      <c r="I5167" s="18"/>
      <c r="J5167" s="18"/>
      <c r="K5167" s="18"/>
      <c r="L5167" s="18"/>
      <c r="M5167" s="18"/>
      <c r="N5167" s="18"/>
      <c r="O5167" s="18"/>
      <c r="P5167" s="19"/>
      <c r="Q5167" s="19"/>
      <c r="R5167" s="19"/>
      <c r="S5167" s="19"/>
      <c r="T5167" s="19"/>
      <c r="U5167" s="19"/>
      <c r="V5167" s="19"/>
      <c r="W5167" s="19"/>
      <c r="X5167" s="19"/>
      <c r="Y5167" s="19"/>
      <c r="Z5167" s="19"/>
      <c r="AA5167" s="19"/>
    </row>
    <row r="5168" spans="1:27" s="1" customFormat="1" ht="11.1" customHeight="1" outlineLevel="2" x14ac:dyDescent="0.2">
      <c r="A5168" s="17">
        <v>1444</v>
      </c>
      <c r="B5168" s="17"/>
      <c r="C5168" s="17"/>
      <c r="D5168" s="18" t="s">
        <v>2570</v>
      </c>
      <c r="E5168" s="18"/>
      <c r="F5168" s="18"/>
      <c r="G5168" s="18"/>
      <c r="H5168" s="18"/>
      <c r="I5168" s="18"/>
      <c r="J5168" s="18"/>
      <c r="K5168" s="18"/>
      <c r="L5168" s="18"/>
      <c r="M5168" s="18"/>
      <c r="N5168" s="18"/>
      <c r="O5168" s="18"/>
      <c r="P5168" s="19">
        <v>200</v>
      </c>
      <c r="Q5168" s="19"/>
      <c r="R5168" s="19"/>
      <c r="S5168" s="19"/>
      <c r="T5168" s="19">
        <v>150</v>
      </c>
      <c r="U5168" s="19"/>
      <c r="V5168" s="19"/>
      <c r="W5168" s="19"/>
      <c r="X5168" s="19">
        <v>1</v>
      </c>
      <c r="Y5168" s="19"/>
      <c r="Z5168" s="19"/>
      <c r="AA5168" s="19"/>
    </row>
    <row r="5169" spans="1:27" s="1" customFormat="1" ht="11.1" customHeight="1" outlineLevel="2" x14ac:dyDescent="0.2">
      <c r="A5169" s="17"/>
      <c r="B5169" s="17"/>
      <c r="C5169" s="17"/>
      <c r="D5169" s="18"/>
      <c r="E5169" s="18"/>
      <c r="F5169" s="18"/>
      <c r="G5169" s="18"/>
      <c r="H5169" s="18"/>
      <c r="I5169" s="18"/>
      <c r="J5169" s="18"/>
      <c r="K5169" s="18"/>
      <c r="L5169" s="18"/>
      <c r="M5169" s="18"/>
      <c r="N5169" s="18"/>
      <c r="O5169" s="18"/>
      <c r="P5169" s="19"/>
      <c r="Q5169" s="19"/>
      <c r="R5169" s="19"/>
      <c r="S5169" s="19"/>
      <c r="T5169" s="19"/>
      <c r="U5169" s="19"/>
      <c r="V5169" s="19"/>
      <c r="W5169" s="19"/>
      <c r="X5169" s="19"/>
      <c r="Y5169" s="19"/>
      <c r="Z5169" s="19"/>
      <c r="AA5169" s="19"/>
    </row>
    <row r="5170" spans="1:27" s="1" customFormat="1" ht="11.1" customHeight="1" outlineLevel="2" x14ac:dyDescent="0.2">
      <c r="A5170" s="17">
        <v>5389</v>
      </c>
      <c r="B5170" s="17"/>
      <c r="C5170" s="17"/>
      <c r="D5170" s="18" t="s">
        <v>2571</v>
      </c>
      <c r="E5170" s="18"/>
      <c r="F5170" s="18"/>
      <c r="G5170" s="18"/>
      <c r="H5170" s="18"/>
      <c r="I5170" s="18"/>
      <c r="J5170" s="18"/>
      <c r="K5170" s="18"/>
      <c r="L5170" s="18"/>
      <c r="M5170" s="18"/>
      <c r="N5170" s="18"/>
      <c r="O5170" s="18"/>
      <c r="P5170" s="19">
        <v>200</v>
      </c>
      <c r="Q5170" s="19"/>
      <c r="R5170" s="19"/>
      <c r="S5170" s="19"/>
      <c r="T5170" s="19">
        <v>160</v>
      </c>
      <c r="U5170" s="19"/>
      <c r="V5170" s="19"/>
      <c r="W5170" s="19"/>
      <c r="X5170" s="19">
        <v>1</v>
      </c>
      <c r="Y5170" s="19"/>
      <c r="Z5170" s="19"/>
      <c r="AA5170" s="19"/>
    </row>
    <row r="5171" spans="1:27" s="1" customFormat="1" ht="11.1" customHeight="1" outlineLevel="2" x14ac:dyDescent="0.2">
      <c r="A5171" s="17"/>
      <c r="B5171" s="17"/>
      <c r="C5171" s="17"/>
      <c r="D5171" s="18"/>
      <c r="E5171" s="18"/>
      <c r="F5171" s="18"/>
      <c r="G5171" s="18"/>
      <c r="H5171" s="18"/>
      <c r="I5171" s="18"/>
      <c r="J5171" s="18"/>
      <c r="K5171" s="18"/>
      <c r="L5171" s="18"/>
      <c r="M5171" s="18"/>
      <c r="N5171" s="18"/>
      <c r="O5171" s="18"/>
      <c r="P5171" s="19"/>
      <c r="Q5171" s="19"/>
      <c r="R5171" s="19"/>
      <c r="S5171" s="19"/>
      <c r="T5171" s="19"/>
      <c r="U5171" s="19"/>
      <c r="V5171" s="19"/>
      <c r="W5171" s="19"/>
      <c r="X5171" s="19"/>
      <c r="Y5171" s="19"/>
      <c r="Z5171" s="19"/>
      <c r="AA5171" s="19"/>
    </row>
    <row r="5172" spans="1:27" s="1" customFormat="1" ht="21" customHeight="1" outlineLevel="2" x14ac:dyDescent="0.2">
      <c r="A5172" s="17">
        <v>16142</v>
      </c>
      <c r="B5172" s="17"/>
      <c r="C5172" s="17"/>
      <c r="D5172" s="18" t="s">
        <v>2572</v>
      </c>
      <c r="E5172" s="18"/>
      <c r="F5172" s="18"/>
      <c r="G5172" s="18"/>
      <c r="H5172" s="18"/>
      <c r="I5172" s="18"/>
      <c r="J5172" s="18"/>
      <c r="K5172" s="18"/>
      <c r="L5172" s="18"/>
      <c r="M5172" s="18"/>
      <c r="N5172" s="18"/>
      <c r="O5172" s="18"/>
      <c r="P5172" s="19">
        <v>360</v>
      </c>
      <c r="Q5172" s="19"/>
      <c r="R5172" s="19"/>
      <c r="S5172" s="19"/>
      <c r="T5172" s="19">
        <v>300</v>
      </c>
      <c r="U5172" s="19"/>
      <c r="V5172" s="19"/>
      <c r="W5172" s="19"/>
      <c r="X5172" s="19">
        <v>1</v>
      </c>
      <c r="Y5172" s="19"/>
      <c r="Z5172" s="19"/>
      <c r="AA5172" s="19"/>
    </row>
    <row r="5173" spans="1:27" s="1" customFormat="1" ht="21" customHeight="1" outlineLevel="2" x14ac:dyDescent="0.2">
      <c r="A5173" s="17"/>
      <c r="B5173" s="17"/>
      <c r="C5173" s="17"/>
      <c r="D5173" s="18"/>
      <c r="E5173" s="18"/>
      <c r="F5173" s="18"/>
      <c r="G5173" s="18"/>
      <c r="H5173" s="18"/>
      <c r="I5173" s="18"/>
      <c r="J5173" s="18"/>
      <c r="K5173" s="18"/>
      <c r="L5173" s="18"/>
      <c r="M5173" s="18"/>
      <c r="N5173" s="18"/>
      <c r="O5173" s="18"/>
      <c r="P5173" s="19"/>
      <c r="Q5173" s="19"/>
      <c r="R5173" s="19"/>
      <c r="S5173" s="19"/>
      <c r="T5173" s="19"/>
      <c r="U5173" s="19"/>
      <c r="V5173" s="19"/>
      <c r="W5173" s="19"/>
      <c r="X5173" s="19"/>
      <c r="Y5173" s="19"/>
      <c r="Z5173" s="19"/>
      <c r="AA5173" s="19"/>
    </row>
    <row r="5174" spans="1:27" s="1" customFormat="1" ht="14.1" customHeight="1" outlineLevel="2" x14ac:dyDescent="0.2">
      <c r="A5174" s="17">
        <v>16836</v>
      </c>
      <c r="B5174" s="17"/>
      <c r="C5174" s="17"/>
      <c r="D5174" s="18" t="s">
        <v>2573</v>
      </c>
      <c r="E5174" s="18"/>
      <c r="F5174" s="18"/>
      <c r="G5174" s="18"/>
      <c r="H5174" s="18"/>
      <c r="I5174" s="18"/>
      <c r="J5174" s="18"/>
      <c r="K5174" s="18"/>
      <c r="L5174" s="18"/>
      <c r="M5174" s="18"/>
      <c r="N5174" s="18"/>
      <c r="O5174" s="18"/>
      <c r="P5174" s="19">
        <v>300</v>
      </c>
      <c r="Q5174" s="19"/>
      <c r="R5174" s="19"/>
      <c r="S5174" s="19"/>
      <c r="T5174" s="19">
        <v>200</v>
      </c>
      <c r="U5174" s="19"/>
      <c r="V5174" s="19"/>
      <c r="W5174" s="19"/>
      <c r="X5174" s="19">
        <v>1</v>
      </c>
      <c r="Y5174" s="19"/>
      <c r="Z5174" s="19"/>
      <c r="AA5174" s="19"/>
    </row>
    <row r="5175" spans="1:27" s="1" customFormat="1" ht="14.1" customHeight="1" outlineLevel="2" x14ac:dyDescent="0.2">
      <c r="A5175" s="17"/>
      <c r="B5175" s="17"/>
      <c r="C5175" s="17"/>
      <c r="D5175" s="18"/>
      <c r="E5175" s="18"/>
      <c r="F5175" s="18"/>
      <c r="G5175" s="18"/>
      <c r="H5175" s="18"/>
      <c r="I5175" s="18"/>
      <c r="J5175" s="18"/>
      <c r="K5175" s="18"/>
      <c r="L5175" s="18"/>
      <c r="M5175" s="18"/>
      <c r="N5175" s="18"/>
      <c r="O5175" s="18"/>
      <c r="P5175" s="19"/>
      <c r="Q5175" s="19"/>
      <c r="R5175" s="19"/>
      <c r="S5175" s="19"/>
      <c r="T5175" s="19"/>
      <c r="U5175" s="19"/>
      <c r="V5175" s="19"/>
      <c r="W5175" s="19"/>
      <c r="X5175" s="19"/>
      <c r="Y5175" s="19"/>
      <c r="Z5175" s="19"/>
      <c r="AA5175" s="19"/>
    </row>
    <row r="5176" spans="1:27" s="1" customFormat="1" ht="14.1" customHeight="1" outlineLevel="2" x14ac:dyDescent="0.2">
      <c r="A5176" s="17">
        <v>17910</v>
      </c>
      <c r="B5176" s="17"/>
      <c r="C5176" s="17"/>
      <c r="D5176" s="18" t="s">
        <v>2574</v>
      </c>
      <c r="E5176" s="18"/>
      <c r="F5176" s="18"/>
      <c r="G5176" s="18"/>
      <c r="H5176" s="18"/>
      <c r="I5176" s="18"/>
      <c r="J5176" s="18"/>
      <c r="K5176" s="18"/>
      <c r="L5176" s="18"/>
      <c r="M5176" s="18"/>
      <c r="N5176" s="18"/>
      <c r="O5176" s="18"/>
      <c r="P5176" s="19">
        <v>500</v>
      </c>
      <c r="Q5176" s="19"/>
      <c r="R5176" s="19"/>
      <c r="S5176" s="19"/>
      <c r="T5176" s="19">
        <v>400</v>
      </c>
      <c r="U5176" s="19"/>
      <c r="V5176" s="19"/>
      <c r="W5176" s="19"/>
      <c r="X5176" s="19">
        <v>2</v>
      </c>
      <c r="Y5176" s="19"/>
      <c r="Z5176" s="19"/>
      <c r="AA5176" s="19"/>
    </row>
    <row r="5177" spans="1:27" s="1" customFormat="1" ht="14.1" customHeight="1" outlineLevel="2" x14ac:dyDescent="0.2">
      <c r="A5177" s="17"/>
      <c r="B5177" s="17"/>
      <c r="C5177" s="17"/>
      <c r="D5177" s="18"/>
      <c r="E5177" s="18"/>
      <c r="F5177" s="18"/>
      <c r="G5177" s="18"/>
      <c r="H5177" s="18"/>
      <c r="I5177" s="18"/>
      <c r="J5177" s="18"/>
      <c r="K5177" s="18"/>
      <c r="L5177" s="18"/>
      <c r="M5177" s="18"/>
      <c r="N5177" s="18"/>
      <c r="O5177" s="18"/>
      <c r="P5177" s="19"/>
      <c r="Q5177" s="19"/>
      <c r="R5177" s="19"/>
      <c r="S5177" s="19"/>
      <c r="T5177" s="19"/>
      <c r="U5177" s="19"/>
      <c r="V5177" s="19"/>
      <c r="W5177" s="19"/>
      <c r="X5177" s="19"/>
      <c r="Y5177" s="19"/>
      <c r="Z5177" s="19"/>
      <c r="AA5177" s="19"/>
    </row>
    <row r="5178" spans="1:27" s="1" customFormat="1" ht="14.1" customHeight="1" outlineLevel="2" x14ac:dyDescent="0.2">
      <c r="A5178" s="17">
        <v>16900</v>
      </c>
      <c r="B5178" s="17"/>
      <c r="C5178" s="17"/>
      <c r="D5178" s="18" t="s">
        <v>2575</v>
      </c>
      <c r="E5178" s="18"/>
      <c r="F5178" s="18"/>
      <c r="G5178" s="18"/>
      <c r="H5178" s="18"/>
      <c r="I5178" s="18"/>
      <c r="J5178" s="18"/>
      <c r="K5178" s="18"/>
      <c r="L5178" s="18"/>
      <c r="M5178" s="18"/>
      <c r="N5178" s="18"/>
      <c r="O5178" s="18"/>
      <c r="P5178" s="19">
        <v>600</v>
      </c>
      <c r="Q5178" s="19"/>
      <c r="R5178" s="19"/>
      <c r="S5178" s="19"/>
      <c r="T5178" s="19">
        <v>500</v>
      </c>
      <c r="U5178" s="19"/>
      <c r="V5178" s="19"/>
      <c r="W5178" s="19"/>
      <c r="X5178" s="19">
        <v>1</v>
      </c>
      <c r="Y5178" s="19"/>
      <c r="Z5178" s="19"/>
      <c r="AA5178" s="19"/>
    </row>
    <row r="5179" spans="1:27" s="1" customFormat="1" ht="14.1" customHeight="1" outlineLevel="2" x14ac:dyDescent="0.2">
      <c r="A5179" s="17"/>
      <c r="B5179" s="17"/>
      <c r="C5179" s="17"/>
      <c r="D5179" s="18"/>
      <c r="E5179" s="18"/>
      <c r="F5179" s="18"/>
      <c r="G5179" s="18"/>
      <c r="H5179" s="18"/>
      <c r="I5179" s="18"/>
      <c r="J5179" s="18"/>
      <c r="K5179" s="18"/>
      <c r="L5179" s="18"/>
      <c r="M5179" s="18"/>
      <c r="N5179" s="18"/>
      <c r="O5179" s="18"/>
      <c r="P5179" s="19"/>
      <c r="Q5179" s="19"/>
      <c r="R5179" s="19"/>
      <c r="S5179" s="19"/>
      <c r="T5179" s="19"/>
      <c r="U5179" s="19"/>
      <c r="V5179" s="19"/>
      <c r="W5179" s="19"/>
      <c r="X5179" s="19"/>
      <c r="Y5179" s="19"/>
      <c r="Z5179" s="19"/>
      <c r="AA5179" s="19"/>
    </row>
    <row r="5180" spans="1:27" s="1" customFormat="1" ht="14.1" customHeight="1" outlineLevel="2" x14ac:dyDescent="0.2">
      <c r="A5180" s="17">
        <v>17972</v>
      </c>
      <c r="B5180" s="17"/>
      <c r="C5180" s="17"/>
      <c r="D5180" s="18" t="s">
        <v>2576</v>
      </c>
      <c r="E5180" s="18"/>
      <c r="F5180" s="18"/>
      <c r="G5180" s="18"/>
      <c r="H5180" s="18"/>
      <c r="I5180" s="18"/>
      <c r="J5180" s="18"/>
      <c r="K5180" s="18"/>
      <c r="L5180" s="18"/>
      <c r="M5180" s="18"/>
      <c r="N5180" s="18"/>
      <c r="O5180" s="18"/>
      <c r="P5180" s="19">
        <v>500</v>
      </c>
      <c r="Q5180" s="19"/>
      <c r="R5180" s="19"/>
      <c r="S5180" s="19"/>
      <c r="T5180" s="19">
        <v>400</v>
      </c>
      <c r="U5180" s="19"/>
      <c r="V5180" s="19"/>
      <c r="W5180" s="19"/>
      <c r="X5180" s="19">
        <v>1</v>
      </c>
      <c r="Y5180" s="19"/>
      <c r="Z5180" s="19"/>
      <c r="AA5180" s="19"/>
    </row>
    <row r="5181" spans="1:27" s="1" customFormat="1" ht="14.1" customHeight="1" outlineLevel="2" x14ac:dyDescent="0.2">
      <c r="A5181" s="17"/>
      <c r="B5181" s="17"/>
      <c r="C5181" s="17"/>
      <c r="D5181" s="18"/>
      <c r="E5181" s="18"/>
      <c r="F5181" s="18"/>
      <c r="G5181" s="18"/>
      <c r="H5181" s="18"/>
      <c r="I5181" s="18"/>
      <c r="J5181" s="18"/>
      <c r="K5181" s="18"/>
      <c r="L5181" s="18"/>
      <c r="M5181" s="18"/>
      <c r="N5181" s="18"/>
      <c r="O5181" s="18"/>
      <c r="P5181" s="19"/>
      <c r="Q5181" s="19"/>
      <c r="R5181" s="19"/>
      <c r="S5181" s="19"/>
      <c r="T5181" s="19"/>
      <c r="U5181" s="19"/>
      <c r="V5181" s="19"/>
      <c r="W5181" s="19"/>
      <c r="X5181" s="19"/>
      <c r="Y5181" s="19"/>
      <c r="Z5181" s="19"/>
      <c r="AA5181" s="19"/>
    </row>
    <row r="5182" spans="1:27" s="1" customFormat="1" ht="14.1" customHeight="1" outlineLevel="2" x14ac:dyDescent="0.2">
      <c r="A5182" s="17">
        <v>16898</v>
      </c>
      <c r="B5182" s="17"/>
      <c r="C5182" s="17"/>
      <c r="D5182" s="18" t="s">
        <v>2577</v>
      </c>
      <c r="E5182" s="18"/>
      <c r="F5182" s="18"/>
      <c r="G5182" s="18"/>
      <c r="H5182" s="18"/>
      <c r="I5182" s="18"/>
      <c r="J5182" s="18"/>
      <c r="K5182" s="18"/>
      <c r="L5182" s="18"/>
      <c r="M5182" s="18"/>
      <c r="N5182" s="18"/>
      <c r="O5182" s="18"/>
      <c r="P5182" s="19">
        <v>600</v>
      </c>
      <c r="Q5182" s="19"/>
      <c r="R5182" s="19"/>
      <c r="S5182" s="19"/>
      <c r="T5182" s="19">
        <v>500</v>
      </c>
      <c r="U5182" s="19"/>
      <c r="V5182" s="19"/>
      <c r="W5182" s="19"/>
      <c r="X5182" s="19">
        <v>1</v>
      </c>
      <c r="Y5182" s="19"/>
      <c r="Z5182" s="19"/>
      <c r="AA5182" s="19"/>
    </row>
    <row r="5183" spans="1:27" s="1" customFormat="1" ht="14.1" customHeight="1" outlineLevel="2" x14ac:dyDescent="0.2">
      <c r="A5183" s="17"/>
      <c r="B5183" s="17"/>
      <c r="C5183" s="17"/>
      <c r="D5183" s="18"/>
      <c r="E5183" s="18"/>
      <c r="F5183" s="18"/>
      <c r="G5183" s="18"/>
      <c r="H5183" s="18"/>
      <c r="I5183" s="18"/>
      <c r="J5183" s="18"/>
      <c r="K5183" s="18"/>
      <c r="L5183" s="18"/>
      <c r="M5183" s="18"/>
      <c r="N5183" s="18"/>
      <c r="O5183" s="18"/>
      <c r="P5183" s="19"/>
      <c r="Q5183" s="19"/>
      <c r="R5183" s="19"/>
      <c r="S5183" s="19"/>
      <c r="T5183" s="19"/>
      <c r="U5183" s="19"/>
      <c r="V5183" s="19"/>
      <c r="W5183" s="19"/>
      <c r="X5183" s="19"/>
      <c r="Y5183" s="19"/>
      <c r="Z5183" s="19"/>
      <c r="AA5183" s="19"/>
    </row>
    <row r="5184" spans="1:27" s="1" customFormat="1" ht="14.1" customHeight="1" outlineLevel="2" x14ac:dyDescent="0.2">
      <c r="A5184" s="17">
        <v>17847</v>
      </c>
      <c r="B5184" s="17"/>
      <c r="C5184" s="17"/>
      <c r="D5184" s="18" t="s">
        <v>2578</v>
      </c>
      <c r="E5184" s="18"/>
      <c r="F5184" s="18"/>
      <c r="G5184" s="18"/>
      <c r="H5184" s="18"/>
      <c r="I5184" s="18"/>
      <c r="J5184" s="18"/>
      <c r="K5184" s="18"/>
      <c r="L5184" s="18"/>
      <c r="M5184" s="18"/>
      <c r="N5184" s="18"/>
      <c r="O5184" s="18"/>
      <c r="P5184" s="19">
        <v>300</v>
      </c>
      <c r="Q5184" s="19"/>
      <c r="R5184" s="19"/>
      <c r="S5184" s="19"/>
      <c r="T5184" s="19">
        <v>200</v>
      </c>
      <c r="U5184" s="19"/>
      <c r="V5184" s="19"/>
      <c r="W5184" s="19"/>
      <c r="X5184" s="19">
        <v>1</v>
      </c>
      <c r="Y5184" s="19"/>
      <c r="Z5184" s="19"/>
      <c r="AA5184" s="19"/>
    </row>
    <row r="5185" spans="1:27" s="1" customFormat="1" ht="14.1" customHeight="1" outlineLevel="2" x14ac:dyDescent="0.2">
      <c r="A5185" s="17"/>
      <c r="B5185" s="17"/>
      <c r="C5185" s="17"/>
      <c r="D5185" s="18"/>
      <c r="E5185" s="18"/>
      <c r="F5185" s="18"/>
      <c r="G5185" s="18"/>
      <c r="H5185" s="18"/>
      <c r="I5185" s="18"/>
      <c r="J5185" s="18"/>
      <c r="K5185" s="18"/>
      <c r="L5185" s="18"/>
      <c r="M5185" s="18"/>
      <c r="N5185" s="18"/>
      <c r="O5185" s="18"/>
      <c r="P5185" s="19"/>
      <c r="Q5185" s="19"/>
      <c r="R5185" s="19"/>
      <c r="S5185" s="19"/>
      <c r="T5185" s="19"/>
      <c r="U5185" s="19"/>
      <c r="V5185" s="19"/>
      <c r="W5185" s="19"/>
      <c r="X5185" s="19"/>
      <c r="Y5185" s="19"/>
      <c r="Z5185" s="19"/>
      <c r="AA5185" s="19"/>
    </row>
    <row r="5186" spans="1:27" s="1" customFormat="1" ht="14.1" customHeight="1" outlineLevel="2" x14ac:dyDescent="0.2">
      <c r="A5186" s="17">
        <v>17848</v>
      </c>
      <c r="B5186" s="17"/>
      <c r="C5186" s="17"/>
      <c r="D5186" s="18" t="s">
        <v>2579</v>
      </c>
      <c r="E5186" s="18"/>
      <c r="F5186" s="18"/>
      <c r="G5186" s="18"/>
      <c r="H5186" s="18"/>
      <c r="I5186" s="18"/>
      <c r="J5186" s="18"/>
      <c r="K5186" s="18"/>
      <c r="L5186" s="18"/>
      <c r="M5186" s="18"/>
      <c r="N5186" s="18"/>
      <c r="O5186" s="18"/>
      <c r="P5186" s="19">
        <v>300</v>
      </c>
      <c r="Q5186" s="19"/>
      <c r="R5186" s="19"/>
      <c r="S5186" s="19"/>
      <c r="T5186" s="19">
        <v>200</v>
      </c>
      <c r="U5186" s="19"/>
      <c r="V5186" s="19"/>
      <c r="W5186" s="19"/>
      <c r="X5186" s="19">
        <v>1</v>
      </c>
      <c r="Y5186" s="19"/>
      <c r="Z5186" s="19"/>
      <c r="AA5186" s="19"/>
    </row>
    <row r="5187" spans="1:27" s="1" customFormat="1" ht="14.1" customHeight="1" outlineLevel="2" x14ac:dyDescent="0.2">
      <c r="A5187" s="17"/>
      <c r="B5187" s="17"/>
      <c r="C5187" s="17"/>
      <c r="D5187" s="18"/>
      <c r="E5187" s="18"/>
      <c r="F5187" s="18"/>
      <c r="G5187" s="18"/>
      <c r="H5187" s="18"/>
      <c r="I5187" s="18"/>
      <c r="J5187" s="18"/>
      <c r="K5187" s="18"/>
      <c r="L5187" s="18"/>
      <c r="M5187" s="18"/>
      <c r="N5187" s="18"/>
      <c r="O5187" s="18"/>
      <c r="P5187" s="19"/>
      <c r="Q5187" s="19"/>
      <c r="R5187" s="19"/>
      <c r="S5187" s="19"/>
      <c r="T5187" s="19"/>
      <c r="U5187" s="19"/>
      <c r="V5187" s="19"/>
      <c r="W5187" s="19"/>
      <c r="X5187" s="19"/>
      <c r="Y5187" s="19"/>
      <c r="Z5187" s="19"/>
      <c r="AA5187" s="19"/>
    </row>
    <row r="5188" spans="1:27" s="1" customFormat="1" ht="14.1" customHeight="1" outlineLevel="2" x14ac:dyDescent="0.2">
      <c r="A5188" s="17">
        <v>18191</v>
      </c>
      <c r="B5188" s="17"/>
      <c r="C5188" s="17"/>
      <c r="D5188" s="18" t="s">
        <v>2580</v>
      </c>
      <c r="E5188" s="18"/>
      <c r="F5188" s="18"/>
      <c r="G5188" s="18"/>
      <c r="H5188" s="18"/>
      <c r="I5188" s="18"/>
      <c r="J5188" s="18"/>
      <c r="K5188" s="18"/>
      <c r="L5188" s="18"/>
      <c r="M5188" s="18"/>
      <c r="N5188" s="18"/>
      <c r="O5188" s="18"/>
      <c r="P5188" s="19">
        <v>600</v>
      </c>
      <c r="Q5188" s="19"/>
      <c r="R5188" s="19"/>
      <c r="S5188" s="19"/>
      <c r="T5188" s="19">
        <v>500</v>
      </c>
      <c r="U5188" s="19"/>
      <c r="V5188" s="19"/>
      <c r="W5188" s="19"/>
      <c r="X5188" s="19">
        <v>1</v>
      </c>
      <c r="Y5188" s="19"/>
      <c r="Z5188" s="19"/>
      <c r="AA5188" s="19"/>
    </row>
    <row r="5189" spans="1:27" s="1" customFormat="1" ht="14.1" customHeight="1" outlineLevel="2" x14ac:dyDescent="0.2">
      <c r="A5189" s="17"/>
      <c r="B5189" s="17"/>
      <c r="C5189" s="17"/>
      <c r="D5189" s="18"/>
      <c r="E5189" s="18"/>
      <c r="F5189" s="18"/>
      <c r="G5189" s="18"/>
      <c r="H5189" s="18"/>
      <c r="I5189" s="18"/>
      <c r="J5189" s="18"/>
      <c r="K5189" s="18"/>
      <c r="L5189" s="18"/>
      <c r="M5189" s="18"/>
      <c r="N5189" s="18"/>
      <c r="O5189" s="18"/>
      <c r="P5189" s="19"/>
      <c r="Q5189" s="19"/>
      <c r="R5189" s="19"/>
      <c r="S5189" s="19"/>
      <c r="T5189" s="19"/>
      <c r="U5189" s="19"/>
      <c r="V5189" s="19"/>
      <c r="W5189" s="19"/>
      <c r="X5189" s="19"/>
      <c r="Y5189" s="19"/>
      <c r="Z5189" s="19"/>
      <c r="AA5189" s="19"/>
    </row>
    <row r="5190" spans="1:27" s="1" customFormat="1" ht="14.1" customHeight="1" outlineLevel="2" x14ac:dyDescent="0.2">
      <c r="A5190" s="17">
        <v>17460</v>
      </c>
      <c r="B5190" s="17"/>
      <c r="C5190" s="17"/>
      <c r="D5190" s="18" t="s">
        <v>2581</v>
      </c>
      <c r="E5190" s="18"/>
      <c r="F5190" s="18"/>
      <c r="G5190" s="18"/>
      <c r="H5190" s="18"/>
      <c r="I5190" s="18"/>
      <c r="J5190" s="18"/>
      <c r="K5190" s="18"/>
      <c r="L5190" s="18"/>
      <c r="M5190" s="18"/>
      <c r="N5190" s="18"/>
      <c r="O5190" s="18"/>
      <c r="P5190" s="19">
        <v>600</v>
      </c>
      <c r="Q5190" s="19"/>
      <c r="R5190" s="19"/>
      <c r="S5190" s="19"/>
      <c r="T5190" s="19">
        <v>500</v>
      </c>
      <c r="U5190" s="19"/>
      <c r="V5190" s="19"/>
      <c r="W5190" s="19"/>
      <c r="X5190" s="19">
        <v>1</v>
      </c>
      <c r="Y5190" s="19"/>
      <c r="Z5190" s="19"/>
      <c r="AA5190" s="19"/>
    </row>
    <row r="5191" spans="1:27" s="1" customFormat="1" ht="14.1" customHeight="1" outlineLevel="2" x14ac:dyDescent="0.2">
      <c r="A5191" s="17"/>
      <c r="B5191" s="17"/>
      <c r="C5191" s="17"/>
      <c r="D5191" s="18"/>
      <c r="E5191" s="18"/>
      <c r="F5191" s="18"/>
      <c r="G5191" s="18"/>
      <c r="H5191" s="18"/>
      <c r="I5191" s="18"/>
      <c r="J5191" s="18"/>
      <c r="K5191" s="18"/>
      <c r="L5191" s="18"/>
      <c r="M5191" s="18"/>
      <c r="N5191" s="18"/>
      <c r="O5191" s="18"/>
      <c r="P5191" s="19"/>
      <c r="Q5191" s="19"/>
      <c r="R5191" s="19"/>
      <c r="S5191" s="19"/>
      <c r="T5191" s="19"/>
      <c r="U5191" s="19"/>
      <c r="V5191" s="19"/>
      <c r="W5191" s="19"/>
      <c r="X5191" s="19"/>
      <c r="Y5191" s="19"/>
      <c r="Z5191" s="19"/>
      <c r="AA5191" s="19"/>
    </row>
    <row r="5192" spans="1:27" s="1" customFormat="1" ht="14.1" customHeight="1" outlineLevel="2" x14ac:dyDescent="0.2">
      <c r="A5192" s="17">
        <v>17928</v>
      </c>
      <c r="B5192" s="17"/>
      <c r="C5192" s="17"/>
      <c r="D5192" s="18" t="s">
        <v>2582</v>
      </c>
      <c r="E5192" s="18"/>
      <c r="F5192" s="18"/>
      <c r="G5192" s="18"/>
      <c r="H5192" s="18"/>
      <c r="I5192" s="18"/>
      <c r="J5192" s="18"/>
      <c r="K5192" s="18"/>
      <c r="L5192" s="18"/>
      <c r="M5192" s="18"/>
      <c r="N5192" s="18"/>
      <c r="O5192" s="18"/>
      <c r="P5192" s="20">
        <v>1000</v>
      </c>
      <c r="Q5192" s="20"/>
      <c r="R5192" s="20"/>
      <c r="S5192" s="20"/>
      <c r="T5192" s="19">
        <v>800</v>
      </c>
      <c r="U5192" s="19"/>
      <c r="V5192" s="19"/>
      <c r="W5192" s="19"/>
      <c r="X5192" s="19">
        <v>1</v>
      </c>
      <c r="Y5192" s="19"/>
      <c r="Z5192" s="19"/>
      <c r="AA5192" s="19"/>
    </row>
    <row r="5193" spans="1:27" s="1" customFormat="1" ht="14.1" customHeight="1" outlineLevel="2" x14ac:dyDescent="0.2">
      <c r="A5193" s="17"/>
      <c r="B5193" s="17"/>
      <c r="C5193" s="17"/>
      <c r="D5193" s="18"/>
      <c r="E5193" s="18"/>
      <c r="F5193" s="18"/>
      <c r="G5193" s="18"/>
      <c r="H5193" s="18"/>
      <c r="I5193" s="18"/>
      <c r="J5193" s="18"/>
      <c r="K5193" s="18"/>
      <c r="L5193" s="18"/>
      <c r="M5193" s="18"/>
      <c r="N5193" s="18"/>
      <c r="O5193" s="18"/>
      <c r="P5193" s="20"/>
      <c r="Q5193" s="20"/>
      <c r="R5193" s="20"/>
      <c r="S5193" s="20"/>
      <c r="T5193" s="19"/>
      <c r="U5193" s="19"/>
      <c r="V5193" s="19"/>
      <c r="W5193" s="19"/>
      <c r="X5193" s="19"/>
      <c r="Y5193" s="19"/>
      <c r="Z5193" s="19"/>
      <c r="AA5193" s="19"/>
    </row>
    <row r="5194" spans="1:27" s="1" customFormat="1" ht="14.1" customHeight="1" outlineLevel="2" x14ac:dyDescent="0.2">
      <c r="A5194" s="17">
        <v>18144</v>
      </c>
      <c r="B5194" s="17"/>
      <c r="C5194" s="17"/>
      <c r="D5194" s="18" t="s">
        <v>2583</v>
      </c>
      <c r="E5194" s="18"/>
      <c r="F5194" s="18"/>
      <c r="G5194" s="18"/>
      <c r="H5194" s="18"/>
      <c r="I5194" s="18"/>
      <c r="J5194" s="18"/>
      <c r="K5194" s="18"/>
      <c r="L5194" s="18"/>
      <c r="M5194" s="18"/>
      <c r="N5194" s="18"/>
      <c r="O5194" s="18"/>
      <c r="P5194" s="20">
        <v>1200</v>
      </c>
      <c r="Q5194" s="20"/>
      <c r="R5194" s="20"/>
      <c r="S5194" s="20"/>
      <c r="T5194" s="20">
        <v>1000</v>
      </c>
      <c r="U5194" s="20"/>
      <c r="V5194" s="20"/>
      <c r="W5194" s="20"/>
      <c r="X5194" s="19">
        <v>1</v>
      </c>
      <c r="Y5194" s="19"/>
      <c r="Z5194" s="19"/>
      <c r="AA5194" s="19"/>
    </row>
    <row r="5195" spans="1:27" s="1" customFormat="1" ht="14.1" customHeight="1" outlineLevel="2" x14ac:dyDescent="0.2">
      <c r="A5195" s="17"/>
      <c r="B5195" s="17"/>
      <c r="C5195" s="17"/>
      <c r="D5195" s="18"/>
      <c r="E5195" s="18"/>
      <c r="F5195" s="18"/>
      <c r="G5195" s="18"/>
      <c r="H5195" s="18"/>
      <c r="I5195" s="18"/>
      <c r="J5195" s="18"/>
      <c r="K5195" s="18"/>
      <c r="L5195" s="18"/>
      <c r="M5195" s="18"/>
      <c r="N5195" s="18"/>
      <c r="O5195" s="18"/>
      <c r="P5195" s="20"/>
      <c r="Q5195" s="20"/>
      <c r="R5195" s="20"/>
      <c r="S5195" s="20"/>
      <c r="T5195" s="20"/>
      <c r="U5195" s="20"/>
      <c r="V5195" s="20"/>
      <c r="W5195" s="20"/>
      <c r="X5195" s="19"/>
      <c r="Y5195" s="19"/>
      <c r="Z5195" s="19"/>
      <c r="AA5195" s="19"/>
    </row>
    <row r="5196" spans="1:27" s="1" customFormat="1" ht="21" customHeight="1" outlineLevel="2" x14ac:dyDescent="0.2">
      <c r="A5196" s="17">
        <v>17403</v>
      </c>
      <c r="B5196" s="17"/>
      <c r="C5196" s="17"/>
      <c r="D5196" s="18" t="s">
        <v>2584</v>
      </c>
      <c r="E5196" s="18"/>
      <c r="F5196" s="18"/>
      <c r="G5196" s="18"/>
      <c r="H5196" s="18"/>
      <c r="I5196" s="18"/>
      <c r="J5196" s="18"/>
      <c r="K5196" s="18"/>
      <c r="L5196" s="18"/>
      <c r="M5196" s="18"/>
      <c r="N5196" s="18"/>
      <c r="O5196" s="18"/>
      <c r="P5196" s="19">
        <v>130</v>
      </c>
      <c r="Q5196" s="19"/>
      <c r="R5196" s="19"/>
      <c r="S5196" s="19"/>
      <c r="T5196" s="19">
        <v>100</v>
      </c>
      <c r="U5196" s="19"/>
      <c r="V5196" s="19"/>
      <c r="W5196" s="19"/>
      <c r="X5196" s="19">
        <v>1</v>
      </c>
      <c r="Y5196" s="19"/>
      <c r="Z5196" s="19"/>
      <c r="AA5196" s="19"/>
    </row>
    <row r="5197" spans="1:27" s="1" customFormat="1" ht="21" customHeight="1" outlineLevel="2" x14ac:dyDescent="0.2">
      <c r="A5197" s="17"/>
      <c r="B5197" s="17"/>
      <c r="C5197" s="17"/>
      <c r="D5197" s="18"/>
      <c r="E5197" s="18"/>
      <c r="F5197" s="18"/>
      <c r="G5197" s="18"/>
      <c r="H5197" s="18"/>
      <c r="I5197" s="18"/>
      <c r="J5197" s="18"/>
      <c r="K5197" s="18"/>
      <c r="L5197" s="18"/>
      <c r="M5197" s="18"/>
      <c r="N5197" s="18"/>
      <c r="O5197" s="18"/>
      <c r="P5197" s="19"/>
      <c r="Q5197" s="19"/>
      <c r="R5197" s="19"/>
      <c r="S5197" s="19"/>
      <c r="T5197" s="19"/>
      <c r="U5197" s="19"/>
      <c r="V5197" s="19"/>
      <c r="W5197" s="19"/>
      <c r="X5197" s="19"/>
      <c r="Y5197" s="19"/>
      <c r="Z5197" s="19"/>
      <c r="AA5197" s="19"/>
    </row>
    <row r="5198" spans="1:27" s="1" customFormat="1" ht="14.1" customHeight="1" outlineLevel="2" x14ac:dyDescent="0.2">
      <c r="A5198" s="17">
        <v>7716</v>
      </c>
      <c r="B5198" s="17"/>
      <c r="C5198" s="17"/>
      <c r="D5198" s="18" t="s">
        <v>2585</v>
      </c>
      <c r="E5198" s="18"/>
      <c r="F5198" s="18"/>
      <c r="G5198" s="18"/>
      <c r="H5198" s="18"/>
      <c r="I5198" s="18"/>
      <c r="J5198" s="18"/>
      <c r="K5198" s="18"/>
      <c r="L5198" s="18"/>
      <c r="M5198" s="18"/>
      <c r="N5198" s="18"/>
      <c r="O5198" s="18"/>
      <c r="P5198" s="19">
        <v>400</v>
      </c>
      <c r="Q5198" s="19"/>
      <c r="R5198" s="19"/>
      <c r="S5198" s="19"/>
      <c r="T5198" s="19">
        <v>300</v>
      </c>
      <c r="U5198" s="19"/>
      <c r="V5198" s="19"/>
      <c r="W5198" s="19"/>
      <c r="X5198" s="19">
        <v>1</v>
      </c>
      <c r="Y5198" s="19"/>
      <c r="Z5198" s="19"/>
      <c r="AA5198" s="19"/>
    </row>
    <row r="5199" spans="1:27" s="1" customFormat="1" ht="14.1" customHeight="1" outlineLevel="2" x14ac:dyDescent="0.2">
      <c r="A5199" s="17"/>
      <c r="B5199" s="17"/>
      <c r="C5199" s="17"/>
      <c r="D5199" s="18"/>
      <c r="E5199" s="18"/>
      <c r="F5199" s="18"/>
      <c r="G5199" s="18"/>
      <c r="H5199" s="18"/>
      <c r="I5199" s="18"/>
      <c r="J5199" s="18"/>
      <c r="K5199" s="18"/>
      <c r="L5199" s="18"/>
      <c r="M5199" s="18"/>
      <c r="N5199" s="18"/>
      <c r="O5199" s="18"/>
      <c r="P5199" s="19"/>
      <c r="Q5199" s="19"/>
      <c r="R5199" s="19"/>
      <c r="S5199" s="19"/>
      <c r="T5199" s="19"/>
      <c r="U5199" s="19"/>
      <c r="V5199" s="19"/>
      <c r="W5199" s="19"/>
      <c r="X5199" s="19"/>
      <c r="Y5199" s="19"/>
      <c r="Z5199" s="19"/>
      <c r="AA5199" s="19"/>
    </row>
    <row r="5200" spans="1:27" s="1" customFormat="1" ht="21" customHeight="1" outlineLevel="2" x14ac:dyDescent="0.2">
      <c r="A5200" s="17">
        <v>17083</v>
      </c>
      <c r="B5200" s="17"/>
      <c r="C5200" s="17"/>
      <c r="D5200" s="18" t="s">
        <v>2586</v>
      </c>
      <c r="E5200" s="18"/>
      <c r="F5200" s="18"/>
      <c r="G5200" s="18"/>
      <c r="H5200" s="18"/>
      <c r="I5200" s="18"/>
      <c r="J5200" s="18"/>
      <c r="K5200" s="18"/>
      <c r="L5200" s="18"/>
      <c r="M5200" s="18"/>
      <c r="N5200" s="18"/>
      <c r="O5200" s="18"/>
      <c r="P5200" s="20">
        <v>1500</v>
      </c>
      <c r="Q5200" s="20"/>
      <c r="R5200" s="20"/>
      <c r="S5200" s="20"/>
      <c r="T5200" s="20">
        <v>1000</v>
      </c>
      <c r="U5200" s="20"/>
      <c r="V5200" s="20"/>
      <c r="W5200" s="20"/>
      <c r="X5200" s="19">
        <v>1</v>
      </c>
      <c r="Y5200" s="19"/>
      <c r="Z5200" s="19"/>
      <c r="AA5200" s="19"/>
    </row>
    <row r="5201" spans="1:27" s="1" customFormat="1" ht="21" customHeight="1" outlineLevel="2" x14ac:dyDescent="0.2">
      <c r="A5201" s="17"/>
      <c r="B5201" s="17"/>
      <c r="C5201" s="17"/>
      <c r="D5201" s="18"/>
      <c r="E5201" s="18"/>
      <c r="F5201" s="18"/>
      <c r="G5201" s="18"/>
      <c r="H5201" s="18"/>
      <c r="I5201" s="18"/>
      <c r="J5201" s="18"/>
      <c r="K5201" s="18"/>
      <c r="L5201" s="18"/>
      <c r="M5201" s="18"/>
      <c r="N5201" s="18"/>
      <c r="O5201" s="18"/>
      <c r="P5201" s="20"/>
      <c r="Q5201" s="20"/>
      <c r="R5201" s="20"/>
      <c r="S5201" s="20"/>
      <c r="T5201" s="20"/>
      <c r="U5201" s="20"/>
      <c r="V5201" s="20"/>
      <c r="W5201" s="20"/>
      <c r="X5201" s="19"/>
      <c r="Y5201" s="19"/>
      <c r="Z5201" s="19"/>
      <c r="AA5201" s="19"/>
    </row>
    <row r="5202" spans="1:27" s="1" customFormat="1" ht="14.1" customHeight="1" outlineLevel="2" x14ac:dyDescent="0.2">
      <c r="A5202" s="17">
        <v>12881</v>
      </c>
      <c r="B5202" s="17"/>
      <c r="C5202" s="17"/>
      <c r="D5202" s="18" t="s">
        <v>2587</v>
      </c>
      <c r="E5202" s="18"/>
      <c r="F5202" s="18"/>
      <c r="G5202" s="18"/>
      <c r="H5202" s="18"/>
      <c r="I5202" s="18"/>
      <c r="J5202" s="18"/>
      <c r="K5202" s="18"/>
      <c r="L5202" s="18"/>
      <c r="M5202" s="18"/>
      <c r="N5202" s="18"/>
      <c r="O5202" s="18"/>
      <c r="P5202" s="19">
        <v>80</v>
      </c>
      <c r="Q5202" s="19"/>
      <c r="R5202" s="19"/>
      <c r="S5202" s="19"/>
      <c r="T5202" s="19">
        <v>50</v>
      </c>
      <c r="U5202" s="19"/>
      <c r="V5202" s="19"/>
      <c r="W5202" s="19"/>
      <c r="X5202" s="19">
        <v>1</v>
      </c>
      <c r="Y5202" s="19"/>
      <c r="Z5202" s="19"/>
      <c r="AA5202" s="19"/>
    </row>
    <row r="5203" spans="1:27" s="1" customFormat="1" ht="14.1" customHeight="1" outlineLevel="2" x14ac:dyDescent="0.2">
      <c r="A5203" s="17"/>
      <c r="B5203" s="17"/>
      <c r="C5203" s="17"/>
      <c r="D5203" s="18"/>
      <c r="E5203" s="18"/>
      <c r="F5203" s="18"/>
      <c r="G5203" s="18"/>
      <c r="H5203" s="18"/>
      <c r="I5203" s="18"/>
      <c r="J5203" s="18"/>
      <c r="K5203" s="18"/>
      <c r="L5203" s="18"/>
      <c r="M5203" s="18"/>
      <c r="N5203" s="18"/>
      <c r="O5203" s="18"/>
      <c r="P5203" s="19"/>
      <c r="Q5203" s="19"/>
      <c r="R5203" s="19"/>
      <c r="S5203" s="19"/>
      <c r="T5203" s="19"/>
      <c r="U5203" s="19"/>
      <c r="V5203" s="19"/>
      <c r="W5203" s="19"/>
      <c r="X5203" s="19"/>
      <c r="Y5203" s="19"/>
      <c r="Z5203" s="19"/>
      <c r="AA5203" s="19"/>
    </row>
    <row r="5204" spans="1:27" s="1" customFormat="1" ht="14.1" customHeight="1" outlineLevel="2" x14ac:dyDescent="0.2">
      <c r="A5204" s="17">
        <v>13394</v>
      </c>
      <c r="B5204" s="17"/>
      <c r="C5204" s="17"/>
      <c r="D5204" s="18" t="s">
        <v>2588</v>
      </c>
      <c r="E5204" s="18"/>
      <c r="F5204" s="18"/>
      <c r="G5204" s="18"/>
      <c r="H5204" s="18"/>
      <c r="I5204" s="18"/>
      <c r="J5204" s="18"/>
      <c r="K5204" s="18"/>
      <c r="L5204" s="18"/>
      <c r="M5204" s="18"/>
      <c r="N5204" s="18"/>
      <c r="O5204" s="18"/>
      <c r="P5204" s="19">
        <v>110</v>
      </c>
      <c r="Q5204" s="19"/>
      <c r="R5204" s="19"/>
      <c r="S5204" s="19"/>
      <c r="T5204" s="19">
        <v>70</v>
      </c>
      <c r="U5204" s="19"/>
      <c r="V5204" s="19"/>
      <c r="W5204" s="19"/>
      <c r="X5204" s="19">
        <v>1</v>
      </c>
      <c r="Y5204" s="19"/>
      <c r="Z5204" s="19"/>
      <c r="AA5204" s="19"/>
    </row>
    <row r="5205" spans="1:27" s="1" customFormat="1" ht="14.1" customHeight="1" outlineLevel="2" x14ac:dyDescent="0.2">
      <c r="A5205" s="17"/>
      <c r="B5205" s="17"/>
      <c r="C5205" s="17"/>
      <c r="D5205" s="18"/>
      <c r="E5205" s="18"/>
      <c r="F5205" s="18"/>
      <c r="G5205" s="18"/>
      <c r="H5205" s="18"/>
      <c r="I5205" s="18"/>
      <c r="J5205" s="18"/>
      <c r="K5205" s="18"/>
      <c r="L5205" s="18"/>
      <c r="M5205" s="18"/>
      <c r="N5205" s="18"/>
      <c r="O5205" s="18"/>
      <c r="P5205" s="19"/>
      <c r="Q5205" s="19"/>
      <c r="R5205" s="19"/>
      <c r="S5205" s="19"/>
      <c r="T5205" s="19"/>
      <c r="U5205" s="19"/>
      <c r="V5205" s="19"/>
      <c r="W5205" s="19"/>
      <c r="X5205" s="19"/>
      <c r="Y5205" s="19"/>
      <c r="Z5205" s="19"/>
      <c r="AA5205" s="19"/>
    </row>
    <row r="5206" spans="1:27" s="1" customFormat="1" ht="11.1" customHeight="1" outlineLevel="2" x14ac:dyDescent="0.2">
      <c r="A5206" s="17">
        <v>4657</v>
      </c>
      <c r="B5206" s="17"/>
      <c r="C5206" s="17"/>
      <c r="D5206" s="18" t="s">
        <v>2589</v>
      </c>
      <c r="E5206" s="18"/>
      <c r="F5206" s="18"/>
      <c r="G5206" s="18"/>
      <c r="H5206" s="18"/>
      <c r="I5206" s="18"/>
      <c r="J5206" s="18"/>
      <c r="K5206" s="18"/>
      <c r="L5206" s="18"/>
      <c r="M5206" s="18"/>
      <c r="N5206" s="18"/>
      <c r="O5206" s="18"/>
      <c r="P5206" s="19">
        <v>100</v>
      </c>
      <c r="Q5206" s="19"/>
      <c r="R5206" s="19"/>
      <c r="S5206" s="19"/>
      <c r="T5206" s="19">
        <v>80</v>
      </c>
      <c r="U5206" s="19"/>
      <c r="V5206" s="19"/>
      <c r="W5206" s="19"/>
      <c r="X5206" s="19">
        <v>1</v>
      </c>
      <c r="Y5206" s="19"/>
      <c r="Z5206" s="19"/>
      <c r="AA5206" s="19"/>
    </row>
    <row r="5207" spans="1:27" s="1" customFormat="1" ht="11.1" customHeight="1" outlineLevel="2" x14ac:dyDescent="0.2">
      <c r="A5207" s="17"/>
      <c r="B5207" s="17"/>
      <c r="C5207" s="17"/>
      <c r="D5207" s="18"/>
      <c r="E5207" s="18"/>
      <c r="F5207" s="18"/>
      <c r="G5207" s="18"/>
      <c r="H5207" s="18"/>
      <c r="I5207" s="18"/>
      <c r="J5207" s="18"/>
      <c r="K5207" s="18"/>
      <c r="L5207" s="18"/>
      <c r="M5207" s="18"/>
      <c r="N5207" s="18"/>
      <c r="O5207" s="18"/>
      <c r="P5207" s="19"/>
      <c r="Q5207" s="19"/>
      <c r="R5207" s="19"/>
      <c r="S5207" s="19"/>
      <c r="T5207" s="19"/>
      <c r="U5207" s="19"/>
      <c r="V5207" s="19"/>
      <c r="W5207" s="19"/>
      <c r="X5207" s="19"/>
      <c r="Y5207" s="19"/>
      <c r="Z5207" s="19"/>
      <c r="AA5207" s="19"/>
    </row>
    <row r="5208" spans="1:27" s="1" customFormat="1" ht="14.1" customHeight="1" outlineLevel="2" x14ac:dyDescent="0.2">
      <c r="A5208" s="17">
        <v>18074</v>
      </c>
      <c r="B5208" s="17"/>
      <c r="C5208" s="17"/>
      <c r="D5208" s="18" t="s">
        <v>2590</v>
      </c>
      <c r="E5208" s="18"/>
      <c r="F5208" s="18"/>
      <c r="G5208" s="18"/>
      <c r="H5208" s="18"/>
      <c r="I5208" s="18"/>
      <c r="J5208" s="18"/>
      <c r="K5208" s="18"/>
      <c r="L5208" s="18"/>
      <c r="M5208" s="18"/>
      <c r="N5208" s="18"/>
      <c r="O5208" s="18"/>
      <c r="P5208" s="19">
        <v>150</v>
      </c>
      <c r="Q5208" s="19"/>
      <c r="R5208" s="19"/>
      <c r="S5208" s="19"/>
      <c r="T5208" s="19">
        <v>100</v>
      </c>
      <c r="U5208" s="19"/>
      <c r="V5208" s="19"/>
      <c r="W5208" s="19"/>
      <c r="X5208" s="19">
        <v>1</v>
      </c>
      <c r="Y5208" s="19"/>
      <c r="Z5208" s="19"/>
      <c r="AA5208" s="19"/>
    </row>
    <row r="5209" spans="1:27" s="1" customFormat="1" ht="14.1" customHeight="1" outlineLevel="2" x14ac:dyDescent="0.2">
      <c r="A5209" s="17"/>
      <c r="B5209" s="17"/>
      <c r="C5209" s="17"/>
      <c r="D5209" s="18"/>
      <c r="E5209" s="18"/>
      <c r="F5209" s="18"/>
      <c r="G5209" s="18"/>
      <c r="H5209" s="18"/>
      <c r="I5209" s="18"/>
      <c r="J5209" s="18"/>
      <c r="K5209" s="18"/>
      <c r="L5209" s="18"/>
      <c r="M5209" s="18"/>
      <c r="N5209" s="18"/>
      <c r="O5209" s="18"/>
      <c r="P5209" s="19"/>
      <c r="Q5209" s="19"/>
      <c r="R5209" s="19"/>
      <c r="S5209" s="19"/>
      <c r="T5209" s="19"/>
      <c r="U5209" s="19"/>
      <c r="V5209" s="19"/>
      <c r="W5209" s="19"/>
      <c r="X5209" s="19"/>
      <c r="Y5209" s="19"/>
      <c r="Z5209" s="19"/>
      <c r="AA5209" s="19"/>
    </row>
    <row r="5210" spans="1:27" s="1" customFormat="1" ht="11.1" customHeight="1" outlineLevel="2" x14ac:dyDescent="0.2">
      <c r="A5210" s="17">
        <v>1603</v>
      </c>
      <c r="B5210" s="17"/>
      <c r="C5210" s="17"/>
      <c r="D5210" s="18" t="s">
        <v>2591</v>
      </c>
      <c r="E5210" s="18"/>
      <c r="F5210" s="18"/>
      <c r="G5210" s="18"/>
      <c r="H5210" s="18"/>
      <c r="I5210" s="18"/>
      <c r="J5210" s="18"/>
      <c r="K5210" s="18"/>
      <c r="L5210" s="18"/>
      <c r="M5210" s="18"/>
      <c r="N5210" s="18"/>
      <c r="O5210" s="18"/>
      <c r="P5210" s="19">
        <v>500</v>
      </c>
      <c r="Q5210" s="19"/>
      <c r="R5210" s="19"/>
      <c r="S5210" s="19"/>
      <c r="T5210" s="19">
        <v>400</v>
      </c>
      <c r="U5210" s="19"/>
      <c r="V5210" s="19"/>
      <c r="W5210" s="19"/>
      <c r="X5210" s="19">
        <v>1</v>
      </c>
      <c r="Y5210" s="19"/>
      <c r="Z5210" s="19"/>
      <c r="AA5210" s="19"/>
    </row>
    <row r="5211" spans="1:27" s="1" customFormat="1" ht="11.1" customHeight="1" outlineLevel="2" x14ac:dyDescent="0.2">
      <c r="A5211" s="17"/>
      <c r="B5211" s="17"/>
      <c r="C5211" s="17"/>
      <c r="D5211" s="18"/>
      <c r="E5211" s="18"/>
      <c r="F5211" s="18"/>
      <c r="G5211" s="18"/>
      <c r="H5211" s="18"/>
      <c r="I5211" s="18"/>
      <c r="J5211" s="18"/>
      <c r="K5211" s="18"/>
      <c r="L5211" s="18"/>
      <c r="M5211" s="18"/>
      <c r="N5211" s="18"/>
      <c r="O5211" s="18"/>
      <c r="P5211" s="19"/>
      <c r="Q5211" s="19"/>
      <c r="R5211" s="19"/>
      <c r="S5211" s="19"/>
      <c r="T5211" s="19"/>
      <c r="U5211" s="19"/>
      <c r="V5211" s="19"/>
      <c r="W5211" s="19"/>
      <c r="X5211" s="19"/>
      <c r="Y5211" s="19"/>
      <c r="Z5211" s="19"/>
      <c r="AA5211" s="19"/>
    </row>
    <row r="5212" spans="1:27" s="1" customFormat="1" ht="11.1" customHeight="1" outlineLevel="2" x14ac:dyDescent="0.2">
      <c r="A5212" s="17">
        <v>932</v>
      </c>
      <c r="B5212" s="17"/>
      <c r="C5212" s="17"/>
      <c r="D5212" s="18" t="s">
        <v>2592</v>
      </c>
      <c r="E5212" s="18"/>
      <c r="F5212" s="18"/>
      <c r="G5212" s="18"/>
      <c r="H5212" s="18"/>
      <c r="I5212" s="18"/>
      <c r="J5212" s="18"/>
      <c r="K5212" s="18"/>
      <c r="L5212" s="18"/>
      <c r="M5212" s="18"/>
      <c r="N5212" s="18"/>
      <c r="O5212" s="18"/>
      <c r="P5212" s="19">
        <v>400</v>
      </c>
      <c r="Q5212" s="19"/>
      <c r="R5212" s="19"/>
      <c r="S5212" s="19"/>
      <c r="T5212" s="19">
        <v>350</v>
      </c>
      <c r="U5212" s="19"/>
      <c r="V5212" s="19"/>
      <c r="W5212" s="19"/>
      <c r="X5212" s="19">
        <v>1</v>
      </c>
      <c r="Y5212" s="19"/>
      <c r="Z5212" s="19"/>
      <c r="AA5212" s="19"/>
    </row>
    <row r="5213" spans="1:27" s="1" customFormat="1" ht="11.1" customHeight="1" outlineLevel="2" x14ac:dyDescent="0.2">
      <c r="A5213" s="17"/>
      <c r="B5213" s="17"/>
      <c r="C5213" s="17"/>
      <c r="D5213" s="18"/>
      <c r="E5213" s="18"/>
      <c r="F5213" s="18"/>
      <c r="G5213" s="18"/>
      <c r="H5213" s="18"/>
      <c r="I5213" s="18"/>
      <c r="J5213" s="18"/>
      <c r="K5213" s="18"/>
      <c r="L5213" s="18"/>
      <c r="M5213" s="18"/>
      <c r="N5213" s="18"/>
      <c r="O5213" s="18"/>
      <c r="P5213" s="19"/>
      <c r="Q5213" s="19"/>
      <c r="R5213" s="19"/>
      <c r="S5213" s="19"/>
      <c r="T5213" s="19"/>
      <c r="U5213" s="19"/>
      <c r="V5213" s="19"/>
      <c r="W5213" s="19"/>
      <c r="X5213" s="19"/>
      <c r="Y5213" s="19"/>
      <c r="Z5213" s="19"/>
      <c r="AA5213" s="19"/>
    </row>
    <row r="5214" spans="1:27" s="1" customFormat="1" ht="11.1" customHeight="1" outlineLevel="2" x14ac:dyDescent="0.2">
      <c r="A5214" s="17">
        <v>929</v>
      </c>
      <c r="B5214" s="17"/>
      <c r="C5214" s="17"/>
      <c r="D5214" s="18" t="s">
        <v>2593</v>
      </c>
      <c r="E5214" s="18"/>
      <c r="F5214" s="18"/>
      <c r="G5214" s="18"/>
      <c r="H5214" s="18"/>
      <c r="I5214" s="18"/>
      <c r="J5214" s="18"/>
      <c r="K5214" s="18"/>
      <c r="L5214" s="18"/>
      <c r="M5214" s="18"/>
      <c r="N5214" s="18"/>
      <c r="O5214" s="18"/>
      <c r="P5214" s="19">
        <v>320</v>
      </c>
      <c r="Q5214" s="19"/>
      <c r="R5214" s="19"/>
      <c r="S5214" s="19"/>
      <c r="T5214" s="19">
        <v>270</v>
      </c>
      <c r="U5214" s="19"/>
      <c r="V5214" s="19"/>
      <c r="W5214" s="19"/>
      <c r="X5214" s="19">
        <v>4</v>
      </c>
      <c r="Y5214" s="19"/>
      <c r="Z5214" s="19"/>
      <c r="AA5214" s="19"/>
    </row>
    <row r="5215" spans="1:27" s="1" customFormat="1" ht="11.1" customHeight="1" outlineLevel="2" x14ac:dyDescent="0.2">
      <c r="A5215" s="17"/>
      <c r="B5215" s="17"/>
      <c r="C5215" s="17"/>
      <c r="D5215" s="18"/>
      <c r="E5215" s="18"/>
      <c r="F5215" s="18"/>
      <c r="G5215" s="18"/>
      <c r="H5215" s="18"/>
      <c r="I5215" s="18"/>
      <c r="J5215" s="18"/>
      <c r="K5215" s="18"/>
      <c r="L5215" s="18"/>
      <c r="M5215" s="18"/>
      <c r="N5215" s="18"/>
      <c r="O5215" s="18"/>
      <c r="P5215" s="19"/>
      <c r="Q5215" s="19"/>
      <c r="R5215" s="19"/>
      <c r="S5215" s="19"/>
      <c r="T5215" s="19"/>
      <c r="U5215" s="19"/>
      <c r="V5215" s="19"/>
      <c r="W5215" s="19"/>
      <c r="X5215" s="19"/>
      <c r="Y5215" s="19"/>
      <c r="Z5215" s="19"/>
      <c r="AA5215" s="19"/>
    </row>
    <row r="5216" spans="1:27" s="1" customFormat="1" ht="11.1" customHeight="1" outlineLevel="2" x14ac:dyDescent="0.2">
      <c r="A5216" s="17">
        <v>930</v>
      </c>
      <c r="B5216" s="17"/>
      <c r="C5216" s="17"/>
      <c r="D5216" s="18" t="s">
        <v>2594</v>
      </c>
      <c r="E5216" s="18"/>
      <c r="F5216" s="18"/>
      <c r="G5216" s="18"/>
      <c r="H5216" s="18"/>
      <c r="I5216" s="18"/>
      <c r="J5216" s="18"/>
      <c r="K5216" s="18"/>
      <c r="L5216" s="18"/>
      <c r="M5216" s="18"/>
      <c r="N5216" s="18"/>
      <c r="O5216" s="18"/>
      <c r="P5216" s="19">
        <v>380</v>
      </c>
      <c r="Q5216" s="19"/>
      <c r="R5216" s="19"/>
      <c r="S5216" s="19"/>
      <c r="T5216" s="19">
        <v>330</v>
      </c>
      <c r="U5216" s="19"/>
      <c r="V5216" s="19"/>
      <c r="W5216" s="19"/>
      <c r="X5216" s="19">
        <v>1</v>
      </c>
      <c r="Y5216" s="19"/>
      <c r="Z5216" s="19"/>
      <c r="AA5216" s="19"/>
    </row>
    <row r="5217" spans="1:27" s="1" customFormat="1" ht="11.1" customHeight="1" outlineLevel="2" x14ac:dyDescent="0.2">
      <c r="A5217" s="17"/>
      <c r="B5217" s="17"/>
      <c r="C5217" s="17"/>
      <c r="D5217" s="18"/>
      <c r="E5217" s="18"/>
      <c r="F5217" s="18"/>
      <c r="G5217" s="18"/>
      <c r="H5217" s="18"/>
      <c r="I5217" s="18"/>
      <c r="J5217" s="18"/>
      <c r="K5217" s="18"/>
      <c r="L5217" s="18"/>
      <c r="M5217" s="18"/>
      <c r="N5217" s="18"/>
      <c r="O5217" s="18"/>
      <c r="P5217" s="19"/>
      <c r="Q5217" s="19"/>
      <c r="R5217" s="19"/>
      <c r="S5217" s="19"/>
      <c r="T5217" s="19"/>
      <c r="U5217" s="19"/>
      <c r="V5217" s="19"/>
      <c r="W5217" s="19"/>
      <c r="X5217" s="19"/>
      <c r="Y5217" s="19"/>
      <c r="Z5217" s="19"/>
      <c r="AA5217" s="19"/>
    </row>
    <row r="5218" spans="1:27" s="1" customFormat="1" ht="11.1" customHeight="1" outlineLevel="2" x14ac:dyDescent="0.2">
      <c r="A5218" s="17">
        <v>5390</v>
      </c>
      <c r="B5218" s="17"/>
      <c r="C5218" s="17"/>
      <c r="D5218" s="18" t="s">
        <v>2595</v>
      </c>
      <c r="E5218" s="18"/>
      <c r="F5218" s="18"/>
      <c r="G5218" s="18"/>
      <c r="H5218" s="18"/>
      <c r="I5218" s="18"/>
      <c r="J5218" s="18"/>
      <c r="K5218" s="18"/>
      <c r="L5218" s="18"/>
      <c r="M5218" s="18"/>
      <c r="N5218" s="18"/>
      <c r="O5218" s="18"/>
      <c r="P5218" s="19">
        <v>500</v>
      </c>
      <c r="Q5218" s="19"/>
      <c r="R5218" s="19"/>
      <c r="S5218" s="19"/>
      <c r="T5218" s="19">
        <v>450</v>
      </c>
      <c r="U5218" s="19"/>
      <c r="V5218" s="19"/>
      <c r="W5218" s="19"/>
      <c r="X5218" s="19">
        <v>1</v>
      </c>
      <c r="Y5218" s="19"/>
      <c r="Z5218" s="19"/>
      <c r="AA5218" s="19"/>
    </row>
    <row r="5219" spans="1:27" s="1" customFormat="1" ht="11.1" customHeight="1" outlineLevel="2" x14ac:dyDescent="0.2">
      <c r="A5219" s="17"/>
      <c r="B5219" s="17"/>
      <c r="C5219" s="17"/>
      <c r="D5219" s="18"/>
      <c r="E5219" s="18"/>
      <c r="F5219" s="18"/>
      <c r="G5219" s="18"/>
      <c r="H5219" s="18"/>
      <c r="I5219" s="18"/>
      <c r="J5219" s="18"/>
      <c r="K5219" s="18"/>
      <c r="L5219" s="18"/>
      <c r="M5219" s="18"/>
      <c r="N5219" s="18"/>
      <c r="O5219" s="18"/>
      <c r="P5219" s="19"/>
      <c r="Q5219" s="19"/>
      <c r="R5219" s="19"/>
      <c r="S5219" s="19"/>
      <c r="T5219" s="19"/>
      <c r="U5219" s="19"/>
      <c r="V5219" s="19"/>
      <c r="W5219" s="19"/>
      <c r="X5219" s="19"/>
      <c r="Y5219" s="19"/>
      <c r="Z5219" s="19"/>
      <c r="AA5219" s="19"/>
    </row>
    <row r="5220" spans="1:27" s="1" customFormat="1" ht="14.1" customHeight="1" outlineLevel="2" x14ac:dyDescent="0.2">
      <c r="A5220" s="17">
        <v>17951</v>
      </c>
      <c r="B5220" s="17"/>
      <c r="C5220" s="17"/>
      <c r="D5220" s="18" t="s">
        <v>2596</v>
      </c>
      <c r="E5220" s="18"/>
      <c r="F5220" s="18"/>
      <c r="G5220" s="18"/>
      <c r="H5220" s="18"/>
      <c r="I5220" s="18"/>
      <c r="J5220" s="18"/>
      <c r="K5220" s="18"/>
      <c r="L5220" s="18"/>
      <c r="M5220" s="18"/>
      <c r="N5220" s="18"/>
      <c r="O5220" s="18"/>
      <c r="P5220" s="19">
        <v>400</v>
      </c>
      <c r="Q5220" s="19"/>
      <c r="R5220" s="19"/>
      <c r="S5220" s="19"/>
      <c r="T5220" s="19">
        <v>300</v>
      </c>
      <c r="U5220" s="19"/>
      <c r="V5220" s="19"/>
      <c r="W5220" s="19"/>
      <c r="X5220" s="19">
        <v>1</v>
      </c>
      <c r="Y5220" s="19"/>
      <c r="Z5220" s="19"/>
      <c r="AA5220" s="19"/>
    </row>
    <row r="5221" spans="1:27" s="1" customFormat="1" ht="14.1" customHeight="1" outlineLevel="2" x14ac:dyDescent="0.2">
      <c r="A5221" s="17"/>
      <c r="B5221" s="17"/>
      <c r="C5221" s="17"/>
      <c r="D5221" s="18"/>
      <c r="E5221" s="18"/>
      <c r="F5221" s="18"/>
      <c r="G5221" s="18"/>
      <c r="H5221" s="18"/>
      <c r="I5221" s="18"/>
      <c r="J5221" s="18"/>
      <c r="K5221" s="18"/>
      <c r="L5221" s="18"/>
      <c r="M5221" s="18"/>
      <c r="N5221" s="18"/>
      <c r="O5221" s="18"/>
      <c r="P5221" s="19"/>
      <c r="Q5221" s="19"/>
      <c r="R5221" s="19"/>
      <c r="S5221" s="19"/>
      <c r="T5221" s="19"/>
      <c r="U5221" s="19"/>
      <c r="V5221" s="19"/>
      <c r="W5221" s="19"/>
      <c r="X5221" s="19"/>
      <c r="Y5221" s="19"/>
      <c r="Z5221" s="19"/>
      <c r="AA5221" s="19"/>
    </row>
    <row r="5222" spans="1:27" s="1" customFormat="1" ht="14.1" customHeight="1" outlineLevel="2" x14ac:dyDescent="0.2">
      <c r="A5222" s="17">
        <v>9293</v>
      </c>
      <c r="B5222" s="17"/>
      <c r="C5222" s="17"/>
      <c r="D5222" s="18" t="s">
        <v>2597</v>
      </c>
      <c r="E5222" s="18"/>
      <c r="F5222" s="18"/>
      <c r="G5222" s="18"/>
      <c r="H5222" s="18"/>
      <c r="I5222" s="18"/>
      <c r="J5222" s="18"/>
      <c r="K5222" s="18"/>
      <c r="L5222" s="18"/>
      <c r="M5222" s="18"/>
      <c r="N5222" s="18"/>
      <c r="O5222" s="18"/>
      <c r="P5222" s="19">
        <v>610</v>
      </c>
      <c r="Q5222" s="19"/>
      <c r="R5222" s="19"/>
      <c r="S5222" s="19"/>
      <c r="T5222" s="19">
        <v>540</v>
      </c>
      <c r="U5222" s="19"/>
      <c r="V5222" s="19"/>
      <c r="W5222" s="19"/>
      <c r="X5222" s="19">
        <v>1</v>
      </c>
      <c r="Y5222" s="19"/>
      <c r="Z5222" s="19"/>
      <c r="AA5222" s="19"/>
    </row>
    <row r="5223" spans="1:27" s="1" customFormat="1" ht="14.1" customHeight="1" outlineLevel="2" x14ac:dyDescent="0.2">
      <c r="A5223" s="17"/>
      <c r="B5223" s="17"/>
      <c r="C5223" s="17"/>
      <c r="D5223" s="18"/>
      <c r="E5223" s="18"/>
      <c r="F5223" s="18"/>
      <c r="G5223" s="18"/>
      <c r="H5223" s="18"/>
      <c r="I5223" s="18"/>
      <c r="J5223" s="18"/>
      <c r="K5223" s="18"/>
      <c r="L5223" s="18"/>
      <c r="M5223" s="18"/>
      <c r="N5223" s="18"/>
      <c r="O5223" s="18"/>
      <c r="P5223" s="19"/>
      <c r="Q5223" s="19"/>
      <c r="R5223" s="19"/>
      <c r="S5223" s="19"/>
      <c r="T5223" s="19"/>
      <c r="U5223" s="19"/>
      <c r="V5223" s="19"/>
      <c r="W5223" s="19"/>
      <c r="X5223" s="19"/>
      <c r="Y5223" s="19"/>
      <c r="Z5223" s="19"/>
      <c r="AA5223" s="19"/>
    </row>
    <row r="5224" spans="1:27" s="1" customFormat="1" ht="14.1" customHeight="1" outlineLevel="2" x14ac:dyDescent="0.2">
      <c r="A5224" s="17">
        <v>14597</v>
      </c>
      <c r="B5224" s="17"/>
      <c r="C5224" s="17"/>
      <c r="D5224" s="18" t="s">
        <v>2598</v>
      </c>
      <c r="E5224" s="18"/>
      <c r="F5224" s="18"/>
      <c r="G5224" s="18"/>
      <c r="H5224" s="18"/>
      <c r="I5224" s="18"/>
      <c r="J5224" s="18"/>
      <c r="K5224" s="18"/>
      <c r="L5224" s="18"/>
      <c r="M5224" s="18"/>
      <c r="N5224" s="18"/>
      <c r="O5224" s="18"/>
      <c r="P5224" s="20">
        <v>2200</v>
      </c>
      <c r="Q5224" s="20"/>
      <c r="R5224" s="20"/>
      <c r="S5224" s="20"/>
      <c r="T5224" s="20">
        <v>2000</v>
      </c>
      <c r="U5224" s="20"/>
      <c r="V5224" s="20"/>
      <c r="W5224" s="20"/>
      <c r="X5224" s="19">
        <v>1</v>
      </c>
      <c r="Y5224" s="19"/>
      <c r="Z5224" s="19"/>
      <c r="AA5224" s="19"/>
    </row>
    <row r="5225" spans="1:27" s="1" customFormat="1" ht="14.1" customHeight="1" outlineLevel="2" x14ac:dyDescent="0.2">
      <c r="A5225" s="17"/>
      <c r="B5225" s="17"/>
      <c r="C5225" s="17"/>
      <c r="D5225" s="18"/>
      <c r="E5225" s="18"/>
      <c r="F5225" s="18"/>
      <c r="G5225" s="18"/>
      <c r="H5225" s="18"/>
      <c r="I5225" s="18"/>
      <c r="J5225" s="18"/>
      <c r="K5225" s="18"/>
      <c r="L5225" s="18"/>
      <c r="M5225" s="18"/>
      <c r="N5225" s="18"/>
      <c r="O5225" s="18"/>
      <c r="P5225" s="20"/>
      <c r="Q5225" s="20"/>
      <c r="R5225" s="20"/>
      <c r="S5225" s="20"/>
      <c r="T5225" s="20"/>
      <c r="U5225" s="20"/>
      <c r="V5225" s="20"/>
      <c r="W5225" s="20"/>
      <c r="X5225" s="19"/>
      <c r="Y5225" s="19"/>
      <c r="Z5225" s="19"/>
      <c r="AA5225" s="19"/>
    </row>
    <row r="5226" spans="1:27" s="1" customFormat="1" ht="11.1" customHeight="1" outlineLevel="2" x14ac:dyDescent="0.2">
      <c r="A5226" s="17">
        <v>931</v>
      </c>
      <c r="B5226" s="17"/>
      <c r="C5226" s="17"/>
      <c r="D5226" s="18" t="s">
        <v>2599</v>
      </c>
      <c r="E5226" s="18"/>
      <c r="F5226" s="18"/>
      <c r="G5226" s="18"/>
      <c r="H5226" s="18"/>
      <c r="I5226" s="18"/>
      <c r="J5226" s="18"/>
      <c r="K5226" s="18"/>
      <c r="L5226" s="18"/>
      <c r="M5226" s="18"/>
      <c r="N5226" s="18"/>
      <c r="O5226" s="18"/>
      <c r="P5226" s="19">
        <v>400</v>
      </c>
      <c r="Q5226" s="19"/>
      <c r="R5226" s="19"/>
      <c r="S5226" s="19"/>
      <c r="T5226" s="19">
        <v>350</v>
      </c>
      <c r="U5226" s="19"/>
      <c r="V5226" s="19"/>
      <c r="W5226" s="19"/>
      <c r="X5226" s="19">
        <v>1</v>
      </c>
      <c r="Y5226" s="19"/>
      <c r="Z5226" s="19"/>
      <c r="AA5226" s="19"/>
    </row>
    <row r="5227" spans="1:27" s="1" customFormat="1" ht="11.1" customHeight="1" outlineLevel="2" x14ac:dyDescent="0.2">
      <c r="A5227" s="17"/>
      <c r="B5227" s="17"/>
      <c r="C5227" s="17"/>
      <c r="D5227" s="18"/>
      <c r="E5227" s="18"/>
      <c r="F5227" s="18"/>
      <c r="G5227" s="18"/>
      <c r="H5227" s="18"/>
      <c r="I5227" s="18"/>
      <c r="J5227" s="18"/>
      <c r="K5227" s="18"/>
      <c r="L5227" s="18"/>
      <c r="M5227" s="18"/>
      <c r="N5227" s="18"/>
      <c r="O5227" s="18"/>
      <c r="P5227" s="19"/>
      <c r="Q5227" s="19"/>
      <c r="R5227" s="19"/>
      <c r="S5227" s="19"/>
      <c r="T5227" s="19"/>
      <c r="U5227" s="19"/>
      <c r="V5227" s="19"/>
      <c r="W5227" s="19"/>
      <c r="X5227" s="19"/>
      <c r="Y5227" s="19"/>
      <c r="Z5227" s="19"/>
      <c r="AA5227" s="19"/>
    </row>
    <row r="5228" spans="1:27" s="1" customFormat="1" ht="11.1" customHeight="1" outlineLevel="2" x14ac:dyDescent="0.2">
      <c r="A5228" s="17">
        <v>927</v>
      </c>
      <c r="B5228" s="17"/>
      <c r="C5228" s="17"/>
      <c r="D5228" s="18" t="s">
        <v>2600</v>
      </c>
      <c r="E5228" s="18"/>
      <c r="F5228" s="18"/>
      <c r="G5228" s="18"/>
      <c r="H5228" s="18"/>
      <c r="I5228" s="18"/>
      <c r="J5228" s="18"/>
      <c r="K5228" s="18"/>
      <c r="L5228" s="18"/>
      <c r="M5228" s="18"/>
      <c r="N5228" s="18"/>
      <c r="O5228" s="18"/>
      <c r="P5228" s="19">
        <v>300</v>
      </c>
      <c r="Q5228" s="19"/>
      <c r="R5228" s="19"/>
      <c r="S5228" s="19"/>
      <c r="T5228" s="19">
        <v>250</v>
      </c>
      <c r="U5228" s="19"/>
      <c r="V5228" s="19"/>
      <c r="W5228" s="19"/>
      <c r="X5228" s="19">
        <v>1</v>
      </c>
      <c r="Y5228" s="19"/>
      <c r="Z5228" s="19"/>
      <c r="AA5228" s="19"/>
    </row>
    <row r="5229" spans="1:27" s="1" customFormat="1" ht="11.1" customHeight="1" outlineLevel="2" x14ac:dyDescent="0.2">
      <c r="A5229" s="17"/>
      <c r="B5229" s="17"/>
      <c r="C5229" s="17"/>
      <c r="D5229" s="18"/>
      <c r="E5229" s="18"/>
      <c r="F5229" s="18"/>
      <c r="G5229" s="18"/>
      <c r="H5229" s="18"/>
      <c r="I5229" s="18"/>
      <c r="J5229" s="18"/>
      <c r="K5229" s="18"/>
      <c r="L5229" s="18"/>
      <c r="M5229" s="18"/>
      <c r="N5229" s="18"/>
      <c r="O5229" s="18"/>
      <c r="P5229" s="19"/>
      <c r="Q5229" s="19"/>
      <c r="R5229" s="19"/>
      <c r="S5229" s="19"/>
      <c r="T5229" s="19"/>
      <c r="U5229" s="19"/>
      <c r="V5229" s="19"/>
      <c r="W5229" s="19"/>
      <c r="X5229" s="19"/>
      <c r="Y5229" s="19"/>
      <c r="Z5229" s="19"/>
      <c r="AA5229" s="19"/>
    </row>
    <row r="5230" spans="1:27" s="1" customFormat="1" ht="11.1" customHeight="1" outlineLevel="2" x14ac:dyDescent="0.2">
      <c r="A5230" s="17">
        <v>914</v>
      </c>
      <c r="B5230" s="17"/>
      <c r="C5230" s="17"/>
      <c r="D5230" s="18" t="s">
        <v>2601</v>
      </c>
      <c r="E5230" s="18"/>
      <c r="F5230" s="18"/>
      <c r="G5230" s="18"/>
      <c r="H5230" s="18"/>
      <c r="I5230" s="18"/>
      <c r="J5230" s="18"/>
      <c r="K5230" s="18"/>
      <c r="L5230" s="18"/>
      <c r="M5230" s="18"/>
      <c r="N5230" s="18"/>
      <c r="O5230" s="18"/>
      <c r="P5230" s="19">
        <v>400</v>
      </c>
      <c r="Q5230" s="19"/>
      <c r="R5230" s="19"/>
      <c r="S5230" s="19"/>
      <c r="T5230" s="19">
        <v>350</v>
      </c>
      <c r="U5230" s="19"/>
      <c r="V5230" s="19"/>
      <c r="W5230" s="19"/>
      <c r="X5230" s="19">
        <v>1</v>
      </c>
      <c r="Y5230" s="19"/>
      <c r="Z5230" s="19"/>
      <c r="AA5230" s="19"/>
    </row>
    <row r="5231" spans="1:27" s="1" customFormat="1" ht="11.1" customHeight="1" outlineLevel="2" x14ac:dyDescent="0.2">
      <c r="A5231" s="17"/>
      <c r="B5231" s="17"/>
      <c r="C5231" s="17"/>
      <c r="D5231" s="18"/>
      <c r="E5231" s="18"/>
      <c r="F5231" s="18"/>
      <c r="G5231" s="18"/>
      <c r="H5231" s="18"/>
      <c r="I5231" s="18"/>
      <c r="J5231" s="18"/>
      <c r="K5231" s="18"/>
      <c r="L5231" s="18"/>
      <c r="M5231" s="18"/>
      <c r="N5231" s="18"/>
      <c r="O5231" s="18"/>
      <c r="P5231" s="19"/>
      <c r="Q5231" s="19"/>
      <c r="R5231" s="19"/>
      <c r="S5231" s="19"/>
      <c r="T5231" s="19"/>
      <c r="U5231" s="19"/>
      <c r="V5231" s="19"/>
      <c r="W5231" s="19"/>
      <c r="X5231" s="19"/>
      <c r="Y5231" s="19"/>
      <c r="Z5231" s="19"/>
      <c r="AA5231" s="19"/>
    </row>
    <row r="5232" spans="1:27" s="1" customFormat="1" ht="11.1" customHeight="1" outlineLevel="2" x14ac:dyDescent="0.2">
      <c r="A5232" s="17">
        <v>933</v>
      </c>
      <c r="B5232" s="17"/>
      <c r="C5232" s="17"/>
      <c r="D5232" s="18" t="s">
        <v>2602</v>
      </c>
      <c r="E5232" s="18"/>
      <c r="F5232" s="18"/>
      <c r="G5232" s="18"/>
      <c r="H5232" s="18"/>
      <c r="I5232" s="18"/>
      <c r="J5232" s="18"/>
      <c r="K5232" s="18"/>
      <c r="L5232" s="18"/>
      <c r="M5232" s="18"/>
      <c r="N5232" s="18"/>
      <c r="O5232" s="18"/>
      <c r="P5232" s="19">
        <v>200</v>
      </c>
      <c r="Q5232" s="19"/>
      <c r="R5232" s="19"/>
      <c r="S5232" s="19"/>
      <c r="T5232" s="19">
        <v>150</v>
      </c>
      <c r="U5232" s="19"/>
      <c r="V5232" s="19"/>
      <c r="W5232" s="19"/>
      <c r="X5232" s="19">
        <v>1</v>
      </c>
      <c r="Y5232" s="19"/>
      <c r="Z5232" s="19"/>
      <c r="AA5232" s="19"/>
    </row>
    <row r="5233" spans="1:27" s="1" customFormat="1" ht="11.1" customHeight="1" outlineLevel="2" x14ac:dyDescent="0.2">
      <c r="A5233" s="17"/>
      <c r="B5233" s="17"/>
      <c r="C5233" s="17"/>
      <c r="D5233" s="18"/>
      <c r="E5233" s="18"/>
      <c r="F5233" s="18"/>
      <c r="G5233" s="18"/>
      <c r="H5233" s="18"/>
      <c r="I5233" s="18"/>
      <c r="J5233" s="18"/>
      <c r="K5233" s="18"/>
      <c r="L5233" s="18"/>
      <c r="M5233" s="18"/>
      <c r="N5233" s="18"/>
      <c r="O5233" s="18"/>
      <c r="P5233" s="19"/>
      <c r="Q5233" s="19"/>
      <c r="R5233" s="19"/>
      <c r="S5233" s="19"/>
      <c r="T5233" s="19"/>
      <c r="U5233" s="19"/>
      <c r="V5233" s="19"/>
      <c r="W5233" s="19"/>
      <c r="X5233" s="19"/>
      <c r="Y5233" s="19"/>
      <c r="Z5233" s="19"/>
      <c r="AA5233" s="19"/>
    </row>
    <row r="5234" spans="1:27" s="1" customFormat="1" ht="11.1" customHeight="1" outlineLevel="2" x14ac:dyDescent="0.2">
      <c r="A5234" s="17">
        <v>1440</v>
      </c>
      <c r="B5234" s="17"/>
      <c r="C5234" s="17"/>
      <c r="D5234" s="18" t="s">
        <v>2603</v>
      </c>
      <c r="E5234" s="18"/>
      <c r="F5234" s="18"/>
      <c r="G5234" s="18"/>
      <c r="H5234" s="18"/>
      <c r="I5234" s="18"/>
      <c r="J5234" s="18"/>
      <c r="K5234" s="18"/>
      <c r="L5234" s="18"/>
      <c r="M5234" s="18"/>
      <c r="N5234" s="18"/>
      <c r="O5234" s="18"/>
      <c r="P5234" s="19">
        <v>250</v>
      </c>
      <c r="Q5234" s="19"/>
      <c r="R5234" s="19"/>
      <c r="S5234" s="19"/>
      <c r="T5234" s="19">
        <v>190</v>
      </c>
      <c r="U5234" s="19"/>
      <c r="V5234" s="19"/>
      <c r="W5234" s="19"/>
      <c r="X5234" s="19">
        <v>1</v>
      </c>
      <c r="Y5234" s="19"/>
      <c r="Z5234" s="19"/>
      <c r="AA5234" s="19"/>
    </row>
    <row r="5235" spans="1:27" s="1" customFormat="1" ht="11.1" customHeight="1" outlineLevel="2" x14ac:dyDescent="0.2">
      <c r="A5235" s="17"/>
      <c r="B5235" s="17"/>
      <c r="C5235" s="17"/>
      <c r="D5235" s="18"/>
      <c r="E5235" s="18"/>
      <c r="F5235" s="18"/>
      <c r="G5235" s="18"/>
      <c r="H5235" s="18"/>
      <c r="I5235" s="18"/>
      <c r="J5235" s="18"/>
      <c r="K5235" s="18"/>
      <c r="L5235" s="18"/>
      <c r="M5235" s="18"/>
      <c r="N5235" s="18"/>
      <c r="O5235" s="18"/>
      <c r="P5235" s="19"/>
      <c r="Q5235" s="19"/>
      <c r="R5235" s="19"/>
      <c r="S5235" s="19"/>
      <c r="T5235" s="19"/>
      <c r="U5235" s="19"/>
      <c r="V5235" s="19"/>
      <c r="W5235" s="19"/>
      <c r="X5235" s="19"/>
      <c r="Y5235" s="19"/>
      <c r="Z5235" s="19"/>
      <c r="AA5235" s="19"/>
    </row>
    <row r="5236" spans="1:27" s="1" customFormat="1" ht="14.1" customHeight="1" outlineLevel="2" x14ac:dyDescent="0.2">
      <c r="A5236" s="17">
        <v>4874</v>
      </c>
      <c r="B5236" s="17"/>
      <c r="C5236" s="17"/>
      <c r="D5236" s="18" t="s">
        <v>2604</v>
      </c>
      <c r="E5236" s="18"/>
      <c r="F5236" s="18"/>
      <c r="G5236" s="18"/>
      <c r="H5236" s="18"/>
      <c r="I5236" s="18"/>
      <c r="J5236" s="18"/>
      <c r="K5236" s="18"/>
      <c r="L5236" s="18"/>
      <c r="M5236" s="18"/>
      <c r="N5236" s="18"/>
      <c r="O5236" s="18"/>
      <c r="P5236" s="19">
        <v>250</v>
      </c>
      <c r="Q5236" s="19"/>
      <c r="R5236" s="19"/>
      <c r="S5236" s="19"/>
      <c r="T5236" s="19">
        <v>200</v>
      </c>
      <c r="U5236" s="19"/>
      <c r="V5236" s="19"/>
      <c r="W5236" s="19"/>
      <c r="X5236" s="19">
        <v>1</v>
      </c>
      <c r="Y5236" s="19"/>
      <c r="Z5236" s="19"/>
      <c r="AA5236" s="19"/>
    </row>
    <row r="5237" spans="1:27" s="1" customFormat="1" ht="14.1" customHeight="1" outlineLevel="2" x14ac:dyDescent="0.2">
      <c r="A5237" s="17"/>
      <c r="B5237" s="17"/>
      <c r="C5237" s="17"/>
      <c r="D5237" s="18"/>
      <c r="E5237" s="18"/>
      <c r="F5237" s="18"/>
      <c r="G5237" s="18"/>
      <c r="H5237" s="18"/>
      <c r="I5237" s="18"/>
      <c r="J5237" s="18"/>
      <c r="K5237" s="18"/>
      <c r="L5237" s="18"/>
      <c r="M5237" s="18"/>
      <c r="N5237" s="18"/>
      <c r="O5237" s="18"/>
      <c r="P5237" s="19"/>
      <c r="Q5237" s="19"/>
      <c r="R5237" s="19"/>
      <c r="S5237" s="19"/>
      <c r="T5237" s="19"/>
      <c r="U5237" s="19"/>
      <c r="V5237" s="19"/>
      <c r="W5237" s="19"/>
      <c r="X5237" s="19"/>
      <c r="Y5237" s="19"/>
      <c r="Z5237" s="19"/>
      <c r="AA5237" s="19"/>
    </row>
    <row r="5238" spans="1:27" s="1" customFormat="1" ht="14.1" customHeight="1" outlineLevel="2" x14ac:dyDescent="0.2">
      <c r="A5238" s="17">
        <v>4873</v>
      </c>
      <c r="B5238" s="17"/>
      <c r="C5238" s="17"/>
      <c r="D5238" s="18" t="s">
        <v>2605</v>
      </c>
      <c r="E5238" s="18"/>
      <c r="F5238" s="18"/>
      <c r="G5238" s="18"/>
      <c r="H5238" s="18"/>
      <c r="I5238" s="18"/>
      <c r="J5238" s="18"/>
      <c r="K5238" s="18"/>
      <c r="L5238" s="18"/>
      <c r="M5238" s="18"/>
      <c r="N5238" s="18"/>
      <c r="O5238" s="18"/>
      <c r="P5238" s="19">
        <v>250</v>
      </c>
      <c r="Q5238" s="19"/>
      <c r="R5238" s="19"/>
      <c r="S5238" s="19"/>
      <c r="T5238" s="19">
        <v>200</v>
      </c>
      <c r="U5238" s="19"/>
      <c r="V5238" s="19"/>
      <c r="W5238" s="19"/>
      <c r="X5238" s="19">
        <v>1</v>
      </c>
      <c r="Y5238" s="19"/>
      <c r="Z5238" s="19"/>
      <c r="AA5238" s="19"/>
    </row>
    <row r="5239" spans="1:27" s="1" customFormat="1" ht="14.1" customHeight="1" outlineLevel="2" x14ac:dyDescent="0.2">
      <c r="A5239" s="17"/>
      <c r="B5239" s="17"/>
      <c r="C5239" s="17"/>
      <c r="D5239" s="18"/>
      <c r="E5239" s="18"/>
      <c r="F5239" s="18"/>
      <c r="G5239" s="18"/>
      <c r="H5239" s="18"/>
      <c r="I5239" s="18"/>
      <c r="J5239" s="18"/>
      <c r="K5239" s="18"/>
      <c r="L5239" s="18"/>
      <c r="M5239" s="18"/>
      <c r="N5239" s="18"/>
      <c r="O5239" s="18"/>
      <c r="P5239" s="19"/>
      <c r="Q5239" s="19"/>
      <c r="R5239" s="19"/>
      <c r="S5239" s="19"/>
      <c r="T5239" s="19"/>
      <c r="U5239" s="19"/>
      <c r="V5239" s="19"/>
      <c r="W5239" s="19"/>
      <c r="X5239" s="19"/>
      <c r="Y5239" s="19"/>
      <c r="Z5239" s="19"/>
      <c r="AA5239" s="19"/>
    </row>
    <row r="5240" spans="1:27" s="1" customFormat="1" ht="11.1" customHeight="1" outlineLevel="2" x14ac:dyDescent="0.2">
      <c r="A5240" s="17">
        <v>945</v>
      </c>
      <c r="B5240" s="17"/>
      <c r="C5240" s="17"/>
      <c r="D5240" s="18" t="s">
        <v>2606</v>
      </c>
      <c r="E5240" s="18"/>
      <c r="F5240" s="18"/>
      <c r="G5240" s="18"/>
      <c r="H5240" s="18"/>
      <c r="I5240" s="18"/>
      <c r="J5240" s="18"/>
      <c r="K5240" s="18"/>
      <c r="L5240" s="18"/>
      <c r="M5240" s="18"/>
      <c r="N5240" s="18"/>
      <c r="O5240" s="18"/>
      <c r="P5240" s="19">
        <v>100</v>
      </c>
      <c r="Q5240" s="19"/>
      <c r="R5240" s="19"/>
      <c r="S5240" s="19"/>
      <c r="T5240" s="19">
        <v>80</v>
      </c>
      <c r="U5240" s="19"/>
      <c r="V5240" s="19"/>
      <c r="W5240" s="19"/>
      <c r="X5240" s="19">
        <v>1</v>
      </c>
      <c r="Y5240" s="19"/>
      <c r="Z5240" s="19"/>
      <c r="AA5240" s="19"/>
    </row>
    <row r="5241" spans="1:27" s="1" customFormat="1" ht="11.1" customHeight="1" outlineLevel="2" x14ac:dyDescent="0.2">
      <c r="A5241" s="17"/>
      <c r="B5241" s="17"/>
      <c r="C5241" s="17"/>
      <c r="D5241" s="18"/>
      <c r="E5241" s="18"/>
      <c r="F5241" s="18"/>
      <c r="G5241" s="18"/>
      <c r="H5241" s="18"/>
      <c r="I5241" s="18"/>
      <c r="J5241" s="18"/>
      <c r="K5241" s="18"/>
      <c r="L5241" s="18"/>
      <c r="M5241" s="18"/>
      <c r="N5241" s="18"/>
      <c r="O5241" s="18"/>
      <c r="P5241" s="19"/>
      <c r="Q5241" s="19"/>
      <c r="R5241" s="19"/>
      <c r="S5241" s="19"/>
      <c r="T5241" s="19"/>
      <c r="U5241" s="19"/>
      <c r="V5241" s="19"/>
      <c r="W5241" s="19"/>
      <c r="X5241" s="19"/>
      <c r="Y5241" s="19"/>
      <c r="Z5241" s="19"/>
      <c r="AA5241" s="19"/>
    </row>
    <row r="5242" spans="1:27" s="1" customFormat="1" ht="11.1" customHeight="1" outlineLevel="2" x14ac:dyDescent="0.2">
      <c r="A5242" s="17">
        <v>944</v>
      </c>
      <c r="B5242" s="17"/>
      <c r="C5242" s="17"/>
      <c r="D5242" s="18" t="s">
        <v>2607</v>
      </c>
      <c r="E5242" s="18"/>
      <c r="F5242" s="18"/>
      <c r="G5242" s="18"/>
      <c r="H5242" s="18"/>
      <c r="I5242" s="18"/>
      <c r="J5242" s="18"/>
      <c r="K5242" s="18"/>
      <c r="L5242" s="18"/>
      <c r="M5242" s="18"/>
      <c r="N5242" s="18"/>
      <c r="O5242" s="18"/>
      <c r="P5242" s="19">
        <v>100</v>
      </c>
      <c r="Q5242" s="19"/>
      <c r="R5242" s="19"/>
      <c r="S5242" s="19"/>
      <c r="T5242" s="19">
        <v>80</v>
      </c>
      <c r="U5242" s="19"/>
      <c r="V5242" s="19"/>
      <c r="W5242" s="19"/>
      <c r="X5242" s="19">
        <v>1</v>
      </c>
      <c r="Y5242" s="19"/>
      <c r="Z5242" s="19"/>
      <c r="AA5242" s="19"/>
    </row>
    <row r="5243" spans="1:27" s="1" customFormat="1" ht="11.1" customHeight="1" outlineLevel="2" x14ac:dyDescent="0.2">
      <c r="A5243" s="17"/>
      <c r="B5243" s="17"/>
      <c r="C5243" s="17"/>
      <c r="D5243" s="18"/>
      <c r="E5243" s="18"/>
      <c r="F5243" s="18"/>
      <c r="G5243" s="18"/>
      <c r="H5243" s="18"/>
      <c r="I5243" s="18"/>
      <c r="J5243" s="18"/>
      <c r="K5243" s="18"/>
      <c r="L5243" s="18"/>
      <c r="M5243" s="18"/>
      <c r="N5243" s="18"/>
      <c r="O5243" s="18"/>
      <c r="P5243" s="19"/>
      <c r="Q5243" s="19"/>
      <c r="R5243" s="19"/>
      <c r="S5243" s="19"/>
      <c r="T5243" s="19"/>
      <c r="U5243" s="19"/>
      <c r="V5243" s="19"/>
      <c r="W5243" s="19"/>
      <c r="X5243" s="19"/>
      <c r="Y5243" s="19"/>
      <c r="Z5243" s="19"/>
      <c r="AA5243" s="19"/>
    </row>
    <row r="5244" spans="1:27" s="1" customFormat="1" ht="11.1" customHeight="1" outlineLevel="2" x14ac:dyDescent="0.2">
      <c r="A5244" s="17">
        <v>941</v>
      </c>
      <c r="B5244" s="17"/>
      <c r="C5244" s="17"/>
      <c r="D5244" s="18" t="s">
        <v>2608</v>
      </c>
      <c r="E5244" s="18"/>
      <c r="F5244" s="18"/>
      <c r="G5244" s="18"/>
      <c r="H5244" s="18"/>
      <c r="I5244" s="18"/>
      <c r="J5244" s="18"/>
      <c r="K5244" s="18"/>
      <c r="L5244" s="18"/>
      <c r="M5244" s="18"/>
      <c r="N5244" s="18"/>
      <c r="O5244" s="18"/>
      <c r="P5244" s="19">
        <v>150</v>
      </c>
      <c r="Q5244" s="19"/>
      <c r="R5244" s="19"/>
      <c r="S5244" s="19"/>
      <c r="T5244" s="19">
        <v>110</v>
      </c>
      <c r="U5244" s="19"/>
      <c r="V5244" s="19"/>
      <c r="W5244" s="19"/>
      <c r="X5244" s="19">
        <v>3</v>
      </c>
      <c r="Y5244" s="19"/>
      <c r="Z5244" s="19"/>
      <c r="AA5244" s="19"/>
    </row>
    <row r="5245" spans="1:27" s="1" customFormat="1" ht="11.1" customHeight="1" outlineLevel="2" x14ac:dyDescent="0.2">
      <c r="A5245" s="17"/>
      <c r="B5245" s="17"/>
      <c r="C5245" s="17"/>
      <c r="D5245" s="18"/>
      <c r="E5245" s="18"/>
      <c r="F5245" s="18"/>
      <c r="G5245" s="18"/>
      <c r="H5245" s="18"/>
      <c r="I5245" s="18"/>
      <c r="J5245" s="18"/>
      <c r="K5245" s="18"/>
      <c r="L5245" s="18"/>
      <c r="M5245" s="18"/>
      <c r="N5245" s="18"/>
      <c r="O5245" s="18"/>
      <c r="P5245" s="19"/>
      <c r="Q5245" s="19"/>
      <c r="R5245" s="19"/>
      <c r="S5245" s="19"/>
      <c r="T5245" s="19"/>
      <c r="U5245" s="19"/>
      <c r="V5245" s="19"/>
      <c r="W5245" s="19"/>
      <c r="X5245" s="19"/>
      <c r="Y5245" s="19"/>
      <c r="Z5245" s="19"/>
      <c r="AA5245" s="19"/>
    </row>
    <row r="5246" spans="1:27" s="1" customFormat="1" ht="11.1" customHeight="1" outlineLevel="2" x14ac:dyDescent="0.2">
      <c r="A5246" s="17">
        <v>942</v>
      </c>
      <c r="B5246" s="17"/>
      <c r="C5246" s="17"/>
      <c r="D5246" s="18" t="s">
        <v>2609</v>
      </c>
      <c r="E5246" s="18"/>
      <c r="F5246" s="18"/>
      <c r="G5246" s="18"/>
      <c r="H5246" s="18"/>
      <c r="I5246" s="18"/>
      <c r="J5246" s="18"/>
      <c r="K5246" s="18"/>
      <c r="L5246" s="18"/>
      <c r="M5246" s="18"/>
      <c r="N5246" s="18"/>
      <c r="O5246" s="18"/>
      <c r="P5246" s="19">
        <v>150</v>
      </c>
      <c r="Q5246" s="19"/>
      <c r="R5246" s="19"/>
      <c r="S5246" s="19"/>
      <c r="T5246" s="19">
        <v>110</v>
      </c>
      <c r="U5246" s="19"/>
      <c r="V5246" s="19"/>
      <c r="W5246" s="19"/>
      <c r="X5246" s="19">
        <v>1</v>
      </c>
      <c r="Y5246" s="19"/>
      <c r="Z5246" s="19"/>
      <c r="AA5246" s="19"/>
    </row>
    <row r="5247" spans="1:27" s="1" customFormat="1" ht="11.1" customHeight="1" outlineLevel="2" x14ac:dyDescent="0.2">
      <c r="A5247" s="17"/>
      <c r="B5247" s="17"/>
      <c r="C5247" s="17"/>
      <c r="D5247" s="18"/>
      <c r="E5247" s="18"/>
      <c r="F5247" s="18"/>
      <c r="G5247" s="18"/>
      <c r="H5247" s="18"/>
      <c r="I5247" s="18"/>
      <c r="J5247" s="18"/>
      <c r="K5247" s="18"/>
      <c r="L5247" s="18"/>
      <c r="M5247" s="18"/>
      <c r="N5247" s="18"/>
      <c r="O5247" s="18"/>
      <c r="P5247" s="19"/>
      <c r="Q5247" s="19"/>
      <c r="R5247" s="19"/>
      <c r="S5247" s="19"/>
      <c r="T5247" s="19"/>
      <c r="U5247" s="19"/>
      <c r="V5247" s="19"/>
      <c r="W5247" s="19"/>
      <c r="X5247" s="19"/>
      <c r="Y5247" s="19"/>
      <c r="Z5247" s="19"/>
      <c r="AA5247" s="19"/>
    </row>
    <row r="5248" spans="1:27" s="1" customFormat="1" ht="11.1" customHeight="1" outlineLevel="2" x14ac:dyDescent="0.2">
      <c r="A5248" s="17">
        <v>940</v>
      </c>
      <c r="B5248" s="17"/>
      <c r="C5248" s="17"/>
      <c r="D5248" s="18" t="s">
        <v>2610</v>
      </c>
      <c r="E5248" s="18"/>
      <c r="F5248" s="18"/>
      <c r="G5248" s="18"/>
      <c r="H5248" s="18"/>
      <c r="I5248" s="18"/>
      <c r="J5248" s="18"/>
      <c r="K5248" s="18"/>
      <c r="L5248" s="18"/>
      <c r="M5248" s="18"/>
      <c r="N5248" s="18"/>
      <c r="O5248" s="18"/>
      <c r="P5248" s="19">
        <v>150</v>
      </c>
      <c r="Q5248" s="19"/>
      <c r="R5248" s="19"/>
      <c r="S5248" s="19"/>
      <c r="T5248" s="19">
        <v>120</v>
      </c>
      <c r="U5248" s="19"/>
      <c r="V5248" s="19"/>
      <c r="W5248" s="19"/>
      <c r="X5248" s="19">
        <v>1</v>
      </c>
      <c r="Y5248" s="19"/>
      <c r="Z5248" s="19"/>
      <c r="AA5248" s="19"/>
    </row>
    <row r="5249" spans="1:27" s="1" customFormat="1" ht="11.1" customHeight="1" outlineLevel="2" x14ac:dyDescent="0.2">
      <c r="A5249" s="17"/>
      <c r="B5249" s="17"/>
      <c r="C5249" s="17"/>
      <c r="D5249" s="18"/>
      <c r="E5249" s="18"/>
      <c r="F5249" s="18"/>
      <c r="G5249" s="18"/>
      <c r="H5249" s="18"/>
      <c r="I5249" s="18"/>
      <c r="J5249" s="18"/>
      <c r="K5249" s="18"/>
      <c r="L5249" s="18"/>
      <c r="M5249" s="18"/>
      <c r="N5249" s="18"/>
      <c r="O5249" s="18"/>
      <c r="P5249" s="19"/>
      <c r="Q5249" s="19"/>
      <c r="R5249" s="19"/>
      <c r="S5249" s="19"/>
      <c r="T5249" s="19"/>
      <c r="U5249" s="19"/>
      <c r="V5249" s="19"/>
      <c r="W5249" s="19"/>
      <c r="X5249" s="19"/>
      <c r="Y5249" s="19"/>
      <c r="Z5249" s="19"/>
      <c r="AA5249" s="19"/>
    </row>
    <row r="5250" spans="1:27" s="1" customFormat="1" ht="14.1" customHeight="1" outlineLevel="2" x14ac:dyDescent="0.2">
      <c r="A5250" s="17">
        <v>12623</v>
      </c>
      <c r="B5250" s="17"/>
      <c r="C5250" s="17"/>
      <c r="D5250" s="18" t="s">
        <v>2611</v>
      </c>
      <c r="E5250" s="18"/>
      <c r="F5250" s="18"/>
      <c r="G5250" s="18"/>
      <c r="H5250" s="18"/>
      <c r="I5250" s="18"/>
      <c r="J5250" s="18"/>
      <c r="K5250" s="18"/>
      <c r="L5250" s="18"/>
      <c r="M5250" s="18"/>
      <c r="N5250" s="18"/>
      <c r="O5250" s="18"/>
      <c r="P5250" s="19">
        <v>120</v>
      </c>
      <c r="Q5250" s="19"/>
      <c r="R5250" s="19"/>
      <c r="S5250" s="19"/>
      <c r="T5250" s="19">
        <v>90</v>
      </c>
      <c r="U5250" s="19"/>
      <c r="V5250" s="19"/>
      <c r="W5250" s="19"/>
      <c r="X5250" s="19">
        <v>2</v>
      </c>
      <c r="Y5250" s="19"/>
      <c r="Z5250" s="19"/>
      <c r="AA5250" s="19"/>
    </row>
    <row r="5251" spans="1:27" s="1" customFormat="1" ht="14.1" customHeight="1" outlineLevel="2" x14ac:dyDescent="0.2">
      <c r="A5251" s="17"/>
      <c r="B5251" s="17"/>
      <c r="C5251" s="17"/>
      <c r="D5251" s="18"/>
      <c r="E5251" s="18"/>
      <c r="F5251" s="18"/>
      <c r="G5251" s="18"/>
      <c r="H5251" s="18"/>
      <c r="I5251" s="18"/>
      <c r="J5251" s="18"/>
      <c r="K5251" s="18"/>
      <c r="L5251" s="18"/>
      <c r="M5251" s="18"/>
      <c r="N5251" s="18"/>
      <c r="O5251" s="18"/>
      <c r="P5251" s="19"/>
      <c r="Q5251" s="19"/>
      <c r="R5251" s="19"/>
      <c r="S5251" s="19"/>
      <c r="T5251" s="19"/>
      <c r="U5251" s="19"/>
      <c r="V5251" s="19"/>
      <c r="W5251" s="19"/>
      <c r="X5251" s="19"/>
      <c r="Y5251" s="19"/>
      <c r="Z5251" s="19"/>
      <c r="AA5251" s="19"/>
    </row>
    <row r="5252" spans="1:27" s="1" customFormat="1" ht="14.1" customHeight="1" outlineLevel="2" x14ac:dyDescent="0.2">
      <c r="A5252" s="17">
        <v>10308</v>
      </c>
      <c r="B5252" s="17"/>
      <c r="C5252" s="17"/>
      <c r="D5252" s="18" t="s">
        <v>2612</v>
      </c>
      <c r="E5252" s="18"/>
      <c r="F5252" s="18"/>
      <c r="G5252" s="18"/>
      <c r="H5252" s="18"/>
      <c r="I5252" s="18"/>
      <c r="J5252" s="18"/>
      <c r="K5252" s="18"/>
      <c r="L5252" s="18"/>
      <c r="M5252" s="18"/>
      <c r="N5252" s="18"/>
      <c r="O5252" s="18"/>
      <c r="P5252" s="19">
        <v>160</v>
      </c>
      <c r="Q5252" s="19"/>
      <c r="R5252" s="19"/>
      <c r="S5252" s="19"/>
      <c r="T5252" s="19">
        <v>120</v>
      </c>
      <c r="U5252" s="19"/>
      <c r="V5252" s="19"/>
      <c r="W5252" s="19"/>
      <c r="X5252" s="19">
        <v>1</v>
      </c>
      <c r="Y5252" s="19"/>
      <c r="Z5252" s="19"/>
      <c r="AA5252" s="19"/>
    </row>
    <row r="5253" spans="1:27" s="1" customFormat="1" ht="14.1" customHeight="1" outlineLevel="2" x14ac:dyDescent="0.2">
      <c r="A5253" s="17"/>
      <c r="B5253" s="17"/>
      <c r="C5253" s="17"/>
      <c r="D5253" s="18"/>
      <c r="E5253" s="18"/>
      <c r="F5253" s="18"/>
      <c r="G5253" s="18"/>
      <c r="H5253" s="18"/>
      <c r="I5253" s="18"/>
      <c r="J5253" s="18"/>
      <c r="K5253" s="18"/>
      <c r="L5253" s="18"/>
      <c r="M5253" s="18"/>
      <c r="N5253" s="18"/>
      <c r="O5253" s="18"/>
      <c r="P5253" s="19"/>
      <c r="Q5253" s="19"/>
      <c r="R5253" s="19"/>
      <c r="S5253" s="19"/>
      <c r="T5253" s="19"/>
      <c r="U5253" s="19"/>
      <c r="V5253" s="19"/>
      <c r="W5253" s="19"/>
      <c r="X5253" s="19"/>
      <c r="Y5253" s="19"/>
      <c r="Z5253" s="19"/>
      <c r="AA5253" s="19"/>
    </row>
    <row r="5254" spans="1:27" s="1" customFormat="1" ht="14.1" customHeight="1" outlineLevel="2" x14ac:dyDescent="0.2">
      <c r="A5254" s="17">
        <v>9164</v>
      </c>
      <c r="B5254" s="17"/>
      <c r="C5254" s="17"/>
      <c r="D5254" s="18" t="s">
        <v>2613</v>
      </c>
      <c r="E5254" s="18"/>
      <c r="F5254" s="18"/>
      <c r="G5254" s="18"/>
      <c r="H5254" s="18"/>
      <c r="I5254" s="18"/>
      <c r="J5254" s="18"/>
      <c r="K5254" s="18"/>
      <c r="L5254" s="18"/>
      <c r="M5254" s="18"/>
      <c r="N5254" s="18"/>
      <c r="O5254" s="18"/>
      <c r="P5254" s="19">
        <v>160</v>
      </c>
      <c r="Q5254" s="19"/>
      <c r="R5254" s="19"/>
      <c r="S5254" s="19"/>
      <c r="T5254" s="19">
        <v>120</v>
      </c>
      <c r="U5254" s="19"/>
      <c r="V5254" s="19"/>
      <c r="W5254" s="19"/>
      <c r="X5254" s="19">
        <v>1</v>
      </c>
      <c r="Y5254" s="19"/>
      <c r="Z5254" s="19"/>
      <c r="AA5254" s="19"/>
    </row>
    <row r="5255" spans="1:27" s="1" customFormat="1" ht="14.1" customHeight="1" outlineLevel="2" x14ac:dyDescent="0.2">
      <c r="A5255" s="17"/>
      <c r="B5255" s="17"/>
      <c r="C5255" s="17"/>
      <c r="D5255" s="18"/>
      <c r="E5255" s="18"/>
      <c r="F5255" s="18"/>
      <c r="G5255" s="18"/>
      <c r="H5255" s="18"/>
      <c r="I5255" s="18"/>
      <c r="J5255" s="18"/>
      <c r="K5255" s="18"/>
      <c r="L5255" s="18"/>
      <c r="M5255" s="18"/>
      <c r="N5255" s="18"/>
      <c r="O5255" s="18"/>
      <c r="P5255" s="19"/>
      <c r="Q5255" s="19"/>
      <c r="R5255" s="19"/>
      <c r="S5255" s="19"/>
      <c r="T5255" s="19"/>
      <c r="U5255" s="19"/>
      <c r="V5255" s="19"/>
      <c r="W5255" s="19"/>
      <c r="X5255" s="19"/>
      <c r="Y5255" s="19"/>
      <c r="Z5255" s="19"/>
      <c r="AA5255" s="19"/>
    </row>
    <row r="5256" spans="1:27" s="1" customFormat="1" ht="14.1" customHeight="1" outlineLevel="2" x14ac:dyDescent="0.2">
      <c r="A5256" s="17">
        <v>18110</v>
      </c>
      <c r="B5256" s="17"/>
      <c r="C5256" s="17"/>
      <c r="D5256" s="18" t="s">
        <v>2614</v>
      </c>
      <c r="E5256" s="18"/>
      <c r="F5256" s="18"/>
      <c r="G5256" s="18"/>
      <c r="H5256" s="18"/>
      <c r="I5256" s="18"/>
      <c r="J5256" s="18"/>
      <c r="K5256" s="18"/>
      <c r="L5256" s="18"/>
      <c r="M5256" s="18"/>
      <c r="N5256" s="18"/>
      <c r="O5256" s="18"/>
      <c r="P5256" s="19">
        <v>90</v>
      </c>
      <c r="Q5256" s="19"/>
      <c r="R5256" s="19"/>
      <c r="S5256" s="19"/>
      <c r="T5256" s="19">
        <v>50</v>
      </c>
      <c r="U5256" s="19"/>
      <c r="V5256" s="19"/>
      <c r="W5256" s="19"/>
      <c r="X5256" s="19">
        <v>2</v>
      </c>
      <c r="Y5256" s="19"/>
      <c r="Z5256" s="19"/>
      <c r="AA5256" s="19"/>
    </row>
    <row r="5257" spans="1:27" s="1" customFormat="1" ht="14.1" customHeight="1" outlineLevel="2" x14ac:dyDescent="0.2">
      <c r="A5257" s="17"/>
      <c r="B5257" s="17"/>
      <c r="C5257" s="17"/>
      <c r="D5257" s="18"/>
      <c r="E5257" s="18"/>
      <c r="F5257" s="18"/>
      <c r="G5257" s="18"/>
      <c r="H5257" s="18"/>
      <c r="I5257" s="18"/>
      <c r="J5257" s="18"/>
      <c r="K5257" s="18"/>
      <c r="L5257" s="18"/>
      <c r="M5257" s="18"/>
      <c r="N5257" s="18"/>
      <c r="O5257" s="18"/>
      <c r="P5257" s="19"/>
      <c r="Q5257" s="19"/>
      <c r="R5257" s="19"/>
      <c r="S5257" s="19"/>
      <c r="T5257" s="19"/>
      <c r="U5257" s="19"/>
      <c r="V5257" s="19"/>
      <c r="W5257" s="19"/>
      <c r="X5257" s="19"/>
      <c r="Y5257" s="19"/>
      <c r="Z5257" s="19"/>
      <c r="AA5257" s="19"/>
    </row>
    <row r="5258" spans="1:27" s="1" customFormat="1" ht="14.1" customHeight="1" outlineLevel="2" x14ac:dyDescent="0.2">
      <c r="A5258" s="17">
        <v>13373</v>
      </c>
      <c r="B5258" s="17"/>
      <c r="C5258" s="17"/>
      <c r="D5258" s="18" t="s">
        <v>2615</v>
      </c>
      <c r="E5258" s="18"/>
      <c r="F5258" s="18"/>
      <c r="G5258" s="18"/>
      <c r="H5258" s="18"/>
      <c r="I5258" s="18"/>
      <c r="J5258" s="18"/>
      <c r="K5258" s="18"/>
      <c r="L5258" s="18"/>
      <c r="M5258" s="18"/>
      <c r="N5258" s="18"/>
      <c r="O5258" s="18"/>
      <c r="P5258" s="19">
        <v>240</v>
      </c>
      <c r="Q5258" s="19"/>
      <c r="R5258" s="19"/>
      <c r="S5258" s="19"/>
      <c r="T5258" s="19">
        <v>180</v>
      </c>
      <c r="U5258" s="19"/>
      <c r="V5258" s="19"/>
      <c r="W5258" s="19"/>
      <c r="X5258" s="19">
        <v>1</v>
      </c>
      <c r="Y5258" s="19"/>
      <c r="Z5258" s="19"/>
      <c r="AA5258" s="19"/>
    </row>
    <row r="5259" spans="1:27" s="1" customFormat="1" ht="14.1" customHeight="1" outlineLevel="2" x14ac:dyDescent="0.2">
      <c r="A5259" s="17"/>
      <c r="B5259" s="17"/>
      <c r="C5259" s="17"/>
      <c r="D5259" s="18"/>
      <c r="E5259" s="18"/>
      <c r="F5259" s="18"/>
      <c r="G5259" s="18"/>
      <c r="H5259" s="18"/>
      <c r="I5259" s="18"/>
      <c r="J5259" s="18"/>
      <c r="K5259" s="18"/>
      <c r="L5259" s="18"/>
      <c r="M5259" s="18"/>
      <c r="N5259" s="18"/>
      <c r="O5259" s="18"/>
      <c r="P5259" s="19"/>
      <c r="Q5259" s="19"/>
      <c r="R5259" s="19"/>
      <c r="S5259" s="19"/>
      <c r="T5259" s="19"/>
      <c r="U5259" s="19"/>
      <c r="V5259" s="19"/>
      <c r="W5259" s="19"/>
      <c r="X5259" s="19"/>
      <c r="Y5259" s="19"/>
      <c r="Z5259" s="19"/>
      <c r="AA5259" s="19"/>
    </row>
    <row r="5260" spans="1:27" s="1" customFormat="1" ht="11.1" customHeight="1" outlineLevel="2" x14ac:dyDescent="0.2">
      <c r="A5260" s="17">
        <v>10318</v>
      </c>
      <c r="B5260" s="17"/>
      <c r="C5260" s="17"/>
      <c r="D5260" s="18" t="s">
        <v>2616</v>
      </c>
      <c r="E5260" s="18"/>
      <c r="F5260" s="18"/>
      <c r="G5260" s="18"/>
      <c r="H5260" s="18"/>
      <c r="I5260" s="18"/>
      <c r="J5260" s="18"/>
      <c r="K5260" s="18"/>
      <c r="L5260" s="18"/>
      <c r="M5260" s="18"/>
      <c r="N5260" s="18"/>
      <c r="O5260" s="18"/>
      <c r="P5260" s="19">
        <v>230</v>
      </c>
      <c r="Q5260" s="19"/>
      <c r="R5260" s="19"/>
      <c r="S5260" s="19"/>
      <c r="T5260" s="19">
        <v>200</v>
      </c>
      <c r="U5260" s="19"/>
      <c r="V5260" s="19"/>
      <c r="W5260" s="19"/>
      <c r="X5260" s="19">
        <v>1</v>
      </c>
      <c r="Y5260" s="19"/>
      <c r="Z5260" s="19"/>
      <c r="AA5260" s="19"/>
    </row>
    <row r="5261" spans="1:27" s="1" customFormat="1" ht="11.1" customHeight="1" outlineLevel="2" x14ac:dyDescent="0.2">
      <c r="A5261" s="17"/>
      <c r="B5261" s="17"/>
      <c r="C5261" s="17"/>
      <c r="D5261" s="18"/>
      <c r="E5261" s="18"/>
      <c r="F5261" s="18"/>
      <c r="G5261" s="18"/>
      <c r="H5261" s="18"/>
      <c r="I5261" s="18"/>
      <c r="J5261" s="18"/>
      <c r="K5261" s="18"/>
      <c r="L5261" s="18"/>
      <c r="M5261" s="18"/>
      <c r="N5261" s="18"/>
      <c r="O5261" s="18"/>
      <c r="P5261" s="19"/>
      <c r="Q5261" s="19"/>
      <c r="R5261" s="19"/>
      <c r="S5261" s="19"/>
      <c r="T5261" s="19"/>
      <c r="U5261" s="19"/>
      <c r="V5261" s="19"/>
      <c r="W5261" s="19"/>
      <c r="X5261" s="19"/>
      <c r="Y5261" s="19"/>
      <c r="Z5261" s="19"/>
      <c r="AA5261" s="19"/>
    </row>
    <row r="5262" spans="1:27" s="1" customFormat="1" ht="14.1" customHeight="1" outlineLevel="2" x14ac:dyDescent="0.2">
      <c r="A5262" s="17">
        <v>17415</v>
      </c>
      <c r="B5262" s="17"/>
      <c r="C5262" s="17"/>
      <c r="D5262" s="18" t="s">
        <v>2617</v>
      </c>
      <c r="E5262" s="18"/>
      <c r="F5262" s="18"/>
      <c r="G5262" s="18"/>
      <c r="H5262" s="18"/>
      <c r="I5262" s="18"/>
      <c r="J5262" s="18"/>
      <c r="K5262" s="18"/>
      <c r="L5262" s="18"/>
      <c r="M5262" s="18"/>
      <c r="N5262" s="18"/>
      <c r="O5262" s="18"/>
      <c r="P5262" s="19">
        <v>250</v>
      </c>
      <c r="Q5262" s="19"/>
      <c r="R5262" s="19"/>
      <c r="S5262" s="19"/>
      <c r="T5262" s="19">
        <v>100</v>
      </c>
      <c r="U5262" s="19"/>
      <c r="V5262" s="19"/>
      <c r="W5262" s="19"/>
      <c r="X5262" s="19">
        <v>1</v>
      </c>
      <c r="Y5262" s="19"/>
      <c r="Z5262" s="19"/>
      <c r="AA5262" s="19"/>
    </row>
    <row r="5263" spans="1:27" s="1" customFormat="1" ht="14.1" customHeight="1" outlineLevel="2" x14ac:dyDescent="0.2">
      <c r="A5263" s="17"/>
      <c r="B5263" s="17"/>
      <c r="C5263" s="17"/>
      <c r="D5263" s="18"/>
      <c r="E5263" s="18"/>
      <c r="F5263" s="18"/>
      <c r="G5263" s="18"/>
      <c r="H5263" s="18"/>
      <c r="I5263" s="18"/>
      <c r="J5263" s="18"/>
      <c r="K5263" s="18"/>
      <c r="L5263" s="18"/>
      <c r="M5263" s="18"/>
      <c r="N5263" s="18"/>
      <c r="O5263" s="18"/>
      <c r="P5263" s="19"/>
      <c r="Q5263" s="19"/>
      <c r="R5263" s="19"/>
      <c r="S5263" s="19"/>
      <c r="T5263" s="19"/>
      <c r="U5263" s="19"/>
      <c r="V5263" s="19"/>
      <c r="W5263" s="19"/>
      <c r="X5263" s="19"/>
      <c r="Y5263" s="19"/>
      <c r="Z5263" s="19"/>
      <c r="AA5263" s="19"/>
    </row>
    <row r="5264" spans="1:27" s="1" customFormat="1" ht="14.1" customHeight="1" outlineLevel="2" x14ac:dyDescent="0.2">
      <c r="A5264" s="17">
        <v>18143</v>
      </c>
      <c r="B5264" s="17"/>
      <c r="C5264" s="17"/>
      <c r="D5264" s="18" t="s">
        <v>2618</v>
      </c>
      <c r="E5264" s="18"/>
      <c r="F5264" s="18"/>
      <c r="G5264" s="18"/>
      <c r="H5264" s="18"/>
      <c r="I5264" s="18"/>
      <c r="J5264" s="18"/>
      <c r="K5264" s="18"/>
      <c r="L5264" s="18"/>
      <c r="M5264" s="18"/>
      <c r="N5264" s="18"/>
      <c r="O5264" s="18"/>
      <c r="P5264" s="19">
        <v>150</v>
      </c>
      <c r="Q5264" s="19"/>
      <c r="R5264" s="19"/>
      <c r="S5264" s="19"/>
      <c r="T5264" s="19">
        <v>100</v>
      </c>
      <c r="U5264" s="19"/>
      <c r="V5264" s="19"/>
      <c r="W5264" s="19"/>
      <c r="X5264" s="19">
        <v>1</v>
      </c>
      <c r="Y5264" s="19"/>
      <c r="Z5264" s="19"/>
      <c r="AA5264" s="19"/>
    </row>
    <row r="5265" spans="1:27" s="1" customFormat="1" ht="14.1" customHeight="1" outlineLevel="2" x14ac:dyDescent="0.2">
      <c r="A5265" s="17"/>
      <c r="B5265" s="17"/>
      <c r="C5265" s="17"/>
      <c r="D5265" s="18"/>
      <c r="E5265" s="18"/>
      <c r="F5265" s="18"/>
      <c r="G5265" s="18"/>
      <c r="H5265" s="18"/>
      <c r="I5265" s="18"/>
      <c r="J5265" s="18"/>
      <c r="K5265" s="18"/>
      <c r="L5265" s="18"/>
      <c r="M5265" s="18"/>
      <c r="N5265" s="18"/>
      <c r="O5265" s="18"/>
      <c r="P5265" s="19"/>
      <c r="Q5265" s="19"/>
      <c r="R5265" s="19"/>
      <c r="S5265" s="19"/>
      <c r="T5265" s="19"/>
      <c r="U5265" s="19"/>
      <c r="V5265" s="19"/>
      <c r="W5265" s="19"/>
      <c r="X5265" s="19"/>
      <c r="Y5265" s="19"/>
      <c r="Z5265" s="19"/>
      <c r="AA5265" s="19"/>
    </row>
    <row r="5266" spans="1:27" s="1" customFormat="1" ht="14.1" customHeight="1" outlineLevel="2" x14ac:dyDescent="0.2">
      <c r="A5266" s="17">
        <v>14370</v>
      </c>
      <c r="B5266" s="17"/>
      <c r="C5266" s="17"/>
      <c r="D5266" s="18" t="s">
        <v>2619</v>
      </c>
      <c r="E5266" s="18"/>
      <c r="F5266" s="18"/>
      <c r="G5266" s="18"/>
      <c r="H5266" s="18"/>
      <c r="I5266" s="18"/>
      <c r="J5266" s="18"/>
      <c r="K5266" s="18"/>
      <c r="L5266" s="18"/>
      <c r="M5266" s="18"/>
      <c r="N5266" s="18"/>
      <c r="O5266" s="18"/>
      <c r="P5266" s="19">
        <v>150</v>
      </c>
      <c r="Q5266" s="19"/>
      <c r="R5266" s="19"/>
      <c r="S5266" s="19"/>
      <c r="T5266" s="19">
        <v>100</v>
      </c>
      <c r="U5266" s="19"/>
      <c r="V5266" s="19"/>
      <c r="W5266" s="19"/>
      <c r="X5266" s="19">
        <v>21</v>
      </c>
      <c r="Y5266" s="19"/>
      <c r="Z5266" s="19"/>
      <c r="AA5266" s="19"/>
    </row>
    <row r="5267" spans="1:27" s="1" customFormat="1" ht="14.1" customHeight="1" outlineLevel="2" x14ac:dyDescent="0.2">
      <c r="A5267" s="17"/>
      <c r="B5267" s="17"/>
      <c r="C5267" s="17"/>
      <c r="D5267" s="18"/>
      <c r="E5267" s="18"/>
      <c r="F5267" s="18"/>
      <c r="G5267" s="18"/>
      <c r="H5267" s="18"/>
      <c r="I5267" s="18"/>
      <c r="J5267" s="18"/>
      <c r="K5267" s="18"/>
      <c r="L5267" s="18"/>
      <c r="M5267" s="18"/>
      <c r="N5267" s="18"/>
      <c r="O5267" s="18"/>
      <c r="P5267" s="19"/>
      <c r="Q5267" s="19"/>
      <c r="R5267" s="19"/>
      <c r="S5267" s="19"/>
      <c r="T5267" s="19"/>
      <c r="U5267" s="19"/>
      <c r="V5267" s="19"/>
      <c r="W5267" s="19"/>
      <c r="X5267" s="19"/>
      <c r="Y5267" s="19"/>
      <c r="Z5267" s="19"/>
      <c r="AA5267" s="19"/>
    </row>
    <row r="5268" spans="1:27" s="1" customFormat="1" ht="14.1" customHeight="1" outlineLevel="2" x14ac:dyDescent="0.2">
      <c r="A5268" s="17">
        <v>10180</v>
      </c>
      <c r="B5268" s="17"/>
      <c r="C5268" s="17"/>
      <c r="D5268" s="18" t="s">
        <v>2620</v>
      </c>
      <c r="E5268" s="18"/>
      <c r="F5268" s="18"/>
      <c r="G5268" s="18"/>
      <c r="H5268" s="18"/>
      <c r="I5268" s="18"/>
      <c r="J5268" s="18"/>
      <c r="K5268" s="18"/>
      <c r="L5268" s="18"/>
      <c r="M5268" s="18"/>
      <c r="N5268" s="18"/>
      <c r="O5268" s="18"/>
      <c r="P5268" s="19">
        <v>50</v>
      </c>
      <c r="Q5268" s="19"/>
      <c r="R5268" s="19"/>
      <c r="S5268" s="19"/>
      <c r="T5268" s="19">
        <v>30</v>
      </c>
      <c r="U5268" s="19"/>
      <c r="V5268" s="19"/>
      <c r="W5268" s="19"/>
      <c r="X5268" s="19">
        <v>21</v>
      </c>
      <c r="Y5268" s="19"/>
      <c r="Z5268" s="19"/>
      <c r="AA5268" s="19"/>
    </row>
    <row r="5269" spans="1:27" s="1" customFormat="1" ht="14.1" customHeight="1" outlineLevel="2" x14ac:dyDescent="0.2">
      <c r="A5269" s="17"/>
      <c r="B5269" s="17"/>
      <c r="C5269" s="17"/>
      <c r="D5269" s="18"/>
      <c r="E5269" s="18"/>
      <c r="F5269" s="18"/>
      <c r="G5269" s="18"/>
      <c r="H5269" s="18"/>
      <c r="I5269" s="18"/>
      <c r="J5269" s="18"/>
      <c r="K5269" s="18"/>
      <c r="L5269" s="18"/>
      <c r="M5269" s="18"/>
      <c r="N5269" s="18"/>
      <c r="O5269" s="18"/>
      <c r="P5269" s="19"/>
      <c r="Q5269" s="19"/>
      <c r="R5269" s="19"/>
      <c r="S5269" s="19"/>
      <c r="T5269" s="19"/>
      <c r="U5269" s="19"/>
      <c r="V5269" s="19"/>
      <c r="W5269" s="19"/>
      <c r="X5269" s="19"/>
      <c r="Y5269" s="19"/>
      <c r="Z5269" s="19"/>
      <c r="AA5269" s="19"/>
    </row>
    <row r="5270" spans="1:27" s="1" customFormat="1" ht="14.1" customHeight="1" outlineLevel="2" x14ac:dyDescent="0.2">
      <c r="A5270" s="17">
        <v>15532</v>
      </c>
      <c r="B5270" s="17"/>
      <c r="C5270" s="17"/>
      <c r="D5270" s="18" t="s">
        <v>2621</v>
      </c>
      <c r="E5270" s="18"/>
      <c r="F5270" s="18"/>
      <c r="G5270" s="18"/>
      <c r="H5270" s="18"/>
      <c r="I5270" s="18"/>
      <c r="J5270" s="18"/>
      <c r="K5270" s="18"/>
      <c r="L5270" s="18"/>
      <c r="M5270" s="18"/>
      <c r="N5270" s="18"/>
      <c r="O5270" s="18"/>
      <c r="P5270" s="19">
        <v>80</v>
      </c>
      <c r="Q5270" s="19"/>
      <c r="R5270" s="19"/>
      <c r="S5270" s="19"/>
      <c r="T5270" s="19">
        <v>50</v>
      </c>
      <c r="U5270" s="19"/>
      <c r="V5270" s="19"/>
      <c r="W5270" s="19"/>
      <c r="X5270" s="19">
        <v>1</v>
      </c>
      <c r="Y5270" s="19"/>
      <c r="Z5270" s="19"/>
      <c r="AA5270" s="19"/>
    </row>
    <row r="5271" spans="1:27" s="1" customFormat="1" ht="14.1" customHeight="1" outlineLevel="2" x14ac:dyDescent="0.2">
      <c r="A5271" s="17"/>
      <c r="B5271" s="17"/>
      <c r="C5271" s="17"/>
      <c r="D5271" s="18"/>
      <c r="E5271" s="18"/>
      <c r="F5271" s="18"/>
      <c r="G5271" s="18"/>
      <c r="H5271" s="18"/>
      <c r="I5271" s="18"/>
      <c r="J5271" s="18"/>
      <c r="K5271" s="18"/>
      <c r="L5271" s="18"/>
      <c r="M5271" s="18"/>
      <c r="N5271" s="18"/>
      <c r="O5271" s="18"/>
      <c r="P5271" s="19"/>
      <c r="Q5271" s="19"/>
      <c r="R5271" s="19"/>
      <c r="S5271" s="19"/>
      <c r="T5271" s="19"/>
      <c r="U5271" s="19"/>
      <c r="V5271" s="19"/>
      <c r="W5271" s="19"/>
      <c r="X5271" s="19"/>
      <c r="Y5271" s="19"/>
      <c r="Z5271" s="19"/>
      <c r="AA5271" s="19"/>
    </row>
    <row r="5272" spans="1:27" s="1" customFormat="1" ht="14.1" customHeight="1" outlineLevel="2" x14ac:dyDescent="0.2">
      <c r="A5272" s="17">
        <v>7273</v>
      </c>
      <c r="B5272" s="17"/>
      <c r="C5272" s="17"/>
      <c r="D5272" s="18" t="s">
        <v>2622</v>
      </c>
      <c r="E5272" s="18"/>
      <c r="F5272" s="18"/>
      <c r="G5272" s="18"/>
      <c r="H5272" s="18"/>
      <c r="I5272" s="18"/>
      <c r="J5272" s="18"/>
      <c r="K5272" s="18"/>
      <c r="L5272" s="18"/>
      <c r="M5272" s="18"/>
      <c r="N5272" s="18"/>
      <c r="O5272" s="18"/>
      <c r="P5272" s="19">
        <v>80</v>
      </c>
      <c r="Q5272" s="19"/>
      <c r="R5272" s="19"/>
      <c r="S5272" s="19"/>
      <c r="T5272" s="19">
        <v>50</v>
      </c>
      <c r="U5272" s="19"/>
      <c r="V5272" s="19"/>
      <c r="W5272" s="19"/>
      <c r="X5272" s="19">
        <v>23</v>
      </c>
      <c r="Y5272" s="19"/>
      <c r="Z5272" s="19"/>
      <c r="AA5272" s="19"/>
    </row>
    <row r="5273" spans="1:27" s="1" customFormat="1" ht="14.1" customHeight="1" outlineLevel="2" x14ac:dyDescent="0.2">
      <c r="A5273" s="17"/>
      <c r="B5273" s="17"/>
      <c r="C5273" s="17"/>
      <c r="D5273" s="18"/>
      <c r="E5273" s="18"/>
      <c r="F5273" s="18"/>
      <c r="G5273" s="18"/>
      <c r="H5273" s="18"/>
      <c r="I5273" s="18"/>
      <c r="J5273" s="18"/>
      <c r="K5273" s="18"/>
      <c r="L5273" s="18"/>
      <c r="M5273" s="18"/>
      <c r="N5273" s="18"/>
      <c r="O5273" s="18"/>
      <c r="P5273" s="19"/>
      <c r="Q5273" s="19"/>
      <c r="R5273" s="19"/>
      <c r="S5273" s="19"/>
      <c r="T5273" s="19"/>
      <c r="U5273" s="19"/>
      <c r="V5273" s="19"/>
      <c r="W5273" s="19"/>
      <c r="X5273" s="19"/>
      <c r="Y5273" s="19"/>
      <c r="Z5273" s="19"/>
      <c r="AA5273" s="19"/>
    </row>
    <row r="5274" spans="1:27" s="1" customFormat="1" ht="14.1" customHeight="1" outlineLevel="2" x14ac:dyDescent="0.2">
      <c r="A5274" s="17">
        <v>12132</v>
      </c>
      <c r="B5274" s="17"/>
      <c r="C5274" s="17"/>
      <c r="D5274" s="18" t="s">
        <v>2623</v>
      </c>
      <c r="E5274" s="18"/>
      <c r="F5274" s="18"/>
      <c r="G5274" s="18"/>
      <c r="H5274" s="18"/>
      <c r="I5274" s="18"/>
      <c r="J5274" s="18"/>
      <c r="K5274" s="18"/>
      <c r="L5274" s="18"/>
      <c r="M5274" s="18"/>
      <c r="N5274" s="18"/>
      <c r="O5274" s="18"/>
      <c r="P5274" s="19">
        <v>250</v>
      </c>
      <c r="Q5274" s="19"/>
      <c r="R5274" s="19"/>
      <c r="S5274" s="19"/>
      <c r="T5274" s="19">
        <v>200</v>
      </c>
      <c r="U5274" s="19"/>
      <c r="V5274" s="19"/>
      <c r="W5274" s="19"/>
      <c r="X5274" s="19">
        <v>1</v>
      </c>
      <c r="Y5274" s="19"/>
      <c r="Z5274" s="19"/>
      <c r="AA5274" s="19"/>
    </row>
    <row r="5275" spans="1:27" s="1" customFormat="1" ht="14.1" customHeight="1" outlineLevel="2" x14ac:dyDescent="0.2">
      <c r="A5275" s="17"/>
      <c r="B5275" s="17"/>
      <c r="C5275" s="17"/>
      <c r="D5275" s="18"/>
      <c r="E5275" s="18"/>
      <c r="F5275" s="18"/>
      <c r="G5275" s="18"/>
      <c r="H5275" s="18"/>
      <c r="I5275" s="18"/>
      <c r="J5275" s="18"/>
      <c r="K5275" s="18"/>
      <c r="L5275" s="18"/>
      <c r="M5275" s="18"/>
      <c r="N5275" s="18"/>
      <c r="O5275" s="18"/>
      <c r="P5275" s="19"/>
      <c r="Q5275" s="19"/>
      <c r="R5275" s="19"/>
      <c r="S5275" s="19"/>
      <c r="T5275" s="19"/>
      <c r="U5275" s="19"/>
      <c r="V5275" s="19"/>
      <c r="W5275" s="19"/>
      <c r="X5275" s="19"/>
      <c r="Y5275" s="19"/>
      <c r="Z5275" s="19"/>
      <c r="AA5275" s="19"/>
    </row>
    <row r="5276" spans="1:27" s="1" customFormat="1" ht="14.1" customHeight="1" outlineLevel="2" x14ac:dyDescent="0.2">
      <c r="A5276" s="17">
        <v>10302</v>
      </c>
      <c r="B5276" s="17"/>
      <c r="C5276" s="17"/>
      <c r="D5276" s="18" t="s">
        <v>2624</v>
      </c>
      <c r="E5276" s="18"/>
      <c r="F5276" s="18"/>
      <c r="G5276" s="18"/>
      <c r="H5276" s="18"/>
      <c r="I5276" s="18"/>
      <c r="J5276" s="18"/>
      <c r="K5276" s="18"/>
      <c r="L5276" s="18"/>
      <c r="M5276" s="18"/>
      <c r="N5276" s="18"/>
      <c r="O5276" s="18"/>
      <c r="P5276" s="19">
        <v>150</v>
      </c>
      <c r="Q5276" s="19"/>
      <c r="R5276" s="19"/>
      <c r="S5276" s="19"/>
      <c r="T5276" s="19">
        <v>100</v>
      </c>
      <c r="U5276" s="19"/>
      <c r="V5276" s="19"/>
      <c r="W5276" s="19"/>
      <c r="X5276" s="19">
        <v>4</v>
      </c>
      <c r="Y5276" s="19"/>
      <c r="Z5276" s="19"/>
      <c r="AA5276" s="19"/>
    </row>
    <row r="5277" spans="1:27" s="1" customFormat="1" ht="14.1" customHeight="1" outlineLevel="2" x14ac:dyDescent="0.2">
      <c r="A5277" s="17"/>
      <c r="B5277" s="17"/>
      <c r="C5277" s="17"/>
      <c r="D5277" s="18"/>
      <c r="E5277" s="18"/>
      <c r="F5277" s="18"/>
      <c r="G5277" s="18"/>
      <c r="H5277" s="18"/>
      <c r="I5277" s="18"/>
      <c r="J5277" s="18"/>
      <c r="K5277" s="18"/>
      <c r="L5277" s="18"/>
      <c r="M5277" s="18"/>
      <c r="N5277" s="18"/>
      <c r="O5277" s="18"/>
      <c r="P5277" s="19"/>
      <c r="Q5277" s="19"/>
      <c r="R5277" s="19"/>
      <c r="S5277" s="19"/>
      <c r="T5277" s="19"/>
      <c r="U5277" s="19"/>
      <c r="V5277" s="19"/>
      <c r="W5277" s="19"/>
      <c r="X5277" s="19"/>
      <c r="Y5277" s="19"/>
      <c r="Z5277" s="19"/>
      <c r="AA5277" s="19"/>
    </row>
    <row r="5278" spans="1:27" s="1" customFormat="1" ht="14.1" customHeight="1" outlineLevel="2" x14ac:dyDescent="0.2">
      <c r="A5278" s="17">
        <v>8695</v>
      </c>
      <c r="B5278" s="17"/>
      <c r="C5278" s="17"/>
      <c r="D5278" s="18" t="s">
        <v>2625</v>
      </c>
      <c r="E5278" s="18"/>
      <c r="F5278" s="18"/>
      <c r="G5278" s="18"/>
      <c r="H5278" s="18"/>
      <c r="I5278" s="18"/>
      <c r="J5278" s="18"/>
      <c r="K5278" s="18"/>
      <c r="L5278" s="18"/>
      <c r="M5278" s="18"/>
      <c r="N5278" s="18"/>
      <c r="O5278" s="18"/>
      <c r="P5278" s="19">
        <v>150</v>
      </c>
      <c r="Q5278" s="19"/>
      <c r="R5278" s="19"/>
      <c r="S5278" s="19"/>
      <c r="T5278" s="19">
        <v>100</v>
      </c>
      <c r="U5278" s="19"/>
      <c r="V5278" s="19"/>
      <c r="W5278" s="19"/>
      <c r="X5278" s="19">
        <v>101</v>
      </c>
      <c r="Y5278" s="19"/>
      <c r="Z5278" s="19"/>
      <c r="AA5278" s="19"/>
    </row>
    <row r="5279" spans="1:27" s="1" customFormat="1" ht="14.1" customHeight="1" outlineLevel="2" x14ac:dyDescent="0.2">
      <c r="A5279" s="17"/>
      <c r="B5279" s="17"/>
      <c r="C5279" s="17"/>
      <c r="D5279" s="18"/>
      <c r="E5279" s="18"/>
      <c r="F5279" s="18"/>
      <c r="G5279" s="18"/>
      <c r="H5279" s="18"/>
      <c r="I5279" s="18"/>
      <c r="J5279" s="18"/>
      <c r="K5279" s="18"/>
      <c r="L5279" s="18"/>
      <c r="M5279" s="18"/>
      <c r="N5279" s="18"/>
      <c r="O5279" s="18"/>
      <c r="P5279" s="19"/>
      <c r="Q5279" s="19"/>
      <c r="R5279" s="19"/>
      <c r="S5279" s="19"/>
      <c r="T5279" s="19"/>
      <c r="U5279" s="19"/>
      <c r="V5279" s="19"/>
      <c r="W5279" s="19"/>
      <c r="X5279" s="19"/>
      <c r="Y5279" s="19"/>
      <c r="Z5279" s="19"/>
      <c r="AA5279" s="19"/>
    </row>
    <row r="5280" spans="1:27" s="1" customFormat="1" ht="14.1" customHeight="1" outlineLevel="2" x14ac:dyDescent="0.2">
      <c r="A5280" s="17">
        <v>11472</v>
      </c>
      <c r="B5280" s="17"/>
      <c r="C5280" s="17"/>
      <c r="D5280" s="18" t="s">
        <v>2626</v>
      </c>
      <c r="E5280" s="18"/>
      <c r="F5280" s="18"/>
      <c r="G5280" s="18"/>
      <c r="H5280" s="18"/>
      <c r="I5280" s="18"/>
      <c r="J5280" s="18"/>
      <c r="K5280" s="18"/>
      <c r="L5280" s="18"/>
      <c r="M5280" s="18"/>
      <c r="N5280" s="18"/>
      <c r="O5280" s="18"/>
      <c r="P5280" s="19">
        <v>60</v>
      </c>
      <c r="Q5280" s="19"/>
      <c r="R5280" s="19"/>
      <c r="S5280" s="19"/>
      <c r="T5280" s="19">
        <v>40</v>
      </c>
      <c r="U5280" s="19"/>
      <c r="V5280" s="19"/>
      <c r="W5280" s="19"/>
      <c r="X5280" s="19">
        <v>19</v>
      </c>
      <c r="Y5280" s="19"/>
      <c r="Z5280" s="19"/>
      <c r="AA5280" s="19"/>
    </row>
    <row r="5281" spans="1:27" s="1" customFormat="1" ht="14.1" customHeight="1" outlineLevel="2" x14ac:dyDescent="0.2">
      <c r="A5281" s="17"/>
      <c r="B5281" s="17"/>
      <c r="C5281" s="17"/>
      <c r="D5281" s="18"/>
      <c r="E5281" s="18"/>
      <c r="F5281" s="18"/>
      <c r="G5281" s="18"/>
      <c r="H5281" s="18"/>
      <c r="I5281" s="18"/>
      <c r="J5281" s="18"/>
      <c r="K5281" s="18"/>
      <c r="L5281" s="18"/>
      <c r="M5281" s="18"/>
      <c r="N5281" s="18"/>
      <c r="O5281" s="18"/>
      <c r="P5281" s="19"/>
      <c r="Q5281" s="19"/>
      <c r="R5281" s="19"/>
      <c r="S5281" s="19"/>
      <c r="T5281" s="19"/>
      <c r="U5281" s="19"/>
      <c r="V5281" s="19"/>
      <c r="W5281" s="19"/>
      <c r="X5281" s="19"/>
      <c r="Y5281" s="19"/>
      <c r="Z5281" s="19"/>
      <c r="AA5281" s="19"/>
    </row>
    <row r="5282" spans="1:27" s="1" customFormat="1" ht="14.1" customHeight="1" outlineLevel="2" x14ac:dyDescent="0.2">
      <c r="A5282" s="17">
        <v>16906</v>
      </c>
      <c r="B5282" s="17"/>
      <c r="C5282" s="17"/>
      <c r="D5282" s="18" t="s">
        <v>2627</v>
      </c>
      <c r="E5282" s="18"/>
      <c r="F5282" s="18"/>
      <c r="G5282" s="18"/>
      <c r="H5282" s="18"/>
      <c r="I5282" s="18"/>
      <c r="J5282" s="18"/>
      <c r="K5282" s="18"/>
      <c r="L5282" s="18"/>
      <c r="M5282" s="18"/>
      <c r="N5282" s="18"/>
      <c r="O5282" s="18"/>
      <c r="P5282" s="19">
        <v>250</v>
      </c>
      <c r="Q5282" s="19"/>
      <c r="R5282" s="19"/>
      <c r="S5282" s="19"/>
      <c r="T5282" s="19">
        <v>100</v>
      </c>
      <c r="U5282" s="19"/>
      <c r="V5282" s="19"/>
      <c r="W5282" s="19"/>
      <c r="X5282" s="19">
        <v>1</v>
      </c>
      <c r="Y5282" s="19"/>
      <c r="Z5282" s="19"/>
      <c r="AA5282" s="19"/>
    </row>
    <row r="5283" spans="1:27" s="1" customFormat="1" ht="14.1" customHeight="1" outlineLevel="2" x14ac:dyDescent="0.2">
      <c r="A5283" s="17"/>
      <c r="B5283" s="17"/>
      <c r="C5283" s="17"/>
      <c r="D5283" s="18"/>
      <c r="E5283" s="18"/>
      <c r="F5283" s="18"/>
      <c r="G5283" s="18"/>
      <c r="H5283" s="18"/>
      <c r="I5283" s="18"/>
      <c r="J5283" s="18"/>
      <c r="K5283" s="18"/>
      <c r="L5283" s="18"/>
      <c r="M5283" s="18"/>
      <c r="N5283" s="18"/>
      <c r="O5283" s="18"/>
      <c r="P5283" s="19"/>
      <c r="Q5283" s="19"/>
      <c r="R5283" s="19"/>
      <c r="S5283" s="19"/>
      <c r="T5283" s="19"/>
      <c r="U5283" s="19"/>
      <c r="V5283" s="19"/>
      <c r="W5283" s="19"/>
      <c r="X5283" s="19"/>
      <c r="Y5283" s="19"/>
      <c r="Z5283" s="19"/>
      <c r="AA5283" s="19"/>
    </row>
    <row r="5284" spans="1:27" s="1" customFormat="1" ht="14.1" customHeight="1" outlineLevel="2" x14ac:dyDescent="0.2">
      <c r="A5284" s="17">
        <v>16840</v>
      </c>
      <c r="B5284" s="17"/>
      <c r="C5284" s="17"/>
      <c r="D5284" s="18" t="s">
        <v>2628</v>
      </c>
      <c r="E5284" s="18"/>
      <c r="F5284" s="18"/>
      <c r="G5284" s="18"/>
      <c r="H5284" s="18"/>
      <c r="I5284" s="18"/>
      <c r="J5284" s="18"/>
      <c r="K5284" s="18"/>
      <c r="L5284" s="18"/>
      <c r="M5284" s="18"/>
      <c r="N5284" s="18"/>
      <c r="O5284" s="18"/>
      <c r="P5284" s="19">
        <v>150</v>
      </c>
      <c r="Q5284" s="19"/>
      <c r="R5284" s="19"/>
      <c r="S5284" s="19"/>
      <c r="T5284" s="19">
        <v>100</v>
      </c>
      <c r="U5284" s="19"/>
      <c r="V5284" s="19"/>
      <c r="W5284" s="19"/>
      <c r="X5284" s="19">
        <v>1</v>
      </c>
      <c r="Y5284" s="19"/>
      <c r="Z5284" s="19"/>
      <c r="AA5284" s="19"/>
    </row>
    <row r="5285" spans="1:27" s="1" customFormat="1" ht="14.1" customHeight="1" outlineLevel="2" x14ac:dyDescent="0.2">
      <c r="A5285" s="17"/>
      <c r="B5285" s="17"/>
      <c r="C5285" s="17"/>
      <c r="D5285" s="18"/>
      <c r="E5285" s="18"/>
      <c r="F5285" s="18"/>
      <c r="G5285" s="18"/>
      <c r="H5285" s="18"/>
      <c r="I5285" s="18"/>
      <c r="J5285" s="18"/>
      <c r="K5285" s="18"/>
      <c r="L5285" s="18"/>
      <c r="M5285" s="18"/>
      <c r="N5285" s="18"/>
      <c r="O5285" s="18"/>
      <c r="P5285" s="19"/>
      <c r="Q5285" s="19"/>
      <c r="R5285" s="19"/>
      <c r="S5285" s="19"/>
      <c r="T5285" s="19"/>
      <c r="U5285" s="19"/>
      <c r="V5285" s="19"/>
      <c r="W5285" s="19"/>
      <c r="X5285" s="19"/>
      <c r="Y5285" s="19"/>
      <c r="Z5285" s="19"/>
      <c r="AA5285" s="19"/>
    </row>
    <row r="5286" spans="1:27" s="1" customFormat="1" ht="14.1" customHeight="1" outlineLevel="2" x14ac:dyDescent="0.2">
      <c r="A5286" s="17">
        <v>17046</v>
      </c>
      <c r="B5286" s="17"/>
      <c r="C5286" s="17"/>
      <c r="D5286" s="18" t="s">
        <v>2629</v>
      </c>
      <c r="E5286" s="18"/>
      <c r="F5286" s="18"/>
      <c r="G5286" s="18"/>
      <c r="H5286" s="18"/>
      <c r="I5286" s="18"/>
      <c r="J5286" s="18"/>
      <c r="K5286" s="18"/>
      <c r="L5286" s="18"/>
      <c r="M5286" s="18"/>
      <c r="N5286" s="18"/>
      <c r="O5286" s="18"/>
      <c r="P5286" s="19">
        <v>150</v>
      </c>
      <c r="Q5286" s="19"/>
      <c r="R5286" s="19"/>
      <c r="S5286" s="19"/>
      <c r="T5286" s="19">
        <v>100</v>
      </c>
      <c r="U5286" s="19"/>
      <c r="V5286" s="19"/>
      <c r="W5286" s="19"/>
      <c r="X5286" s="19">
        <v>1</v>
      </c>
      <c r="Y5286" s="19"/>
      <c r="Z5286" s="19"/>
      <c r="AA5286" s="19"/>
    </row>
    <row r="5287" spans="1:27" s="1" customFormat="1" ht="14.1" customHeight="1" outlineLevel="2" x14ac:dyDescent="0.2">
      <c r="A5287" s="17"/>
      <c r="B5287" s="17"/>
      <c r="C5287" s="17"/>
      <c r="D5287" s="18"/>
      <c r="E5287" s="18"/>
      <c r="F5287" s="18"/>
      <c r="G5287" s="18"/>
      <c r="H5287" s="18"/>
      <c r="I5287" s="18"/>
      <c r="J5287" s="18"/>
      <c r="K5287" s="18"/>
      <c r="L5287" s="18"/>
      <c r="M5287" s="18"/>
      <c r="N5287" s="18"/>
      <c r="O5287" s="18"/>
      <c r="P5287" s="19"/>
      <c r="Q5287" s="19"/>
      <c r="R5287" s="19"/>
      <c r="S5287" s="19"/>
      <c r="T5287" s="19"/>
      <c r="U5287" s="19"/>
      <c r="V5287" s="19"/>
      <c r="W5287" s="19"/>
      <c r="X5287" s="19"/>
      <c r="Y5287" s="19"/>
      <c r="Z5287" s="19"/>
      <c r="AA5287" s="19"/>
    </row>
    <row r="5288" spans="1:27" s="1" customFormat="1" ht="14.1" customHeight="1" outlineLevel="2" x14ac:dyDescent="0.2">
      <c r="A5288" s="17">
        <v>11597</v>
      </c>
      <c r="B5288" s="17"/>
      <c r="C5288" s="17"/>
      <c r="D5288" s="18" t="s">
        <v>2630</v>
      </c>
      <c r="E5288" s="18"/>
      <c r="F5288" s="18"/>
      <c r="G5288" s="18"/>
      <c r="H5288" s="18"/>
      <c r="I5288" s="18"/>
      <c r="J5288" s="18"/>
      <c r="K5288" s="18"/>
      <c r="L5288" s="18"/>
      <c r="M5288" s="18"/>
      <c r="N5288" s="18"/>
      <c r="O5288" s="18"/>
      <c r="P5288" s="19">
        <v>130</v>
      </c>
      <c r="Q5288" s="19"/>
      <c r="R5288" s="19"/>
      <c r="S5288" s="19"/>
      <c r="T5288" s="19">
        <v>80</v>
      </c>
      <c r="U5288" s="19"/>
      <c r="V5288" s="19"/>
      <c r="W5288" s="19"/>
      <c r="X5288" s="19">
        <v>2</v>
      </c>
      <c r="Y5288" s="19"/>
      <c r="Z5288" s="19"/>
      <c r="AA5288" s="19"/>
    </row>
    <row r="5289" spans="1:27" s="1" customFormat="1" ht="14.1" customHeight="1" outlineLevel="2" x14ac:dyDescent="0.2">
      <c r="A5289" s="17"/>
      <c r="B5289" s="17"/>
      <c r="C5289" s="17"/>
      <c r="D5289" s="18"/>
      <c r="E5289" s="18"/>
      <c r="F5289" s="18"/>
      <c r="G5289" s="18"/>
      <c r="H5289" s="18"/>
      <c r="I5289" s="18"/>
      <c r="J5289" s="18"/>
      <c r="K5289" s="18"/>
      <c r="L5289" s="18"/>
      <c r="M5289" s="18"/>
      <c r="N5289" s="18"/>
      <c r="O5289" s="18"/>
      <c r="P5289" s="19"/>
      <c r="Q5289" s="19"/>
      <c r="R5289" s="19"/>
      <c r="S5289" s="19"/>
      <c r="T5289" s="19"/>
      <c r="U5289" s="19"/>
      <c r="V5289" s="19"/>
      <c r="W5289" s="19"/>
      <c r="X5289" s="19"/>
      <c r="Y5289" s="19"/>
      <c r="Z5289" s="19"/>
      <c r="AA5289" s="19"/>
    </row>
    <row r="5290" spans="1:27" s="1" customFormat="1" ht="14.1" customHeight="1" outlineLevel="2" x14ac:dyDescent="0.2">
      <c r="A5290" s="17">
        <v>18195</v>
      </c>
      <c r="B5290" s="17"/>
      <c r="C5290" s="17"/>
      <c r="D5290" s="18" t="s">
        <v>2631</v>
      </c>
      <c r="E5290" s="18"/>
      <c r="F5290" s="18"/>
      <c r="G5290" s="18"/>
      <c r="H5290" s="18"/>
      <c r="I5290" s="18"/>
      <c r="J5290" s="18"/>
      <c r="K5290" s="18"/>
      <c r="L5290" s="18"/>
      <c r="M5290" s="18"/>
      <c r="N5290" s="18"/>
      <c r="O5290" s="18"/>
      <c r="P5290" s="19">
        <v>90</v>
      </c>
      <c r="Q5290" s="19"/>
      <c r="R5290" s="19"/>
      <c r="S5290" s="19"/>
      <c r="T5290" s="19">
        <v>50</v>
      </c>
      <c r="U5290" s="19"/>
      <c r="V5290" s="19"/>
      <c r="W5290" s="19"/>
      <c r="X5290" s="19">
        <v>1</v>
      </c>
      <c r="Y5290" s="19"/>
      <c r="Z5290" s="19"/>
      <c r="AA5290" s="19"/>
    </row>
    <row r="5291" spans="1:27" s="1" customFormat="1" ht="14.1" customHeight="1" outlineLevel="2" x14ac:dyDescent="0.2">
      <c r="A5291" s="17"/>
      <c r="B5291" s="17"/>
      <c r="C5291" s="17"/>
      <c r="D5291" s="18"/>
      <c r="E5291" s="18"/>
      <c r="F5291" s="18"/>
      <c r="G5291" s="18"/>
      <c r="H5291" s="18"/>
      <c r="I5291" s="18"/>
      <c r="J5291" s="18"/>
      <c r="K5291" s="18"/>
      <c r="L5291" s="18"/>
      <c r="M5291" s="18"/>
      <c r="N5291" s="18"/>
      <c r="O5291" s="18"/>
      <c r="P5291" s="19"/>
      <c r="Q5291" s="19"/>
      <c r="R5291" s="19"/>
      <c r="S5291" s="19"/>
      <c r="T5291" s="19"/>
      <c r="U5291" s="19"/>
      <c r="V5291" s="19"/>
      <c r="W5291" s="19"/>
      <c r="X5291" s="19"/>
      <c r="Y5291" s="19"/>
      <c r="Z5291" s="19"/>
      <c r="AA5291" s="19"/>
    </row>
    <row r="5292" spans="1:27" s="1" customFormat="1" ht="14.1" customHeight="1" outlineLevel="2" x14ac:dyDescent="0.2">
      <c r="A5292" s="17">
        <v>13335</v>
      </c>
      <c r="B5292" s="17"/>
      <c r="C5292" s="17"/>
      <c r="D5292" s="18" t="s">
        <v>2632</v>
      </c>
      <c r="E5292" s="18"/>
      <c r="F5292" s="18"/>
      <c r="G5292" s="18"/>
      <c r="H5292" s="18"/>
      <c r="I5292" s="18"/>
      <c r="J5292" s="18"/>
      <c r="K5292" s="18"/>
      <c r="L5292" s="18"/>
      <c r="M5292" s="18"/>
      <c r="N5292" s="18"/>
      <c r="O5292" s="18"/>
      <c r="P5292" s="19">
        <v>170</v>
      </c>
      <c r="Q5292" s="19"/>
      <c r="R5292" s="19"/>
      <c r="S5292" s="19"/>
      <c r="T5292" s="19">
        <v>130</v>
      </c>
      <c r="U5292" s="19"/>
      <c r="V5292" s="19"/>
      <c r="W5292" s="19"/>
      <c r="X5292" s="19">
        <v>1</v>
      </c>
      <c r="Y5292" s="19"/>
      <c r="Z5292" s="19"/>
      <c r="AA5292" s="19"/>
    </row>
    <row r="5293" spans="1:27" s="1" customFormat="1" ht="14.1" customHeight="1" outlineLevel="2" x14ac:dyDescent="0.2">
      <c r="A5293" s="17"/>
      <c r="B5293" s="17"/>
      <c r="C5293" s="17"/>
      <c r="D5293" s="18"/>
      <c r="E5293" s="18"/>
      <c r="F5293" s="18"/>
      <c r="G5293" s="18"/>
      <c r="H5293" s="18"/>
      <c r="I5293" s="18"/>
      <c r="J5293" s="18"/>
      <c r="K5293" s="18"/>
      <c r="L5293" s="18"/>
      <c r="M5293" s="18"/>
      <c r="N5293" s="18"/>
      <c r="O5293" s="18"/>
      <c r="P5293" s="19"/>
      <c r="Q5293" s="19"/>
      <c r="R5293" s="19"/>
      <c r="S5293" s="19"/>
      <c r="T5293" s="19"/>
      <c r="U5293" s="19"/>
      <c r="V5293" s="19"/>
      <c r="W5293" s="19"/>
      <c r="X5293" s="19"/>
      <c r="Y5293" s="19"/>
      <c r="Z5293" s="19"/>
      <c r="AA5293" s="19"/>
    </row>
    <row r="5294" spans="1:27" s="1" customFormat="1" ht="14.1" customHeight="1" outlineLevel="2" x14ac:dyDescent="0.2">
      <c r="A5294" s="17">
        <v>14366</v>
      </c>
      <c r="B5294" s="17"/>
      <c r="C5294" s="17"/>
      <c r="D5294" s="18" t="s">
        <v>2633</v>
      </c>
      <c r="E5294" s="18"/>
      <c r="F5294" s="18"/>
      <c r="G5294" s="18"/>
      <c r="H5294" s="18"/>
      <c r="I5294" s="18"/>
      <c r="J5294" s="18"/>
      <c r="K5294" s="18"/>
      <c r="L5294" s="18"/>
      <c r="M5294" s="18"/>
      <c r="N5294" s="18"/>
      <c r="O5294" s="18"/>
      <c r="P5294" s="19">
        <v>50</v>
      </c>
      <c r="Q5294" s="19"/>
      <c r="R5294" s="19"/>
      <c r="S5294" s="19"/>
      <c r="T5294" s="19">
        <v>30</v>
      </c>
      <c r="U5294" s="19"/>
      <c r="V5294" s="19"/>
      <c r="W5294" s="19"/>
      <c r="X5294" s="19">
        <v>19</v>
      </c>
      <c r="Y5294" s="19"/>
      <c r="Z5294" s="19"/>
      <c r="AA5294" s="19"/>
    </row>
    <row r="5295" spans="1:27" s="1" customFormat="1" ht="14.1" customHeight="1" outlineLevel="2" x14ac:dyDescent="0.2">
      <c r="A5295" s="17"/>
      <c r="B5295" s="17"/>
      <c r="C5295" s="17"/>
      <c r="D5295" s="18"/>
      <c r="E5295" s="18"/>
      <c r="F5295" s="18"/>
      <c r="G5295" s="18"/>
      <c r="H5295" s="18"/>
      <c r="I5295" s="18"/>
      <c r="J5295" s="18"/>
      <c r="K5295" s="18"/>
      <c r="L5295" s="18"/>
      <c r="M5295" s="18"/>
      <c r="N5295" s="18"/>
      <c r="O5295" s="18"/>
      <c r="P5295" s="19"/>
      <c r="Q5295" s="19"/>
      <c r="R5295" s="19"/>
      <c r="S5295" s="19"/>
      <c r="T5295" s="19"/>
      <c r="U5295" s="19"/>
      <c r="V5295" s="19"/>
      <c r="W5295" s="19"/>
      <c r="X5295" s="19"/>
      <c r="Y5295" s="19"/>
      <c r="Z5295" s="19"/>
      <c r="AA5295" s="19"/>
    </row>
    <row r="5296" spans="1:27" s="1" customFormat="1" ht="14.1" customHeight="1" outlineLevel="2" x14ac:dyDescent="0.2">
      <c r="A5296" s="17">
        <v>14365</v>
      </c>
      <c r="B5296" s="17"/>
      <c r="C5296" s="17"/>
      <c r="D5296" s="18" t="s">
        <v>2634</v>
      </c>
      <c r="E5296" s="18"/>
      <c r="F5296" s="18"/>
      <c r="G5296" s="18"/>
      <c r="H5296" s="18"/>
      <c r="I5296" s="18"/>
      <c r="J5296" s="18"/>
      <c r="K5296" s="18"/>
      <c r="L5296" s="18"/>
      <c r="M5296" s="18"/>
      <c r="N5296" s="18"/>
      <c r="O5296" s="18"/>
      <c r="P5296" s="19">
        <v>50</v>
      </c>
      <c r="Q5296" s="19"/>
      <c r="R5296" s="19"/>
      <c r="S5296" s="19"/>
      <c r="T5296" s="19">
        <v>30</v>
      </c>
      <c r="U5296" s="19"/>
      <c r="V5296" s="19"/>
      <c r="W5296" s="19"/>
      <c r="X5296" s="19">
        <v>20</v>
      </c>
      <c r="Y5296" s="19"/>
      <c r="Z5296" s="19"/>
      <c r="AA5296" s="19"/>
    </row>
    <row r="5297" spans="1:27" s="1" customFormat="1" ht="14.1" customHeight="1" outlineLevel="2" x14ac:dyDescent="0.2">
      <c r="A5297" s="17"/>
      <c r="B5297" s="17"/>
      <c r="C5297" s="17"/>
      <c r="D5297" s="18"/>
      <c r="E5297" s="18"/>
      <c r="F5297" s="18"/>
      <c r="G5297" s="18"/>
      <c r="H5297" s="18"/>
      <c r="I5297" s="18"/>
      <c r="J5297" s="18"/>
      <c r="K5297" s="18"/>
      <c r="L5297" s="18"/>
      <c r="M5297" s="18"/>
      <c r="N5297" s="18"/>
      <c r="O5297" s="18"/>
      <c r="P5297" s="19"/>
      <c r="Q5297" s="19"/>
      <c r="R5297" s="19"/>
      <c r="S5297" s="19"/>
      <c r="T5297" s="19"/>
      <c r="U5297" s="19"/>
      <c r="V5297" s="19"/>
      <c r="W5297" s="19"/>
      <c r="X5297" s="19"/>
      <c r="Y5297" s="19"/>
      <c r="Z5297" s="19"/>
      <c r="AA5297" s="19"/>
    </row>
    <row r="5298" spans="1:27" s="1" customFormat="1" ht="14.1" customHeight="1" outlineLevel="2" x14ac:dyDescent="0.2">
      <c r="A5298" s="17">
        <v>14367</v>
      </c>
      <c r="B5298" s="17"/>
      <c r="C5298" s="17"/>
      <c r="D5298" s="18" t="s">
        <v>2635</v>
      </c>
      <c r="E5298" s="18"/>
      <c r="F5298" s="18"/>
      <c r="G5298" s="18"/>
      <c r="H5298" s="18"/>
      <c r="I5298" s="18"/>
      <c r="J5298" s="18"/>
      <c r="K5298" s="18"/>
      <c r="L5298" s="18"/>
      <c r="M5298" s="18"/>
      <c r="N5298" s="18"/>
      <c r="O5298" s="18"/>
      <c r="P5298" s="19">
        <v>60</v>
      </c>
      <c r="Q5298" s="19"/>
      <c r="R5298" s="19"/>
      <c r="S5298" s="19"/>
      <c r="T5298" s="19">
        <v>40</v>
      </c>
      <c r="U5298" s="19"/>
      <c r="V5298" s="19"/>
      <c r="W5298" s="19"/>
      <c r="X5298" s="19">
        <v>20</v>
      </c>
      <c r="Y5298" s="19"/>
      <c r="Z5298" s="19"/>
      <c r="AA5298" s="19"/>
    </row>
    <row r="5299" spans="1:27" s="1" customFormat="1" ht="14.1" customHeight="1" outlineLevel="2" x14ac:dyDescent="0.2">
      <c r="A5299" s="17"/>
      <c r="B5299" s="17"/>
      <c r="C5299" s="17"/>
      <c r="D5299" s="18"/>
      <c r="E5299" s="18"/>
      <c r="F5299" s="18"/>
      <c r="G5299" s="18"/>
      <c r="H5299" s="18"/>
      <c r="I5299" s="18"/>
      <c r="J5299" s="18"/>
      <c r="K5299" s="18"/>
      <c r="L5299" s="18"/>
      <c r="M5299" s="18"/>
      <c r="N5299" s="18"/>
      <c r="O5299" s="18"/>
      <c r="P5299" s="19"/>
      <c r="Q5299" s="19"/>
      <c r="R5299" s="19"/>
      <c r="S5299" s="19"/>
      <c r="T5299" s="19"/>
      <c r="U5299" s="19"/>
      <c r="V5299" s="19"/>
      <c r="W5299" s="19"/>
      <c r="X5299" s="19"/>
      <c r="Y5299" s="19"/>
      <c r="Z5299" s="19"/>
      <c r="AA5299" s="19"/>
    </row>
    <row r="5300" spans="1:27" s="1" customFormat="1" ht="14.1" customHeight="1" outlineLevel="2" x14ac:dyDescent="0.2">
      <c r="A5300" s="17">
        <v>10353</v>
      </c>
      <c r="B5300" s="17"/>
      <c r="C5300" s="17"/>
      <c r="D5300" s="18" t="s">
        <v>2636</v>
      </c>
      <c r="E5300" s="18"/>
      <c r="F5300" s="18"/>
      <c r="G5300" s="18"/>
      <c r="H5300" s="18"/>
      <c r="I5300" s="18"/>
      <c r="J5300" s="18"/>
      <c r="K5300" s="18"/>
      <c r="L5300" s="18"/>
      <c r="M5300" s="18"/>
      <c r="N5300" s="18"/>
      <c r="O5300" s="18"/>
      <c r="P5300" s="19">
        <v>50</v>
      </c>
      <c r="Q5300" s="19"/>
      <c r="R5300" s="19"/>
      <c r="S5300" s="19"/>
      <c r="T5300" s="19">
        <v>30</v>
      </c>
      <c r="U5300" s="19"/>
      <c r="V5300" s="19"/>
      <c r="W5300" s="19"/>
      <c r="X5300" s="19">
        <v>13</v>
      </c>
      <c r="Y5300" s="19"/>
      <c r="Z5300" s="19"/>
      <c r="AA5300" s="19"/>
    </row>
    <row r="5301" spans="1:27" s="1" customFormat="1" ht="14.1" customHeight="1" outlineLevel="2" x14ac:dyDescent="0.2">
      <c r="A5301" s="17"/>
      <c r="B5301" s="17"/>
      <c r="C5301" s="17"/>
      <c r="D5301" s="18"/>
      <c r="E5301" s="18"/>
      <c r="F5301" s="18"/>
      <c r="G5301" s="18"/>
      <c r="H5301" s="18"/>
      <c r="I5301" s="18"/>
      <c r="J5301" s="18"/>
      <c r="K5301" s="18"/>
      <c r="L5301" s="18"/>
      <c r="M5301" s="18"/>
      <c r="N5301" s="18"/>
      <c r="O5301" s="18"/>
      <c r="P5301" s="19"/>
      <c r="Q5301" s="19"/>
      <c r="R5301" s="19"/>
      <c r="S5301" s="19"/>
      <c r="T5301" s="19"/>
      <c r="U5301" s="19"/>
      <c r="V5301" s="19"/>
      <c r="W5301" s="19"/>
      <c r="X5301" s="19"/>
      <c r="Y5301" s="19"/>
      <c r="Z5301" s="19"/>
      <c r="AA5301" s="19"/>
    </row>
    <row r="5302" spans="1:27" s="1" customFormat="1" ht="14.1" customHeight="1" outlineLevel="2" x14ac:dyDescent="0.2">
      <c r="A5302" s="17">
        <v>13934</v>
      </c>
      <c r="B5302" s="17"/>
      <c r="C5302" s="17"/>
      <c r="D5302" s="18" t="s">
        <v>2637</v>
      </c>
      <c r="E5302" s="18"/>
      <c r="F5302" s="18"/>
      <c r="G5302" s="18"/>
      <c r="H5302" s="18"/>
      <c r="I5302" s="18"/>
      <c r="J5302" s="18"/>
      <c r="K5302" s="18"/>
      <c r="L5302" s="18"/>
      <c r="M5302" s="18"/>
      <c r="N5302" s="18"/>
      <c r="O5302" s="18"/>
      <c r="P5302" s="19">
        <v>50</v>
      </c>
      <c r="Q5302" s="19"/>
      <c r="R5302" s="19"/>
      <c r="S5302" s="19"/>
      <c r="T5302" s="19">
        <v>30</v>
      </c>
      <c r="U5302" s="19"/>
      <c r="V5302" s="19"/>
      <c r="W5302" s="19"/>
      <c r="X5302" s="19">
        <v>39</v>
      </c>
      <c r="Y5302" s="19"/>
      <c r="Z5302" s="19"/>
      <c r="AA5302" s="19"/>
    </row>
    <row r="5303" spans="1:27" s="1" customFormat="1" ht="14.1" customHeight="1" outlineLevel="2" x14ac:dyDescent="0.2">
      <c r="A5303" s="17"/>
      <c r="B5303" s="17"/>
      <c r="C5303" s="17"/>
      <c r="D5303" s="18"/>
      <c r="E5303" s="18"/>
      <c r="F5303" s="18"/>
      <c r="G5303" s="18"/>
      <c r="H5303" s="18"/>
      <c r="I5303" s="18"/>
      <c r="J5303" s="18"/>
      <c r="K5303" s="18"/>
      <c r="L5303" s="18"/>
      <c r="M5303" s="18"/>
      <c r="N5303" s="18"/>
      <c r="O5303" s="18"/>
      <c r="P5303" s="19"/>
      <c r="Q5303" s="19"/>
      <c r="R5303" s="19"/>
      <c r="S5303" s="19"/>
      <c r="T5303" s="19"/>
      <c r="U5303" s="19"/>
      <c r="V5303" s="19"/>
      <c r="W5303" s="19"/>
      <c r="X5303" s="19"/>
      <c r="Y5303" s="19"/>
      <c r="Z5303" s="19"/>
      <c r="AA5303" s="19"/>
    </row>
    <row r="5304" spans="1:27" s="1" customFormat="1" ht="14.1" customHeight="1" outlineLevel="2" x14ac:dyDescent="0.2">
      <c r="A5304" s="17">
        <v>13933</v>
      </c>
      <c r="B5304" s="17"/>
      <c r="C5304" s="17"/>
      <c r="D5304" s="18" t="s">
        <v>2638</v>
      </c>
      <c r="E5304" s="18"/>
      <c r="F5304" s="18"/>
      <c r="G5304" s="18"/>
      <c r="H5304" s="18"/>
      <c r="I5304" s="18"/>
      <c r="J5304" s="18"/>
      <c r="K5304" s="18"/>
      <c r="L5304" s="18"/>
      <c r="M5304" s="18"/>
      <c r="N5304" s="18"/>
      <c r="O5304" s="18"/>
      <c r="P5304" s="19">
        <v>50</v>
      </c>
      <c r="Q5304" s="19"/>
      <c r="R5304" s="19"/>
      <c r="S5304" s="19"/>
      <c r="T5304" s="19">
        <v>30</v>
      </c>
      <c r="U5304" s="19"/>
      <c r="V5304" s="19"/>
      <c r="W5304" s="19"/>
      <c r="X5304" s="19">
        <v>31</v>
      </c>
      <c r="Y5304" s="19"/>
      <c r="Z5304" s="19"/>
      <c r="AA5304" s="19"/>
    </row>
    <row r="5305" spans="1:27" s="1" customFormat="1" ht="14.1" customHeight="1" outlineLevel="2" x14ac:dyDescent="0.2">
      <c r="A5305" s="17"/>
      <c r="B5305" s="17"/>
      <c r="C5305" s="17"/>
      <c r="D5305" s="18"/>
      <c r="E5305" s="18"/>
      <c r="F5305" s="18"/>
      <c r="G5305" s="18"/>
      <c r="H5305" s="18"/>
      <c r="I5305" s="18"/>
      <c r="J5305" s="18"/>
      <c r="K5305" s="18"/>
      <c r="L5305" s="18"/>
      <c r="M5305" s="18"/>
      <c r="N5305" s="18"/>
      <c r="O5305" s="18"/>
      <c r="P5305" s="19"/>
      <c r="Q5305" s="19"/>
      <c r="R5305" s="19"/>
      <c r="S5305" s="19"/>
      <c r="T5305" s="19"/>
      <c r="U5305" s="19"/>
      <c r="V5305" s="19"/>
      <c r="W5305" s="19"/>
      <c r="X5305" s="19"/>
      <c r="Y5305" s="19"/>
      <c r="Z5305" s="19"/>
      <c r="AA5305" s="19"/>
    </row>
    <row r="5306" spans="1:27" s="1" customFormat="1" ht="14.1" customHeight="1" outlineLevel="2" x14ac:dyDescent="0.2">
      <c r="A5306" s="17">
        <v>17887</v>
      </c>
      <c r="B5306" s="17"/>
      <c r="C5306" s="17"/>
      <c r="D5306" s="18" t="s">
        <v>2639</v>
      </c>
      <c r="E5306" s="18"/>
      <c r="F5306" s="18"/>
      <c r="G5306" s="18"/>
      <c r="H5306" s="18"/>
      <c r="I5306" s="18"/>
      <c r="J5306" s="18"/>
      <c r="K5306" s="18"/>
      <c r="L5306" s="18"/>
      <c r="M5306" s="18"/>
      <c r="N5306" s="18"/>
      <c r="O5306" s="18"/>
      <c r="P5306" s="19">
        <v>150</v>
      </c>
      <c r="Q5306" s="19"/>
      <c r="R5306" s="19"/>
      <c r="S5306" s="19"/>
      <c r="T5306" s="19">
        <v>100</v>
      </c>
      <c r="U5306" s="19"/>
      <c r="V5306" s="19"/>
      <c r="W5306" s="19"/>
      <c r="X5306" s="19">
        <v>1</v>
      </c>
      <c r="Y5306" s="19"/>
      <c r="Z5306" s="19"/>
      <c r="AA5306" s="19"/>
    </row>
    <row r="5307" spans="1:27" s="1" customFormat="1" ht="14.1" customHeight="1" outlineLevel="2" x14ac:dyDescent="0.2">
      <c r="A5307" s="17"/>
      <c r="B5307" s="17"/>
      <c r="C5307" s="17"/>
      <c r="D5307" s="18"/>
      <c r="E5307" s="18"/>
      <c r="F5307" s="18"/>
      <c r="G5307" s="18"/>
      <c r="H5307" s="18"/>
      <c r="I5307" s="18"/>
      <c r="J5307" s="18"/>
      <c r="K5307" s="18"/>
      <c r="L5307" s="18"/>
      <c r="M5307" s="18"/>
      <c r="N5307" s="18"/>
      <c r="O5307" s="18"/>
      <c r="P5307" s="19"/>
      <c r="Q5307" s="19"/>
      <c r="R5307" s="19"/>
      <c r="S5307" s="19"/>
      <c r="T5307" s="19"/>
      <c r="U5307" s="19"/>
      <c r="V5307" s="19"/>
      <c r="W5307" s="19"/>
      <c r="X5307" s="19"/>
      <c r="Y5307" s="19"/>
      <c r="Z5307" s="19"/>
      <c r="AA5307" s="19"/>
    </row>
    <row r="5308" spans="1:27" s="1" customFormat="1" ht="14.1" customHeight="1" outlineLevel="2" x14ac:dyDescent="0.2">
      <c r="A5308" s="17">
        <v>14368</v>
      </c>
      <c r="B5308" s="17"/>
      <c r="C5308" s="17"/>
      <c r="D5308" s="18" t="s">
        <v>2640</v>
      </c>
      <c r="E5308" s="18"/>
      <c r="F5308" s="18"/>
      <c r="G5308" s="18"/>
      <c r="H5308" s="18"/>
      <c r="I5308" s="18"/>
      <c r="J5308" s="18"/>
      <c r="K5308" s="18"/>
      <c r="L5308" s="18"/>
      <c r="M5308" s="18"/>
      <c r="N5308" s="18"/>
      <c r="O5308" s="18"/>
      <c r="P5308" s="19">
        <v>60</v>
      </c>
      <c r="Q5308" s="19"/>
      <c r="R5308" s="19"/>
      <c r="S5308" s="19"/>
      <c r="T5308" s="19">
        <v>40</v>
      </c>
      <c r="U5308" s="19"/>
      <c r="V5308" s="19"/>
      <c r="W5308" s="19"/>
      <c r="X5308" s="19">
        <v>20</v>
      </c>
      <c r="Y5308" s="19"/>
      <c r="Z5308" s="19"/>
      <c r="AA5308" s="19"/>
    </row>
    <row r="5309" spans="1:27" s="1" customFormat="1" ht="14.1" customHeight="1" outlineLevel="2" x14ac:dyDescent="0.2">
      <c r="A5309" s="17"/>
      <c r="B5309" s="17"/>
      <c r="C5309" s="17"/>
      <c r="D5309" s="18"/>
      <c r="E5309" s="18"/>
      <c r="F5309" s="18"/>
      <c r="G5309" s="18"/>
      <c r="H5309" s="18"/>
      <c r="I5309" s="18"/>
      <c r="J5309" s="18"/>
      <c r="K5309" s="18"/>
      <c r="L5309" s="18"/>
      <c r="M5309" s="18"/>
      <c r="N5309" s="18"/>
      <c r="O5309" s="18"/>
      <c r="P5309" s="19"/>
      <c r="Q5309" s="19"/>
      <c r="R5309" s="19"/>
      <c r="S5309" s="19"/>
      <c r="T5309" s="19"/>
      <c r="U5309" s="19"/>
      <c r="V5309" s="19"/>
      <c r="W5309" s="19"/>
      <c r="X5309" s="19"/>
      <c r="Y5309" s="19"/>
      <c r="Z5309" s="19"/>
      <c r="AA5309" s="19"/>
    </row>
    <row r="5310" spans="1:27" s="1" customFormat="1" ht="14.1" customHeight="1" outlineLevel="2" x14ac:dyDescent="0.2">
      <c r="A5310" s="17">
        <v>14369</v>
      </c>
      <c r="B5310" s="17"/>
      <c r="C5310" s="17"/>
      <c r="D5310" s="18" t="s">
        <v>2641</v>
      </c>
      <c r="E5310" s="18"/>
      <c r="F5310" s="18"/>
      <c r="G5310" s="18"/>
      <c r="H5310" s="18"/>
      <c r="I5310" s="18"/>
      <c r="J5310" s="18"/>
      <c r="K5310" s="18"/>
      <c r="L5310" s="18"/>
      <c r="M5310" s="18"/>
      <c r="N5310" s="18"/>
      <c r="O5310" s="18"/>
      <c r="P5310" s="19">
        <v>60</v>
      </c>
      <c r="Q5310" s="19"/>
      <c r="R5310" s="19"/>
      <c r="S5310" s="19"/>
      <c r="T5310" s="19">
        <v>40</v>
      </c>
      <c r="U5310" s="19"/>
      <c r="V5310" s="19"/>
      <c r="W5310" s="19"/>
      <c r="X5310" s="19">
        <v>37</v>
      </c>
      <c r="Y5310" s="19"/>
      <c r="Z5310" s="19"/>
      <c r="AA5310" s="19"/>
    </row>
    <row r="5311" spans="1:27" s="1" customFormat="1" ht="14.1" customHeight="1" outlineLevel="2" x14ac:dyDescent="0.2">
      <c r="A5311" s="17"/>
      <c r="B5311" s="17"/>
      <c r="C5311" s="17"/>
      <c r="D5311" s="18"/>
      <c r="E5311" s="18"/>
      <c r="F5311" s="18"/>
      <c r="G5311" s="18"/>
      <c r="H5311" s="18"/>
      <c r="I5311" s="18"/>
      <c r="J5311" s="18"/>
      <c r="K5311" s="18"/>
      <c r="L5311" s="18"/>
      <c r="M5311" s="18"/>
      <c r="N5311" s="18"/>
      <c r="O5311" s="18"/>
      <c r="P5311" s="19"/>
      <c r="Q5311" s="19"/>
      <c r="R5311" s="19"/>
      <c r="S5311" s="19"/>
      <c r="T5311" s="19"/>
      <c r="U5311" s="19"/>
      <c r="V5311" s="19"/>
      <c r="W5311" s="19"/>
      <c r="X5311" s="19"/>
      <c r="Y5311" s="19"/>
      <c r="Z5311" s="19"/>
      <c r="AA5311" s="19"/>
    </row>
    <row r="5312" spans="1:27" s="1" customFormat="1" ht="14.1" customHeight="1" outlineLevel="2" x14ac:dyDescent="0.2">
      <c r="A5312" s="17">
        <v>13474</v>
      </c>
      <c r="B5312" s="17"/>
      <c r="C5312" s="17"/>
      <c r="D5312" s="18" t="s">
        <v>2642</v>
      </c>
      <c r="E5312" s="18"/>
      <c r="F5312" s="18"/>
      <c r="G5312" s="18"/>
      <c r="H5312" s="18"/>
      <c r="I5312" s="18"/>
      <c r="J5312" s="18"/>
      <c r="K5312" s="18"/>
      <c r="L5312" s="18"/>
      <c r="M5312" s="18"/>
      <c r="N5312" s="18"/>
      <c r="O5312" s="18"/>
      <c r="P5312" s="19">
        <v>130</v>
      </c>
      <c r="Q5312" s="19"/>
      <c r="R5312" s="19"/>
      <c r="S5312" s="19"/>
      <c r="T5312" s="19">
        <v>90</v>
      </c>
      <c r="U5312" s="19"/>
      <c r="V5312" s="19"/>
      <c r="W5312" s="19"/>
      <c r="X5312" s="19">
        <v>1</v>
      </c>
      <c r="Y5312" s="19"/>
      <c r="Z5312" s="19"/>
      <c r="AA5312" s="19"/>
    </row>
    <row r="5313" spans="1:27" s="1" customFormat="1" ht="14.1" customHeight="1" outlineLevel="2" x14ac:dyDescent="0.2">
      <c r="A5313" s="17"/>
      <c r="B5313" s="17"/>
      <c r="C5313" s="17"/>
      <c r="D5313" s="18"/>
      <c r="E5313" s="18"/>
      <c r="F5313" s="18"/>
      <c r="G5313" s="18"/>
      <c r="H5313" s="18"/>
      <c r="I5313" s="18"/>
      <c r="J5313" s="18"/>
      <c r="K5313" s="18"/>
      <c r="L5313" s="18"/>
      <c r="M5313" s="18"/>
      <c r="N5313" s="18"/>
      <c r="O5313" s="18"/>
      <c r="P5313" s="19"/>
      <c r="Q5313" s="19"/>
      <c r="R5313" s="19"/>
      <c r="S5313" s="19"/>
      <c r="T5313" s="19"/>
      <c r="U5313" s="19"/>
      <c r="V5313" s="19"/>
      <c r="W5313" s="19"/>
      <c r="X5313" s="19"/>
      <c r="Y5313" s="19"/>
      <c r="Z5313" s="19"/>
      <c r="AA5313" s="19"/>
    </row>
    <row r="5314" spans="1:27" s="1" customFormat="1" ht="14.1" customHeight="1" outlineLevel="2" x14ac:dyDescent="0.2">
      <c r="A5314" s="17">
        <v>13473</v>
      </c>
      <c r="B5314" s="17"/>
      <c r="C5314" s="17"/>
      <c r="D5314" s="18" t="s">
        <v>2643</v>
      </c>
      <c r="E5314" s="18"/>
      <c r="F5314" s="18"/>
      <c r="G5314" s="18"/>
      <c r="H5314" s="18"/>
      <c r="I5314" s="18"/>
      <c r="J5314" s="18"/>
      <c r="K5314" s="18"/>
      <c r="L5314" s="18"/>
      <c r="M5314" s="18"/>
      <c r="N5314" s="18"/>
      <c r="O5314" s="18"/>
      <c r="P5314" s="19">
        <v>130</v>
      </c>
      <c r="Q5314" s="19"/>
      <c r="R5314" s="19"/>
      <c r="S5314" s="19"/>
      <c r="T5314" s="19">
        <v>90</v>
      </c>
      <c r="U5314" s="19"/>
      <c r="V5314" s="19"/>
      <c r="W5314" s="19"/>
      <c r="X5314" s="19">
        <v>1</v>
      </c>
      <c r="Y5314" s="19"/>
      <c r="Z5314" s="19"/>
      <c r="AA5314" s="19"/>
    </row>
    <row r="5315" spans="1:27" s="1" customFormat="1" ht="14.1" customHeight="1" outlineLevel="2" x14ac:dyDescent="0.2">
      <c r="A5315" s="17"/>
      <c r="B5315" s="17"/>
      <c r="C5315" s="17"/>
      <c r="D5315" s="18"/>
      <c r="E5315" s="18"/>
      <c r="F5315" s="18"/>
      <c r="G5315" s="18"/>
      <c r="H5315" s="18"/>
      <c r="I5315" s="18"/>
      <c r="J5315" s="18"/>
      <c r="K5315" s="18"/>
      <c r="L5315" s="18"/>
      <c r="M5315" s="18"/>
      <c r="N5315" s="18"/>
      <c r="O5315" s="18"/>
      <c r="P5315" s="19"/>
      <c r="Q5315" s="19"/>
      <c r="R5315" s="19"/>
      <c r="S5315" s="19"/>
      <c r="T5315" s="19"/>
      <c r="U5315" s="19"/>
      <c r="V5315" s="19"/>
      <c r="W5315" s="19"/>
      <c r="X5315" s="19"/>
      <c r="Y5315" s="19"/>
      <c r="Z5315" s="19"/>
      <c r="AA5315" s="19"/>
    </row>
    <row r="5316" spans="1:27" s="1" customFormat="1" ht="14.1" customHeight="1" outlineLevel="2" x14ac:dyDescent="0.2">
      <c r="A5316" s="17">
        <v>14960</v>
      </c>
      <c r="B5316" s="17"/>
      <c r="C5316" s="17"/>
      <c r="D5316" s="18" t="s">
        <v>2644</v>
      </c>
      <c r="E5316" s="18"/>
      <c r="F5316" s="18"/>
      <c r="G5316" s="18"/>
      <c r="H5316" s="18"/>
      <c r="I5316" s="18"/>
      <c r="J5316" s="18"/>
      <c r="K5316" s="18"/>
      <c r="L5316" s="18"/>
      <c r="M5316" s="18"/>
      <c r="N5316" s="18"/>
      <c r="O5316" s="18"/>
      <c r="P5316" s="19">
        <v>50</v>
      </c>
      <c r="Q5316" s="19"/>
      <c r="R5316" s="19"/>
      <c r="S5316" s="19"/>
      <c r="T5316" s="19">
        <v>30</v>
      </c>
      <c r="U5316" s="19"/>
      <c r="V5316" s="19"/>
      <c r="W5316" s="19"/>
      <c r="X5316" s="19">
        <v>15</v>
      </c>
      <c r="Y5316" s="19"/>
      <c r="Z5316" s="19"/>
      <c r="AA5316" s="19"/>
    </row>
    <row r="5317" spans="1:27" s="1" customFormat="1" ht="14.1" customHeight="1" outlineLevel="2" x14ac:dyDescent="0.2">
      <c r="A5317" s="17"/>
      <c r="B5317" s="17"/>
      <c r="C5317" s="17"/>
      <c r="D5317" s="18"/>
      <c r="E5317" s="18"/>
      <c r="F5317" s="18"/>
      <c r="G5317" s="18"/>
      <c r="H5317" s="18"/>
      <c r="I5317" s="18"/>
      <c r="J5317" s="18"/>
      <c r="K5317" s="18"/>
      <c r="L5317" s="18"/>
      <c r="M5317" s="18"/>
      <c r="N5317" s="18"/>
      <c r="O5317" s="18"/>
      <c r="P5317" s="19"/>
      <c r="Q5317" s="19"/>
      <c r="R5317" s="19"/>
      <c r="S5317" s="19"/>
      <c r="T5317" s="19"/>
      <c r="U5317" s="19"/>
      <c r="V5317" s="19"/>
      <c r="W5317" s="19"/>
      <c r="X5317" s="19"/>
      <c r="Y5317" s="19"/>
      <c r="Z5317" s="19"/>
      <c r="AA5317" s="19"/>
    </row>
    <row r="5318" spans="1:27" s="1" customFormat="1" ht="14.1" customHeight="1" outlineLevel="2" x14ac:dyDescent="0.2">
      <c r="A5318" s="17">
        <v>17510</v>
      </c>
      <c r="B5318" s="17"/>
      <c r="C5318" s="17"/>
      <c r="D5318" s="18" t="s">
        <v>2645</v>
      </c>
      <c r="E5318" s="18"/>
      <c r="F5318" s="18"/>
      <c r="G5318" s="18"/>
      <c r="H5318" s="18"/>
      <c r="I5318" s="18"/>
      <c r="J5318" s="18"/>
      <c r="K5318" s="18"/>
      <c r="L5318" s="18"/>
      <c r="M5318" s="18"/>
      <c r="N5318" s="18"/>
      <c r="O5318" s="18"/>
      <c r="P5318" s="19">
        <v>150</v>
      </c>
      <c r="Q5318" s="19"/>
      <c r="R5318" s="19"/>
      <c r="S5318" s="19"/>
      <c r="T5318" s="19">
        <v>70</v>
      </c>
      <c r="U5318" s="19"/>
      <c r="V5318" s="19"/>
      <c r="W5318" s="19"/>
      <c r="X5318" s="19">
        <v>1</v>
      </c>
      <c r="Y5318" s="19"/>
      <c r="Z5318" s="19"/>
      <c r="AA5318" s="19"/>
    </row>
    <row r="5319" spans="1:27" s="1" customFormat="1" ht="14.1" customHeight="1" outlineLevel="2" x14ac:dyDescent="0.2">
      <c r="A5319" s="17"/>
      <c r="B5319" s="17"/>
      <c r="C5319" s="17"/>
      <c r="D5319" s="18"/>
      <c r="E5319" s="18"/>
      <c r="F5319" s="18"/>
      <c r="G5319" s="18"/>
      <c r="H5319" s="18"/>
      <c r="I5319" s="18"/>
      <c r="J5319" s="18"/>
      <c r="K5319" s="18"/>
      <c r="L5319" s="18"/>
      <c r="M5319" s="18"/>
      <c r="N5319" s="18"/>
      <c r="O5319" s="18"/>
      <c r="P5319" s="19"/>
      <c r="Q5319" s="19"/>
      <c r="R5319" s="19"/>
      <c r="S5319" s="19"/>
      <c r="T5319" s="19"/>
      <c r="U5319" s="19"/>
      <c r="V5319" s="19"/>
      <c r="W5319" s="19"/>
      <c r="X5319" s="19"/>
      <c r="Y5319" s="19"/>
      <c r="Z5319" s="19"/>
      <c r="AA5319" s="19"/>
    </row>
    <row r="5320" spans="1:27" s="1" customFormat="1" ht="14.1" customHeight="1" outlineLevel="2" x14ac:dyDescent="0.2">
      <c r="A5320" s="17">
        <v>13571</v>
      </c>
      <c r="B5320" s="17"/>
      <c r="C5320" s="17"/>
      <c r="D5320" s="18" t="s">
        <v>2646</v>
      </c>
      <c r="E5320" s="18"/>
      <c r="F5320" s="18"/>
      <c r="G5320" s="18"/>
      <c r="H5320" s="18"/>
      <c r="I5320" s="18"/>
      <c r="J5320" s="18"/>
      <c r="K5320" s="18"/>
      <c r="L5320" s="18"/>
      <c r="M5320" s="18"/>
      <c r="N5320" s="18"/>
      <c r="O5320" s="18"/>
      <c r="P5320" s="19">
        <v>50</v>
      </c>
      <c r="Q5320" s="19"/>
      <c r="R5320" s="19"/>
      <c r="S5320" s="19"/>
      <c r="T5320" s="19">
        <v>30</v>
      </c>
      <c r="U5320" s="19"/>
      <c r="V5320" s="19"/>
      <c r="W5320" s="19"/>
      <c r="X5320" s="19">
        <v>76</v>
      </c>
      <c r="Y5320" s="19"/>
      <c r="Z5320" s="19"/>
      <c r="AA5320" s="19"/>
    </row>
    <row r="5321" spans="1:27" s="1" customFormat="1" ht="14.1" customHeight="1" outlineLevel="2" x14ac:dyDescent="0.2">
      <c r="A5321" s="17"/>
      <c r="B5321" s="17"/>
      <c r="C5321" s="17"/>
      <c r="D5321" s="18"/>
      <c r="E5321" s="18"/>
      <c r="F5321" s="18"/>
      <c r="G5321" s="18"/>
      <c r="H5321" s="18"/>
      <c r="I5321" s="18"/>
      <c r="J5321" s="18"/>
      <c r="K5321" s="18"/>
      <c r="L5321" s="18"/>
      <c r="M5321" s="18"/>
      <c r="N5321" s="18"/>
      <c r="O5321" s="18"/>
      <c r="P5321" s="19"/>
      <c r="Q5321" s="19"/>
      <c r="R5321" s="19"/>
      <c r="S5321" s="19"/>
      <c r="T5321" s="19"/>
      <c r="U5321" s="19"/>
      <c r="V5321" s="19"/>
      <c r="W5321" s="19"/>
      <c r="X5321" s="19"/>
      <c r="Y5321" s="19"/>
      <c r="Z5321" s="19"/>
      <c r="AA5321" s="19"/>
    </row>
    <row r="5322" spans="1:27" s="1" customFormat="1" ht="14.1" customHeight="1" outlineLevel="2" x14ac:dyDescent="0.2">
      <c r="A5322" s="17">
        <v>16896</v>
      </c>
      <c r="B5322" s="17"/>
      <c r="C5322" s="17"/>
      <c r="D5322" s="18" t="s">
        <v>2647</v>
      </c>
      <c r="E5322" s="18"/>
      <c r="F5322" s="18"/>
      <c r="G5322" s="18"/>
      <c r="H5322" s="18"/>
      <c r="I5322" s="18"/>
      <c r="J5322" s="18"/>
      <c r="K5322" s="18"/>
      <c r="L5322" s="18"/>
      <c r="M5322" s="18"/>
      <c r="N5322" s="18"/>
      <c r="O5322" s="18"/>
      <c r="P5322" s="19">
        <v>250</v>
      </c>
      <c r="Q5322" s="19"/>
      <c r="R5322" s="19"/>
      <c r="S5322" s="19"/>
      <c r="T5322" s="19">
        <v>100</v>
      </c>
      <c r="U5322" s="19"/>
      <c r="V5322" s="19"/>
      <c r="W5322" s="19"/>
      <c r="X5322" s="19">
        <v>1</v>
      </c>
      <c r="Y5322" s="19"/>
      <c r="Z5322" s="19"/>
      <c r="AA5322" s="19"/>
    </row>
    <row r="5323" spans="1:27" s="1" customFormat="1" ht="14.1" customHeight="1" outlineLevel="2" x14ac:dyDescent="0.2">
      <c r="A5323" s="17"/>
      <c r="B5323" s="17"/>
      <c r="C5323" s="17"/>
      <c r="D5323" s="18"/>
      <c r="E5323" s="18"/>
      <c r="F5323" s="18"/>
      <c r="G5323" s="18"/>
      <c r="H5323" s="18"/>
      <c r="I5323" s="18"/>
      <c r="J5323" s="18"/>
      <c r="K5323" s="18"/>
      <c r="L5323" s="18"/>
      <c r="M5323" s="18"/>
      <c r="N5323" s="18"/>
      <c r="O5323" s="18"/>
      <c r="P5323" s="19"/>
      <c r="Q5323" s="19"/>
      <c r="R5323" s="19"/>
      <c r="S5323" s="19"/>
      <c r="T5323" s="19"/>
      <c r="U5323" s="19"/>
      <c r="V5323" s="19"/>
      <c r="W5323" s="19"/>
      <c r="X5323" s="19"/>
      <c r="Y5323" s="19"/>
      <c r="Z5323" s="19"/>
      <c r="AA5323" s="19"/>
    </row>
    <row r="5324" spans="1:27" s="1" customFormat="1" ht="14.1" customHeight="1" outlineLevel="2" x14ac:dyDescent="0.2">
      <c r="A5324" s="17">
        <v>16821</v>
      </c>
      <c r="B5324" s="17"/>
      <c r="C5324" s="17"/>
      <c r="D5324" s="18" t="s">
        <v>2648</v>
      </c>
      <c r="E5324" s="18"/>
      <c r="F5324" s="18"/>
      <c r="G5324" s="18"/>
      <c r="H5324" s="18"/>
      <c r="I5324" s="18"/>
      <c r="J5324" s="18"/>
      <c r="K5324" s="18"/>
      <c r="L5324" s="18"/>
      <c r="M5324" s="18"/>
      <c r="N5324" s="18"/>
      <c r="O5324" s="18"/>
      <c r="P5324" s="19">
        <v>200</v>
      </c>
      <c r="Q5324" s="19"/>
      <c r="R5324" s="19"/>
      <c r="S5324" s="19"/>
      <c r="T5324" s="19">
        <v>150</v>
      </c>
      <c r="U5324" s="19"/>
      <c r="V5324" s="19"/>
      <c r="W5324" s="19"/>
      <c r="X5324" s="19">
        <v>1</v>
      </c>
      <c r="Y5324" s="19"/>
      <c r="Z5324" s="19"/>
      <c r="AA5324" s="19"/>
    </row>
    <row r="5325" spans="1:27" s="1" customFormat="1" ht="14.1" customHeight="1" outlineLevel="2" x14ac:dyDescent="0.2">
      <c r="A5325" s="17"/>
      <c r="B5325" s="17"/>
      <c r="C5325" s="17"/>
      <c r="D5325" s="18"/>
      <c r="E5325" s="18"/>
      <c r="F5325" s="18"/>
      <c r="G5325" s="18"/>
      <c r="H5325" s="18"/>
      <c r="I5325" s="18"/>
      <c r="J5325" s="18"/>
      <c r="K5325" s="18"/>
      <c r="L5325" s="18"/>
      <c r="M5325" s="18"/>
      <c r="N5325" s="18"/>
      <c r="O5325" s="18"/>
      <c r="P5325" s="19"/>
      <c r="Q5325" s="19"/>
      <c r="R5325" s="19"/>
      <c r="S5325" s="19"/>
      <c r="T5325" s="19"/>
      <c r="U5325" s="19"/>
      <c r="V5325" s="19"/>
      <c r="W5325" s="19"/>
      <c r="X5325" s="19"/>
      <c r="Y5325" s="19"/>
      <c r="Z5325" s="19"/>
      <c r="AA5325" s="19"/>
    </row>
    <row r="5326" spans="1:27" s="1" customFormat="1" ht="14.1" customHeight="1" outlineLevel="2" x14ac:dyDescent="0.2">
      <c r="A5326" s="17">
        <v>17953</v>
      </c>
      <c r="B5326" s="17"/>
      <c r="C5326" s="17"/>
      <c r="D5326" s="18" t="s">
        <v>2649</v>
      </c>
      <c r="E5326" s="18"/>
      <c r="F5326" s="18"/>
      <c r="G5326" s="18"/>
      <c r="H5326" s="18"/>
      <c r="I5326" s="18"/>
      <c r="J5326" s="18"/>
      <c r="K5326" s="18"/>
      <c r="L5326" s="18"/>
      <c r="M5326" s="18"/>
      <c r="N5326" s="18"/>
      <c r="O5326" s="18"/>
      <c r="P5326" s="19">
        <v>150</v>
      </c>
      <c r="Q5326" s="19"/>
      <c r="R5326" s="19"/>
      <c r="S5326" s="19"/>
      <c r="T5326" s="19">
        <v>100</v>
      </c>
      <c r="U5326" s="19"/>
      <c r="V5326" s="19"/>
      <c r="W5326" s="19"/>
      <c r="X5326" s="19">
        <v>1</v>
      </c>
      <c r="Y5326" s="19"/>
      <c r="Z5326" s="19"/>
      <c r="AA5326" s="19"/>
    </row>
    <row r="5327" spans="1:27" s="1" customFormat="1" ht="14.1" customHeight="1" outlineLevel="2" x14ac:dyDescent="0.2">
      <c r="A5327" s="17"/>
      <c r="B5327" s="17"/>
      <c r="C5327" s="17"/>
      <c r="D5327" s="18"/>
      <c r="E5327" s="18"/>
      <c r="F5327" s="18"/>
      <c r="G5327" s="18"/>
      <c r="H5327" s="18"/>
      <c r="I5327" s="18"/>
      <c r="J5327" s="18"/>
      <c r="K5327" s="18"/>
      <c r="L5327" s="18"/>
      <c r="M5327" s="18"/>
      <c r="N5327" s="18"/>
      <c r="O5327" s="18"/>
      <c r="P5327" s="19"/>
      <c r="Q5327" s="19"/>
      <c r="R5327" s="19"/>
      <c r="S5327" s="19"/>
      <c r="T5327" s="19"/>
      <c r="U5327" s="19"/>
      <c r="V5327" s="19"/>
      <c r="W5327" s="19"/>
      <c r="X5327" s="19"/>
      <c r="Y5327" s="19"/>
      <c r="Z5327" s="19"/>
      <c r="AA5327" s="19"/>
    </row>
    <row r="5328" spans="1:27" s="1" customFormat="1" ht="14.1" customHeight="1" outlineLevel="2" x14ac:dyDescent="0.2">
      <c r="A5328" s="17">
        <v>13339</v>
      </c>
      <c r="B5328" s="17"/>
      <c r="C5328" s="17"/>
      <c r="D5328" s="18" t="s">
        <v>2650</v>
      </c>
      <c r="E5328" s="18"/>
      <c r="F5328" s="18"/>
      <c r="G5328" s="18"/>
      <c r="H5328" s="18"/>
      <c r="I5328" s="18"/>
      <c r="J5328" s="18"/>
      <c r="K5328" s="18"/>
      <c r="L5328" s="18"/>
      <c r="M5328" s="18"/>
      <c r="N5328" s="18"/>
      <c r="O5328" s="18"/>
      <c r="P5328" s="19">
        <v>120</v>
      </c>
      <c r="Q5328" s="19"/>
      <c r="R5328" s="19"/>
      <c r="S5328" s="19"/>
      <c r="T5328" s="19">
        <v>80</v>
      </c>
      <c r="U5328" s="19"/>
      <c r="V5328" s="19"/>
      <c r="W5328" s="19"/>
      <c r="X5328" s="19">
        <v>1</v>
      </c>
      <c r="Y5328" s="19"/>
      <c r="Z5328" s="19"/>
      <c r="AA5328" s="19"/>
    </row>
    <row r="5329" spans="1:27" s="1" customFormat="1" ht="14.1" customHeight="1" outlineLevel="2" x14ac:dyDescent="0.2">
      <c r="A5329" s="17"/>
      <c r="B5329" s="17"/>
      <c r="C5329" s="17"/>
      <c r="D5329" s="18"/>
      <c r="E5329" s="18"/>
      <c r="F5329" s="18"/>
      <c r="G5329" s="18"/>
      <c r="H5329" s="18"/>
      <c r="I5329" s="18"/>
      <c r="J5329" s="18"/>
      <c r="K5329" s="18"/>
      <c r="L5329" s="18"/>
      <c r="M5329" s="18"/>
      <c r="N5329" s="18"/>
      <c r="O5329" s="18"/>
      <c r="P5329" s="19"/>
      <c r="Q5329" s="19"/>
      <c r="R5329" s="19"/>
      <c r="S5329" s="19"/>
      <c r="T5329" s="19"/>
      <c r="U5329" s="19"/>
      <c r="V5329" s="19"/>
      <c r="W5329" s="19"/>
      <c r="X5329" s="19"/>
      <c r="Y5329" s="19"/>
      <c r="Z5329" s="19"/>
      <c r="AA5329" s="19"/>
    </row>
    <row r="5330" spans="1:27" s="1" customFormat="1" ht="14.1" customHeight="1" outlineLevel="2" x14ac:dyDescent="0.2">
      <c r="A5330" s="17">
        <v>18187</v>
      </c>
      <c r="B5330" s="17"/>
      <c r="C5330" s="17"/>
      <c r="D5330" s="18" t="s">
        <v>2651</v>
      </c>
      <c r="E5330" s="18"/>
      <c r="F5330" s="18"/>
      <c r="G5330" s="18"/>
      <c r="H5330" s="18"/>
      <c r="I5330" s="18"/>
      <c r="J5330" s="18"/>
      <c r="K5330" s="18"/>
      <c r="L5330" s="18"/>
      <c r="M5330" s="18"/>
      <c r="N5330" s="18"/>
      <c r="O5330" s="18"/>
      <c r="P5330" s="19">
        <v>90</v>
      </c>
      <c r="Q5330" s="19"/>
      <c r="R5330" s="19"/>
      <c r="S5330" s="19"/>
      <c r="T5330" s="19">
        <v>50</v>
      </c>
      <c r="U5330" s="19"/>
      <c r="V5330" s="19"/>
      <c r="W5330" s="19"/>
      <c r="X5330" s="19">
        <v>1</v>
      </c>
      <c r="Y5330" s="19"/>
      <c r="Z5330" s="19"/>
      <c r="AA5330" s="19"/>
    </row>
    <row r="5331" spans="1:27" s="1" customFormat="1" ht="14.1" customHeight="1" outlineLevel="2" x14ac:dyDescent="0.2">
      <c r="A5331" s="17"/>
      <c r="B5331" s="17"/>
      <c r="C5331" s="17"/>
      <c r="D5331" s="18"/>
      <c r="E5331" s="18"/>
      <c r="F5331" s="18"/>
      <c r="G5331" s="18"/>
      <c r="H5331" s="18"/>
      <c r="I5331" s="18"/>
      <c r="J5331" s="18"/>
      <c r="K5331" s="18"/>
      <c r="L5331" s="18"/>
      <c r="M5331" s="18"/>
      <c r="N5331" s="18"/>
      <c r="O5331" s="18"/>
      <c r="P5331" s="19"/>
      <c r="Q5331" s="19"/>
      <c r="R5331" s="19"/>
      <c r="S5331" s="19"/>
      <c r="T5331" s="19"/>
      <c r="U5331" s="19"/>
      <c r="V5331" s="19"/>
      <c r="W5331" s="19"/>
      <c r="X5331" s="19"/>
      <c r="Y5331" s="19"/>
      <c r="Z5331" s="19"/>
      <c r="AA5331" s="19"/>
    </row>
    <row r="5332" spans="1:27" s="1" customFormat="1" ht="14.1" customHeight="1" outlineLevel="2" x14ac:dyDescent="0.2">
      <c r="A5332" s="17">
        <v>13303</v>
      </c>
      <c r="B5332" s="17"/>
      <c r="C5332" s="17"/>
      <c r="D5332" s="18" t="s">
        <v>2652</v>
      </c>
      <c r="E5332" s="18"/>
      <c r="F5332" s="18"/>
      <c r="G5332" s="18"/>
      <c r="H5332" s="18"/>
      <c r="I5332" s="18"/>
      <c r="J5332" s="18"/>
      <c r="K5332" s="18"/>
      <c r="L5332" s="18"/>
      <c r="M5332" s="18"/>
      <c r="N5332" s="18"/>
      <c r="O5332" s="18"/>
      <c r="P5332" s="19">
        <v>210</v>
      </c>
      <c r="Q5332" s="19"/>
      <c r="R5332" s="19"/>
      <c r="S5332" s="19"/>
      <c r="T5332" s="19">
        <v>150</v>
      </c>
      <c r="U5332" s="19"/>
      <c r="V5332" s="19"/>
      <c r="W5332" s="19"/>
      <c r="X5332" s="19">
        <v>2</v>
      </c>
      <c r="Y5332" s="19"/>
      <c r="Z5332" s="19"/>
      <c r="AA5332" s="19"/>
    </row>
    <row r="5333" spans="1:27" s="1" customFormat="1" ht="14.1" customHeight="1" outlineLevel="2" x14ac:dyDescent="0.2">
      <c r="A5333" s="17"/>
      <c r="B5333" s="17"/>
      <c r="C5333" s="17"/>
      <c r="D5333" s="18"/>
      <c r="E5333" s="18"/>
      <c r="F5333" s="18"/>
      <c r="G5333" s="18"/>
      <c r="H5333" s="18"/>
      <c r="I5333" s="18"/>
      <c r="J5333" s="18"/>
      <c r="K5333" s="18"/>
      <c r="L5333" s="18"/>
      <c r="M5333" s="18"/>
      <c r="N5333" s="18"/>
      <c r="O5333" s="18"/>
      <c r="P5333" s="19"/>
      <c r="Q5333" s="19"/>
      <c r="R5333" s="19"/>
      <c r="S5333" s="19"/>
      <c r="T5333" s="19"/>
      <c r="U5333" s="19"/>
      <c r="V5333" s="19"/>
      <c r="W5333" s="19"/>
      <c r="X5333" s="19"/>
      <c r="Y5333" s="19"/>
      <c r="Z5333" s="19"/>
      <c r="AA5333" s="19"/>
    </row>
    <row r="5334" spans="1:27" s="1" customFormat="1" ht="14.1" customHeight="1" outlineLevel="2" x14ac:dyDescent="0.2">
      <c r="A5334" s="17">
        <v>16991</v>
      </c>
      <c r="B5334" s="17"/>
      <c r="C5334" s="17"/>
      <c r="D5334" s="18" t="s">
        <v>2653</v>
      </c>
      <c r="E5334" s="18"/>
      <c r="F5334" s="18"/>
      <c r="G5334" s="18"/>
      <c r="H5334" s="18"/>
      <c r="I5334" s="18"/>
      <c r="J5334" s="18"/>
      <c r="K5334" s="18"/>
      <c r="L5334" s="18"/>
      <c r="M5334" s="18"/>
      <c r="N5334" s="18"/>
      <c r="O5334" s="18"/>
      <c r="P5334" s="19">
        <v>150</v>
      </c>
      <c r="Q5334" s="19"/>
      <c r="R5334" s="19"/>
      <c r="S5334" s="19"/>
      <c r="T5334" s="19">
        <v>100</v>
      </c>
      <c r="U5334" s="19"/>
      <c r="V5334" s="19"/>
      <c r="W5334" s="19"/>
      <c r="X5334" s="19">
        <v>1</v>
      </c>
      <c r="Y5334" s="19"/>
      <c r="Z5334" s="19"/>
      <c r="AA5334" s="19"/>
    </row>
    <row r="5335" spans="1:27" s="1" customFormat="1" ht="14.1" customHeight="1" outlineLevel="2" x14ac:dyDescent="0.2">
      <c r="A5335" s="17"/>
      <c r="B5335" s="17"/>
      <c r="C5335" s="17"/>
      <c r="D5335" s="18"/>
      <c r="E5335" s="18"/>
      <c r="F5335" s="18"/>
      <c r="G5335" s="18"/>
      <c r="H5335" s="18"/>
      <c r="I5335" s="18"/>
      <c r="J5335" s="18"/>
      <c r="K5335" s="18"/>
      <c r="L5335" s="18"/>
      <c r="M5335" s="18"/>
      <c r="N5335" s="18"/>
      <c r="O5335" s="18"/>
      <c r="P5335" s="19"/>
      <c r="Q5335" s="19"/>
      <c r="R5335" s="19"/>
      <c r="S5335" s="19"/>
      <c r="T5335" s="19"/>
      <c r="U5335" s="19"/>
      <c r="V5335" s="19"/>
      <c r="W5335" s="19"/>
      <c r="X5335" s="19"/>
      <c r="Y5335" s="19"/>
      <c r="Z5335" s="19"/>
      <c r="AA5335" s="19"/>
    </row>
    <row r="5336" spans="1:27" s="1" customFormat="1" ht="14.1" customHeight="1" outlineLevel="2" x14ac:dyDescent="0.2">
      <c r="A5336" s="17">
        <v>17383</v>
      </c>
      <c r="B5336" s="17"/>
      <c r="C5336" s="17"/>
      <c r="D5336" s="18" t="s">
        <v>2654</v>
      </c>
      <c r="E5336" s="18"/>
      <c r="F5336" s="18"/>
      <c r="G5336" s="18"/>
      <c r="H5336" s="18"/>
      <c r="I5336" s="18"/>
      <c r="J5336" s="18"/>
      <c r="K5336" s="18"/>
      <c r="L5336" s="18"/>
      <c r="M5336" s="18"/>
      <c r="N5336" s="18"/>
      <c r="O5336" s="18"/>
      <c r="P5336" s="19">
        <v>150</v>
      </c>
      <c r="Q5336" s="19"/>
      <c r="R5336" s="19"/>
      <c r="S5336" s="19"/>
      <c r="T5336" s="19">
        <v>70</v>
      </c>
      <c r="U5336" s="19"/>
      <c r="V5336" s="19"/>
      <c r="W5336" s="19"/>
      <c r="X5336" s="19">
        <v>1</v>
      </c>
      <c r="Y5336" s="19"/>
      <c r="Z5336" s="19"/>
      <c r="AA5336" s="19"/>
    </row>
    <row r="5337" spans="1:27" s="1" customFormat="1" ht="14.1" customHeight="1" outlineLevel="2" x14ac:dyDescent="0.2">
      <c r="A5337" s="17"/>
      <c r="B5337" s="17"/>
      <c r="C5337" s="17"/>
      <c r="D5337" s="18"/>
      <c r="E5337" s="18"/>
      <c r="F5337" s="18"/>
      <c r="G5337" s="18"/>
      <c r="H5337" s="18"/>
      <c r="I5337" s="18"/>
      <c r="J5337" s="18"/>
      <c r="K5337" s="18"/>
      <c r="L5337" s="18"/>
      <c r="M5337" s="18"/>
      <c r="N5337" s="18"/>
      <c r="O5337" s="18"/>
      <c r="P5337" s="19"/>
      <c r="Q5337" s="19"/>
      <c r="R5337" s="19"/>
      <c r="S5337" s="19"/>
      <c r="T5337" s="19"/>
      <c r="U5337" s="19"/>
      <c r="V5337" s="19"/>
      <c r="W5337" s="19"/>
      <c r="X5337" s="19"/>
      <c r="Y5337" s="19"/>
      <c r="Z5337" s="19"/>
      <c r="AA5337" s="19"/>
    </row>
    <row r="5338" spans="1:27" s="1" customFormat="1" ht="14.1" customHeight="1" outlineLevel="2" x14ac:dyDescent="0.2">
      <c r="A5338" s="17">
        <v>17588</v>
      </c>
      <c r="B5338" s="17"/>
      <c r="C5338" s="17"/>
      <c r="D5338" s="18" t="s">
        <v>2655</v>
      </c>
      <c r="E5338" s="18"/>
      <c r="F5338" s="18"/>
      <c r="G5338" s="18"/>
      <c r="H5338" s="18"/>
      <c r="I5338" s="18"/>
      <c r="J5338" s="18"/>
      <c r="K5338" s="18"/>
      <c r="L5338" s="18"/>
      <c r="M5338" s="18"/>
      <c r="N5338" s="18"/>
      <c r="O5338" s="18"/>
      <c r="P5338" s="19">
        <v>200</v>
      </c>
      <c r="Q5338" s="19"/>
      <c r="R5338" s="19"/>
      <c r="S5338" s="19"/>
      <c r="T5338" s="19">
        <v>100</v>
      </c>
      <c r="U5338" s="19"/>
      <c r="V5338" s="19"/>
      <c r="W5338" s="19"/>
      <c r="X5338" s="19">
        <v>1</v>
      </c>
      <c r="Y5338" s="19"/>
      <c r="Z5338" s="19"/>
      <c r="AA5338" s="19"/>
    </row>
    <row r="5339" spans="1:27" s="1" customFormat="1" ht="14.1" customHeight="1" outlineLevel="2" x14ac:dyDescent="0.2">
      <c r="A5339" s="17"/>
      <c r="B5339" s="17"/>
      <c r="C5339" s="17"/>
      <c r="D5339" s="18"/>
      <c r="E5339" s="18"/>
      <c r="F5339" s="18"/>
      <c r="G5339" s="18"/>
      <c r="H5339" s="18"/>
      <c r="I5339" s="18"/>
      <c r="J5339" s="18"/>
      <c r="K5339" s="18"/>
      <c r="L5339" s="18"/>
      <c r="M5339" s="18"/>
      <c r="N5339" s="18"/>
      <c r="O5339" s="18"/>
      <c r="P5339" s="19"/>
      <c r="Q5339" s="19"/>
      <c r="R5339" s="19"/>
      <c r="S5339" s="19"/>
      <c r="T5339" s="19"/>
      <c r="U5339" s="19"/>
      <c r="V5339" s="19"/>
      <c r="W5339" s="19"/>
      <c r="X5339" s="19"/>
      <c r="Y5339" s="19"/>
      <c r="Z5339" s="19"/>
      <c r="AA5339" s="19"/>
    </row>
    <row r="5340" spans="1:27" s="1" customFormat="1" ht="14.1" customHeight="1" outlineLevel="2" x14ac:dyDescent="0.2">
      <c r="A5340" s="17">
        <v>17589</v>
      </c>
      <c r="B5340" s="17"/>
      <c r="C5340" s="17"/>
      <c r="D5340" s="18" t="s">
        <v>2656</v>
      </c>
      <c r="E5340" s="18"/>
      <c r="F5340" s="18"/>
      <c r="G5340" s="18"/>
      <c r="H5340" s="18"/>
      <c r="I5340" s="18"/>
      <c r="J5340" s="18"/>
      <c r="K5340" s="18"/>
      <c r="L5340" s="18"/>
      <c r="M5340" s="18"/>
      <c r="N5340" s="18"/>
      <c r="O5340" s="18"/>
      <c r="P5340" s="19">
        <v>200</v>
      </c>
      <c r="Q5340" s="19"/>
      <c r="R5340" s="19"/>
      <c r="S5340" s="19"/>
      <c r="T5340" s="19">
        <v>100</v>
      </c>
      <c r="U5340" s="19"/>
      <c r="V5340" s="19"/>
      <c r="W5340" s="19"/>
      <c r="X5340" s="19">
        <v>1</v>
      </c>
      <c r="Y5340" s="19"/>
      <c r="Z5340" s="19"/>
      <c r="AA5340" s="19"/>
    </row>
    <row r="5341" spans="1:27" s="1" customFormat="1" ht="14.1" customHeight="1" outlineLevel="2" x14ac:dyDescent="0.2">
      <c r="A5341" s="17"/>
      <c r="B5341" s="17"/>
      <c r="C5341" s="17"/>
      <c r="D5341" s="18"/>
      <c r="E5341" s="18"/>
      <c r="F5341" s="18"/>
      <c r="G5341" s="18"/>
      <c r="H5341" s="18"/>
      <c r="I5341" s="18"/>
      <c r="J5341" s="18"/>
      <c r="K5341" s="18"/>
      <c r="L5341" s="18"/>
      <c r="M5341" s="18"/>
      <c r="N5341" s="18"/>
      <c r="O5341" s="18"/>
      <c r="P5341" s="19"/>
      <c r="Q5341" s="19"/>
      <c r="R5341" s="19"/>
      <c r="S5341" s="19"/>
      <c r="T5341" s="19"/>
      <c r="U5341" s="19"/>
      <c r="V5341" s="19"/>
      <c r="W5341" s="19"/>
      <c r="X5341" s="19"/>
      <c r="Y5341" s="19"/>
      <c r="Z5341" s="19"/>
      <c r="AA5341" s="19"/>
    </row>
    <row r="5342" spans="1:27" s="1" customFormat="1" ht="14.1" customHeight="1" outlineLevel="2" x14ac:dyDescent="0.2">
      <c r="A5342" s="17">
        <v>17929</v>
      </c>
      <c r="B5342" s="17"/>
      <c r="C5342" s="17"/>
      <c r="D5342" s="18" t="s">
        <v>2657</v>
      </c>
      <c r="E5342" s="18"/>
      <c r="F5342" s="18"/>
      <c r="G5342" s="18"/>
      <c r="H5342" s="18"/>
      <c r="I5342" s="18"/>
      <c r="J5342" s="18"/>
      <c r="K5342" s="18"/>
      <c r="L5342" s="18"/>
      <c r="M5342" s="18"/>
      <c r="N5342" s="18"/>
      <c r="O5342" s="18"/>
      <c r="P5342" s="19">
        <v>300</v>
      </c>
      <c r="Q5342" s="19"/>
      <c r="R5342" s="19"/>
      <c r="S5342" s="19"/>
      <c r="T5342" s="19">
        <v>200</v>
      </c>
      <c r="U5342" s="19"/>
      <c r="V5342" s="19"/>
      <c r="W5342" s="19"/>
      <c r="X5342" s="19">
        <v>1</v>
      </c>
      <c r="Y5342" s="19"/>
      <c r="Z5342" s="19"/>
      <c r="AA5342" s="19"/>
    </row>
    <row r="5343" spans="1:27" s="1" customFormat="1" ht="14.1" customHeight="1" outlineLevel="2" x14ac:dyDescent="0.2">
      <c r="A5343" s="17"/>
      <c r="B5343" s="17"/>
      <c r="C5343" s="17"/>
      <c r="D5343" s="18"/>
      <c r="E5343" s="18"/>
      <c r="F5343" s="18"/>
      <c r="G5343" s="18"/>
      <c r="H5343" s="18"/>
      <c r="I5343" s="18"/>
      <c r="J5343" s="18"/>
      <c r="K5343" s="18"/>
      <c r="L5343" s="18"/>
      <c r="M5343" s="18"/>
      <c r="N5343" s="18"/>
      <c r="O5343" s="18"/>
      <c r="P5343" s="19"/>
      <c r="Q5343" s="19"/>
      <c r="R5343" s="19"/>
      <c r="S5343" s="19"/>
      <c r="T5343" s="19"/>
      <c r="U5343" s="19"/>
      <c r="V5343" s="19"/>
      <c r="W5343" s="19"/>
      <c r="X5343" s="19"/>
      <c r="Y5343" s="19"/>
      <c r="Z5343" s="19"/>
      <c r="AA5343" s="19"/>
    </row>
    <row r="5344" spans="1:27" s="1" customFormat="1" ht="14.1" customHeight="1" outlineLevel="2" x14ac:dyDescent="0.2">
      <c r="A5344" s="17">
        <v>18014</v>
      </c>
      <c r="B5344" s="17"/>
      <c r="C5344" s="17"/>
      <c r="D5344" s="18" t="s">
        <v>2658</v>
      </c>
      <c r="E5344" s="18"/>
      <c r="F5344" s="18"/>
      <c r="G5344" s="18"/>
      <c r="H5344" s="18"/>
      <c r="I5344" s="18"/>
      <c r="J5344" s="18"/>
      <c r="K5344" s="18"/>
      <c r="L5344" s="18"/>
      <c r="M5344" s="18"/>
      <c r="N5344" s="18"/>
      <c r="O5344" s="18"/>
      <c r="P5344" s="19">
        <v>300</v>
      </c>
      <c r="Q5344" s="19"/>
      <c r="R5344" s="19"/>
      <c r="S5344" s="19"/>
      <c r="T5344" s="19">
        <v>200</v>
      </c>
      <c r="U5344" s="19"/>
      <c r="V5344" s="19"/>
      <c r="W5344" s="19"/>
      <c r="X5344" s="19">
        <v>1</v>
      </c>
      <c r="Y5344" s="19"/>
      <c r="Z5344" s="19"/>
      <c r="AA5344" s="19"/>
    </row>
    <row r="5345" spans="1:27" s="1" customFormat="1" ht="14.1" customHeight="1" outlineLevel="2" x14ac:dyDescent="0.2">
      <c r="A5345" s="17"/>
      <c r="B5345" s="17"/>
      <c r="C5345" s="17"/>
      <c r="D5345" s="18"/>
      <c r="E5345" s="18"/>
      <c r="F5345" s="18"/>
      <c r="G5345" s="18"/>
      <c r="H5345" s="18"/>
      <c r="I5345" s="18"/>
      <c r="J5345" s="18"/>
      <c r="K5345" s="18"/>
      <c r="L5345" s="18"/>
      <c r="M5345" s="18"/>
      <c r="N5345" s="18"/>
      <c r="O5345" s="18"/>
      <c r="P5345" s="19"/>
      <c r="Q5345" s="19"/>
      <c r="R5345" s="19"/>
      <c r="S5345" s="19"/>
      <c r="T5345" s="19"/>
      <c r="U5345" s="19"/>
      <c r="V5345" s="19"/>
      <c r="W5345" s="19"/>
      <c r="X5345" s="19"/>
      <c r="Y5345" s="19"/>
      <c r="Z5345" s="19"/>
      <c r="AA5345" s="19"/>
    </row>
    <row r="5346" spans="1:27" s="1" customFormat="1" ht="14.1" customHeight="1" outlineLevel="2" x14ac:dyDescent="0.2">
      <c r="A5346" s="17">
        <v>14657</v>
      </c>
      <c r="B5346" s="17"/>
      <c r="C5346" s="17"/>
      <c r="D5346" s="18" t="s">
        <v>2659</v>
      </c>
      <c r="E5346" s="18"/>
      <c r="F5346" s="18"/>
      <c r="G5346" s="18"/>
      <c r="H5346" s="18"/>
      <c r="I5346" s="18"/>
      <c r="J5346" s="18"/>
      <c r="K5346" s="18"/>
      <c r="L5346" s="18"/>
      <c r="M5346" s="18"/>
      <c r="N5346" s="18"/>
      <c r="O5346" s="18"/>
      <c r="P5346" s="19">
        <v>130</v>
      </c>
      <c r="Q5346" s="19"/>
      <c r="R5346" s="19"/>
      <c r="S5346" s="19"/>
      <c r="T5346" s="19">
        <v>90</v>
      </c>
      <c r="U5346" s="19"/>
      <c r="V5346" s="19"/>
      <c r="W5346" s="19"/>
      <c r="X5346" s="19">
        <v>1</v>
      </c>
      <c r="Y5346" s="19"/>
      <c r="Z5346" s="19"/>
      <c r="AA5346" s="19"/>
    </row>
    <row r="5347" spans="1:27" s="1" customFormat="1" ht="14.1" customHeight="1" outlineLevel="2" x14ac:dyDescent="0.2">
      <c r="A5347" s="17"/>
      <c r="B5347" s="17"/>
      <c r="C5347" s="17"/>
      <c r="D5347" s="18"/>
      <c r="E5347" s="18"/>
      <c r="F5347" s="18"/>
      <c r="G5347" s="18"/>
      <c r="H5347" s="18"/>
      <c r="I5347" s="18"/>
      <c r="J5347" s="18"/>
      <c r="K5347" s="18"/>
      <c r="L5347" s="18"/>
      <c r="M5347" s="18"/>
      <c r="N5347" s="18"/>
      <c r="O5347" s="18"/>
      <c r="P5347" s="19"/>
      <c r="Q5347" s="19"/>
      <c r="R5347" s="19"/>
      <c r="S5347" s="19"/>
      <c r="T5347" s="19"/>
      <c r="U5347" s="19"/>
      <c r="V5347" s="19"/>
      <c r="W5347" s="19"/>
      <c r="X5347" s="19"/>
      <c r="Y5347" s="19"/>
      <c r="Z5347" s="19"/>
      <c r="AA5347" s="19"/>
    </row>
    <row r="5348" spans="1:27" s="1" customFormat="1" ht="14.1" customHeight="1" outlineLevel="2" x14ac:dyDescent="0.2">
      <c r="A5348" s="17">
        <v>16776</v>
      </c>
      <c r="B5348" s="17"/>
      <c r="C5348" s="17"/>
      <c r="D5348" s="18" t="s">
        <v>2660</v>
      </c>
      <c r="E5348" s="18"/>
      <c r="F5348" s="18"/>
      <c r="G5348" s="18"/>
      <c r="H5348" s="18"/>
      <c r="I5348" s="18"/>
      <c r="J5348" s="18"/>
      <c r="K5348" s="18"/>
      <c r="L5348" s="18"/>
      <c r="M5348" s="18"/>
      <c r="N5348" s="18"/>
      <c r="O5348" s="18"/>
      <c r="P5348" s="19">
        <v>200</v>
      </c>
      <c r="Q5348" s="19"/>
      <c r="R5348" s="19"/>
      <c r="S5348" s="19"/>
      <c r="T5348" s="19">
        <v>150</v>
      </c>
      <c r="U5348" s="19"/>
      <c r="V5348" s="19"/>
      <c r="W5348" s="19"/>
      <c r="X5348" s="19">
        <v>1</v>
      </c>
      <c r="Y5348" s="19"/>
      <c r="Z5348" s="19"/>
      <c r="AA5348" s="19"/>
    </row>
    <row r="5349" spans="1:27" s="1" customFormat="1" ht="14.1" customHeight="1" outlineLevel="2" x14ac:dyDescent="0.2">
      <c r="A5349" s="17"/>
      <c r="B5349" s="17"/>
      <c r="C5349" s="17"/>
      <c r="D5349" s="18"/>
      <c r="E5349" s="18"/>
      <c r="F5349" s="18"/>
      <c r="G5349" s="18"/>
      <c r="H5349" s="18"/>
      <c r="I5349" s="18"/>
      <c r="J5349" s="18"/>
      <c r="K5349" s="18"/>
      <c r="L5349" s="18"/>
      <c r="M5349" s="18"/>
      <c r="N5349" s="18"/>
      <c r="O5349" s="18"/>
      <c r="P5349" s="19"/>
      <c r="Q5349" s="19"/>
      <c r="R5349" s="19"/>
      <c r="S5349" s="19"/>
      <c r="T5349" s="19"/>
      <c r="U5349" s="19"/>
      <c r="V5349" s="19"/>
      <c r="W5349" s="19"/>
      <c r="X5349" s="19"/>
      <c r="Y5349" s="19"/>
      <c r="Z5349" s="19"/>
      <c r="AA5349" s="19"/>
    </row>
    <row r="5350" spans="1:27" s="1" customFormat="1" ht="14.1" customHeight="1" outlineLevel="2" x14ac:dyDescent="0.2">
      <c r="A5350" s="17">
        <v>17570</v>
      </c>
      <c r="B5350" s="17"/>
      <c r="C5350" s="17"/>
      <c r="D5350" s="18" t="s">
        <v>2661</v>
      </c>
      <c r="E5350" s="18"/>
      <c r="F5350" s="18"/>
      <c r="G5350" s="18"/>
      <c r="H5350" s="18"/>
      <c r="I5350" s="18"/>
      <c r="J5350" s="18"/>
      <c r="K5350" s="18"/>
      <c r="L5350" s="18"/>
      <c r="M5350" s="18"/>
      <c r="N5350" s="18"/>
      <c r="O5350" s="18"/>
      <c r="P5350" s="19">
        <v>250</v>
      </c>
      <c r="Q5350" s="19"/>
      <c r="R5350" s="19"/>
      <c r="S5350" s="19"/>
      <c r="T5350" s="19">
        <v>100</v>
      </c>
      <c r="U5350" s="19"/>
      <c r="V5350" s="19"/>
      <c r="W5350" s="19"/>
      <c r="X5350" s="19">
        <v>1</v>
      </c>
      <c r="Y5350" s="19"/>
      <c r="Z5350" s="19"/>
      <c r="AA5350" s="19"/>
    </row>
    <row r="5351" spans="1:27" s="1" customFormat="1" ht="14.1" customHeight="1" outlineLevel="2" x14ac:dyDescent="0.2">
      <c r="A5351" s="17"/>
      <c r="B5351" s="17"/>
      <c r="C5351" s="17"/>
      <c r="D5351" s="18"/>
      <c r="E5351" s="18"/>
      <c r="F5351" s="18"/>
      <c r="G5351" s="18"/>
      <c r="H5351" s="18"/>
      <c r="I5351" s="18"/>
      <c r="J5351" s="18"/>
      <c r="K5351" s="18"/>
      <c r="L5351" s="18"/>
      <c r="M5351" s="18"/>
      <c r="N5351" s="18"/>
      <c r="O5351" s="18"/>
      <c r="P5351" s="19"/>
      <c r="Q5351" s="19"/>
      <c r="R5351" s="19"/>
      <c r="S5351" s="19"/>
      <c r="T5351" s="19"/>
      <c r="U5351" s="19"/>
      <c r="V5351" s="19"/>
      <c r="W5351" s="19"/>
      <c r="X5351" s="19"/>
      <c r="Y5351" s="19"/>
      <c r="Z5351" s="19"/>
      <c r="AA5351" s="19"/>
    </row>
    <row r="5352" spans="1:27" s="1" customFormat="1" ht="14.1" customHeight="1" outlineLevel="2" x14ac:dyDescent="0.2">
      <c r="A5352" s="17">
        <v>9292</v>
      </c>
      <c r="B5352" s="17"/>
      <c r="C5352" s="17"/>
      <c r="D5352" s="18" t="s">
        <v>2662</v>
      </c>
      <c r="E5352" s="18"/>
      <c r="F5352" s="18"/>
      <c r="G5352" s="18"/>
      <c r="H5352" s="18"/>
      <c r="I5352" s="18"/>
      <c r="J5352" s="18"/>
      <c r="K5352" s="18"/>
      <c r="L5352" s="18"/>
      <c r="M5352" s="18"/>
      <c r="N5352" s="18"/>
      <c r="O5352" s="18"/>
      <c r="P5352" s="19">
        <v>90</v>
      </c>
      <c r="Q5352" s="19"/>
      <c r="R5352" s="19"/>
      <c r="S5352" s="19"/>
      <c r="T5352" s="19">
        <v>50</v>
      </c>
      <c r="U5352" s="19"/>
      <c r="V5352" s="19"/>
      <c r="W5352" s="19"/>
      <c r="X5352" s="19">
        <v>1</v>
      </c>
      <c r="Y5352" s="19"/>
      <c r="Z5352" s="19"/>
      <c r="AA5352" s="19"/>
    </row>
    <row r="5353" spans="1:27" s="1" customFormat="1" ht="14.1" customHeight="1" outlineLevel="2" x14ac:dyDescent="0.2">
      <c r="A5353" s="17"/>
      <c r="B5353" s="17"/>
      <c r="C5353" s="17"/>
      <c r="D5353" s="18"/>
      <c r="E5353" s="18"/>
      <c r="F5353" s="18"/>
      <c r="G5353" s="18"/>
      <c r="H5353" s="18"/>
      <c r="I5353" s="18"/>
      <c r="J5353" s="18"/>
      <c r="K5353" s="18"/>
      <c r="L5353" s="18"/>
      <c r="M5353" s="18"/>
      <c r="N5353" s="18"/>
      <c r="O5353" s="18"/>
      <c r="P5353" s="19"/>
      <c r="Q5353" s="19"/>
      <c r="R5353" s="19"/>
      <c r="S5353" s="19"/>
      <c r="T5353" s="19"/>
      <c r="U5353" s="19"/>
      <c r="V5353" s="19"/>
      <c r="W5353" s="19"/>
      <c r="X5353" s="19"/>
      <c r="Y5353" s="19"/>
      <c r="Z5353" s="19"/>
      <c r="AA5353" s="19"/>
    </row>
    <row r="5354" spans="1:27" s="1" customFormat="1" ht="14.1" customHeight="1" outlineLevel="2" x14ac:dyDescent="0.2">
      <c r="A5354" s="17">
        <v>12900</v>
      </c>
      <c r="B5354" s="17"/>
      <c r="C5354" s="17"/>
      <c r="D5354" s="18" t="s">
        <v>2663</v>
      </c>
      <c r="E5354" s="18"/>
      <c r="F5354" s="18"/>
      <c r="G5354" s="18"/>
      <c r="H5354" s="18"/>
      <c r="I5354" s="18"/>
      <c r="J5354" s="18"/>
      <c r="K5354" s="18"/>
      <c r="L5354" s="18"/>
      <c r="M5354" s="18"/>
      <c r="N5354" s="18"/>
      <c r="O5354" s="18"/>
      <c r="P5354" s="19">
        <v>160</v>
      </c>
      <c r="Q5354" s="19"/>
      <c r="R5354" s="19"/>
      <c r="S5354" s="19"/>
      <c r="T5354" s="19">
        <v>120</v>
      </c>
      <c r="U5354" s="19"/>
      <c r="V5354" s="19"/>
      <c r="W5354" s="19"/>
      <c r="X5354" s="19">
        <v>1</v>
      </c>
      <c r="Y5354" s="19"/>
      <c r="Z5354" s="19"/>
      <c r="AA5354" s="19"/>
    </row>
    <row r="5355" spans="1:27" s="1" customFormat="1" ht="14.1" customHeight="1" outlineLevel="2" x14ac:dyDescent="0.2">
      <c r="A5355" s="17"/>
      <c r="B5355" s="17"/>
      <c r="C5355" s="17"/>
      <c r="D5355" s="18"/>
      <c r="E5355" s="18"/>
      <c r="F5355" s="18"/>
      <c r="G5355" s="18"/>
      <c r="H5355" s="18"/>
      <c r="I5355" s="18"/>
      <c r="J5355" s="18"/>
      <c r="K5355" s="18"/>
      <c r="L5355" s="18"/>
      <c r="M5355" s="18"/>
      <c r="N5355" s="18"/>
      <c r="O5355" s="18"/>
      <c r="P5355" s="19"/>
      <c r="Q5355" s="19"/>
      <c r="R5355" s="19"/>
      <c r="S5355" s="19"/>
      <c r="T5355" s="19"/>
      <c r="U5355" s="19"/>
      <c r="V5355" s="19"/>
      <c r="W5355" s="19"/>
      <c r="X5355" s="19"/>
      <c r="Y5355" s="19"/>
      <c r="Z5355" s="19"/>
      <c r="AA5355" s="19"/>
    </row>
    <row r="5356" spans="1:27" s="1" customFormat="1" ht="14.1" customHeight="1" outlineLevel="2" x14ac:dyDescent="0.2">
      <c r="A5356" s="17">
        <v>14961</v>
      </c>
      <c r="B5356" s="17"/>
      <c r="C5356" s="17"/>
      <c r="D5356" s="18" t="s">
        <v>2664</v>
      </c>
      <c r="E5356" s="18"/>
      <c r="F5356" s="18"/>
      <c r="G5356" s="18"/>
      <c r="H5356" s="18"/>
      <c r="I5356" s="18"/>
      <c r="J5356" s="18"/>
      <c r="K5356" s="18"/>
      <c r="L5356" s="18"/>
      <c r="M5356" s="18"/>
      <c r="N5356" s="18"/>
      <c r="O5356" s="18"/>
      <c r="P5356" s="19">
        <v>85</v>
      </c>
      <c r="Q5356" s="19"/>
      <c r="R5356" s="19"/>
      <c r="S5356" s="19"/>
      <c r="T5356" s="19">
        <v>50</v>
      </c>
      <c r="U5356" s="19"/>
      <c r="V5356" s="19"/>
      <c r="W5356" s="19"/>
      <c r="X5356" s="19">
        <v>20</v>
      </c>
      <c r="Y5356" s="19"/>
      <c r="Z5356" s="19"/>
      <c r="AA5356" s="19"/>
    </row>
    <row r="5357" spans="1:27" s="1" customFormat="1" ht="14.1" customHeight="1" outlineLevel="2" x14ac:dyDescent="0.2">
      <c r="A5357" s="17"/>
      <c r="B5357" s="17"/>
      <c r="C5357" s="17"/>
      <c r="D5357" s="18"/>
      <c r="E5357" s="18"/>
      <c r="F5357" s="18"/>
      <c r="G5357" s="18"/>
      <c r="H5357" s="18"/>
      <c r="I5357" s="18"/>
      <c r="J5357" s="18"/>
      <c r="K5357" s="18"/>
      <c r="L5357" s="18"/>
      <c r="M5357" s="18"/>
      <c r="N5357" s="18"/>
      <c r="O5357" s="18"/>
      <c r="P5357" s="19"/>
      <c r="Q5357" s="19"/>
      <c r="R5357" s="19"/>
      <c r="S5357" s="19"/>
      <c r="T5357" s="19"/>
      <c r="U5357" s="19"/>
      <c r="V5357" s="19"/>
      <c r="W5357" s="19"/>
      <c r="X5357" s="19"/>
      <c r="Y5357" s="19"/>
      <c r="Z5357" s="19"/>
      <c r="AA5357" s="19"/>
    </row>
    <row r="5358" spans="1:27" s="1" customFormat="1" ht="14.1" customHeight="1" outlineLevel="2" x14ac:dyDescent="0.2">
      <c r="A5358" s="17">
        <v>16964</v>
      </c>
      <c r="B5358" s="17"/>
      <c r="C5358" s="17"/>
      <c r="D5358" s="18" t="s">
        <v>2665</v>
      </c>
      <c r="E5358" s="18"/>
      <c r="F5358" s="18"/>
      <c r="G5358" s="18"/>
      <c r="H5358" s="18"/>
      <c r="I5358" s="18"/>
      <c r="J5358" s="18"/>
      <c r="K5358" s="18"/>
      <c r="L5358" s="18"/>
      <c r="M5358" s="18"/>
      <c r="N5358" s="18"/>
      <c r="O5358" s="18"/>
      <c r="P5358" s="19">
        <v>150</v>
      </c>
      <c r="Q5358" s="19"/>
      <c r="R5358" s="19"/>
      <c r="S5358" s="19"/>
      <c r="T5358" s="19">
        <v>100</v>
      </c>
      <c r="U5358" s="19"/>
      <c r="V5358" s="19"/>
      <c r="W5358" s="19"/>
      <c r="X5358" s="19">
        <v>1</v>
      </c>
      <c r="Y5358" s="19"/>
      <c r="Z5358" s="19"/>
      <c r="AA5358" s="19"/>
    </row>
    <row r="5359" spans="1:27" s="1" customFormat="1" ht="14.1" customHeight="1" outlineLevel="2" x14ac:dyDescent="0.2">
      <c r="A5359" s="17"/>
      <c r="B5359" s="17"/>
      <c r="C5359" s="17"/>
      <c r="D5359" s="18"/>
      <c r="E5359" s="18"/>
      <c r="F5359" s="18"/>
      <c r="G5359" s="18"/>
      <c r="H5359" s="18"/>
      <c r="I5359" s="18"/>
      <c r="J5359" s="18"/>
      <c r="K5359" s="18"/>
      <c r="L5359" s="18"/>
      <c r="M5359" s="18"/>
      <c r="N5359" s="18"/>
      <c r="O5359" s="18"/>
      <c r="P5359" s="19"/>
      <c r="Q5359" s="19"/>
      <c r="R5359" s="19"/>
      <c r="S5359" s="19"/>
      <c r="T5359" s="19"/>
      <c r="U5359" s="19"/>
      <c r="V5359" s="19"/>
      <c r="W5359" s="19"/>
      <c r="X5359" s="19"/>
      <c r="Y5359" s="19"/>
      <c r="Z5359" s="19"/>
      <c r="AA5359" s="19"/>
    </row>
    <row r="5360" spans="1:27" s="1" customFormat="1" ht="14.1" customHeight="1" outlineLevel="2" x14ac:dyDescent="0.2">
      <c r="A5360" s="17">
        <v>14598</v>
      </c>
      <c r="B5360" s="17"/>
      <c r="C5360" s="17"/>
      <c r="D5360" s="18" t="s">
        <v>2666</v>
      </c>
      <c r="E5360" s="18"/>
      <c r="F5360" s="18"/>
      <c r="G5360" s="18"/>
      <c r="H5360" s="18"/>
      <c r="I5360" s="18"/>
      <c r="J5360" s="18"/>
      <c r="K5360" s="18"/>
      <c r="L5360" s="18"/>
      <c r="M5360" s="18"/>
      <c r="N5360" s="18"/>
      <c r="O5360" s="18"/>
      <c r="P5360" s="19">
        <v>140</v>
      </c>
      <c r="Q5360" s="19"/>
      <c r="R5360" s="19"/>
      <c r="S5360" s="19"/>
      <c r="T5360" s="19">
        <v>70</v>
      </c>
      <c r="U5360" s="19"/>
      <c r="V5360" s="19"/>
      <c r="W5360" s="19"/>
      <c r="X5360" s="19">
        <v>1</v>
      </c>
      <c r="Y5360" s="19"/>
      <c r="Z5360" s="19"/>
      <c r="AA5360" s="19"/>
    </row>
    <row r="5361" spans="1:27" s="1" customFormat="1" ht="14.1" customHeight="1" outlineLevel="2" x14ac:dyDescent="0.2">
      <c r="A5361" s="17"/>
      <c r="B5361" s="17"/>
      <c r="C5361" s="17"/>
      <c r="D5361" s="18"/>
      <c r="E5361" s="18"/>
      <c r="F5361" s="18"/>
      <c r="G5361" s="18"/>
      <c r="H5361" s="18"/>
      <c r="I5361" s="18"/>
      <c r="J5361" s="18"/>
      <c r="K5361" s="18"/>
      <c r="L5361" s="18"/>
      <c r="M5361" s="18"/>
      <c r="N5361" s="18"/>
      <c r="O5361" s="18"/>
      <c r="P5361" s="19"/>
      <c r="Q5361" s="19"/>
      <c r="R5361" s="19"/>
      <c r="S5361" s="19"/>
      <c r="T5361" s="19"/>
      <c r="U5361" s="19"/>
      <c r="V5361" s="19"/>
      <c r="W5361" s="19"/>
      <c r="X5361" s="19"/>
      <c r="Y5361" s="19"/>
      <c r="Z5361" s="19"/>
      <c r="AA5361" s="19"/>
    </row>
    <row r="5362" spans="1:27" s="1" customFormat="1" ht="11.1" customHeight="1" outlineLevel="2" x14ac:dyDescent="0.2">
      <c r="A5362" s="17">
        <v>17889</v>
      </c>
      <c r="B5362" s="17"/>
      <c r="C5362" s="17"/>
      <c r="D5362" s="18" t="s">
        <v>2667</v>
      </c>
      <c r="E5362" s="18"/>
      <c r="F5362" s="18"/>
      <c r="G5362" s="18"/>
      <c r="H5362" s="18"/>
      <c r="I5362" s="18"/>
      <c r="J5362" s="18"/>
      <c r="K5362" s="18"/>
      <c r="L5362" s="18"/>
      <c r="M5362" s="18"/>
      <c r="N5362" s="18"/>
      <c r="O5362" s="18"/>
      <c r="P5362" s="19">
        <v>90</v>
      </c>
      <c r="Q5362" s="19"/>
      <c r="R5362" s="19"/>
      <c r="S5362" s="19"/>
      <c r="T5362" s="19">
        <v>50</v>
      </c>
      <c r="U5362" s="19"/>
      <c r="V5362" s="19"/>
      <c r="W5362" s="19"/>
      <c r="X5362" s="19">
        <v>1</v>
      </c>
      <c r="Y5362" s="19"/>
      <c r="Z5362" s="19"/>
      <c r="AA5362" s="19"/>
    </row>
    <row r="5363" spans="1:27" s="1" customFormat="1" ht="11.1" customHeight="1" outlineLevel="2" x14ac:dyDescent="0.2">
      <c r="A5363" s="17"/>
      <c r="B5363" s="17"/>
      <c r="C5363" s="17"/>
      <c r="D5363" s="18"/>
      <c r="E5363" s="18"/>
      <c r="F5363" s="18"/>
      <c r="G5363" s="18"/>
      <c r="H5363" s="18"/>
      <c r="I5363" s="18"/>
      <c r="J5363" s="18"/>
      <c r="K5363" s="18"/>
      <c r="L5363" s="18"/>
      <c r="M5363" s="18"/>
      <c r="N5363" s="18"/>
      <c r="O5363" s="18"/>
      <c r="P5363" s="19"/>
      <c r="Q5363" s="19"/>
      <c r="R5363" s="19"/>
      <c r="S5363" s="19"/>
      <c r="T5363" s="19"/>
      <c r="U5363" s="19"/>
      <c r="V5363" s="19"/>
      <c r="W5363" s="19"/>
      <c r="X5363" s="19"/>
      <c r="Y5363" s="19"/>
      <c r="Z5363" s="19"/>
      <c r="AA5363" s="19"/>
    </row>
    <row r="5364" spans="1:27" s="1" customFormat="1" ht="14.1" customHeight="1" outlineLevel="2" x14ac:dyDescent="0.2">
      <c r="A5364" s="17">
        <v>16778</v>
      </c>
      <c r="B5364" s="17"/>
      <c r="C5364" s="17"/>
      <c r="D5364" s="18" t="s">
        <v>2668</v>
      </c>
      <c r="E5364" s="18"/>
      <c r="F5364" s="18"/>
      <c r="G5364" s="18"/>
      <c r="H5364" s="18"/>
      <c r="I5364" s="18"/>
      <c r="J5364" s="18"/>
      <c r="K5364" s="18"/>
      <c r="L5364" s="18"/>
      <c r="M5364" s="18"/>
      <c r="N5364" s="18"/>
      <c r="O5364" s="18"/>
      <c r="P5364" s="19">
        <v>150</v>
      </c>
      <c r="Q5364" s="19"/>
      <c r="R5364" s="19"/>
      <c r="S5364" s="19"/>
      <c r="T5364" s="19">
        <v>100</v>
      </c>
      <c r="U5364" s="19"/>
      <c r="V5364" s="19"/>
      <c r="W5364" s="19"/>
      <c r="X5364" s="19">
        <v>2</v>
      </c>
      <c r="Y5364" s="19"/>
      <c r="Z5364" s="19"/>
      <c r="AA5364" s="19"/>
    </row>
    <row r="5365" spans="1:27" s="1" customFormat="1" ht="14.1" customHeight="1" outlineLevel="2" x14ac:dyDescent="0.2">
      <c r="A5365" s="17"/>
      <c r="B5365" s="17"/>
      <c r="C5365" s="17"/>
      <c r="D5365" s="18"/>
      <c r="E5365" s="18"/>
      <c r="F5365" s="18"/>
      <c r="G5365" s="18"/>
      <c r="H5365" s="18"/>
      <c r="I5365" s="18"/>
      <c r="J5365" s="18"/>
      <c r="K5365" s="18"/>
      <c r="L5365" s="18"/>
      <c r="M5365" s="18"/>
      <c r="N5365" s="18"/>
      <c r="O5365" s="18"/>
      <c r="P5365" s="19"/>
      <c r="Q5365" s="19"/>
      <c r="R5365" s="19"/>
      <c r="S5365" s="19"/>
      <c r="T5365" s="19"/>
      <c r="U5365" s="19"/>
      <c r="V5365" s="19"/>
      <c r="W5365" s="19"/>
      <c r="X5365" s="19"/>
      <c r="Y5365" s="19"/>
      <c r="Z5365" s="19"/>
      <c r="AA5365" s="19"/>
    </row>
    <row r="5366" spans="1:27" s="1" customFormat="1" ht="14.1" customHeight="1" outlineLevel="2" x14ac:dyDescent="0.2">
      <c r="A5366" s="17">
        <v>18188</v>
      </c>
      <c r="B5366" s="17"/>
      <c r="C5366" s="17"/>
      <c r="D5366" s="18" t="s">
        <v>2669</v>
      </c>
      <c r="E5366" s="18"/>
      <c r="F5366" s="18"/>
      <c r="G5366" s="18"/>
      <c r="H5366" s="18"/>
      <c r="I5366" s="18"/>
      <c r="J5366" s="18"/>
      <c r="K5366" s="18"/>
      <c r="L5366" s="18"/>
      <c r="M5366" s="18"/>
      <c r="N5366" s="18"/>
      <c r="O5366" s="18"/>
      <c r="P5366" s="19">
        <v>300</v>
      </c>
      <c r="Q5366" s="19"/>
      <c r="R5366" s="19"/>
      <c r="S5366" s="19"/>
      <c r="T5366" s="19">
        <v>200</v>
      </c>
      <c r="U5366" s="19"/>
      <c r="V5366" s="19"/>
      <c r="W5366" s="19"/>
      <c r="X5366" s="19">
        <v>1</v>
      </c>
      <c r="Y5366" s="19"/>
      <c r="Z5366" s="19"/>
      <c r="AA5366" s="19"/>
    </row>
    <row r="5367" spans="1:27" s="1" customFormat="1" ht="14.1" customHeight="1" outlineLevel="2" x14ac:dyDescent="0.2">
      <c r="A5367" s="17"/>
      <c r="B5367" s="17"/>
      <c r="C5367" s="17"/>
      <c r="D5367" s="18"/>
      <c r="E5367" s="18"/>
      <c r="F5367" s="18"/>
      <c r="G5367" s="18"/>
      <c r="H5367" s="18"/>
      <c r="I5367" s="18"/>
      <c r="J5367" s="18"/>
      <c r="K5367" s="18"/>
      <c r="L5367" s="18"/>
      <c r="M5367" s="18"/>
      <c r="N5367" s="18"/>
      <c r="O5367" s="18"/>
      <c r="P5367" s="19"/>
      <c r="Q5367" s="19"/>
      <c r="R5367" s="19"/>
      <c r="S5367" s="19"/>
      <c r="T5367" s="19"/>
      <c r="U5367" s="19"/>
      <c r="V5367" s="19"/>
      <c r="W5367" s="19"/>
      <c r="X5367" s="19"/>
      <c r="Y5367" s="19"/>
      <c r="Z5367" s="19"/>
      <c r="AA5367" s="19"/>
    </row>
    <row r="5368" spans="1:27" s="1" customFormat="1" ht="14.1" customHeight="1" outlineLevel="2" x14ac:dyDescent="0.2">
      <c r="A5368" s="17">
        <v>14422</v>
      </c>
      <c r="B5368" s="17"/>
      <c r="C5368" s="17"/>
      <c r="D5368" s="18" t="s">
        <v>2670</v>
      </c>
      <c r="E5368" s="18"/>
      <c r="F5368" s="18"/>
      <c r="G5368" s="18"/>
      <c r="H5368" s="18"/>
      <c r="I5368" s="18"/>
      <c r="J5368" s="18"/>
      <c r="K5368" s="18"/>
      <c r="L5368" s="18"/>
      <c r="M5368" s="18"/>
      <c r="N5368" s="18"/>
      <c r="O5368" s="18"/>
      <c r="P5368" s="19">
        <v>200</v>
      </c>
      <c r="Q5368" s="19"/>
      <c r="R5368" s="19"/>
      <c r="S5368" s="19"/>
      <c r="T5368" s="19">
        <v>150</v>
      </c>
      <c r="U5368" s="19"/>
      <c r="V5368" s="19"/>
      <c r="W5368" s="19"/>
      <c r="X5368" s="19">
        <v>9</v>
      </c>
      <c r="Y5368" s="19"/>
      <c r="Z5368" s="19"/>
      <c r="AA5368" s="19"/>
    </row>
    <row r="5369" spans="1:27" s="1" customFormat="1" ht="14.1" customHeight="1" outlineLevel="2" x14ac:dyDescent="0.2">
      <c r="A5369" s="17"/>
      <c r="B5369" s="17"/>
      <c r="C5369" s="17"/>
      <c r="D5369" s="18"/>
      <c r="E5369" s="18"/>
      <c r="F5369" s="18"/>
      <c r="G5369" s="18"/>
      <c r="H5369" s="18"/>
      <c r="I5369" s="18"/>
      <c r="J5369" s="18"/>
      <c r="K5369" s="18"/>
      <c r="L5369" s="18"/>
      <c r="M5369" s="18"/>
      <c r="N5369" s="18"/>
      <c r="O5369" s="18"/>
      <c r="P5369" s="19"/>
      <c r="Q5369" s="19"/>
      <c r="R5369" s="19"/>
      <c r="S5369" s="19"/>
      <c r="T5369" s="19"/>
      <c r="U5369" s="19"/>
      <c r="V5369" s="19"/>
      <c r="W5369" s="19"/>
      <c r="X5369" s="19"/>
      <c r="Y5369" s="19"/>
      <c r="Z5369" s="19"/>
      <c r="AA5369" s="19"/>
    </row>
    <row r="5370" spans="1:27" s="1" customFormat="1" ht="14.1" customHeight="1" outlineLevel="2" x14ac:dyDescent="0.2">
      <c r="A5370" s="17">
        <v>15691</v>
      </c>
      <c r="B5370" s="17"/>
      <c r="C5370" s="17"/>
      <c r="D5370" s="18" t="s">
        <v>2671</v>
      </c>
      <c r="E5370" s="18"/>
      <c r="F5370" s="18"/>
      <c r="G5370" s="18"/>
      <c r="H5370" s="18"/>
      <c r="I5370" s="18"/>
      <c r="J5370" s="18"/>
      <c r="K5370" s="18"/>
      <c r="L5370" s="18"/>
      <c r="M5370" s="18"/>
      <c r="N5370" s="18"/>
      <c r="O5370" s="18"/>
      <c r="P5370" s="19">
        <v>200</v>
      </c>
      <c r="Q5370" s="19"/>
      <c r="R5370" s="19"/>
      <c r="S5370" s="19"/>
      <c r="T5370" s="19">
        <v>150</v>
      </c>
      <c r="U5370" s="19"/>
      <c r="V5370" s="19"/>
      <c r="W5370" s="19"/>
      <c r="X5370" s="19">
        <v>9</v>
      </c>
      <c r="Y5370" s="19"/>
      <c r="Z5370" s="19"/>
      <c r="AA5370" s="19"/>
    </row>
    <row r="5371" spans="1:27" s="1" customFormat="1" ht="14.1" customHeight="1" outlineLevel="2" x14ac:dyDescent="0.2">
      <c r="A5371" s="17"/>
      <c r="B5371" s="17"/>
      <c r="C5371" s="17"/>
      <c r="D5371" s="18"/>
      <c r="E5371" s="18"/>
      <c r="F5371" s="18"/>
      <c r="G5371" s="18"/>
      <c r="H5371" s="18"/>
      <c r="I5371" s="18"/>
      <c r="J5371" s="18"/>
      <c r="K5371" s="18"/>
      <c r="L5371" s="18"/>
      <c r="M5371" s="18"/>
      <c r="N5371" s="18"/>
      <c r="O5371" s="18"/>
      <c r="P5371" s="19"/>
      <c r="Q5371" s="19"/>
      <c r="R5371" s="19"/>
      <c r="S5371" s="19"/>
      <c r="T5371" s="19"/>
      <c r="U5371" s="19"/>
      <c r="V5371" s="19"/>
      <c r="W5371" s="19"/>
      <c r="X5371" s="19"/>
      <c r="Y5371" s="19"/>
      <c r="Z5371" s="19"/>
      <c r="AA5371" s="19"/>
    </row>
    <row r="5372" spans="1:27" s="1" customFormat="1" ht="14.1" customHeight="1" outlineLevel="2" x14ac:dyDescent="0.2">
      <c r="A5372" s="17">
        <v>14584</v>
      </c>
      <c r="B5372" s="17"/>
      <c r="C5372" s="17"/>
      <c r="D5372" s="18" t="s">
        <v>2672</v>
      </c>
      <c r="E5372" s="18"/>
      <c r="F5372" s="18"/>
      <c r="G5372" s="18"/>
      <c r="H5372" s="18"/>
      <c r="I5372" s="18"/>
      <c r="J5372" s="18"/>
      <c r="K5372" s="18"/>
      <c r="L5372" s="18"/>
      <c r="M5372" s="18"/>
      <c r="N5372" s="18"/>
      <c r="O5372" s="18"/>
      <c r="P5372" s="19">
        <v>190</v>
      </c>
      <c r="Q5372" s="19"/>
      <c r="R5372" s="19"/>
      <c r="S5372" s="19"/>
      <c r="T5372" s="19">
        <v>150</v>
      </c>
      <c r="U5372" s="19"/>
      <c r="V5372" s="19"/>
      <c r="W5372" s="19"/>
      <c r="X5372" s="19">
        <v>1</v>
      </c>
      <c r="Y5372" s="19"/>
      <c r="Z5372" s="19"/>
      <c r="AA5372" s="19"/>
    </row>
    <row r="5373" spans="1:27" s="1" customFormat="1" ht="14.1" customHeight="1" outlineLevel="2" x14ac:dyDescent="0.2">
      <c r="A5373" s="17"/>
      <c r="B5373" s="17"/>
      <c r="C5373" s="17"/>
      <c r="D5373" s="18"/>
      <c r="E5373" s="18"/>
      <c r="F5373" s="18"/>
      <c r="G5373" s="18"/>
      <c r="H5373" s="18"/>
      <c r="I5373" s="18"/>
      <c r="J5373" s="18"/>
      <c r="K5373" s="18"/>
      <c r="L5373" s="18"/>
      <c r="M5373" s="18"/>
      <c r="N5373" s="18"/>
      <c r="O5373" s="18"/>
      <c r="P5373" s="19"/>
      <c r="Q5373" s="19"/>
      <c r="R5373" s="19"/>
      <c r="S5373" s="19"/>
      <c r="T5373" s="19"/>
      <c r="U5373" s="19"/>
      <c r="V5373" s="19"/>
      <c r="W5373" s="19"/>
      <c r="X5373" s="19"/>
      <c r="Y5373" s="19"/>
      <c r="Z5373" s="19"/>
      <c r="AA5373" s="19"/>
    </row>
    <row r="5374" spans="1:27" s="1" customFormat="1" ht="14.1" customHeight="1" outlineLevel="2" x14ac:dyDescent="0.2">
      <c r="A5374" s="17">
        <v>15671</v>
      </c>
      <c r="B5374" s="17"/>
      <c r="C5374" s="17"/>
      <c r="D5374" s="18" t="s">
        <v>2673</v>
      </c>
      <c r="E5374" s="18"/>
      <c r="F5374" s="18"/>
      <c r="G5374" s="18"/>
      <c r="H5374" s="18"/>
      <c r="I5374" s="18"/>
      <c r="J5374" s="18"/>
      <c r="K5374" s="18"/>
      <c r="L5374" s="18"/>
      <c r="M5374" s="18"/>
      <c r="N5374" s="18"/>
      <c r="O5374" s="18"/>
      <c r="P5374" s="19">
        <v>250</v>
      </c>
      <c r="Q5374" s="19"/>
      <c r="R5374" s="19"/>
      <c r="S5374" s="19"/>
      <c r="T5374" s="19">
        <v>190</v>
      </c>
      <c r="U5374" s="19"/>
      <c r="V5374" s="19"/>
      <c r="W5374" s="19"/>
      <c r="X5374" s="19">
        <v>10</v>
      </c>
      <c r="Y5374" s="19"/>
      <c r="Z5374" s="19"/>
      <c r="AA5374" s="19"/>
    </row>
    <row r="5375" spans="1:27" s="1" customFormat="1" ht="14.1" customHeight="1" outlineLevel="2" x14ac:dyDescent="0.2">
      <c r="A5375" s="17"/>
      <c r="B5375" s="17"/>
      <c r="C5375" s="17"/>
      <c r="D5375" s="18"/>
      <c r="E5375" s="18"/>
      <c r="F5375" s="18"/>
      <c r="G5375" s="18"/>
      <c r="H5375" s="18"/>
      <c r="I5375" s="18"/>
      <c r="J5375" s="18"/>
      <c r="K5375" s="18"/>
      <c r="L5375" s="18"/>
      <c r="M5375" s="18"/>
      <c r="N5375" s="18"/>
      <c r="O5375" s="18"/>
      <c r="P5375" s="19"/>
      <c r="Q5375" s="19"/>
      <c r="R5375" s="19"/>
      <c r="S5375" s="19"/>
      <c r="T5375" s="19"/>
      <c r="U5375" s="19"/>
      <c r="V5375" s="19"/>
      <c r="W5375" s="19"/>
      <c r="X5375" s="19"/>
      <c r="Y5375" s="19"/>
      <c r="Z5375" s="19"/>
      <c r="AA5375" s="19"/>
    </row>
    <row r="5376" spans="1:27" s="1" customFormat="1" ht="14.1" customHeight="1" outlineLevel="2" x14ac:dyDescent="0.2">
      <c r="A5376" s="17">
        <v>17270</v>
      </c>
      <c r="B5376" s="17"/>
      <c r="C5376" s="17"/>
      <c r="D5376" s="18" t="s">
        <v>2674</v>
      </c>
      <c r="E5376" s="18"/>
      <c r="F5376" s="18"/>
      <c r="G5376" s="18"/>
      <c r="H5376" s="18"/>
      <c r="I5376" s="18"/>
      <c r="J5376" s="18"/>
      <c r="K5376" s="18"/>
      <c r="L5376" s="18"/>
      <c r="M5376" s="18"/>
      <c r="N5376" s="18"/>
      <c r="O5376" s="18"/>
      <c r="P5376" s="19">
        <v>200</v>
      </c>
      <c r="Q5376" s="19"/>
      <c r="R5376" s="19"/>
      <c r="S5376" s="19"/>
      <c r="T5376" s="19">
        <v>120</v>
      </c>
      <c r="U5376" s="19"/>
      <c r="V5376" s="19"/>
      <c r="W5376" s="19"/>
      <c r="X5376" s="19">
        <v>20</v>
      </c>
      <c r="Y5376" s="19"/>
      <c r="Z5376" s="19"/>
      <c r="AA5376" s="19"/>
    </row>
    <row r="5377" spans="1:27" s="1" customFormat="1" ht="14.1" customHeight="1" outlineLevel="2" x14ac:dyDescent="0.2">
      <c r="A5377" s="17"/>
      <c r="B5377" s="17"/>
      <c r="C5377" s="17"/>
      <c r="D5377" s="18"/>
      <c r="E5377" s="18"/>
      <c r="F5377" s="18"/>
      <c r="G5377" s="18"/>
      <c r="H5377" s="18"/>
      <c r="I5377" s="18"/>
      <c r="J5377" s="18"/>
      <c r="K5377" s="18"/>
      <c r="L5377" s="18"/>
      <c r="M5377" s="18"/>
      <c r="N5377" s="18"/>
      <c r="O5377" s="18"/>
      <c r="P5377" s="19"/>
      <c r="Q5377" s="19"/>
      <c r="R5377" s="19"/>
      <c r="S5377" s="19"/>
      <c r="T5377" s="19"/>
      <c r="U5377" s="19"/>
      <c r="V5377" s="19"/>
      <c r="W5377" s="19"/>
      <c r="X5377" s="19"/>
      <c r="Y5377" s="19"/>
      <c r="Z5377" s="19"/>
      <c r="AA5377" s="19"/>
    </row>
    <row r="5378" spans="1:27" s="1" customFormat="1" ht="14.1" customHeight="1" outlineLevel="2" x14ac:dyDescent="0.2">
      <c r="A5378" s="17">
        <v>17269</v>
      </c>
      <c r="B5378" s="17"/>
      <c r="C5378" s="17"/>
      <c r="D5378" s="18" t="s">
        <v>2675</v>
      </c>
      <c r="E5378" s="18"/>
      <c r="F5378" s="18"/>
      <c r="G5378" s="18"/>
      <c r="H5378" s="18"/>
      <c r="I5378" s="18"/>
      <c r="J5378" s="18"/>
      <c r="K5378" s="18"/>
      <c r="L5378" s="18"/>
      <c r="M5378" s="18"/>
      <c r="N5378" s="18"/>
      <c r="O5378" s="18"/>
      <c r="P5378" s="19">
        <v>200</v>
      </c>
      <c r="Q5378" s="19"/>
      <c r="R5378" s="19"/>
      <c r="S5378" s="19"/>
      <c r="T5378" s="19">
        <v>120</v>
      </c>
      <c r="U5378" s="19"/>
      <c r="V5378" s="19"/>
      <c r="W5378" s="19"/>
      <c r="X5378" s="19">
        <v>20</v>
      </c>
      <c r="Y5378" s="19"/>
      <c r="Z5378" s="19"/>
      <c r="AA5378" s="19"/>
    </row>
    <row r="5379" spans="1:27" s="1" customFormat="1" ht="14.1" customHeight="1" outlineLevel="2" x14ac:dyDescent="0.2">
      <c r="A5379" s="17"/>
      <c r="B5379" s="17"/>
      <c r="C5379" s="17"/>
      <c r="D5379" s="18"/>
      <c r="E5379" s="18"/>
      <c r="F5379" s="18"/>
      <c r="G5379" s="18"/>
      <c r="H5379" s="18"/>
      <c r="I5379" s="18"/>
      <c r="J5379" s="18"/>
      <c r="K5379" s="18"/>
      <c r="L5379" s="18"/>
      <c r="M5379" s="18"/>
      <c r="N5379" s="18"/>
      <c r="O5379" s="18"/>
      <c r="P5379" s="19"/>
      <c r="Q5379" s="19"/>
      <c r="R5379" s="19"/>
      <c r="S5379" s="19"/>
      <c r="T5379" s="19"/>
      <c r="U5379" s="19"/>
      <c r="V5379" s="19"/>
      <c r="W5379" s="19"/>
      <c r="X5379" s="19"/>
      <c r="Y5379" s="19"/>
      <c r="Z5379" s="19"/>
      <c r="AA5379" s="19"/>
    </row>
    <row r="5380" spans="1:27" s="1" customFormat="1" ht="14.1" customHeight="1" outlineLevel="2" x14ac:dyDescent="0.2">
      <c r="A5380" s="17">
        <v>16837</v>
      </c>
      <c r="B5380" s="17"/>
      <c r="C5380" s="17"/>
      <c r="D5380" s="18" t="s">
        <v>2676</v>
      </c>
      <c r="E5380" s="18"/>
      <c r="F5380" s="18"/>
      <c r="G5380" s="18"/>
      <c r="H5380" s="18"/>
      <c r="I5380" s="18"/>
      <c r="J5380" s="18"/>
      <c r="K5380" s="18"/>
      <c r="L5380" s="18"/>
      <c r="M5380" s="18"/>
      <c r="N5380" s="18"/>
      <c r="O5380" s="18"/>
      <c r="P5380" s="19">
        <v>500</v>
      </c>
      <c r="Q5380" s="19"/>
      <c r="R5380" s="19"/>
      <c r="S5380" s="19"/>
      <c r="T5380" s="19">
        <v>400</v>
      </c>
      <c r="U5380" s="19"/>
      <c r="V5380" s="19"/>
      <c r="W5380" s="19"/>
      <c r="X5380" s="19">
        <v>1</v>
      </c>
      <c r="Y5380" s="19"/>
      <c r="Z5380" s="19"/>
      <c r="AA5380" s="19"/>
    </row>
    <row r="5381" spans="1:27" s="1" customFormat="1" ht="14.1" customHeight="1" outlineLevel="2" x14ac:dyDescent="0.2">
      <c r="A5381" s="17"/>
      <c r="B5381" s="17"/>
      <c r="C5381" s="17"/>
      <c r="D5381" s="18"/>
      <c r="E5381" s="18"/>
      <c r="F5381" s="18"/>
      <c r="G5381" s="18"/>
      <c r="H5381" s="18"/>
      <c r="I5381" s="18"/>
      <c r="J5381" s="18"/>
      <c r="K5381" s="18"/>
      <c r="L5381" s="18"/>
      <c r="M5381" s="18"/>
      <c r="N5381" s="18"/>
      <c r="O5381" s="18"/>
      <c r="P5381" s="19"/>
      <c r="Q5381" s="19"/>
      <c r="R5381" s="19"/>
      <c r="S5381" s="19"/>
      <c r="T5381" s="19"/>
      <c r="U5381" s="19"/>
      <c r="V5381" s="19"/>
      <c r="W5381" s="19"/>
      <c r="X5381" s="19"/>
      <c r="Y5381" s="19"/>
      <c r="Z5381" s="19"/>
      <c r="AA5381" s="19"/>
    </row>
    <row r="5382" spans="1:27" s="1" customFormat="1" ht="14.1" customHeight="1" outlineLevel="2" x14ac:dyDescent="0.2">
      <c r="A5382" s="17">
        <v>13405</v>
      </c>
      <c r="B5382" s="17"/>
      <c r="C5382" s="17"/>
      <c r="D5382" s="18" t="s">
        <v>2677</v>
      </c>
      <c r="E5382" s="18"/>
      <c r="F5382" s="18"/>
      <c r="G5382" s="18"/>
      <c r="H5382" s="18"/>
      <c r="I5382" s="18"/>
      <c r="J5382" s="18"/>
      <c r="K5382" s="18"/>
      <c r="L5382" s="18"/>
      <c r="M5382" s="18"/>
      <c r="N5382" s="18"/>
      <c r="O5382" s="18"/>
      <c r="P5382" s="19">
        <v>190</v>
      </c>
      <c r="Q5382" s="19"/>
      <c r="R5382" s="19"/>
      <c r="S5382" s="19"/>
      <c r="T5382" s="19">
        <v>150</v>
      </c>
      <c r="U5382" s="19"/>
      <c r="V5382" s="19"/>
      <c r="W5382" s="19"/>
      <c r="X5382" s="19">
        <v>1</v>
      </c>
      <c r="Y5382" s="19"/>
      <c r="Z5382" s="19"/>
      <c r="AA5382" s="19"/>
    </row>
    <row r="5383" spans="1:27" s="1" customFormat="1" ht="14.1" customHeight="1" outlineLevel="2" x14ac:dyDescent="0.2">
      <c r="A5383" s="17"/>
      <c r="B5383" s="17"/>
      <c r="C5383" s="17"/>
      <c r="D5383" s="18"/>
      <c r="E5383" s="18"/>
      <c r="F5383" s="18"/>
      <c r="G5383" s="18"/>
      <c r="H5383" s="18"/>
      <c r="I5383" s="18"/>
      <c r="J5383" s="18"/>
      <c r="K5383" s="18"/>
      <c r="L5383" s="18"/>
      <c r="M5383" s="18"/>
      <c r="N5383" s="18"/>
      <c r="O5383" s="18"/>
      <c r="P5383" s="19"/>
      <c r="Q5383" s="19"/>
      <c r="R5383" s="19"/>
      <c r="S5383" s="19"/>
      <c r="T5383" s="19"/>
      <c r="U5383" s="19"/>
      <c r="V5383" s="19"/>
      <c r="W5383" s="19"/>
      <c r="X5383" s="19"/>
      <c r="Y5383" s="19"/>
      <c r="Z5383" s="19"/>
      <c r="AA5383" s="19"/>
    </row>
    <row r="5384" spans="1:27" s="1" customFormat="1" ht="14.1" customHeight="1" outlineLevel="2" x14ac:dyDescent="0.2">
      <c r="A5384" s="17">
        <v>14805</v>
      </c>
      <c r="B5384" s="17"/>
      <c r="C5384" s="17"/>
      <c r="D5384" s="18" t="s">
        <v>2678</v>
      </c>
      <c r="E5384" s="18"/>
      <c r="F5384" s="18"/>
      <c r="G5384" s="18"/>
      <c r="H5384" s="18"/>
      <c r="I5384" s="18"/>
      <c r="J5384" s="18"/>
      <c r="K5384" s="18"/>
      <c r="L5384" s="18"/>
      <c r="M5384" s="18"/>
      <c r="N5384" s="18"/>
      <c r="O5384" s="18"/>
      <c r="P5384" s="19">
        <v>200</v>
      </c>
      <c r="Q5384" s="19"/>
      <c r="R5384" s="19"/>
      <c r="S5384" s="19"/>
      <c r="T5384" s="19">
        <v>120</v>
      </c>
      <c r="U5384" s="19"/>
      <c r="V5384" s="19"/>
      <c r="W5384" s="19"/>
      <c r="X5384" s="19">
        <v>34</v>
      </c>
      <c r="Y5384" s="19"/>
      <c r="Z5384" s="19"/>
      <c r="AA5384" s="19"/>
    </row>
    <row r="5385" spans="1:27" s="1" customFormat="1" ht="14.1" customHeight="1" outlineLevel="2" x14ac:dyDescent="0.2">
      <c r="A5385" s="17"/>
      <c r="B5385" s="17"/>
      <c r="C5385" s="17"/>
      <c r="D5385" s="18"/>
      <c r="E5385" s="18"/>
      <c r="F5385" s="18"/>
      <c r="G5385" s="18"/>
      <c r="H5385" s="18"/>
      <c r="I5385" s="18"/>
      <c r="J5385" s="18"/>
      <c r="K5385" s="18"/>
      <c r="L5385" s="18"/>
      <c r="M5385" s="18"/>
      <c r="N5385" s="18"/>
      <c r="O5385" s="18"/>
      <c r="P5385" s="19"/>
      <c r="Q5385" s="19"/>
      <c r="R5385" s="19"/>
      <c r="S5385" s="19"/>
      <c r="T5385" s="19"/>
      <c r="U5385" s="19"/>
      <c r="V5385" s="19"/>
      <c r="W5385" s="19"/>
      <c r="X5385" s="19"/>
      <c r="Y5385" s="19"/>
      <c r="Z5385" s="19"/>
      <c r="AA5385" s="19"/>
    </row>
    <row r="5386" spans="1:27" s="1" customFormat="1" ht="14.1" customHeight="1" outlineLevel="2" x14ac:dyDescent="0.2">
      <c r="A5386" s="17">
        <v>13359</v>
      </c>
      <c r="B5386" s="17"/>
      <c r="C5386" s="17"/>
      <c r="D5386" s="18" t="s">
        <v>2679</v>
      </c>
      <c r="E5386" s="18"/>
      <c r="F5386" s="18"/>
      <c r="G5386" s="18"/>
      <c r="H5386" s="18"/>
      <c r="I5386" s="18"/>
      <c r="J5386" s="18"/>
      <c r="K5386" s="18"/>
      <c r="L5386" s="18"/>
      <c r="M5386" s="18"/>
      <c r="N5386" s="18"/>
      <c r="O5386" s="18"/>
      <c r="P5386" s="19">
        <v>200</v>
      </c>
      <c r="Q5386" s="19"/>
      <c r="R5386" s="19"/>
      <c r="S5386" s="19"/>
      <c r="T5386" s="19">
        <v>120</v>
      </c>
      <c r="U5386" s="19"/>
      <c r="V5386" s="19"/>
      <c r="W5386" s="19"/>
      <c r="X5386" s="19">
        <v>87</v>
      </c>
      <c r="Y5386" s="19"/>
      <c r="Z5386" s="19"/>
      <c r="AA5386" s="19"/>
    </row>
    <row r="5387" spans="1:27" s="1" customFormat="1" ht="14.1" customHeight="1" outlineLevel="2" x14ac:dyDescent="0.2">
      <c r="A5387" s="17"/>
      <c r="B5387" s="17"/>
      <c r="C5387" s="17"/>
      <c r="D5387" s="18"/>
      <c r="E5387" s="18"/>
      <c r="F5387" s="18"/>
      <c r="G5387" s="18"/>
      <c r="H5387" s="18"/>
      <c r="I5387" s="18"/>
      <c r="J5387" s="18"/>
      <c r="K5387" s="18"/>
      <c r="L5387" s="18"/>
      <c r="M5387" s="18"/>
      <c r="N5387" s="18"/>
      <c r="O5387" s="18"/>
      <c r="P5387" s="19"/>
      <c r="Q5387" s="19"/>
      <c r="R5387" s="19"/>
      <c r="S5387" s="19"/>
      <c r="T5387" s="19"/>
      <c r="U5387" s="19"/>
      <c r="V5387" s="19"/>
      <c r="W5387" s="19"/>
      <c r="X5387" s="19"/>
      <c r="Y5387" s="19"/>
      <c r="Z5387" s="19"/>
      <c r="AA5387" s="19"/>
    </row>
    <row r="5388" spans="1:27" s="1" customFormat="1" ht="14.1" customHeight="1" outlineLevel="2" x14ac:dyDescent="0.2">
      <c r="A5388" s="17">
        <v>17819</v>
      </c>
      <c r="B5388" s="17"/>
      <c r="C5388" s="17"/>
      <c r="D5388" s="18" t="s">
        <v>2680</v>
      </c>
      <c r="E5388" s="18"/>
      <c r="F5388" s="18"/>
      <c r="G5388" s="18"/>
      <c r="H5388" s="18"/>
      <c r="I5388" s="18"/>
      <c r="J5388" s="18"/>
      <c r="K5388" s="18"/>
      <c r="L5388" s="18"/>
      <c r="M5388" s="18"/>
      <c r="N5388" s="18"/>
      <c r="O5388" s="18"/>
      <c r="P5388" s="19">
        <v>300</v>
      </c>
      <c r="Q5388" s="19"/>
      <c r="R5388" s="19"/>
      <c r="S5388" s="19"/>
      <c r="T5388" s="19">
        <v>250</v>
      </c>
      <c r="U5388" s="19"/>
      <c r="V5388" s="19"/>
      <c r="W5388" s="19"/>
      <c r="X5388" s="19">
        <v>1</v>
      </c>
      <c r="Y5388" s="19"/>
      <c r="Z5388" s="19"/>
      <c r="AA5388" s="19"/>
    </row>
    <row r="5389" spans="1:27" s="1" customFormat="1" ht="14.1" customHeight="1" outlineLevel="2" x14ac:dyDescent="0.2">
      <c r="A5389" s="17"/>
      <c r="B5389" s="17"/>
      <c r="C5389" s="17"/>
      <c r="D5389" s="18"/>
      <c r="E5389" s="18"/>
      <c r="F5389" s="18"/>
      <c r="G5389" s="18"/>
      <c r="H5389" s="18"/>
      <c r="I5389" s="18"/>
      <c r="J5389" s="18"/>
      <c r="K5389" s="18"/>
      <c r="L5389" s="18"/>
      <c r="M5389" s="18"/>
      <c r="N5389" s="18"/>
      <c r="O5389" s="18"/>
      <c r="P5389" s="19"/>
      <c r="Q5389" s="19"/>
      <c r="R5389" s="19"/>
      <c r="S5389" s="19"/>
      <c r="T5389" s="19"/>
      <c r="U5389" s="19"/>
      <c r="V5389" s="19"/>
      <c r="W5389" s="19"/>
      <c r="X5389" s="19"/>
      <c r="Y5389" s="19"/>
      <c r="Z5389" s="19"/>
      <c r="AA5389" s="19"/>
    </row>
    <row r="5390" spans="1:27" s="1" customFormat="1" ht="14.1" customHeight="1" outlineLevel="2" x14ac:dyDescent="0.2">
      <c r="A5390" s="17">
        <v>17952</v>
      </c>
      <c r="B5390" s="17"/>
      <c r="C5390" s="17"/>
      <c r="D5390" s="18" t="s">
        <v>2681</v>
      </c>
      <c r="E5390" s="18"/>
      <c r="F5390" s="18"/>
      <c r="G5390" s="18"/>
      <c r="H5390" s="18"/>
      <c r="I5390" s="18"/>
      <c r="J5390" s="18"/>
      <c r="K5390" s="18"/>
      <c r="L5390" s="18"/>
      <c r="M5390" s="18"/>
      <c r="N5390" s="18"/>
      <c r="O5390" s="18"/>
      <c r="P5390" s="19">
        <v>350</v>
      </c>
      <c r="Q5390" s="19"/>
      <c r="R5390" s="19"/>
      <c r="S5390" s="19"/>
      <c r="T5390" s="19">
        <v>200</v>
      </c>
      <c r="U5390" s="19"/>
      <c r="V5390" s="19"/>
      <c r="W5390" s="19"/>
      <c r="X5390" s="19">
        <v>1</v>
      </c>
      <c r="Y5390" s="19"/>
      <c r="Z5390" s="19"/>
      <c r="AA5390" s="19"/>
    </row>
    <row r="5391" spans="1:27" s="1" customFormat="1" ht="14.1" customHeight="1" outlineLevel="2" x14ac:dyDescent="0.2">
      <c r="A5391" s="17"/>
      <c r="B5391" s="17"/>
      <c r="C5391" s="17"/>
      <c r="D5391" s="18"/>
      <c r="E5391" s="18"/>
      <c r="F5391" s="18"/>
      <c r="G5391" s="18"/>
      <c r="H5391" s="18"/>
      <c r="I5391" s="18"/>
      <c r="J5391" s="18"/>
      <c r="K5391" s="18"/>
      <c r="L5391" s="18"/>
      <c r="M5391" s="18"/>
      <c r="N5391" s="18"/>
      <c r="O5391" s="18"/>
      <c r="P5391" s="19"/>
      <c r="Q5391" s="19"/>
      <c r="R5391" s="19"/>
      <c r="S5391" s="19"/>
      <c r="T5391" s="19"/>
      <c r="U5391" s="19"/>
      <c r="V5391" s="19"/>
      <c r="W5391" s="19"/>
      <c r="X5391" s="19"/>
      <c r="Y5391" s="19"/>
      <c r="Z5391" s="19"/>
      <c r="AA5391" s="19"/>
    </row>
    <row r="5392" spans="1:27" s="1" customFormat="1" ht="14.1" customHeight="1" outlineLevel="2" x14ac:dyDescent="0.2">
      <c r="A5392" s="17">
        <v>13345</v>
      </c>
      <c r="B5392" s="17"/>
      <c r="C5392" s="17"/>
      <c r="D5392" s="18" t="s">
        <v>2682</v>
      </c>
      <c r="E5392" s="18"/>
      <c r="F5392" s="18"/>
      <c r="G5392" s="18"/>
      <c r="H5392" s="18"/>
      <c r="I5392" s="18"/>
      <c r="J5392" s="18"/>
      <c r="K5392" s="18"/>
      <c r="L5392" s="18"/>
      <c r="M5392" s="18"/>
      <c r="N5392" s="18"/>
      <c r="O5392" s="18"/>
      <c r="P5392" s="19">
        <v>240</v>
      </c>
      <c r="Q5392" s="19"/>
      <c r="R5392" s="19"/>
      <c r="S5392" s="19"/>
      <c r="T5392" s="19">
        <v>190</v>
      </c>
      <c r="U5392" s="19"/>
      <c r="V5392" s="19"/>
      <c r="W5392" s="19"/>
      <c r="X5392" s="19">
        <v>1</v>
      </c>
      <c r="Y5392" s="19"/>
      <c r="Z5392" s="19"/>
      <c r="AA5392" s="19"/>
    </row>
    <row r="5393" spans="1:27" s="1" customFormat="1" ht="14.1" customHeight="1" outlineLevel="2" x14ac:dyDescent="0.2">
      <c r="A5393" s="17"/>
      <c r="B5393" s="17"/>
      <c r="C5393" s="17"/>
      <c r="D5393" s="18"/>
      <c r="E5393" s="18"/>
      <c r="F5393" s="18"/>
      <c r="G5393" s="18"/>
      <c r="H5393" s="18"/>
      <c r="I5393" s="18"/>
      <c r="J5393" s="18"/>
      <c r="K5393" s="18"/>
      <c r="L5393" s="18"/>
      <c r="M5393" s="18"/>
      <c r="N5393" s="18"/>
      <c r="O5393" s="18"/>
      <c r="P5393" s="19"/>
      <c r="Q5393" s="19"/>
      <c r="R5393" s="19"/>
      <c r="S5393" s="19"/>
      <c r="T5393" s="19"/>
      <c r="U5393" s="19"/>
      <c r="V5393" s="19"/>
      <c r="W5393" s="19"/>
      <c r="X5393" s="19"/>
      <c r="Y5393" s="19"/>
      <c r="Z5393" s="19"/>
      <c r="AA5393" s="19"/>
    </row>
    <row r="5394" spans="1:27" s="1" customFormat="1" ht="14.1" customHeight="1" outlineLevel="2" x14ac:dyDescent="0.2">
      <c r="A5394" s="17">
        <v>17268</v>
      </c>
      <c r="B5394" s="17"/>
      <c r="C5394" s="17"/>
      <c r="D5394" s="18" t="s">
        <v>2683</v>
      </c>
      <c r="E5394" s="18"/>
      <c r="F5394" s="18"/>
      <c r="G5394" s="18"/>
      <c r="H5394" s="18"/>
      <c r="I5394" s="18"/>
      <c r="J5394" s="18"/>
      <c r="K5394" s="18"/>
      <c r="L5394" s="18"/>
      <c r="M5394" s="18"/>
      <c r="N5394" s="18"/>
      <c r="O5394" s="18"/>
      <c r="P5394" s="19">
        <v>200</v>
      </c>
      <c r="Q5394" s="19"/>
      <c r="R5394" s="19"/>
      <c r="S5394" s="19"/>
      <c r="T5394" s="19">
        <v>120</v>
      </c>
      <c r="U5394" s="19"/>
      <c r="V5394" s="19"/>
      <c r="W5394" s="19"/>
      <c r="X5394" s="19">
        <v>20</v>
      </c>
      <c r="Y5394" s="19"/>
      <c r="Z5394" s="19"/>
      <c r="AA5394" s="19"/>
    </row>
    <row r="5395" spans="1:27" s="1" customFormat="1" ht="14.1" customHeight="1" outlineLevel="2" x14ac:dyDescent="0.2">
      <c r="A5395" s="17"/>
      <c r="B5395" s="17"/>
      <c r="C5395" s="17"/>
      <c r="D5395" s="18"/>
      <c r="E5395" s="18"/>
      <c r="F5395" s="18"/>
      <c r="G5395" s="18"/>
      <c r="H5395" s="18"/>
      <c r="I5395" s="18"/>
      <c r="J5395" s="18"/>
      <c r="K5395" s="18"/>
      <c r="L5395" s="18"/>
      <c r="M5395" s="18"/>
      <c r="N5395" s="18"/>
      <c r="O5395" s="18"/>
      <c r="P5395" s="19"/>
      <c r="Q5395" s="19"/>
      <c r="R5395" s="19"/>
      <c r="S5395" s="19"/>
      <c r="T5395" s="19"/>
      <c r="U5395" s="19"/>
      <c r="V5395" s="19"/>
      <c r="W5395" s="19"/>
      <c r="X5395" s="19"/>
      <c r="Y5395" s="19"/>
      <c r="Z5395" s="19"/>
      <c r="AA5395" s="19"/>
    </row>
    <row r="5396" spans="1:27" s="1" customFormat="1" ht="14.1" customHeight="1" outlineLevel="2" x14ac:dyDescent="0.2">
      <c r="A5396" s="17">
        <v>15672</v>
      </c>
      <c r="B5396" s="17"/>
      <c r="C5396" s="17"/>
      <c r="D5396" s="18" t="s">
        <v>2684</v>
      </c>
      <c r="E5396" s="18"/>
      <c r="F5396" s="18"/>
      <c r="G5396" s="18"/>
      <c r="H5396" s="18"/>
      <c r="I5396" s="18"/>
      <c r="J5396" s="18"/>
      <c r="K5396" s="18"/>
      <c r="L5396" s="18"/>
      <c r="M5396" s="18"/>
      <c r="N5396" s="18"/>
      <c r="O5396" s="18"/>
      <c r="P5396" s="19">
        <v>200</v>
      </c>
      <c r="Q5396" s="19"/>
      <c r="R5396" s="19"/>
      <c r="S5396" s="19"/>
      <c r="T5396" s="19">
        <v>120</v>
      </c>
      <c r="U5396" s="19"/>
      <c r="V5396" s="19"/>
      <c r="W5396" s="19"/>
      <c r="X5396" s="19">
        <v>30</v>
      </c>
      <c r="Y5396" s="19"/>
      <c r="Z5396" s="19"/>
      <c r="AA5396" s="19"/>
    </row>
    <row r="5397" spans="1:27" s="1" customFormat="1" ht="14.1" customHeight="1" outlineLevel="2" x14ac:dyDescent="0.2">
      <c r="A5397" s="17"/>
      <c r="B5397" s="17"/>
      <c r="C5397" s="17"/>
      <c r="D5397" s="18"/>
      <c r="E5397" s="18"/>
      <c r="F5397" s="18"/>
      <c r="G5397" s="18"/>
      <c r="H5397" s="18"/>
      <c r="I5397" s="18"/>
      <c r="J5397" s="18"/>
      <c r="K5397" s="18"/>
      <c r="L5397" s="18"/>
      <c r="M5397" s="18"/>
      <c r="N5397" s="18"/>
      <c r="O5397" s="18"/>
      <c r="P5397" s="19"/>
      <c r="Q5397" s="19"/>
      <c r="R5397" s="19"/>
      <c r="S5397" s="19"/>
      <c r="T5397" s="19"/>
      <c r="U5397" s="19"/>
      <c r="V5397" s="19"/>
      <c r="W5397" s="19"/>
      <c r="X5397" s="19"/>
      <c r="Y5397" s="19"/>
      <c r="Z5397" s="19"/>
      <c r="AA5397" s="19"/>
    </row>
    <row r="5398" spans="1:27" s="1" customFormat="1" ht="14.1" customHeight="1" outlineLevel="2" x14ac:dyDescent="0.2">
      <c r="A5398" s="17">
        <v>17820</v>
      </c>
      <c r="B5398" s="17"/>
      <c r="C5398" s="17"/>
      <c r="D5398" s="18" t="s">
        <v>2685</v>
      </c>
      <c r="E5398" s="18"/>
      <c r="F5398" s="18"/>
      <c r="G5398" s="18"/>
      <c r="H5398" s="18"/>
      <c r="I5398" s="18"/>
      <c r="J5398" s="18"/>
      <c r="K5398" s="18"/>
      <c r="L5398" s="18"/>
      <c r="M5398" s="18"/>
      <c r="N5398" s="18"/>
      <c r="O5398" s="18"/>
      <c r="P5398" s="19">
        <v>400</v>
      </c>
      <c r="Q5398" s="19"/>
      <c r="R5398" s="19"/>
      <c r="S5398" s="19"/>
      <c r="T5398" s="19">
        <v>300</v>
      </c>
      <c r="U5398" s="19"/>
      <c r="V5398" s="19"/>
      <c r="W5398" s="19"/>
      <c r="X5398" s="19">
        <v>1</v>
      </c>
      <c r="Y5398" s="19"/>
      <c r="Z5398" s="19"/>
      <c r="AA5398" s="19"/>
    </row>
    <row r="5399" spans="1:27" s="1" customFormat="1" ht="14.1" customHeight="1" outlineLevel="2" x14ac:dyDescent="0.2">
      <c r="A5399" s="17"/>
      <c r="B5399" s="17"/>
      <c r="C5399" s="17"/>
      <c r="D5399" s="18"/>
      <c r="E5399" s="18"/>
      <c r="F5399" s="18"/>
      <c r="G5399" s="18"/>
      <c r="H5399" s="18"/>
      <c r="I5399" s="18"/>
      <c r="J5399" s="18"/>
      <c r="K5399" s="18"/>
      <c r="L5399" s="18"/>
      <c r="M5399" s="18"/>
      <c r="N5399" s="18"/>
      <c r="O5399" s="18"/>
      <c r="P5399" s="19"/>
      <c r="Q5399" s="19"/>
      <c r="R5399" s="19"/>
      <c r="S5399" s="19"/>
      <c r="T5399" s="19"/>
      <c r="U5399" s="19"/>
      <c r="V5399" s="19"/>
      <c r="W5399" s="19"/>
      <c r="X5399" s="19"/>
      <c r="Y5399" s="19"/>
      <c r="Z5399" s="19"/>
      <c r="AA5399" s="19"/>
    </row>
    <row r="5400" spans="1:27" s="1" customFormat="1" ht="14.1" customHeight="1" outlineLevel="2" x14ac:dyDescent="0.2">
      <c r="A5400" s="17">
        <v>17571</v>
      </c>
      <c r="B5400" s="17"/>
      <c r="C5400" s="17"/>
      <c r="D5400" s="18" t="s">
        <v>2686</v>
      </c>
      <c r="E5400" s="18"/>
      <c r="F5400" s="18"/>
      <c r="G5400" s="18"/>
      <c r="H5400" s="18"/>
      <c r="I5400" s="18"/>
      <c r="J5400" s="18"/>
      <c r="K5400" s="18"/>
      <c r="L5400" s="18"/>
      <c r="M5400" s="18"/>
      <c r="N5400" s="18"/>
      <c r="O5400" s="18"/>
      <c r="P5400" s="19">
        <v>400</v>
      </c>
      <c r="Q5400" s="19"/>
      <c r="R5400" s="19"/>
      <c r="S5400" s="19"/>
      <c r="T5400" s="19">
        <v>300</v>
      </c>
      <c r="U5400" s="19"/>
      <c r="V5400" s="19"/>
      <c r="W5400" s="19"/>
      <c r="X5400" s="19">
        <v>2</v>
      </c>
      <c r="Y5400" s="19"/>
      <c r="Z5400" s="19"/>
      <c r="AA5400" s="19"/>
    </row>
    <row r="5401" spans="1:27" s="1" customFormat="1" ht="14.1" customHeight="1" outlineLevel="2" x14ac:dyDescent="0.2">
      <c r="A5401" s="17"/>
      <c r="B5401" s="17"/>
      <c r="C5401" s="17"/>
      <c r="D5401" s="18"/>
      <c r="E5401" s="18"/>
      <c r="F5401" s="18"/>
      <c r="G5401" s="18"/>
      <c r="H5401" s="18"/>
      <c r="I5401" s="18"/>
      <c r="J5401" s="18"/>
      <c r="K5401" s="18"/>
      <c r="L5401" s="18"/>
      <c r="M5401" s="18"/>
      <c r="N5401" s="18"/>
      <c r="O5401" s="18"/>
      <c r="P5401" s="19"/>
      <c r="Q5401" s="19"/>
      <c r="R5401" s="19"/>
      <c r="S5401" s="19"/>
      <c r="T5401" s="19"/>
      <c r="U5401" s="19"/>
      <c r="V5401" s="19"/>
      <c r="W5401" s="19"/>
      <c r="X5401" s="19"/>
      <c r="Y5401" s="19"/>
      <c r="Z5401" s="19"/>
      <c r="AA5401" s="19"/>
    </row>
    <row r="5402" spans="1:27" s="1" customFormat="1" ht="14.1" customHeight="1" outlineLevel="2" x14ac:dyDescent="0.2">
      <c r="A5402" s="17">
        <v>15329</v>
      </c>
      <c r="B5402" s="17"/>
      <c r="C5402" s="17"/>
      <c r="D5402" s="18" t="s">
        <v>2687</v>
      </c>
      <c r="E5402" s="18"/>
      <c r="F5402" s="18"/>
      <c r="G5402" s="18"/>
      <c r="H5402" s="18"/>
      <c r="I5402" s="18"/>
      <c r="J5402" s="18"/>
      <c r="K5402" s="18"/>
      <c r="L5402" s="18"/>
      <c r="M5402" s="18"/>
      <c r="N5402" s="18"/>
      <c r="O5402" s="18"/>
      <c r="P5402" s="19">
        <v>570</v>
      </c>
      <c r="Q5402" s="19"/>
      <c r="R5402" s="19"/>
      <c r="S5402" s="19"/>
      <c r="T5402" s="19">
        <v>500</v>
      </c>
      <c r="U5402" s="19"/>
      <c r="V5402" s="19"/>
      <c r="W5402" s="19"/>
      <c r="X5402" s="19">
        <v>1</v>
      </c>
      <c r="Y5402" s="19"/>
      <c r="Z5402" s="19"/>
      <c r="AA5402" s="19"/>
    </row>
    <row r="5403" spans="1:27" s="1" customFormat="1" ht="14.1" customHeight="1" outlineLevel="2" x14ac:dyDescent="0.2">
      <c r="A5403" s="17"/>
      <c r="B5403" s="17"/>
      <c r="C5403" s="17"/>
      <c r="D5403" s="18"/>
      <c r="E5403" s="18"/>
      <c r="F5403" s="18"/>
      <c r="G5403" s="18"/>
      <c r="H5403" s="18"/>
      <c r="I5403" s="18"/>
      <c r="J5403" s="18"/>
      <c r="K5403" s="18"/>
      <c r="L5403" s="18"/>
      <c r="M5403" s="18"/>
      <c r="N5403" s="18"/>
      <c r="O5403" s="18"/>
      <c r="P5403" s="19"/>
      <c r="Q5403" s="19"/>
      <c r="R5403" s="19"/>
      <c r="S5403" s="19"/>
      <c r="T5403" s="19"/>
      <c r="U5403" s="19"/>
      <c r="V5403" s="19"/>
      <c r="W5403" s="19"/>
      <c r="X5403" s="19"/>
      <c r="Y5403" s="19"/>
      <c r="Z5403" s="19"/>
      <c r="AA5403" s="19"/>
    </row>
    <row r="5404" spans="1:27" s="1" customFormat="1" ht="14.1" customHeight="1" outlineLevel="2" x14ac:dyDescent="0.2">
      <c r="A5404" s="17">
        <v>12897</v>
      </c>
      <c r="B5404" s="17"/>
      <c r="C5404" s="17"/>
      <c r="D5404" s="18" t="s">
        <v>2688</v>
      </c>
      <c r="E5404" s="18"/>
      <c r="F5404" s="18"/>
      <c r="G5404" s="18"/>
      <c r="H5404" s="18"/>
      <c r="I5404" s="18"/>
      <c r="J5404" s="18"/>
      <c r="K5404" s="18"/>
      <c r="L5404" s="18"/>
      <c r="M5404" s="18"/>
      <c r="N5404" s="18"/>
      <c r="O5404" s="18"/>
      <c r="P5404" s="19">
        <v>380</v>
      </c>
      <c r="Q5404" s="19"/>
      <c r="R5404" s="19"/>
      <c r="S5404" s="19"/>
      <c r="T5404" s="19">
        <v>300</v>
      </c>
      <c r="U5404" s="19"/>
      <c r="V5404" s="19"/>
      <c r="W5404" s="19"/>
      <c r="X5404" s="19">
        <v>1</v>
      </c>
      <c r="Y5404" s="19"/>
      <c r="Z5404" s="19"/>
      <c r="AA5404" s="19"/>
    </row>
    <row r="5405" spans="1:27" s="1" customFormat="1" ht="14.1" customHeight="1" outlineLevel="2" x14ac:dyDescent="0.2">
      <c r="A5405" s="17"/>
      <c r="B5405" s="17"/>
      <c r="C5405" s="17"/>
      <c r="D5405" s="18"/>
      <c r="E5405" s="18"/>
      <c r="F5405" s="18"/>
      <c r="G5405" s="18"/>
      <c r="H5405" s="18"/>
      <c r="I5405" s="18"/>
      <c r="J5405" s="18"/>
      <c r="K5405" s="18"/>
      <c r="L5405" s="18"/>
      <c r="M5405" s="18"/>
      <c r="N5405" s="18"/>
      <c r="O5405" s="18"/>
      <c r="P5405" s="19"/>
      <c r="Q5405" s="19"/>
      <c r="R5405" s="19"/>
      <c r="S5405" s="19"/>
      <c r="T5405" s="19"/>
      <c r="U5405" s="19"/>
      <c r="V5405" s="19"/>
      <c r="W5405" s="19"/>
      <c r="X5405" s="19"/>
      <c r="Y5405" s="19"/>
      <c r="Z5405" s="19"/>
      <c r="AA5405" s="19"/>
    </row>
    <row r="5406" spans="1:27" s="1" customFormat="1" ht="14.1" customHeight="1" outlineLevel="2" x14ac:dyDescent="0.2">
      <c r="A5406" s="17">
        <v>16856</v>
      </c>
      <c r="B5406" s="17"/>
      <c r="C5406" s="17"/>
      <c r="D5406" s="18" t="s">
        <v>2689</v>
      </c>
      <c r="E5406" s="18"/>
      <c r="F5406" s="18"/>
      <c r="G5406" s="18"/>
      <c r="H5406" s="18"/>
      <c r="I5406" s="18"/>
      <c r="J5406" s="18"/>
      <c r="K5406" s="18"/>
      <c r="L5406" s="18"/>
      <c r="M5406" s="18"/>
      <c r="N5406" s="18"/>
      <c r="O5406" s="18"/>
      <c r="P5406" s="20">
        <v>1200</v>
      </c>
      <c r="Q5406" s="20"/>
      <c r="R5406" s="20"/>
      <c r="S5406" s="20"/>
      <c r="T5406" s="20">
        <v>1000</v>
      </c>
      <c r="U5406" s="20"/>
      <c r="V5406" s="20"/>
      <c r="W5406" s="20"/>
      <c r="X5406" s="19">
        <v>1</v>
      </c>
      <c r="Y5406" s="19"/>
      <c r="Z5406" s="19"/>
      <c r="AA5406" s="19"/>
    </row>
    <row r="5407" spans="1:27" s="1" customFormat="1" ht="14.1" customHeight="1" outlineLevel="2" x14ac:dyDescent="0.2">
      <c r="A5407" s="17"/>
      <c r="B5407" s="17"/>
      <c r="C5407" s="17"/>
      <c r="D5407" s="18"/>
      <c r="E5407" s="18"/>
      <c r="F5407" s="18"/>
      <c r="G5407" s="18"/>
      <c r="H5407" s="18"/>
      <c r="I5407" s="18"/>
      <c r="J5407" s="18"/>
      <c r="K5407" s="18"/>
      <c r="L5407" s="18"/>
      <c r="M5407" s="18"/>
      <c r="N5407" s="18"/>
      <c r="O5407" s="18"/>
      <c r="P5407" s="20"/>
      <c r="Q5407" s="20"/>
      <c r="R5407" s="20"/>
      <c r="S5407" s="20"/>
      <c r="T5407" s="20"/>
      <c r="U5407" s="20"/>
      <c r="V5407" s="20"/>
      <c r="W5407" s="20"/>
      <c r="X5407" s="19"/>
      <c r="Y5407" s="19"/>
      <c r="Z5407" s="19"/>
      <c r="AA5407" s="19"/>
    </row>
    <row r="5408" spans="1:27" s="1" customFormat="1" ht="14.1" customHeight="1" outlineLevel="2" x14ac:dyDescent="0.2">
      <c r="A5408" s="17">
        <v>18140</v>
      </c>
      <c r="B5408" s="17"/>
      <c r="C5408" s="17"/>
      <c r="D5408" s="18" t="s">
        <v>2690</v>
      </c>
      <c r="E5408" s="18"/>
      <c r="F5408" s="18"/>
      <c r="G5408" s="18"/>
      <c r="H5408" s="18"/>
      <c r="I5408" s="18"/>
      <c r="J5408" s="18"/>
      <c r="K5408" s="18"/>
      <c r="L5408" s="18"/>
      <c r="M5408" s="18"/>
      <c r="N5408" s="18"/>
      <c r="O5408" s="18"/>
      <c r="P5408" s="19">
        <v>350</v>
      </c>
      <c r="Q5408" s="19"/>
      <c r="R5408" s="19"/>
      <c r="S5408" s="19"/>
      <c r="T5408" s="19">
        <v>250</v>
      </c>
      <c r="U5408" s="19"/>
      <c r="V5408" s="19"/>
      <c r="W5408" s="19"/>
      <c r="X5408" s="19">
        <v>1</v>
      </c>
      <c r="Y5408" s="19"/>
      <c r="Z5408" s="19"/>
      <c r="AA5408" s="19"/>
    </row>
    <row r="5409" spans="1:27" s="1" customFormat="1" ht="14.1" customHeight="1" outlineLevel="2" x14ac:dyDescent="0.2">
      <c r="A5409" s="17"/>
      <c r="B5409" s="17"/>
      <c r="C5409" s="17"/>
      <c r="D5409" s="18"/>
      <c r="E5409" s="18"/>
      <c r="F5409" s="18"/>
      <c r="G5409" s="18"/>
      <c r="H5409" s="18"/>
      <c r="I5409" s="18"/>
      <c r="J5409" s="18"/>
      <c r="K5409" s="18"/>
      <c r="L5409" s="18"/>
      <c r="M5409" s="18"/>
      <c r="N5409" s="18"/>
      <c r="O5409" s="18"/>
      <c r="P5409" s="19"/>
      <c r="Q5409" s="19"/>
      <c r="R5409" s="19"/>
      <c r="S5409" s="19"/>
      <c r="T5409" s="19"/>
      <c r="U5409" s="19"/>
      <c r="V5409" s="19"/>
      <c r="W5409" s="19"/>
      <c r="X5409" s="19"/>
      <c r="Y5409" s="19"/>
      <c r="Z5409" s="19"/>
      <c r="AA5409" s="19"/>
    </row>
    <row r="5410" spans="1:27" s="1" customFormat="1" ht="11.1" customHeight="1" outlineLevel="2" x14ac:dyDescent="0.2">
      <c r="A5410" s="17">
        <v>5391</v>
      </c>
      <c r="B5410" s="17"/>
      <c r="C5410" s="17"/>
      <c r="D5410" s="18" t="s">
        <v>2691</v>
      </c>
      <c r="E5410" s="18"/>
      <c r="F5410" s="18"/>
      <c r="G5410" s="18"/>
      <c r="H5410" s="18"/>
      <c r="I5410" s="18"/>
      <c r="J5410" s="18"/>
      <c r="K5410" s="18"/>
      <c r="L5410" s="18"/>
      <c r="M5410" s="18"/>
      <c r="N5410" s="18"/>
      <c r="O5410" s="18"/>
      <c r="P5410" s="19">
        <v>350</v>
      </c>
      <c r="Q5410" s="19"/>
      <c r="R5410" s="19"/>
      <c r="S5410" s="19"/>
      <c r="T5410" s="19">
        <v>300</v>
      </c>
      <c r="U5410" s="19"/>
      <c r="V5410" s="19"/>
      <c r="W5410" s="19"/>
      <c r="X5410" s="19">
        <v>1</v>
      </c>
      <c r="Y5410" s="19"/>
      <c r="Z5410" s="19"/>
      <c r="AA5410" s="19"/>
    </row>
    <row r="5411" spans="1:27" s="1" customFormat="1" ht="11.1" customHeight="1" outlineLevel="2" x14ac:dyDescent="0.2">
      <c r="A5411" s="17"/>
      <c r="B5411" s="17"/>
      <c r="C5411" s="17"/>
      <c r="D5411" s="18"/>
      <c r="E5411" s="18"/>
      <c r="F5411" s="18"/>
      <c r="G5411" s="18"/>
      <c r="H5411" s="18"/>
      <c r="I5411" s="18"/>
      <c r="J5411" s="18"/>
      <c r="K5411" s="18"/>
      <c r="L5411" s="18"/>
      <c r="M5411" s="18"/>
      <c r="N5411" s="18"/>
      <c r="O5411" s="18"/>
      <c r="P5411" s="19"/>
      <c r="Q5411" s="19"/>
      <c r="R5411" s="19"/>
      <c r="S5411" s="19"/>
      <c r="T5411" s="19"/>
      <c r="U5411" s="19"/>
      <c r="V5411" s="19"/>
      <c r="W5411" s="19"/>
      <c r="X5411" s="19"/>
      <c r="Y5411" s="19"/>
      <c r="Z5411" s="19"/>
      <c r="AA5411" s="19"/>
    </row>
    <row r="5412" spans="1:27" s="1" customFormat="1" ht="14.1" customHeight="1" outlineLevel="2" x14ac:dyDescent="0.2">
      <c r="A5412" s="17">
        <v>17071</v>
      </c>
      <c r="B5412" s="17"/>
      <c r="C5412" s="17"/>
      <c r="D5412" s="18" t="s">
        <v>2692</v>
      </c>
      <c r="E5412" s="18"/>
      <c r="F5412" s="18"/>
      <c r="G5412" s="18"/>
      <c r="H5412" s="18"/>
      <c r="I5412" s="18"/>
      <c r="J5412" s="18"/>
      <c r="K5412" s="18"/>
      <c r="L5412" s="18"/>
      <c r="M5412" s="18"/>
      <c r="N5412" s="18"/>
      <c r="O5412" s="18"/>
      <c r="P5412" s="20">
        <v>1500</v>
      </c>
      <c r="Q5412" s="20"/>
      <c r="R5412" s="20"/>
      <c r="S5412" s="20"/>
      <c r="T5412" s="20">
        <v>1000</v>
      </c>
      <c r="U5412" s="20"/>
      <c r="V5412" s="20"/>
      <c r="W5412" s="20"/>
      <c r="X5412" s="19">
        <v>1</v>
      </c>
      <c r="Y5412" s="19"/>
      <c r="Z5412" s="19"/>
      <c r="AA5412" s="19"/>
    </row>
    <row r="5413" spans="1:27" s="1" customFormat="1" ht="14.1" customHeight="1" outlineLevel="2" x14ac:dyDescent="0.2">
      <c r="A5413" s="17"/>
      <c r="B5413" s="17"/>
      <c r="C5413" s="17"/>
      <c r="D5413" s="18"/>
      <c r="E5413" s="18"/>
      <c r="F5413" s="18"/>
      <c r="G5413" s="18"/>
      <c r="H5413" s="18"/>
      <c r="I5413" s="18"/>
      <c r="J5413" s="18"/>
      <c r="K5413" s="18"/>
      <c r="L5413" s="18"/>
      <c r="M5413" s="18"/>
      <c r="N5413" s="18"/>
      <c r="O5413" s="18"/>
      <c r="P5413" s="20"/>
      <c r="Q5413" s="20"/>
      <c r="R5413" s="20"/>
      <c r="S5413" s="20"/>
      <c r="T5413" s="20"/>
      <c r="U5413" s="20"/>
      <c r="V5413" s="20"/>
      <c r="W5413" s="20"/>
      <c r="X5413" s="19"/>
      <c r="Y5413" s="19"/>
      <c r="Z5413" s="19"/>
      <c r="AA5413" s="19"/>
    </row>
    <row r="5414" spans="1:27" s="1" customFormat="1" ht="14.1" customHeight="1" outlineLevel="2" x14ac:dyDescent="0.2">
      <c r="A5414" s="17">
        <v>17070</v>
      </c>
      <c r="B5414" s="17"/>
      <c r="C5414" s="17"/>
      <c r="D5414" s="18" t="s">
        <v>2693</v>
      </c>
      <c r="E5414" s="18"/>
      <c r="F5414" s="18"/>
      <c r="G5414" s="18"/>
      <c r="H5414" s="18"/>
      <c r="I5414" s="18"/>
      <c r="J5414" s="18"/>
      <c r="K5414" s="18"/>
      <c r="L5414" s="18"/>
      <c r="M5414" s="18"/>
      <c r="N5414" s="18"/>
      <c r="O5414" s="18"/>
      <c r="P5414" s="20">
        <v>1500</v>
      </c>
      <c r="Q5414" s="20"/>
      <c r="R5414" s="20"/>
      <c r="S5414" s="20"/>
      <c r="T5414" s="20">
        <v>1000</v>
      </c>
      <c r="U5414" s="20"/>
      <c r="V5414" s="20"/>
      <c r="W5414" s="20"/>
      <c r="X5414" s="19">
        <v>1</v>
      </c>
      <c r="Y5414" s="19"/>
      <c r="Z5414" s="19"/>
      <c r="AA5414" s="19"/>
    </row>
    <row r="5415" spans="1:27" s="1" customFormat="1" ht="14.1" customHeight="1" outlineLevel="2" x14ac:dyDescent="0.2">
      <c r="A5415" s="17"/>
      <c r="B5415" s="17"/>
      <c r="C5415" s="17"/>
      <c r="D5415" s="18"/>
      <c r="E5415" s="18"/>
      <c r="F5415" s="18"/>
      <c r="G5415" s="18"/>
      <c r="H5415" s="18"/>
      <c r="I5415" s="18"/>
      <c r="J5415" s="18"/>
      <c r="K5415" s="18"/>
      <c r="L5415" s="18"/>
      <c r="M5415" s="18"/>
      <c r="N5415" s="18"/>
      <c r="O5415" s="18"/>
      <c r="P5415" s="20"/>
      <c r="Q5415" s="20"/>
      <c r="R5415" s="20"/>
      <c r="S5415" s="20"/>
      <c r="T5415" s="20"/>
      <c r="U5415" s="20"/>
      <c r="V5415" s="20"/>
      <c r="W5415" s="20"/>
      <c r="X5415" s="19"/>
      <c r="Y5415" s="19"/>
      <c r="Z5415" s="19"/>
      <c r="AA5415" s="19"/>
    </row>
    <row r="5416" spans="1:27" s="1" customFormat="1" ht="11.1" customHeight="1" outlineLevel="2" x14ac:dyDescent="0.2">
      <c r="A5416" s="17">
        <v>13478</v>
      </c>
      <c r="B5416" s="17"/>
      <c r="C5416" s="17"/>
      <c r="D5416" s="18" t="s">
        <v>2694</v>
      </c>
      <c r="E5416" s="18"/>
      <c r="F5416" s="18"/>
      <c r="G5416" s="18"/>
      <c r="H5416" s="18"/>
      <c r="I5416" s="18"/>
      <c r="J5416" s="18"/>
      <c r="K5416" s="18"/>
      <c r="L5416" s="18"/>
      <c r="M5416" s="18"/>
      <c r="N5416" s="18"/>
      <c r="O5416" s="18"/>
      <c r="P5416" s="19">
        <v>45</v>
      </c>
      <c r="Q5416" s="19"/>
      <c r="R5416" s="19"/>
      <c r="S5416" s="19"/>
      <c r="T5416" s="19">
        <v>30</v>
      </c>
      <c r="U5416" s="19"/>
      <c r="V5416" s="19"/>
      <c r="W5416" s="19"/>
      <c r="X5416" s="19">
        <v>2</v>
      </c>
      <c r="Y5416" s="19"/>
      <c r="Z5416" s="19"/>
      <c r="AA5416" s="19"/>
    </row>
    <row r="5417" spans="1:27" s="1" customFormat="1" ht="11.1" customHeight="1" outlineLevel="2" x14ac:dyDescent="0.2">
      <c r="A5417" s="17"/>
      <c r="B5417" s="17"/>
      <c r="C5417" s="17"/>
      <c r="D5417" s="18"/>
      <c r="E5417" s="18"/>
      <c r="F5417" s="18"/>
      <c r="G5417" s="18"/>
      <c r="H5417" s="18"/>
      <c r="I5417" s="18"/>
      <c r="J5417" s="18"/>
      <c r="K5417" s="18"/>
      <c r="L5417" s="18"/>
      <c r="M5417" s="18"/>
      <c r="N5417" s="18"/>
      <c r="O5417" s="18"/>
      <c r="P5417" s="19"/>
      <c r="Q5417" s="19"/>
      <c r="R5417" s="19"/>
      <c r="S5417" s="19"/>
      <c r="T5417" s="19"/>
      <c r="U5417" s="19"/>
      <c r="V5417" s="19"/>
      <c r="W5417" s="19"/>
      <c r="X5417" s="19"/>
      <c r="Y5417" s="19"/>
      <c r="Z5417" s="19"/>
      <c r="AA5417" s="19"/>
    </row>
    <row r="5418" spans="1:27" s="1" customFormat="1" ht="14.1" customHeight="1" outlineLevel="2" x14ac:dyDescent="0.2">
      <c r="A5418" s="17">
        <v>13464</v>
      </c>
      <c r="B5418" s="17"/>
      <c r="C5418" s="17"/>
      <c r="D5418" s="18" t="s">
        <v>2695</v>
      </c>
      <c r="E5418" s="18"/>
      <c r="F5418" s="18"/>
      <c r="G5418" s="18"/>
      <c r="H5418" s="18"/>
      <c r="I5418" s="18"/>
      <c r="J5418" s="18"/>
      <c r="K5418" s="18"/>
      <c r="L5418" s="18"/>
      <c r="M5418" s="18"/>
      <c r="N5418" s="18"/>
      <c r="O5418" s="18"/>
      <c r="P5418" s="19">
        <v>45</v>
      </c>
      <c r="Q5418" s="19"/>
      <c r="R5418" s="19"/>
      <c r="S5418" s="19"/>
      <c r="T5418" s="19">
        <v>30</v>
      </c>
      <c r="U5418" s="19"/>
      <c r="V5418" s="19"/>
      <c r="W5418" s="19"/>
      <c r="X5418" s="19">
        <v>1</v>
      </c>
      <c r="Y5418" s="19"/>
      <c r="Z5418" s="19"/>
      <c r="AA5418" s="19"/>
    </row>
    <row r="5419" spans="1:27" s="1" customFormat="1" ht="14.1" customHeight="1" outlineLevel="2" x14ac:dyDescent="0.2">
      <c r="A5419" s="17"/>
      <c r="B5419" s="17"/>
      <c r="C5419" s="17"/>
      <c r="D5419" s="18"/>
      <c r="E5419" s="18"/>
      <c r="F5419" s="18"/>
      <c r="G5419" s="18"/>
      <c r="H5419" s="18"/>
      <c r="I5419" s="18"/>
      <c r="J5419" s="18"/>
      <c r="K5419" s="18"/>
      <c r="L5419" s="18"/>
      <c r="M5419" s="18"/>
      <c r="N5419" s="18"/>
      <c r="O5419" s="18"/>
      <c r="P5419" s="19"/>
      <c r="Q5419" s="19"/>
      <c r="R5419" s="19"/>
      <c r="S5419" s="19"/>
      <c r="T5419" s="19"/>
      <c r="U5419" s="19"/>
      <c r="V5419" s="19"/>
      <c r="W5419" s="19"/>
      <c r="X5419" s="19"/>
      <c r="Y5419" s="19"/>
      <c r="Z5419" s="19"/>
      <c r="AA5419" s="19"/>
    </row>
    <row r="5420" spans="1:27" s="1" customFormat="1" ht="11.1" customHeight="1" outlineLevel="2" x14ac:dyDescent="0.2">
      <c r="A5420" s="17">
        <v>13508</v>
      </c>
      <c r="B5420" s="17"/>
      <c r="C5420" s="17"/>
      <c r="D5420" s="18" t="s">
        <v>2696</v>
      </c>
      <c r="E5420" s="18"/>
      <c r="F5420" s="18"/>
      <c r="G5420" s="18"/>
      <c r="H5420" s="18"/>
      <c r="I5420" s="18"/>
      <c r="J5420" s="18"/>
      <c r="K5420" s="18"/>
      <c r="L5420" s="18"/>
      <c r="M5420" s="18"/>
      <c r="N5420" s="18"/>
      <c r="O5420" s="18"/>
      <c r="P5420" s="19">
        <v>59</v>
      </c>
      <c r="Q5420" s="19"/>
      <c r="R5420" s="19"/>
      <c r="S5420" s="19"/>
      <c r="T5420" s="19">
        <v>40</v>
      </c>
      <c r="U5420" s="19"/>
      <c r="V5420" s="19"/>
      <c r="W5420" s="19"/>
      <c r="X5420" s="19">
        <v>1</v>
      </c>
      <c r="Y5420" s="19"/>
      <c r="Z5420" s="19"/>
      <c r="AA5420" s="19"/>
    </row>
    <row r="5421" spans="1:27" s="1" customFormat="1" ht="11.1" customHeight="1" outlineLevel="2" x14ac:dyDescent="0.2">
      <c r="A5421" s="17"/>
      <c r="B5421" s="17"/>
      <c r="C5421" s="17"/>
      <c r="D5421" s="18"/>
      <c r="E5421" s="18"/>
      <c r="F5421" s="18"/>
      <c r="G5421" s="18"/>
      <c r="H5421" s="18"/>
      <c r="I5421" s="18"/>
      <c r="J5421" s="18"/>
      <c r="K5421" s="18"/>
      <c r="L5421" s="18"/>
      <c r="M5421" s="18"/>
      <c r="N5421" s="18"/>
      <c r="O5421" s="18"/>
      <c r="P5421" s="19"/>
      <c r="Q5421" s="19"/>
      <c r="R5421" s="19"/>
      <c r="S5421" s="19"/>
      <c r="T5421" s="19"/>
      <c r="U5421" s="19"/>
      <c r="V5421" s="19"/>
      <c r="W5421" s="19"/>
      <c r="X5421" s="19"/>
      <c r="Y5421" s="19"/>
      <c r="Z5421" s="19"/>
      <c r="AA5421" s="19"/>
    </row>
    <row r="5422" spans="1:27" s="1" customFormat="1" ht="14.1" customHeight="1" outlineLevel="2" x14ac:dyDescent="0.2">
      <c r="A5422" s="17">
        <v>12398</v>
      </c>
      <c r="B5422" s="17"/>
      <c r="C5422" s="17"/>
      <c r="D5422" s="18" t="s">
        <v>2697</v>
      </c>
      <c r="E5422" s="18"/>
      <c r="F5422" s="18"/>
      <c r="G5422" s="18"/>
      <c r="H5422" s="18"/>
      <c r="I5422" s="18"/>
      <c r="J5422" s="18"/>
      <c r="K5422" s="18"/>
      <c r="L5422" s="18"/>
      <c r="M5422" s="18"/>
      <c r="N5422" s="18"/>
      <c r="O5422" s="18"/>
      <c r="P5422" s="19">
        <v>70</v>
      </c>
      <c r="Q5422" s="19"/>
      <c r="R5422" s="19"/>
      <c r="S5422" s="19"/>
      <c r="T5422" s="19">
        <v>50</v>
      </c>
      <c r="U5422" s="19"/>
      <c r="V5422" s="19"/>
      <c r="W5422" s="19"/>
      <c r="X5422" s="19">
        <v>1</v>
      </c>
      <c r="Y5422" s="19"/>
      <c r="Z5422" s="19"/>
      <c r="AA5422" s="19"/>
    </row>
    <row r="5423" spans="1:27" s="1" customFormat="1" ht="14.1" customHeight="1" outlineLevel="2" x14ac:dyDescent="0.2">
      <c r="A5423" s="17"/>
      <c r="B5423" s="17"/>
      <c r="C5423" s="17"/>
      <c r="D5423" s="18"/>
      <c r="E5423" s="18"/>
      <c r="F5423" s="18"/>
      <c r="G5423" s="18"/>
      <c r="H5423" s="18"/>
      <c r="I5423" s="18"/>
      <c r="J5423" s="18"/>
      <c r="K5423" s="18"/>
      <c r="L5423" s="18"/>
      <c r="M5423" s="18"/>
      <c r="N5423" s="18"/>
      <c r="O5423" s="18"/>
      <c r="P5423" s="19"/>
      <c r="Q5423" s="19"/>
      <c r="R5423" s="19"/>
      <c r="S5423" s="19"/>
      <c r="T5423" s="19"/>
      <c r="U5423" s="19"/>
      <c r="V5423" s="19"/>
      <c r="W5423" s="19"/>
      <c r="X5423" s="19"/>
      <c r="Y5423" s="19"/>
      <c r="Z5423" s="19"/>
      <c r="AA5423" s="19"/>
    </row>
    <row r="5424" spans="1:27" s="1" customFormat="1" ht="14.1" customHeight="1" outlineLevel="2" x14ac:dyDescent="0.2">
      <c r="A5424" s="17">
        <v>13047</v>
      </c>
      <c r="B5424" s="17"/>
      <c r="C5424" s="17"/>
      <c r="D5424" s="18" t="s">
        <v>2698</v>
      </c>
      <c r="E5424" s="18"/>
      <c r="F5424" s="18"/>
      <c r="G5424" s="18"/>
      <c r="H5424" s="18"/>
      <c r="I5424" s="18"/>
      <c r="J5424" s="18"/>
      <c r="K5424" s="18"/>
      <c r="L5424" s="18"/>
      <c r="M5424" s="18"/>
      <c r="N5424" s="18"/>
      <c r="O5424" s="18"/>
      <c r="P5424" s="19">
        <v>100</v>
      </c>
      <c r="Q5424" s="19"/>
      <c r="R5424" s="19"/>
      <c r="S5424" s="19"/>
      <c r="T5424" s="19">
        <v>65</v>
      </c>
      <c r="U5424" s="19"/>
      <c r="V5424" s="19"/>
      <c r="W5424" s="19"/>
      <c r="X5424" s="19">
        <v>1</v>
      </c>
      <c r="Y5424" s="19"/>
      <c r="Z5424" s="19"/>
      <c r="AA5424" s="19"/>
    </row>
    <row r="5425" spans="1:27" s="1" customFormat="1" ht="14.1" customHeight="1" outlineLevel="2" x14ac:dyDescent="0.2">
      <c r="A5425" s="17"/>
      <c r="B5425" s="17"/>
      <c r="C5425" s="17"/>
      <c r="D5425" s="18"/>
      <c r="E5425" s="18"/>
      <c r="F5425" s="18"/>
      <c r="G5425" s="18"/>
      <c r="H5425" s="18"/>
      <c r="I5425" s="18"/>
      <c r="J5425" s="18"/>
      <c r="K5425" s="18"/>
      <c r="L5425" s="18"/>
      <c r="M5425" s="18"/>
      <c r="N5425" s="18"/>
      <c r="O5425" s="18"/>
      <c r="P5425" s="19"/>
      <c r="Q5425" s="19"/>
      <c r="R5425" s="19"/>
      <c r="S5425" s="19"/>
      <c r="T5425" s="19"/>
      <c r="U5425" s="19"/>
      <c r="V5425" s="19"/>
      <c r="W5425" s="19"/>
      <c r="X5425" s="19"/>
      <c r="Y5425" s="19"/>
      <c r="Z5425" s="19"/>
      <c r="AA5425" s="19"/>
    </row>
    <row r="5426" spans="1:27" s="1" customFormat="1" ht="14.1" customHeight="1" outlineLevel="2" x14ac:dyDescent="0.2">
      <c r="A5426" s="17">
        <v>11996</v>
      </c>
      <c r="B5426" s="17"/>
      <c r="C5426" s="17"/>
      <c r="D5426" s="18" t="s">
        <v>2699</v>
      </c>
      <c r="E5426" s="18"/>
      <c r="F5426" s="18"/>
      <c r="G5426" s="18"/>
      <c r="H5426" s="18"/>
      <c r="I5426" s="18"/>
      <c r="J5426" s="18"/>
      <c r="K5426" s="18"/>
      <c r="L5426" s="18"/>
      <c r="M5426" s="18"/>
      <c r="N5426" s="18"/>
      <c r="O5426" s="18"/>
      <c r="P5426" s="19">
        <v>100</v>
      </c>
      <c r="Q5426" s="19"/>
      <c r="R5426" s="19"/>
      <c r="S5426" s="19"/>
      <c r="T5426" s="19">
        <v>70</v>
      </c>
      <c r="U5426" s="19"/>
      <c r="V5426" s="19"/>
      <c r="W5426" s="19"/>
      <c r="X5426" s="19">
        <v>10</v>
      </c>
      <c r="Y5426" s="19"/>
      <c r="Z5426" s="19"/>
      <c r="AA5426" s="19"/>
    </row>
    <row r="5427" spans="1:27" s="1" customFormat="1" ht="14.1" customHeight="1" outlineLevel="2" x14ac:dyDescent="0.2">
      <c r="A5427" s="17"/>
      <c r="B5427" s="17"/>
      <c r="C5427" s="17"/>
      <c r="D5427" s="18"/>
      <c r="E5427" s="18"/>
      <c r="F5427" s="18"/>
      <c r="G5427" s="18"/>
      <c r="H5427" s="18"/>
      <c r="I5427" s="18"/>
      <c r="J5427" s="18"/>
      <c r="K5427" s="18"/>
      <c r="L5427" s="18"/>
      <c r="M5427" s="18"/>
      <c r="N5427" s="18"/>
      <c r="O5427" s="18"/>
      <c r="P5427" s="19"/>
      <c r="Q5427" s="19"/>
      <c r="R5427" s="19"/>
      <c r="S5427" s="19"/>
      <c r="T5427" s="19"/>
      <c r="U5427" s="19"/>
      <c r="V5427" s="19"/>
      <c r="W5427" s="19"/>
      <c r="X5427" s="19"/>
      <c r="Y5427" s="19"/>
      <c r="Z5427" s="19"/>
      <c r="AA5427" s="19"/>
    </row>
    <row r="5428" spans="1:27" s="1" customFormat="1" ht="14.1" customHeight="1" outlineLevel="2" x14ac:dyDescent="0.2">
      <c r="A5428" s="17">
        <v>11997</v>
      </c>
      <c r="B5428" s="17"/>
      <c r="C5428" s="17"/>
      <c r="D5428" s="18" t="s">
        <v>2700</v>
      </c>
      <c r="E5428" s="18"/>
      <c r="F5428" s="18"/>
      <c r="G5428" s="18"/>
      <c r="H5428" s="18"/>
      <c r="I5428" s="18"/>
      <c r="J5428" s="18"/>
      <c r="K5428" s="18"/>
      <c r="L5428" s="18"/>
      <c r="M5428" s="18"/>
      <c r="N5428" s="18"/>
      <c r="O5428" s="18"/>
      <c r="P5428" s="19">
        <v>100</v>
      </c>
      <c r="Q5428" s="19"/>
      <c r="R5428" s="19"/>
      <c r="S5428" s="19"/>
      <c r="T5428" s="19">
        <v>70</v>
      </c>
      <c r="U5428" s="19"/>
      <c r="V5428" s="19"/>
      <c r="W5428" s="19"/>
      <c r="X5428" s="19">
        <v>10</v>
      </c>
      <c r="Y5428" s="19"/>
      <c r="Z5428" s="19"/>
      <c r="AA5428" s="19"/>
    </row>
    <row r="5429" spans="1:27" s="1" customFormat="1" ht="14.1" customHeight="1" outlineLevel="2" x14ac:dyDescent="0.2">
      <c r="A5429" s="17"/>
      <c r="B5429" s="17"/>
      <c r="C5429" s="17"/>
      <c r="D5429" s="18"/>
      <c r="E5429" s="18"/>
      <c r="F5429" s="18"/>
      <c r="G5429" s="18"/>
      <c r="H5429" s="18"/>
      <c r="I5429" s="18"/>
      <c r="J5429" s="18"/>
      <c r="K5429" s="18"/>
      <c r="L5429" s="18"/>
      <c r="M5429" s="18"/>
      <c r="N5429" s="18"/>
      <c r="O5429" s="18"/>
      <c r="P5429" s="19"/>
      <c r="Q5429" s="19"/>
      <c r="R5429" s="19"/>
      <c r="S5429" s="19"/>
      <c r="T5429" s="19"/>
      <c r="U5429" s="19"/>
      <c r="V5429" s="19"/>
      <c r="W5429" s="19"/>
      <c r="X5429" s="19"/>
      <c r="Y5429" s="19"/>
      <c r="Z5429" s="19"/>
      <c r="AA5429" s="19"/>
    </row>
    <row r="5430" spans="1:27" s="1" customFormat="1" ht="11.1" customHeight="1" outlineLevel="2" x14ac:dyDescent="0.2">
      <c r="A5430" s="17">
        <v>11285</v>
      </c>
      <c r="B5430" s="17"/>
      <c r="C5430" s="17"/>
      <c r="D5430" s="18" t="s">
        <v>2701</v>
      </c>
      <c r="E5430" s="18"/>
      <c r="F5430" s="18"/>
      <c r="G5430" s="18"/>
      <c r="H5430" s="18"/>
      <c r="I5430" s="18"/>
      <c r="J5430" s="18"/>
      <c r="K5430" s="18"/>
      <c r="L5430" s="18"/>
      <c r="M5430" s="18"/>
      <c r="N5430" s="18"/>
      <c r="O5430" s="18"/>
      <c r="P5430" s="19">
        <v>50</v>
      </c>
      <c r="Q5430" s="19"/>
      <c r="R5430" s="19"/>
      <c r="S5430" s="19"/>
      <c r="T5430" s="19">
        <v>34</v>
      </c>
      <c r="U5430" s="19"/>
      <c r="V5430" s="19"/>
      <c r="W5430" s="19"/>
      <c r="X5430" s="19">
        <v>11</v>
      </c>
      <c r="Y5430" s="19"/>
      <c r="Z5430" s="19"/>
      <c r="AA5430" s="19"/>
    </row>
    <row r="5431" spans="1:27" s="1" customFormat="1" ht="11.1" customHeight="1" outlineLevel="2" x14ac:dyDescent="0.2">
      <c r="A5431" s="17"/>
      <c r="B5431" s="17"/>
      <c r="C5431" s="17"/>
      <c r="D5431" s="18"/>
      <c r="E5431" s="18"/>
      <c r="F5431" s="18"/>
      <c r="G5431" s="18"/>
      <c r="H5431" s="18"/>
      <c r="I5431" s="18"/>
      <c r="J5431" s="18"/>
      <c r="K5431" s="18"/>
      <c r="L5431" s="18"/>
      <c r="M5431" s="18"/>
      <c r="N5431" s="18"/>
      <c r="O5431" s="18"/>
      <c r="P5431" s="19"/>
      <c r="Q5431" s="19"/>
      <c r="R5431" s="19"/>
      <c r="S5431" s="19"/>
      <c r="T5431" s="19"/>
      <c r="U5431" s="19"/>
      <c r="V5431" s="19"/>
      <c r="W5431" s="19"/>
      <c r="X5431" s="19"/>
      <c r="Y5431" s="19"/>
      <c r="Z5431" s="19"/>
      <c r="AA5431" s="19"/>
    </row>
    <row r="5432" spans="1:27" s="1" customFormat="1" ht="11.1" customHeight="1" outlineLevel="2" x14ac:dyDescent="0.2">
      <c r="A5432" s="17">
        <v>11284</v>
      </c>
      <c r="B5432" s="17"/>
      <c r="C5432" s="17"/>
      <c r="D5432" s="18" t="s">
        <v>2702</v>
      </c>
      <c r="E5432" s="18"/>
      <c r="F5432" s="18"/>
      <c r="G5432" s="18"/>
      <c r="H5432" s="18"/>
      <c r="I5432" s="18"/>
      <c r="J5432" s="18"/>
      <c r="K5432" s="18"/>
      <c r="L5432" s="18"/>
      <c r="M5432" s="18"/>
      <c r="N5432" s="18"/>
      <c r="O5432" s="18"/>
      <c r="P5432" s="19">
        <v>50</v>
      </c>
      <c r="Q5432" s="19"/>
      <c r="R5432" s="19"/>
      <c r="S5432" s="19"/>
      <c r="T5432" s="19">
        <v>34</v>
      </c>
      <c r="U5432" s="19"/>
      <c r="V5432" s="19"/>
      <c r="W5432" s="19"/>
      <c r="X5432" s="19">
        <v>15</v>
      </c>
      <c r="Y5432" s="19"/>
      <c r="Z5432" s="19"/>
      <c r="AA5432" s="19"/>
    </row>
    <row r="5433" spans="1:27" s="1" customFormat="1" ht="11.1" customHeight="1" outlineLevel="2" x14ac:dyDescent="0.2">
      <c r="A5433" s="17"/>
      <c r="B5433" s="17"/>
      <c r="C5433" s="17"/>
      <c r="D5433" s="18"/>
      <c r="E5433" s="18"/>
      <c r="F5433" s="18"/>
      <c r="G5433" s="18"/>
      <c r="H5433" s="18"/>
      <c r="I5433" s="18"/>
      <c r="J5433" s="18"/>
      <c r="K5433" s="18"/>
      <c r="L5433" s="18"/>
      <c r="M5433" s="18"/>
      <c r="N5433" s="18"/>
      <c r="O5433" s="18"/>
      <c r="P5433" s="19"/>
      <c r="Q5433" s="19"/>
      <c r="R5433" s="19"/>
      <c r="S5433" s="19"/>
      <c r="T5433" s="19"/>
      <c r="U5433" s="19"/>
      <c r="V5433" s="19"/>
      <c r="W5433" s="19"/>
      <c r="X5433" s="19"/>
      <c r="Y5433" s="19"/>
      <c r="Z5433" s="19"/>
      <c r="AA5433" s="19"/>
    </row>
    <row r="5434" spans="1:27" s="1" customFormat="1" ht="14.1" customHeight="1" outlineLevel="2" x14ac:dyDescent="0.2">
      <c r="A5434" s="17">
        <v>13481</v>
      </c>
      <c r="B5434" s="17"/>
      <c r="C5434" s="17"/>
      <c r="D5434" s="18" t="s">
        <v>2703</v>
      </c>
      <c r="E5434" s="18"/>
      <c r="F5434" s="18"/>
      <c r="G5434" s="18"/>
      <c r="H5434" s="18"/>
      <c r="I5434" s="18"/>
      <c r="J5434" s="18"/>
      <c r="K5434" s="18"/>
      <c r="L5434" s="18"/>
      <c r="M5434" s="18"/>
      <c r="N5434" s="18"/>
      <c r="O5434" s="18"/>
      <c r="P5434" s="19">
        <v>250</v>
      </c>
      <c r="Q5434" s="19"/>
      <c r="R5434" s="19"/>
      <c r="S5434" s="19"/>
      <c r="T5434" s="19">
        <v>190</v>
      </c>
      <c r="U5434" s="19"/>
      <c r="V5434" s="19"/>
      <c r="W5434" s="19"/>
      <c r="X5434" s="19">
        <v>1</v>
      </c>
      <c r="Y5434" s="19"/>
      <c r="Z5434" s="19"/>
      <c r="AA5434" s="19"/>
    </row>
    <row r="5435" spans="1:27" s="1" customFormat="1" ht="14.1" customHeight="1" outlineLevel="2" x14ac:dyDescent="0.2">
      <c r="A5435" s="17"/>
      <c r="B5435" s="17"/>
      <c r="C5435" s="17"/>
      <c r="D5435" s="18"/>
      <c r="E5435" s="18"/>
      <c r="F5435" s="18"/>
      <c r="G5435" s="18"/>
      <c r="H5435" s="18"/>
      <c r="I5435" s="18"/>
      <c r="J5435" s="18"/>
      <c r="K5435" s="18"/>
      <c r="L5435" s="18"/>
      <c r="M5435" s="18"/>
      <c r="N5435" s="18"/>
      <c r="O5435" s="18"/>
      <c r="P5435" s="19"/>
      <c r="Q5435" s="19"/>
      <c r="R5435" s="19"/>
      <c r="S5435" s="19"/>
      <c r="T5435" s="19"/>
      <c r="U5435" s="19"/>
      <c r="V5435" s="19"/>
      <c r="W5435" s="19"/>
      <c r="X5435" s="19"/>
      <c r="Y5435" s="19"/>
      <c r="Z5435" s="19"/>
      <c r="AA5435" s="19"/>
    </row>
    <row r="5436" spans="1:27" s="1" customFormat="1" ht="14.1" customHeight="1" outlineLevel="2" x14ac:dyDescent="0.2">
      <c r="A5436" s="17">
        <v>13477</v>
      </c>
      <c r="B5436" s="17"/>
      <c r="C5436" s="17"/>
      <c r="D5436" s="18" t="s">
        <v>2704</v>
      </c>
      <c r="E5436" s="18"/>
      <c r="F5436" s="18"/>
      <c r="G5436" s="18"/>
      <c r="H5436" s="18"/>
      <c r="I5436" s="18"/>
      <c r="J5436" s="18"/>
      <c r="K5436" s="18"/>
      <c r="L5436" s="18"/>
      <c r="M5436" s="18"/>
      <c r="N5436" s="18"/>
      <c r="O5436" s="18"/>
      <c r="P5436" s="19">
        <v>160</v>
      </c>
      <c r="Q5436" s="19"/>
      <c r="R5436" s="19"/>
      <c r="S5436" s="19"/>
      <c r="T5436" s="19">
        <v>120</v>
      </c>
      <c r="U5436" s="19"/>
      <c r="V5436" s="19"/>
      <c r="W5436" s="19"/>
      <c r="X5436" s="19">
        <v>2</v>
      </c>
      <c r="Y5436" s="19"/>
      <c r="Z5436" s="19"/>
      <c r="AA5436" s="19"/>
    </row>
    <row r="5437" spans="1:27" s="1" customFormat="1" ht="14.1" customHeight="1" outlineLevel="2" x14ac:dyDescent="0.2">
      <c r="A5437" s="17"/>
      <c r="B5437" s="17"/>
      <c r="C5437" s="17"/>
      <c r="D5437" s="18"/>
      <c r="E5437" s="18"/>
      <c r="F5437" s="18"/>
      <c r="G5437" s="18"/>
      <c r="H5437" s="18"/>
      <c r="I5437" s="18"/>
      <c r="J5437" s="18"/>
      <c r="K5437" s="18"/>
      <c r="L5437" s="18"/>
      <c r="M5437" s="18"/>
      <c r="N5437" s="18"/>
      <c r="O5437" s="18"/>
      <c r="P5437" s="19"/>
      <c r="Q5437" s="19"/>
      <c r="R5437" s="19"/>
      <c r="S5437" s="19"/>
      <c r="T5437" s="19"/>
      <c r="U5437" s="19"/>
      <c r="V5437" s="19"/>
      <c r="W5437" s="19"/>
      <c r="X5437" s="19"/>
      <c r="Y5437" s="19"/>
      <c r="Z5437" s="19"/>
      <c r="AA5437" s="19"/>
    </row>
    <row r="5438" spans="1:27" s="1" customFormat="1" ht="14.1" customHeight="1" outlineLevel="2" x14ac:dyDescent="0.2">
      <c r="A5438" s="17">
        <v>13402</v>
      </c>
      <c r="B5438" s="17"/>
      <c r="C5438" s="17"/>
      <c r="D5438" s="18" t="s">
        <v>2705</v>
      </c>
      <c r="E5438" s="18"/>
      <c r="F5438" s="18"/>
      <c r="G5438" s="18"/>
      <c r="H5438" s="18"/>
      <c r="I5438" s="18"/>
      <c r="J5438" s="18"/>
      <c r="K5438" s="18"/>
      <c r="L5438" s="18"/>
      <c r="M5438" s="18"/>
      <c r="N5438" s="18"/>
      <c r="O5438" s="18"/>
      <c r="P5438" s="19">
        <v>300</v>
      </c>
      <c r="Q5438" s="19"/>
      <c r="R5438" s="19"/>
      <c r="S5438" s="19"/>
      <c r="T5438" s="19">
        <v>200</v>
      </c>
      <c r="U5438" s="19"/>
      <c r="V5438" s="19"/>
      <c r="W5438" s="19"/>
      <c r="X5438" s="19">
        <v>2</v>
      </c>
      <c r="Y5438" s="19"/>
      <c r="Z5438" s="19"/>
      <c r="AA5438" s="19"/>
    </row>
    <row r="5439" spans="1:27" s="1" customFormat="1" ht="14.1" customHeight="1" outlineLevel="2" x14ac:dyDescent="0.2">
      <c r="A5439" s="17"/>
      <c r="B5439" s="17"/>
      <c r="C5439" s="17"/>
      <c r="D5439" s="18"/>
      <c r="E5439" s="18"/>
      <c r="F5439" s="18"/>
      <c r="G5439" s="18"/>
      <c r="H5439" s="18"/>
      <c r="I5439" s="18"/>
      <c r="J5439" s="18"/>
      <c r="K5439" s="18"/>
      <c r="L5439" s="18"/>
      <c r="M5439" s="18"/>
      <c r="N5439" s="18"/>
      <c r="O5439" s="18"/>
      <c r="P5439" s="19"/>
      <c r="Q5439" s="19"/>
      <c r="R5439" s="19"/>
      <c r="S5439" s="19"/>
      <c r="T5439" s="19"/>
      <c r="U5439" s="19"/>
      <c r="V5439" s="19"/>
      <c r="W5439" s="19"/>
      <c r="X5439" s="19"/>
      <c r="Y5439" s="19"/>
      <c r="Z5439" s="19"/>
      <c r="AA5439" s="19"/>
    </row>
    <row r="5440" spans="1:27" s="1" customFormat="1" ht="14.1" customHeight="1" outlineLevel="2" x14ac:dyDescent="0.2">
      <c r="A5440" s="17">
        <v>16910</v>
      </c>
      <c r="B5440" s="17"/>
      <c r="C5440" s="17"/>
      <c r="D5440" s="18" t="s">
        <v>2706</v>
      </c>
      <c r="E5440" s="18"/>
      <c r="F5440" s="18"/>
      <c r="G5440" s="18"/>
      <c r="H5440" s="18"/>
      <c r="I5440" s="18"/>
      <c r="J5440" s="18"/>
      <c r="K5440" s="18"/>
      <c r="L5440" s="18"/>
      <c r="M5440" s="18"/>
      <c r="N5440" s="18"/>
      <c r="O5440" s="18"/>
      <c r="P5440" s="19">
        <v>350</v>
      </c>
      <c r="Q5440" s="19"/>
      <c r="R5440" s="19"/>
      <c r="S5440" s="19"/>
      <c r="T5440" s="19">
        <v>250</v>
      </c>
      <c r="U5440" s="19"/>
      <c r="V5440" s="19"/>
      <c r="W5440" s="19"/>
      <c r="X5440" s="19">
        <v>2</v>
      </c>
      <c r="Y5440" s="19"/>
      <c r="Z5440" s="19"/>
      <c r="AA5440" s="19"/>
    </row>
    <row r="5441" spans="1:27" s="1" customFormat="1" ht="14.1" customHeight="1" outlineLevel="2" x14ac:dyDescent="0.2">
      <c r="A5441" s="17"/>
      <c r="B5441" s="17"/>
      <c r="C5441" s="17"/>
      <c r="D5441" s="18"/>
      <c r="E5441" s="18"/>
      <c r="F5441" s="18"/>
      <c r="G5441" s="18"/>
      <c r="H5441" s="18"/>
      <c r="I5441" s="18"/>
      <c r="J5441" s="18"/>
      <c r="K5441" s="18"/>
      <c r="L5441" s="18"/>
      <c r="M5441" s="18"/>
      <c r="N5441" s="18"/>
      <c r="O5441" s="18"/>
      <c r="P5441" s="19"/>
      <c r="Q5441" s="19"/>
      <c r="R5441" s="19"/>
      <c r="S5441" s="19"/>
      <c r="T5441" s="19"/>
      <c r="U5441" s="19"/>
      <c r="V5441" s="19"/>
      <c r="W5441" s="19"/>
      <c r="X5441" s="19"/>
      <c r="Y5441" s="19"/>
      <c r="Z5441" s="19"/>
      <c r="AA5441" s="19"/>
    </row>
    <row r="5442" spans="1:27" s="1" customFormat="1" ht="14.1" customHeight="1" outlineLevel="2" x14ac:dyDescent="0.2">
      <c r="A5442" s="17">
        <v>16907</v>
      </c>
      <c r="B5442" s="17"/>
      <c r="C5442" s="17"/>
      <c r="D5442" s="18" t="s">
        <v>2707</v>
      </c>
      <c r="E5442" s="18"/>
      <c r="F5442" s="18"/>
      <c r="G5442" s="18"/>
      <c r="H5442" s="18"/>
      <c r="I5442" s="18"/>
      <c r="J5442" s="18"/>
      <c r="K5442" s="18"/>
      <c r="L5442" s="18"/>
      <c r="M5442" s="18"/>
      <c r="N5442" s="18"/>
      <c r="O5442" s="18"/>
      <c r="P5442" s="19">
        <v>800</v>
      </c>
      <c r="Q5442" s="19"/>
      <c r="R5442" s="19"/>
      <c r="S5442" s="19"/>
      <c r="T5442" s="19">
        <v>600</v>
      </c>
      <c r="U5442" s="19"/>
      <c r="V5442" s="19"/>
      <c r="W5442" s="19"/>
      <c r="X5442" s="19">
        <v>1</v>
      </c>
      <c r="Y5442" s="19"/>
      <c r="Z5442" s="19"/>
      <c r="AA5442" s="19"/>
    </row>
    <row r="5443" spans="1:27" s="1" customFormat="1" ht="14.1" customHeight="1" outlineLevel="2" x14ac:dyDescent="0.2">
      <c r="A5443" s="17"/>
      <c r="B5443" s="17"/>
      <c r="C5443" s="17"/>
      <c r="D5443" s="18"/>
      <c r="E5443" s="18"/>
      <c r="F5443" s="18"/>
      <c r="G5443" s="18"/>
      <c r="H5443" s="18"/>
      <c r="I5443" s="18"/>
      <c r="J5443" s="18"/>
      <c r="K5443" s="18"/>
      <c r="L5443" s="18"/>
      <c r="M5443" s="18"/>
      <c r="N5443" s="18"/>
      <c r="O5443" s="18"/>
      <c r="P5443" s="19"/>
      <c r="Q5443" s="19"/>
      <c r="R5443" s="19"/>
      <c r="S5443" s="19"/>
      <c r="T5443" s="19"/>
      <c r="U5443" s="19"/>
      <c r="V5443" s="19"/>
      <c r="W5443" s="19"/>
      <c r="X5443" s="19"/>
      <c r="Y5443" s="19"/>
      <c r="Z5443" s="19"/>
      <c r="AA5443" s="19"/>
    </row>
    <row r="5444" spans="1:27" s="1" customFormat="1" ht="14.1" customHeight="1" outlineLevel="2" x14ac:dyDescent="0.2">
      <c r="A5444" s="17">
        <v>13406</v>
      </c>
      <c r="B5444" s="17"/>
      <c r="C5444" s="17"/>
      <c r="D5444" s="18" t="s">
        <v>2708</v>
      </c>
      <c r="E5444" s="18"/>
      <c r="F5444" s="18"/>
      <c r="G5444" s="18"/>
      <c r="H5444" s="18"/>
      <c r="I5444" s="18"/>
      <c r="J5444" s="18"/>
      <c r="K5444" s="18"/>
      <c r="L5444" s="18"/>
      <c r="M5444" s="18"/>
      <c r="N5444" s="18"/>
      <c r="O5444" s="18"/>
      <c r="P5444" s="19">
        <v>190</v>
      </c>
      <c r="Q5444" s="19"/>
      <c r="R5444" s="19"/>
      <c r="S5444" s="19"/>
      <c r="T5444" s="19">
        <v>150</v>
      </c>
      <c r="U5444" s="19"/>
      <c r="V5444" s="19"/>
      <c r="W5444" s="19"/>
      <c r="X5444" s="19">
        <v>1</v>
      </c>
      <c r="Y5444" s="19"/>
      <c r="Z5444" s="19"/>
      <c r="AA5444" s="19"/>
    </row>
    <row r="5445" spans="1:27" s="1" customFormat="1" ht="14.1" customHeight="1" outlineLevel="2" x14ac:dyDescent="0.2">
      <c r="A5445" s="17"/>
      <c r="B5445" s="17"/>
      <c r="C5445" s="17"/>
      <c r="D5445" s="18"/>
      <c r="E5445" s="18"/>
      <c r="F5445" s="18"/>
      <c r="G5445" s="18"/>
      <c r="H5445" s="18"/>
      <c r="I5445" s="18"/>
      <c r="J5445" s="18"/>
      <c r="K5445" s="18"/>
      <c r="L5445" s="18"/>
      <c r="M5445" s="18"/>
      <c r="N5445" s="18"/>
      <c r="O5445" s="18"/>
      <c r="P5445" s="19"/>
      <c r="Q5445" s="19"/>
      <c r="R5445" s="19"/>
      <c r="S5445" s="19"/>
      <c r="T5445" s="19"/>
      <c r="U5445" s="19"/>
      <c r="V5445" s="19"/>
      <c r="W5445" s="19"/>
      <c r="X5445" s="19"/>
      <c r="Y5445" s="19"/>
      <c r="Z5445" s="19"/>
      <c r="AA5445" s="19"/>
    </row>
    <row r="5446" spans="1:27" s="1" customFormat="1" ht="14.1" customHeight="1" outlineLevel="2" x14ac:dyDescent="0.2">
      <c r="A5446" s="17">
        <v>16897</v>
      </c>
      <c r="B5446" s="17"/>
      <c r="C5446" s="17"/>
      <c r="D5446" s="18" t="s">
        <v>2709</v>
      </c>
      <c r="E5446" s="18"/>
      <c r="F5446" s="18"/>
      <c r="G5446" s="18"/>
      <c r="H5446" s="18"/>
      <c r="I5446" s="18"/>
      <c r="J5446" s="18"/>
      <c r="K5446" s="18"/>
      <c r="L5446" s="18"/>
      <c r="M5446" s="18"/>
      <c r="N5446" s="18"/>
      <c r="O5446" s="18"/>
      <c r="P5446" s="19">
        <v>600</v>
      </c>
      <c r="Q5446" s="19"/>
      <c r="R5446" s="19"/>
      <c r="S5446" s="19"/>
      <c r="T5446" s="19">
        <v>400</v>
      </c>
      <c r="U5446" s="19"/>
      <c r="V5446" s="19"/>
      <c r="W5446" s="19"/>
      <c r="X5446" s="19">
        <v>1</v>
      </c>
      <c r="Y5446" s="19"/>
      <c r="Z5446" s="19"/>
      <c r="AA5446" s="19"/>
    </row>
    <row r="5447" spans="1:27" s="1" customFormat="1" ht="14.1" customHeight="1" outlineLevel="2" x14ac:dyDescent="0.2">
      <c r="A5447" s="17"/>
      <c r="B5447" s="17"/>
      <c r="C5447" s="17"/>
      <c r="D5447" s="18"/>
      <c r="E5447" s="18"/>
      <c r="F5447" s="18"/>
      <c r="G5447" s="18"/>
      <c r="H5447" s="18"/>
      <c r="I5447" s="18"/>
      <c r="J5447" s="18"/>
      <c r="K5447" s="18"/>
      <c r="L5447" s="18"/>
      <c r="M5447" s="18"/>
      <c r="N5447" s="18"/>
      <c r="O5447" s="18"/>
      <c r="P5447" s="19"/>
      <c r="Q5447" s="19"/>
      <c r="R5447" s="19"/>
      <c r="S5447" s="19"/>
      <c r="T5447" s="19"/>
      <c r="U5447" s="19"/>
      <c r="V5447" s="19"/>
      <c r="W5447" s="19"/>
      <c r="X5447" s="19"/>
      <c r="Y5447" s="19"/>
      <c r="Z5447" s="19"/>
      <c r="AA5447" s="19"/>
    </row>
    <row r="5448" spans="1:27" s="1" customFormat="1" ht="14.1" customHeight="1" outlineLevel="2" x14ac:dyDescent="0.2">
      <c r="A5448" s="17">
        <v>13362</v>
      </c>
      <c r="B5448" s="17"/>
      <c r="C5448" s="17"/>
      <c r="D5448" s="18" t="s">
        <v>2710</v>
      </c>
      <c r="E5448" s="18"/>
      <c r="F5448" s="18"/>
      <c r="G5448" s="18"/>
      <c r="H5448" s="18"/>
      <c r="I5448" s="18"/>
      <c r="J5448" s="18"/>
      <c r="K5448" s="18"/>
      <c r="L5448" s="18"/>
      <c r="M5448" s="18"/>
      <c r="N5448" s="18"/>
      <c r="O5448" s="18"/>
      <c r="P5448" s="19">
        <v>240</v>
      </c>
      <c r="Q5448" s="19"/>
      <c r="R5448" s="19"/>
      <c r="S5448" s="19"/>
      <c r="T5448" s="19">
        <v>190</v>
      </c>
      <c r="U5448" s="19"/>
      <c r="V5448" s="19"/>
      <c r="W5448" s="19"/>
      <c r="X5448" s="19">
        <v>1</v>
      </c>
      <c r="Y5448" s="19"/>
      <c r="Z5448" s="19"/>
      <c r="AA5448" s="19"/>
    </row>
    <row r="5449" spans="1:27" s="1" customFormat="1" ht="14.1" customHeight="1" outlineLevel="2" x14ac:dyDescent="0.2">
      <c r="A5449" s="17"/>
      <c r="B5449" s="17"/>
      <c r="C5449" s="17"/>
      <c r="D5449" s="18"/>
      <c r="E5449" s="18"/>
      <c r="F5449" s="18"/>
      <c r="G5449" s="18"/>
      <c r="H5449" s="18"/>
      <c r="I5449" s="18"/>
      <c r="J5449" s="18"/>
      <c r="K5449" s="18"/>
      <c r="L5449" s="18"/>
      <c r="M5449" s="18"/>
      <c r="N5449" s="18"/>
      <c r="O5449" s="18"/>
      <c r="P5449" s="19"/>
      <c r="Q5449" s="19"/>
      <c r="R5449" s="19"/>
      <c r="S5449" s="19"/>
      <c r="T5449" s="19"/>
      <c r="U5449" s="19"/>
      <c r="V5449" s="19"/>
      <c r="W5449" s="19"/>
      <c r="X5449" s="19"/>
      <c r="Y5449" s="19"/>
      <c r="Z5449" s="19"/>
      <c r="AA5449" s="19"/>
    </row>
    <row r="5450" spans="1:27" s="1" customFormat="1" ht="14.1" customHeight="1" outlineLevel="2" x14ac:dyDescent="0.2">
      <c r="A5450" s="17">
        <v>13344</v>
      </c>
      <c r="B5450" s="17"/>
      <c r="C5450" s="17"/>
      <c r="D5450" s="18" t="s">
        <v>2711</v>
      </c>
      <c r="E5450" s="18"/>
      <c r="F5450" s="18"/>
      <c r="G5450" s="18"/>
      <c r="H5450" s="18"/>
      <c r="I5450" s="18"/>
      <c r="J5450" s="18"/>
      <c r="K5450" s="18"/>
      <c r="L5450" s="18"/>
      <c r="M5450" s="18"/>
      <c r="N5450" s="18"/>
      <c r="O5450" s="18"/>
      <c r="P5450" s="19">
        <v>240</v>
      </c>
      <c r="Q5450" s="19"/>
      <c r="R5450" s="19"/>
      <c r="S5450" s="19"/>
      <c r="T5450" s="19">
        <v>190</v>
      </c>
      <c r="U5450" s="19"/>
      <c r="V5450" s="19"/>
      <c r="W5450" s="19"/>
      <c r="X5450" s="19">
        <v>1</v>
      </c>
      <c r="Y5450" s="19"/>
      <c r="Z5450" s="19"/>
      <c r="AA5450" s="19"/>
    </row>
    <row r="5451" spans="1:27" s="1" customFormat="1" ht="14.1" customHeight="1" outlineLevel="2" x14ac:dyDescent="0.2">
      <c r="A5451" s="17"/>
      <c r="B5451" s="17"/>
      <c r="C5451" s="17"/>
      <c r="D5451" s="18"/>
      <c r="E5451" s="18"/>
      <c r="F5451" s="18"/>
      <c r="G5451" s="18"/>
      <c r="H5451" s="18"/>
      <c r="I5451" s="18"/>
      <c r="J5451" s="18"/>
      <c r="K5451" s="18"/>
      <c r="L5451" s="18"/>
      <c r="M5451" s="18"/>
      <c r="N5451" s="18"/>
      <c r="O5451" s="18"/>
      <c r="P5451" s="19"/>
      <c r="Q5451" s="19"/>
      <c r="R5451" s="19"/>
      <c r="S5451" s="19"/>
      <c r="T5451" s="19"/>
      <c r="U5451" s="19"/>
      <c r="V5451" s="19"/>
      <c r="W5451" s="19"/>
      <c r="X5451" s="19"/>
      <c r="Y5451" s="19"/>
      <c r="Z5451" s="19"/>
      <c r="AA5451" s="19"/>
    </row>
    <row r="5452" spans="1:27" s="1" customFormat="1" ht="14.1" customHeight="1" outlineLevel="2" x14ac:dyDescent="0.2">
      <c r="A5452" s="17">
        <v>17849</v>
      </c>
      <c r="B5452" s="17"/>
      <c r="C5452" s="17"/>
      <c r="D5452" s="18" t="s">
        <v>2712</v>
      </c>
      <c r="E5452" s="18"/>
      <c r="F5452" s="18"/>
      <c r="G5452" s="18"/>
      <c r="H5452" s="18"/>
      <c r="I5452" s="18"/>
      <c r="J5452" s="18"/>
      <c r="K5452" s="18"/>
      <c r="L5452" s="18"/>
      <c r="M5452" s="18"/>
      <c r="N5452" s="18"/>
      <c r="O5452" s="18"/>
      <c r="P5452" s="19">
        <v>300</v>
      </c>
      <c r="Q5452" s="19"/>
      <c r="R5452" s="19"/>
      <c r="S5452" s="19"/>
      <c r="T5452" s="19">
        <v>200</v>
      </c>
      <c r="U5452" s="19"/>
      <c r="V5452" s="19"/>
      <c r="W5452" s="19"/>
      <c r="X5452" s="19">
        <v>1</v>
      </c>
      <c r="Y5452" s="19"/>
      <c r="Z5452" s="19"/>
      <c r="AA5452" s="19"/>
    </row>
    <row r="5453" spans="1:27" s="1" customFormat="1" ht="14.1" customHeight="1" outlineLevel="2" x14ac:dyDescent="0.2">
      <c r="A5453" s="17"/>
      <c r="B5453" s="17"/>
      <c r="C5453" s="17"/>
      <c r="D5453" s="18"/>
      <c r="E5453" s="18"/>
      <c r="F5453" s="18"/>
      <c r="G5453" s="18"/>
      <c r="H5453" s="18"/>
      <c r="I5453" s="18"/>
      <c r="J5453" s="18"/>
      <c r="K5453" s="18"/>
      <c r="L5453" s="18"/>
      <c r="M5453" s="18"/>
      <c r="N5453" s="18"/>
      <c r="O5453" s="18"/>
      <c r="P5453" s="19"/>
      <c r="Q5453" s="19"/>
      <c r="R5453" s="19"/>
      <c r="S5453" s="19"/>
      <c r="T5453" s="19"/>
      <c r="U5453" s="19"/>
      <c r="V5453" s="19"/>
      <c r="W5453" s="19"/>
      <c r="X5453" s="19"/>
      <c r="Y5453" s="19"/>
      <c r="Z5453" s="19"/>
      <c r="AA5453" s="19"/>
    </row>
    <row r="5454" spans="1:27" s="1" customFormat="1" ht="14.1" customHeight="1" outlineLevel="2" x14ac:dyDescent="0.2">
      <c r="A5454" s="17">
        <v>17850</v>
      </c>
      <c r="B5454" s="17"/>
      <c r="C5454" s="17"/>
      <c r="D5454" s="18" t="s">
        <v>2713</v>
      </c>
      <c r="E5454" s="18"/>
      <c r="F5454" s="18"/>
      <c r="G5454" s="18"/>
      <c r="H5454" s="18"/>
      <c r="I5454" s="18"/>
      <c r="J5454" s="18"/>
      <c r="K5454" s="18"/>
      <c r="L5454" s="18"/>
      <c r="M5454" s="18"/>
      <c r="N5454" s="18"/>
      <c r="O5454" s="18"/>
      <c r="P5454" s="19">
        <v>300</v>
      </c>
      <c r="Q5454" s="19"/>
      <c r="R5454" s="19"/>
      <c r="S5454" s="19"/>
      <c r="T5454" s="19">
        <v>200</v>
      </c>
      <c r="U5454" s="19"/>
      <c r="V5454" s="19"/>
      <c r="W5454" s="19"/>
      <c r="X5454" s="19">
        <v>2</v>
      </c>
      <c r="Y5454" s="19"/>
      <c r="Z5454" s="19"/>
      <c r="AA5454" s="19"/>
    </row>
    <row r="5455" spans="1:27" s="1" customFormat="1" ht="14.1" customHeight="1" outlineLevel="2" x14ac:dyDescent="0.2">
      <c r="A5455" s="17"/>
      <c r="B5455" s="17"/>
      <c r="C5455" s="17"/>
      <c r="D5455" s="18"/>
      <c r="E5455" s="18"/>
      <c r="F5455" s="18"/>
      <c r="G5455" s="18"/>
      <c r="H5455" s="18"/>
      <c r="I5455" s="18"/>
      <c r="J5455" s="18"/>
      <c r="K5455" s="18"/>
      <c r="L5455" s="18"/>
      <c r="M5455" s="18"/>
      <c r="N5455" s="18"/>
      <c r="O5455" s="18"/>
      <c r="P5455" s="19"/>
      <c r="Q5455" s="19"/>
      <c r="R5455" s="19"/>
      <c r="S5455" s="19"/>
      <c r="T5455" s="19"/>
      <c r="U5455" s="19"/>
      <c r="V5455" s="19"/>
      <c r="W5455" s="19"/>
      <c r="X5455" s="19"/>
      <c r="Y5455" s="19"/>
      <c r="Z5455" s="19"/>
      <c r="AA5455" s="19"/>
    </row>
    <row r="5456" spans="1:27" s="1" customFormat="1" ht="14.1" customHeight="1" outlineLevel="2" x14ac:dyDescent="0.2">
      <c r="A5456" s="17">
        <v>13334</v>
      </c>
      <c r="B5456" s="17"/>
      <c r="C5456" s="17"/>
      <c r="D5456" s="18" t="s">
        <v>2714</v>
      </c>
      <c r="E5456" s="18"/>
      <c r="F5456" s="18"/>
      <c r="G5456" s="18"/>
      <c r="H5456" s="18"/>
      <c r="I5456" s="18"/>
      <c r="J5456" s="18"/>
      <c r="K5456" s="18"/>
      <c r="L5456" s="18"/>
      <c r="M5456" s="18"/>
      <c r="N5456" s="18"/>
      <c r="O5456" s="18"/>
      <c r="P5456" s="19">
        <v>330</v>
      </c>
      <c r="Q5456" s="19"/>
      <c r="R5456" s="19"/>
      <c r="S5456" s="19"/>
      <c r="T5456" s="19">
        <v>260</v>
      </c>
      <c r="U5456" s="19"/>
      <c r="V5456" s="19"/>
      <c r="W5456" s="19"/>
      <c r="X5456" s="19">
        <v>1</v>
      </c>
      <c r="Y5456" s="19"/>
      <c r="Z5456" s="19"/>
      <c r="AA5456" s="19"/>
    </row>
    <row r="5457" spans="1:27" s="1" customFormat="1" ht="14.1" customHeight="1" outlineLevel="2" x14ac:dyDescent="0.2">
      <c r="A5457" s="17"/>
      <c r="B5457" s="17"/>
      <c r="C5457" s="17"/>
      <c r="D5457" s="18"/>
      <c r="E5457" s="18"/>
      <c r="F5457" s="18"/>
      <c r="G5457" s="18"/>
      <c r="H5457" s="18"/>
      <c r="I5457" s="18"/>
      <c r="J5457" s="18"/>
      <c r="K5457" s="18"/>
      <c r="L5457" s="18"/>
      <c r="M5457" s="18"/>
      <c r="N5457" s="18"/>
      <c r="O5457" s="18"/>
      <c r="P5457" s="19"/>
      <c r="Q5457" s="19"/>
      <c r="R5457" s="19"/>
      <c r="S5457" s="19"/>
      <c r="T5457" s="19"/>
      <c r="U5457" s="19"/>
      <c r="V5457" s="19"/>
      <c r="W5457" s="19"/>
      <c r="X5457" s="19"/>
      <c r="Y5457" s="19"/>
      <c r="Z5457" s="19"/>
      <c r="AA5457" s="19"/>
    </row>
    <row r="5458" spans="1:27" s="1" customFormat="1" ht="14.1" customHeight="1" outlineLevel="2" x14ac:dyDescent="0.2">
      <c r="A5458" s="17">
        <v>13333</v>
      </c>
      <c r="B5458" s="17"/>
      <c r="C5458" s="17"/>
      <c r="D5458" s="18" t="s">
        <v>2715</v>
      </c>
      <c r="E5458" s="18"/>
      <c r="F5458" s="18"/>
      <c r="G5458" s="18"/>
      <c r="H5458" s="18"/>
      <c r="I5458" s="18"/>
      <c r="J5458" s="18"/>
      <c r="K5458" s="18"/>
      <c r="L5458" s="18"/>
      <c r="M5458" s="18"/>
      <c r="N5458" s="18"/>
      <c r="O5458" s="18"/>
      <c r="P5458" s="19">
        <v>300</v>
      </c>
      <c r="Q5458" s="19"/>
      <c r="R5458" s="19"/>
      <c r="S5458" s="19"/>
      <c r="T5458" s="19">
        <v>240</v>
      </c>
      <c r="U5458" s="19"/>
      <c r="V5458" s="19"/>
      <c r="W5458" s="19"/>
      <c r="X5458" s="19">
        <v>1</v>
      </c>
      <c r="Y5458" s="19"/>
      <c r="Z5458" s="19"/>
      <c r="AA5458" s="19"/>
    </row>
    <row r="5459" spans="1:27" s="1" customFormat="1" ht="14.1" customHeight="1" outlineLevel="2" x14ac:dyDescent="0.2">
      <c r="A5459" s="17"/>
      <c r="B5459" s="17"/>
      <c r="C5459" s="17"/>
      <c r="D5459" s="18"/>
      <c r="E5459" s="18"/>
      <c r="F5459" s="18"/>
      <c r="G5459" s="18"/>
      <c r="H5459" s="18"/>
      <c r="I5459" s="18"/>
      <c r="J5459" s="18"/>
      <c r="K5459" s="18"/>
      <c r="L5459" s="18"/>
      <c r="M5459" s="18"/>
      <c r="N5459" s="18"/>
      <c r="O5459" s="18"/>
      <c r="P5459" s="19"/>
      <c r="Q5459" s="19"/>
      <c r="R5459" s="19"/>
      <c r="S5459" s="19"/>
      <c r="T5459" s="19"/>
      <c r="U5459" s="19"/>
      <c r="V5459" s="19"/>
      <c r="W5459" s="19"/>
      <c r="X5459" s="19"/>
      <c r="Y5459" s="19"/>
      <c r="Z5459" s="19"/>
      <c r="AA5459" s="19"/>
    </row>
    <row r="5460" spans="1:27" s="1" customFormat="1" ht="14.1" customHeight="1" outlineLevel="2" x14ac:dyDescent="0.2">
      <c r="A5460" s="17">
        <v>13300</v>
      </c>
      <c r="B5460" s="17"/>
      <c r="C5460" s="17"/>
      <c r="D5460" s="18" t="s">
        <v>2716</v>
      </c>
      <c r="E5460" s="18"/>
      <c r="F5460" s="18"/>
      <c r="G5460" s="18"/>
      <c r="H5460" s="18"/>
      <c r="I5460" s="18"/>
      <c r="J5460" s="18"/>
      <c r="K5460" s="18"/>
      <c r="L5460" s="18"/>
      <c r="M5460" s="18"/>
      <c r="N5460" s="18"/>
      <c r="O5460" s="18"/>
      <c r="P5460" s="19">
        <v>320</v>
      </c>
      <c r="Q5460" s="19"/>
      <c r="R5460" s="19"/>
      <c r="S5460" s="19"/>
      <c r="T5460" s="19">
        <v>250</v>
      </c>
      <c r="U5460" s="19"/>
      <c r="V5460" s="19"/>
      <c r="W5460" s="19"/>
      <c r="X5460" s="19">
        <v>6</v>
      </c>
      <c r="Y5460" s="19"/>
      <c r="Z5460" s="19"/>
      <c r="AA5460" s="19"/>
    </row>
    <row r="5461" spans="1:27" s="1" customFormat="1" ht="14.1" customHeight="1" outlineLevel="2" x14ac:dyDescent="0.2">
      <c r="A5461" s="17"/>
      <c r="B5461" s="17"/>
      <c r="C5461" s="17"/>
      <c r="D5461" s="18"/>
      <c r="E5461" s="18"/>
      <c r="F5461" s="18"/>
      <c r="G5461" s="18"/>
      <c r="H5461" s="18"/>
      <c r="I5461" s="18"/>
      <c r="J5461" s="18"/>
      <c r="K5461" s="18"/>
      <c r="L5461" s="18"/>
      <c r="M5461" s="18"/>
      <c r="N5461" s="18"/>
      <c r="O5461" s="18"/>
      <c r="P5461" s="19"/>
      <c r="Q5461" s="19"/>
      <c r="R5461" s="19"/>
      <c r="S5461" s="19"/>
      <c r="T5461" s="19"/>
      <c r="U5461" s="19"/>
      <c r="V5461" s="19"/>
      <c r="W5461" s="19"/>
      <c r="X5461" s="19"/>
      <c r="Y5461" s="19"/>
      <c r="Z5461" s="19"/>
      <c r="AA5461" s="19"/>
    </row>
    <row r="5462" spans="1:27" s="1" customFormat="1" ht="14.1" customHeight="1" outlineLevel="2" x14ac:dyDescent="0.2">
      <c r="A5462" s="17">
        <v>15773</v>
      </c>
      <c r="B5462" s="17"/>
      <c r="C5462" s="17"/>
      <c r="D5462" s="18" t="s">
        <v>2717</v>
      </c>
      <c r="E5462" s="18"/>
      <c r="F5462" s="18"/>
      <c r="G5462" s="18"/>
      <c r="H5462" s="18"/>
      <c r="I5462" s="18"/>
      <c r="J5462" s="18"/>
      <c r="K5462" s="18"/>
      <c r="L5462" s="18"/>
      <c r="M5462" s="18"/>
      <c r="N5462" s="18"/>
      <c r="O5462" s="18"/>
      <c r="P5462" s="19">
        <v>250</v>
      </c>
      <c r="Q5462" s="19"/>
      <c r="R5462" s="19"/>
      <c r="S5462" s="19"/>
      <c r="T5462" s="19">
        <v>150</v>
      </c>
      <c r="U5462" s="19"/>
      <c r="V5462" s="19"/>
      <c r="W5462" s="19"/>
      <c r="X5462" s="19">
        <v>2</v>
      </c>
      <c r="Y5462" s="19"/>
      <c r="Z5462" s="19"/>
      <c r="AA5462" s="19"/>
    </row>
    <row r="5463" spans="1:27" s="1" customFormat="1" ht="14.1" customHeight="1" outlineLevel="2" x14ac:dyDescent="0.2">
      <c r="A5463" s="17"/>
      <c r="B5463" s="17"/>
      <c r="C5463" s="17"/>
      <c r="D5463" s="18"/>
      <c r="E5463" s="18"/>
      <c r="F5463" s="18"/>
      <c r="G5463" s="18"/>
      <c r="H5463" s="18"/>
      <c r="I5463" s="18"/>
      <c r="J5463" s="18"/>
      <c r="K5463" s="18"/>
      <c r="L5463" s="18"/>
      <c r="M5463" s="18"/>
      <c r="N5463" s="18"/>
      <c r="O5463" s="18"/>
      <c r="P5463" s="19"/>
      <c r="Q5463" s="19"/>
      <c r="R5463" s="19"/>
      <c r="S5463" s="19"/>
      <c r="T5463" s="19"/>
      <c r="U5463" s="19"/>
      <c r="V5463" s="19"/>
      <c r="W5463" s="19"/>
      <c r="X5463" s="19"/>
      <c r="Y5463" s="19"/>
      <c r="Z5463" s="19"/>
      <c r="AA5463" s="19"/>
    </row>
    <row r="5464" spans="1:27" s="1" customFormat="1" ht="14.1" customHeight="1" outlineLevel="2" x14ac:dyDescent="0.2">
      <c r="A5464" s="17">
        <v>12809</v>
      </c>
      <c r="B5464" s="17"/>
      <c r="C5464" s="17"/>
      <c r="D5464" s="18" t="s">
        <v>2718</v>
      </c>
      <c r="E5464" s="18"/>
      <c r="F5464" s="18"/>
      <c r="G5464" s="18"/>
      <c r="H5464" s="18"/>
      <c r="I5464" s="18"/>
      <c r="J5464" s="18"/>
      <c r="K5464" s="18"/>
      <c r="L5464" s="18"/>
      <c r="M5464" s="18"/>
      <c r="N5464" s="18"/>
      <c r="O5464" s="18"/>
      <c r="P5464" s="19">
        <v>300</v>
      </c>
      <c r="Q5464" s="19"/>
      <c r="R5464" s="19"/>
      <c r="S5464" s="19"/>
      <c r="T5464" s="19">
        <v>200</v>
      </c>
      <c r="U5464" s="19"/>
      <c r="V5464" s="19"/>
      <c r="W5464" s="19"/>
      <c r="X5464" s="19">
        <v>1</v>
      </c>
      <c r="Y5464" s="19"/>
      <c r="Z5464" s="19"/>
      <c r="AA5464" s="19"/>
    </row>
    <row r="5465" spans="1:27" s="1" customFormat="1" ht="14.1" customHeight="1" outlineLevel="2" x14ac:dyDescent="0.2">
      <c r="A5465" s="17"/>
      <c r="B5465" s="17"/>
      <c r="C5465" s="17"/>
      <c r="D5465" s="18"/>
      <c r="E5465" s="18"/>
      <c r="F5465" s="18"/>
      <c r="G5465" s="18"/>
      <c r="H5465" s="18"/>
      <c r="I5465" s="18"/>
      <c r="J5465" s="18"/>
      <c r="K5465" s="18"/>
      <c r="L5465" s="18"/>
      <c r="M5465" s="18"/>
      <c r="N5465" s="18"/>
      <c r="O5465" s="18"/>
      <c r="P5465" s="19"/>
      <c r="Q5465" s="19"/>
      <c r="R5465" s="19"/>
      <c r="S5465" s="19"/>
      <c r="T5465" s="19"/>
      <c r="U5465" s="19"/>
      <c r="V5465" s="19"/>
      <c r="W5465" s="19"/>
      <c r="X5465" s="19"/>
      <c r="Y5465" s="19"/>
      <c r="Z5465" s="19"/>
      <c r="AA5465" s="19"/>
    </row>
    <row r="5466" spans="1:27" s="1" customFormat="1" ht="14.1" customHeight="1" outlineLevel="2" x14ac:dyDescent="0.2">
      <c r="A5466" s="17">
        <v>13377</v>
      </c>
      <c r="B5466" s="17"/>
      <c r="C5466" s="17"/>
      <c r="D5466" s="18" t="s">
        <v>2719</v>
      </c>
      <c r="E5466" s="18"/>
      <c r="F5466" s="18"/>
      <c r="G5466" s="18"/>
      <c r="H5466" s="18"/>
      <c r="I5466" s="18"/>
      <c r="J5466" s="18"/>
      <c r="K5466" s="18"/>
      <c r="L5466" s="18"/>
      <c r="M5466" s="18"/>
      <c r="N5466" s="18"/>
      <c r="O5466" s="18"/>
      <c r="P5466" s="19">
        <v>310</v>
      </c>
      <c r="Q5466" s="19"/>
      <c r="R5466" s="19"/>
      <c r="S5466" s="19"/>
      <c r="T5466" s="19">
        <v>250</v>
      </c>
      <c r="U5466" s="19"/>
      <c r="V5466" s="19"/>
      <c r="W5466" s="19"/>
      <c r="X5466" s="19">
        <v>1</v>
      </c>
      <c r="Y5466" s="19"/>
      <c r="Z5466" s="19"/>
      <c r="AA5466" s="19"/>
    </row>
    <row r="5467" spans="1:27" s="1" customFormat="1" ht="14.1" customHeight="1" outlineLevel="2" x14ac:dyDescent="0.2">
      <c r="A5467" s="17"/>
      <c r="B5467" s="17"/>
      <c r="C5467" s="17"/>
      <c r="D5467" s="18"/>
      <c r="E5467" s="18"/>
      <c r="F5467" s="18"/>
      <c r="G5467" s="18"/>
      <c r="H5467" s="18"/>
      <c r="I5467" s="18"/>
      <c r="J5467" s="18"/>
      <c r="K5467" s="18"/>
      <c r="L5467" s="18"/>
      <c r="M5467" s="18"/>
      <c r="N5467" s="18"/>
      <c r="O5467" s="18"/>
      <c r="P5467" s="19"/>
      <c r="Q5467" s="19"/>
      <c r="R5467" s="19"/>
      <c r="S5467" s="19"/>
      <c r="T5467" s="19"/>
      <c r="U5467" s="19"/>
      <c r="V5467" s="19"/>
      <c r="W5467" s="19"/>
      <c r="X5467" s="19"/>
      <c r="Y5467" s="19"/>
      <c r="Z5467" s="19"/>
      <c r="AA5467" s="19"/>
    </row>
    <row r="5468" spans="1:27" s="1" customFormat="1" ht="21" customHeight="1" outlineLevel="2" x14ac:dyDescent="0.2">
      <c r="A5468" s="17">
        <v>17463</v>
      </c>
      <c r="B5468" s="17"/>
      <c r="C5468" s="17"/>
      <c r="D5468" s="18" t="s">
        <v>2720</v>
      </c>
      <c r="E5468" s="18"/>
      <c r="F5468" s="18"/>
      <c r="G5468" s="18"/>
      <c r="H5468" s="18"/>
      <c r="I5468" s="18"/>
      <c r="J5468" s="18"/>
      <c r="K5468" s="18"/>
      <c r="L5468" s="18"/>
      <c r="M5468" s="18"/>
      <c r="N5468" s="18"/>
      <c r="O5468" s="18"/>
      <c r="P5468" s="19">
        <v>400</v>
      </c>
      <c r="Q5468" s="19"/>
      <c r="R5468" s="19"/>
      <c r="S5468" s="19"/>
      <c r="T5468" s="19">
        <v>400</v>
      </c>
      <c r="U5468" s="19"/>
      <c r="V5468" s="19"/>
      <c r="W5468" s="19"/>
      <c r="X5468" s="19">
        <v>1</v>
      </c>
      <c r="Y5468" s="19"/>
      <c r="Z5468" s="19"/>
      <c r="AA5468" s="19"/>
    </row>
    <row r="5469" spans="1:27" s="1" customFormat="1" ht="21" customHeight="1" outlineLevel="2" x14ac:dyDescent="0.2">
      <c r="A5469" s="17"/>
      <c r="B5469" s="17"/>
      <c r="C5469" s="17"/>
      <c r="D5469" s="18"/>
      <c r="E5469" s="18"/>
      <c r="F5469" s="18"/>
      <c r="G5469" s="18"/>
      <c r="H5469" s="18"/>
      <c r="I5469" s="18"/>
      <c r="J5469" s="18"/>
      <c r="K5469" s="18"/>
      <c r="L5469" s="18"/>
      <c r="M5469" s="18"/>
      <c r="N5469" s="18"/>
      <c r="O5469" s="18"/>
      <c r="P5469" s="19"/>
      <c r="Q5469" s="19"/>
      <c r="R5469" s="19"/>
      <c r="S5469" s="19"/>
      <c r="T5469" s="19"/>
      <c r="U5469" s="19"/>
      <c r="V5469" s="19"/>
      <c r="W5469" s="19"/>
      <c r="X5469" s="19"/>
      <c r="Y5469" s="19"/>
      <c r="Z5469" s="19"/>
      <c r="AA5469" s="19"/>
    </row>
    <row r="5470" spans="1:27" s="1" customFormat="1" ht="14.1" customHeight="1" outlineLevel="2" x14ac:dyDescent="0.2">
      <c r="A5470" s="17">
        <v>18013</v>
      </c>
      <c r="B5470" s="17"/>
      <c r="C5470" s="17"/>
      <c r="D5470" s="18" t="s">
        <v>2721</v>
      </c>
      <c r="E5470" s="18"/>
      <c r="F5470" s="18"/>
      <c r="G5470" s="18"/>
      <c r="H5470" s="18"/>
      <c r="I5470" s="18"/>
      <c r="J5470" s="18"/>
      <c r="K5470" s="18"/>
      <c r="L5470" s="18"/>
      <c r="M5470" s="18"/>
      <c r="N5470" s="18"/>
      <c r="O5470" s="18"/>
      <c r="P5470" s="19">
        <v>300</v>
      </c>
      <c r="Q5470" s="19"/>
      <c r="R5470" s="19"/>
      <c r="S5470" s="19"/>
      <c r="T5470" s="19">
        <v>200</v>
      </c>
      <c r="U5470" s="19"/>
      <c r="V5470" s="19"/>
      <c r="W5470" s="19"/>
      <c r="X5470" s="19">
        <v>1</v>
      </c>
      <c r="Y5470" s="19"/>
      <c r="Z5470" s="19"/>
      <c r="AA5470" s="19"/>
    </row>
    <row r="5471" spans="1:27" s="1" customFormat="1" ht="14.1" customHeight="1" outlineLevel="2" x14ac:dyDescent="0.2">
      <c r="A5471" s="17"/>
      <c r="B5471" s="17"/>
      <c r="C5471" s="17"/>
      <c r="D5471" s="18"/>
      <c r="E5471" s="18"/>
      <c r="F5471" s="18"/>
      <c r="G5471" s="18"/>
      <c r="H5471" s="18"/>
      <c r="I5471" s="18"/>
      <c r="J5471" s="18"/>
      <c r="K5471" s="18"/>
      <c r="L5471" s="18"/>
      <c r="M5471" s="18"/>
      <c r="N5471" s="18"/>
      <c r="O5471" s="18"/>
      <c r="P5471" s="19"/>
      <c r="Q5471" s="19"/>
      <c r="R5471" s="19"/>
      <c r="S5471" s="19"/>
      <c r="T5471" s="19"/>
      <c r="U5471" s="19"/>
      <c r="V5471" s="19"/>
      <c r="W5471" s="19"/>
      <c r="X5471" s="19"/>
      <c r="Y5471" s="19"/>
      <c r="Z5471" s="19"/>
      <c r="AA5471" s="19"/>
    </row>
    <row r="5472" spans="1:27" s="1" customFormat="1" ht="14.1" customHeight="1" outlineLevel="2" x14ac:dyDescent="0.2">
      <c r="A5472" s="17">
        <v>16992</v>
      </c>
      <c r="B5472" s="17"/>
      <c r="C5472" s="17"/>
      <c r="D5472" s="18" t="s">
        <v>2722</v>
      </c>
      <c r="E5472" s="18"/>
      <c r="F5472" s="18"/>
      <c r="G5472" s="18"/>
      <c r="H5472" s="18"/>
      <c r="I5472" s="18"/>
      <c r="J5472" s="18"/>
      <c r="K5472" s="18"/>
      <c r="L5472" s="18"/>
      <c r="M5472" s="18"/>
      <c r="N5472" s="18"/>
      <c r="O5472" s="18"/>
      <c r="P5472" s="19">
        <v>90</v>
      </c>
      <c r="Q5472" s="19"/>
      <c r="R5472" s="19"/>
      <c r="S5472" s="19"/>
      <c r="T5472" s="19">
        <v>50</v>
      </c>
      <c r="U5472" s="19"/>
      <c r="V5472" s="19"/>
      <c r="W5472" s="19"/>
      <c r="X5472" s="19">
        <v>1</v>
      </c>
      <c r="Y5472" s="19"/>
      <c r="Z5472" s="19"/>
      <c r="AA5472" s="19"/>
    </row>
    <row r="5473" spans="1:27" s="1" customFormat="1" ht="14.1" customHeight="1" outlineLevel="2" x14ac:dyDescent="0.2">
      <c r="A5473" s="17"/>
      <c r="B5473" s="17"/>
      <c r="C5473" s="17"/>
      <c r="D5473" s="18"/>
      <c r="E5473" s="18"/>
      <c r="F5473" s="18"/>
      <c r="G5473" s="18"/>
      <c r="H5473" s="18"/>
      <c r="I5473" s="18"/>
      <c r="J5473" s="18"/>
      <c r="K5473" s="18"/>
      <c r="L5473" s="18"/>
      <c r="M5473" s="18"/>
      <c r="N5473" s="18"/>
      <c r="O5473" s="18"/>
      <c r="P5473" s="19"/>
      <c r="Q5473" s="19"/>
      <c r="R5473" s="19"/>
      <c r="S5473" s="19"/>
      <c r="T5473" s="19"/>
      <c r="U5473" s="19"/>
      <c r="V5473" s="19"/>
      <c r="W5473" s="19"/>
      <c r="X5473" s="19"/>
      <c r="Y5473" s="19"/>
      <c r="Z5473" s="19"/>
      <c r="AA5473" s="19"/>
    </row>
    <row r="5474" spans="1:27" s="1" customFormat="1" ht="14.1" customHeight="1" outlineLevel="2" x14ac:dyDescent="0.2">
      <c r="A5474" s="17">
        <v>17065</v>
      </c>
      <c r="B5474" s="17"/>
      <c r="C5474" s="17"/>
      <c r="D5474" s="18" t="s">
        <v>2723</v>
      </c>
      <c r="E5474" s="18"/>
      <c r="F5474" s="18"/>
      <c r="G5474" s="18"/>
      <c r="H5474" s="18"/>
      <c r="I5474" s="18"/>
      <c r="J5474" s="18"/>
      <c r="K5474" s="18"/>
      <c r="L5474" s="18"/>
      <c r="M5474" s="18"/>
      <c r="N5474" s="18"/>
      <c r="O5474" s="18"/>
      <c r="P5474" s="19">
        <v>90</v>
      </c>
      <c r="Q5474" s="19"/>
      <c r="R5474" s="19"/>
      <c r="S5474" s="19"/>
      <c r="T5474" s="19">
        <v>50</v>
      </c>
      <c r="U5474" s="19"/>
      <c r="V5474" s="19"/>
      <c r="W5474" s="19"/>
      <c r="X5474" s="19">
        <v>1</v>
      </c>
      <c r="Y5474" s="19"/>
      <c r="Z5474" s="19"/>
      <c r="AA5474" s="19"/>
    </row>
    <row r="5475" spans="1:27" s="1" customFormat="1" ht="14.1" customHeight="1" outlineLevel="2" x14ac:dyDescent="0.2">
      <c r="A5475" s="17"/>
      <c r="B5475" s="17"/>
      <c r="C5475" s="17"/>
      <c r="D5475" s="18"/>
      <c r="E5475" s="18"/>
      <c r="F5475" s="18"/>
      <c r="G5475" s="18"/>
      <c r="H5475" s="18"/>
      <c r="I5475" s="18"/>
      <c r="J5475" s="18"/>
      <c r="K5475" s="18"/>
      <c r="L5475" s="18"/>
      <c r="M5475" s="18"/>
      <c r="N5475" s="18"/>
      <c r="O5475" s="18"/>
      <c r="P5475" s="19"/>
      <c r="Q5475" s="19"/>
      <c r="R5475" s="19"/>
      <c r="S5475" s="19"/>
      <c r="T5475" s="19"/>
      <c r="U5475" s="19"/>
      <c r="V5475" s="19"/>
      <c r="W5475" s="19"/>
      <c r="X5475" s="19"/>
      <c r="Y5475" s="19"/>
      <c r="Z5475" s="19"/>
      <c r="AA5475" s="19"/>
    </row>
    <row r="5476" spans="1:27" s="1" customFormat="1" ht="14.1" customHeight="1" outlineLevel="2" x14ac:dyDescent="0.2">
      <c r="A5476" s="17">
        <v>16978</v>
      </c>
      <c r="B5476" s="17"/>
      <c r="C5476" s="17"/>
      <c r="D5476" s="18" t="s">
        <v>2724</v>
      </c>
      <c r="E5476" s="18"/>
      <c r="F5476" s="18"/>
      <c r="G5476" s="18"/>
      <c r="H5476" s="18"/>
      <c r="I5476" s="18"/>
      <c r="J5476" s="18"/>
      <c r="K5476" s="18"/>
      <c r="L5476" s="18"/>
      <c r="M5476" s="18"/>
      <c r="N5476" s="18"/>
      <c r="O5476" s="18"/>
      <c r="P5476" s="19">
        <v>90</v>
      </c>
      <c r="Q5476" s="19"/>
      <c r="R5476" s="19"/>
      <c r="S5476" s="19"/>
      <c r="T5476" s="19">
        <v>50</v>
      </c>
      <c r="U5476" s="19"/>
      <c r="V5476" s="19"/>
      <c r="W5476" s="19"/>
      <c r="X5476" s="19">
        <v>1</v>
      </c>
      <c r="Y5476" s="19"/>
      <c r="Z5476" s="19"/>
      <c r="AA5476" s="19"/>
    </row>
    <row r="5477" spans="1:27" s="1" customFormat="1" ht="14.1" customHeight="1" outlineLevel="2" x14ac:dyDescent="0.2">
      <c r="A5477" s="17"/>
      <c r="B5477" s="17"/>
      <c r="C5477" s="17"/>
      <c r="D5477" s="18"/>
      <c r="E5477" s="18"/>
      <c r="F5477" s="18"/>
      <c r="G5477" s="18"/>
      <c r="H5477" s="18"/>
      <c r="I5477" s="18"/>
      <c r="J5477" s="18"/>
      <c r="K5477" s="18"/>
      <c r="L5477" s="18"/>
      <c r="M5477" s="18"/>
      <c r="N5477" s="18"/>
      <c r="O5477" s="18"/>
      <c r="P5477" s="19"/>
      <c r="Q5477" s="19"/>
      <c r="R5477" s="19"/>
      <c r="S5477" s="19"/>
      <c r="T5477" s="19"/>
      <c r="U5477" s="19"/>
      <c r="V5477" s="19"/>
      <c r="W5477" s="19"/>
      <c r="X5477" s="19"/>
      <c r="Y5477" s="19"/>
      <c r="Z5477" s="19"/>
      <c r="AA5477" s="19"/>
    </row>
    <row r="5478" spans="1:27" s="1" customFormat="1" ht="14.1" customHeight="1" outlineLevel="2" x14ac:dyDescent="0.2">
      <c r="A5478" s="17">
        <v>13472</v>
      </c>
      <c r="B5478" s="17"/>
      <c r="C5478" s="17"/>
      <c r="D5478" s="18" t="s">
        <v>2725</v>
      </c>
      <c r="E5478" s="18"/>
      <c r="F5478" s="18"/>
      <c r="G5478" s="18"/>
      <c r="H5478" s="18"/>
      <c r="I5478" s="18"/>
      <c r="J5478" s="18"/>
      <c r="K5478" s="18"/>
      <c r="L5478" s="18"/>
      <c r="M5478" s="18"/>
      <c r="N5478" s="18"/>
      <c r="O5478" s="18"/>
      <c r="P5478" s="19">
        <v>60</v>
      </c>
      <c r="Q5478" s="19"/>
      <c r="R5478" s="19"/>
      <c r="S5478" s="19"/>
      <c r="T5478" s="19">
        <v>40</v>
      </c>
      <c r="U5478" s="19"/>
      <c r="V5478" s="19"/>
      <c r="W5478" s="19"/>
      <c r="X5478" s="19">
        <v>1</v>
      </c>
      <c r="Y5478" s="19"/>
      <c r="Z5478" s="19"/>
      <c r="AA5478" s="19"/>
    </row>
    <row r="5479" spans="1:27" s="1" customFormat="1" ht="14.1" customHeight="1" outlineLevel="2" x14ac:dyDescent="0.2">
      <c r="A5479" s="17"/>
      <c r="B5479" s="17"/>
      <c r="C5479" s="17"/>
      <c r="D5479" s="18"/>
      <c r="E5479" s="18"/>
      <c r="F5479" s="18"/>
      <c r="G5479" s="18"/>
      <c r="H5479" s="18"/>
      <c r="I5479" s="18"/>
      <c r="J5479" s="18"/>
      <c r="K5479" s="18"/>
      <c r="L5479" s="18"/>
      <c r="M5479" s="18"/>
      <c r="N5479" s="18"/>
      <c r="O5479" s="18"/>
      <c r="P5479" s="19"/>
      <c r="Q5479" s="19"/>
      <c r="R5479" s="19"/>
      <c r="S5479" s="19"/>
      <c r="T5479" s="19"/>
      <c r="U5479" s="19"/>
      <c r="V5479" s="19"/>
      <c r="W5479" s="19"/>
      <c r="X5479" s="19"/>
      <c r="Y5479" s="19"/>
      <c r="Z5479" s="19"/>
      <c r="AA5479" s="19"/>
    </row>
    <row r="5480" spans="1:27" s="1" customFormat="1" ht="14.1" customHeight="1" outlineLevel="2" x14ac:dyDescent="0.2">
      <c r="A5480" s="17">
        <v>13471</v>
      </c>
      <c r="B5480" s="17"/>
      <c r="C5480" s="17"/>
      <c r="D5480" s="18" t="s">
        <v>2726</v>
      </c>
      <c r="E5480" s="18"/>
      <c r="F5480" s="18"/>
      <c r="G5480" s="18"/>
      <c r="H5480" s="18"/>
      <c r="I5480" s="18"/>
      <c r="J5480" s="18"/>
      <c r="K5480" s="18"/>
      <c r="L5480" s="18"/>
      <c r="M5480" s="18"/>
      <c r="N5480" s="18"/>
      <c r="O5480" s="18"/>
      <c r="P5480" s="19">
        <v>60</v>
      </c>
      <c r="Q5480" s="19"/>
      <c r="R5480" s="19"/>
      <c r="S5480" s="19"/>
      <c r="T5480" s="19">
        <v>40</v>
      </c>
      <c r="U5480" s="19"/>
      <c r="V5480" s="19"/>
      <c r="W5480" s="19"/>
      <c r="X5480" s="19">
        <v>1</v>
      </c>
      <c r="Y5480" s="19"/>
      <c r="Z5480" s="19"/>
      <c r="AA5480" s="19"/>
    </row>
    <row r="5481" spans="1:27" s="1" customFormat="1" ht="14.1" customHeight="1" outlineLevel="2" x14ac:dyDescent="0.2">
      <c r="A5481" s="17"/>
      <c r="B5481" s="17"/>
      <c r="C5481" s="17"/>
      <c r="D5481" s="18"/>
      <c r="E5481" s="18"/>
      <c r="F5481" s="18"/>
      <c r="G5481" s="18"/>
      <c r="H5481" s="18"/>
      <c r="I5481" s="18"/>
      <c r="J5481" s="18"/>
      <c r="K5481" s="18"/>
      <c r="L5481" s="18"/>
      <c r="M5481" s="18"/>
      <c r="N5481" s="18"/>
      <c r="O5481" s="18"/>
      <c r="P5481" s="19"/>
      <c r="Q5481" s="19"/>
      <c r="R5481" s="19"/>
      <c r="S5481" s="19"/>
      <c r="T5481" s="19"/>
      <c r="U5481" s="19"/>
      <c r="V5481" s="19"/>
      <c r="W5481" s="19"/>
      <c r="X5481" s="19"/>
      <c r="Y5481" s="19"/>
      <c r="Z5481" s="19"/>
      <c r="AA5481" s="19"/>
    </row>
    <row r="5482" spans="1:27" s="1" customFormat="1" ht="11.1" customHeight="1" outlineLevel="1" x14ac:dyDescent="0.2">
      <c r="A5482" s="16" t="s">
        <v>1295</v>
      </c>
      <c r="B5482" s="16"/>
      <c r="C5482" s="16"/>
      <c r="D5482" s="16"/>
      <c r="E5482" s="16"/>
      <c r="F5482" s="16"/>
      <c r="G5482" s="16"/>
      <c r="H5482" s="16"/>
      <c r="I5482" s="16"/>
      <c r="J5482" s="16"/>
      <c r="K5482" s="16"/>
      <c r="L5482" s="16"/>
      <c r="M5482" s="16"/>
      <c r="N5482" s="16"/>
      <c r="O5482" s="16"/>
      <c r="P5482" s="16"/>
      <c r="Q5482" s="16"/>
      <c r="R5482" s="16"/>
      <c r="S5482" s="16"/>
      <c r="T5482" s="16"/>
      <c r="U5482" s="16"/>
      <c r="V5482" s="16"/>
      <c r="W5482" s="16"/>
      <c r="X5482" s="16"/>
      <c r="Y5482" s="16"/>
      <c r="Z5482" s="16"/>
      <c r="AA5482" s="16"/>
    </row>
    <row r="5483" spans="1:27" s="1" customFormat="1" ht="11.1" customHeight="1" outlineLevel="1" x14ac:dyDescent="0.2">
      <c r="A5483" s="16"/>
      <c r="B5483" s="16"/>
      <c r="C5483" s="16"/>
      <c r="D5483" s="16"/>
      <c r="E5483" s="16"/>
      <c r="F5483" s="16"/>
      <c r="G5483" s="16"/>
      <c r="H5483" s="16"/>
      <c r="I5483" s="16"/>
      <c r="J5483" s="16"/>
      <c r="K5483" s="16"/>
      <c r="L5483" s="16"/>
      <c r="M5483" s="16"/>
      <c r="N5483" s="16"/>
      <c r="O5483" s="16"/>
      <c r="P5483" s="16"/>
      <c r="Q5483" s="16"/>
      <c r="R5483" s="16"/>
      <c r="S5483" s="16"/>
      <c r="T5483" s="16"/>
      <c r="U5483" s="16"/>
      <c r="V5483" s="16"/>
      <c r="W5483" s="16"/>
      <c r="X5483" s="16"/>
      <c r="Y5483" s="16"/>
      <c r="Z5483" s="16"/>
      <c r="AA5483" s="16"/>
    </row>
    <row r="5484" spans="1:27" s="1" customFormat="1" ht="14.1" customHeight="1" outlineLevel="2" x14ac:dyDescent="0.2">
      <c r="A5484" s="17">
        <v>1620</v>
      </c>
      <c r="B5484" s="17"/>
      <c r="C5484" s="17"/>
      <c r="D5484" s="18" t="s">
        <v>2727</v>
      </c>
      <c r="E5484" s="18"/>
      <c r="F5484" s="18"/>
      <c r="G5484" s="18"/>
      <c r="H5484" s="18"/>
      <c r="I5484" s="18"/>
      <c r="J5484" s="18"/>
      <c r="K5484" s="18"/>
      <c r="L5484" s="18"/>
      <c r="M5484" s="18"/>
      <c r="N5484" s="18"/>
      <c r="O5484" s="18"/>
      <c r="P5484" s="19">
        <v>50</v>
      </c>
      <c r="Q5484" s="19"/>
      <c r="R5484" s="19"/>
      <c r="S5484" s="19"/>
      <c r="T5484" s="19">
        <v>30</v>
      </c>
      <c r="U5484" s="19"/>
      <c r="V5484" s="19"/>
      <c r="W5484" s="19"/>
      <c r="X5484" s="19">
        <v>3</v>
      </c>
      <c r="Y5484" s="19"/>
      <c r="Z5484" s="19"/>
      <c r="AA5484" s="19"/>
    </row>
    <row r="5485" spans="1:27" s="1" customFormat="1" ht="14.1" customHeight="1" outlineLevel="2" x14ac:dyDescent="0.2">
      <c r="A5485" s="17"/>
      <c r="B5485" s="17"/>
      <c r="C5485" s="17"/>
      <c r="D5485" s="18"/>
      <c r="E5485" s="18"/>
      <c r="F5485" s="18"/>
      <c r="G5485" s="18"/>
      <c r="H5485" s="18"/>
      <c r="I5485" s="18"/>
      <c r="J5485" s="18"/>
      <c r="K5485" s="18"/>
      <c r="L5485" s="18"/>
      <c r="M5485" s="18"/>
      <c r="N5485" s="18"/>
      <c r="O5485" s="18"/>
      <c r="P5485" s="19"/>
      <c r="Q5485" s="19"/>
      <c r="R5485" s="19"/>
      <c r="S5485" s="19"/>
      <c r="T5485" s="19"/>
      <c r="U5485" s="19"/>
      <c r="V5485" s="19"/>
      <c r="W5485" s="19"/>
      <c r="X5485" s="19"/>
      <c r="Y5485" s="19"/>
      <c r="Z5485" s="19"/>
      <c r="AA5485" s="19"/>
    </row>
    <row r="5486" spans="1:27" s="1" customFormat="1" ht="14.1" customHeight="1" outlineLevel="2" x14ac:dyDescent="0.2">
      <c r="A5486" s="17">
        <v>1625</v>
      </c>
      <c r="B5486" s="17"/>
      <c r="C5486" s="17"/>
      <c r="D5486" s="18" t="s">
        <v>2728</v>
      </c>
      <c r="E5486" s="18"/>
      <c r="F5486" s="18"/>
      <c r="G5486" s="18"/>
      <c r="H5486" s="18"/>
      <c r="I5486" s="18"/>
      <c r="J5486" s="18"/>
      <c r="K5486" s="18"/>
      <c r="L5486" s="18"/>
      <c r="M5486" s="18"/>
      <c r="N5486" s="18"/>
      <c r="O5486" s="18"/>
      <c r="P5486" s="19">
        <v>200</v>
      </c>
      <c r="Q5486" s="19"/>
      <c r="R5486" s="19"/>
      <c r="S5486" s="19"/>
      <c r="T5486" s="19">
        <v>160</v>
      </c>
      <c r="U5486" s="19"/>
      <c r="V5486" s="19"/>
      <c r="W5486" s="19"/>
      <c r="X5486" s="19">
        <v>1</v>
      </c>
      <c r="Y5486" s="19"/>
      <c r="Z5486" s="19"/>
      <c r="AA5486" s="19"/>
    </row>
    <row r="5487" spans="1:27" s="1" customFormat="1" ht="14.1" customHeight="1" outlineLevel="2" x14ac:dyDescent="0.2">
      <c r="A5487" s="17"/>
      <c r="B5487" s="17"/>
      <c r="C5487" s="17"/>
      <c r="D5487" s="18"/>
      <c r="E5487" s="18"/>
      <c r="F5487" s="18"/>
      <c r="G5487" s="18"/>
      <c r="H5487" s="18"/>
      <c r="I5487" s="18"/>
      <c r="J5487" s="18"/>
      <c r="K5487" s="18"/>
      <c r="L5487" s="18"/>
      <c r="M5487" s="18"/>
      <c r="N5487" s="18"/>
      <c r="O5487" s="18"/>
      <c r="P5487" s="19"/>
      <c r="Q5487" s="19"/>
      <c r="R5487" s="19"/>
      <c r="S5487" s="19"/>
      <c r="T5487" s="19"/>
      <c r="U5487" s="19"/>
      <c r="V5487" s="19"/>
      <c r="W5487" s="19"/>
      <c r="X5487" s="19"/>
      <c r="Y5487" s="19"/>
      <c r="Z5487" s="19"/>
      <c r="AA5487" s="19"/>
    </row>
    <row r="5488" spans="1:27" s="1" customFormat="1" ht="14.1" customHeight="1" outlineLevel="2" x14ac:dyDescent="0.2">
      <c r="A5488" s="17">
        <v>1622</v>
      </c>
      <c r="B5488" s="17"/>
      <c r="C5488" s="17"/>
      <c r="D5488" s="18" t="s">
        <v>2729</v>
      </c>
      <c r="E5488" s="18"/>
      <c r="F5488" s="18"/>
      <c r="G5488" s="18"/>
      <c r="H5488" s="18"/>
      <c r="I5488" s="18"/>
      <c r="J5488" s="18"/>
      <c r="K5488" s="18"/>
      <c r="L5488" s="18"/>
      <c r="M5488" s="18"/>
      <c r="N5488" s="18"/>
      <c r="O5488" s="18"/>
      <c r="P5488" s="19">
        <v>200</v>
      </c>
      <c r="Q5488" s="19"/>
      <c r="R5488" s="19"/>
      <c r="S5488" s="19"/>
      <c r="T5488" s="19">
        <v>160</v>
      </c>
      <c r="U5488" s="19"/>
      <c r="V5488" s="19"/>
      <c r="W5488" s="19"/>
      <c r="X5488" s="19">
        <v>2</v>
      </c>
      <c r="Y5488" s="19"/>
      <c r="Z5488" s="19"/>
      <c r="AA5488" s="19"/>
    </row>
    <row r="5489" spans="1:27" s="1" customFormat="1" ht="14.1" customHeight="1" outlineLevel="2" x14ac:dyDescent="0.2">
      <c r="A5489" s="17"/>
      <c r="B5489" s="17"/>
      <c r="C5489" s="17"/>
      <c r="D5489" s="18"/>
      <c r="E5489" s="18"/>
      <c r="F5489" s="18"/>
      <c r="G5489" s="18"/>
      <c r="H5489" s="18"/>
      <c r="I5489" s="18"/>
      <c r="J5489" s="18"/>
      <c r="K5489" s="18"/>
      <c r="L5489" s="18"/>
      <c r="M5489" s="18"/>
      <c r="N5489" s="18"/>
      <c r="O5489" s="18"/>
      <c r="P5489" s="19"/>
      <c r="Q5489" s="19"/>
      <c r="R5489" s="19"/>
      <c r="S5489" s="19"/>
      <c r="T5489" s="19"/>
      <c r="U5489" s="19"/>
      <c r="V5489" s="19"/>
      <c r="W5489" s="19"/>
      <c r="X5489" s="19"/>
      <c r="Y5489" s="19"/>
      <c r="Z5489" s="19"/>
      <c r="AA5489" s="19"/>
    </row>
    <row r="5490" spans="1:27" s="1" customFormat="1" ht="14.1" customHeight="1" outlineLevel="2" x14ac:dyDescent="0.2">
      <c r="A5490" s="17">
        <v>1626</v>
      </c>
      <c r="B5490" s="17"/>
      <c r="C5490" s="17"/>
      <c r="D5490" s="18" t="s">
        <v>2730</v>
      </c>
      <c r="E5490" s="18"/>
      <c r="F5490" s="18"/>
      <c r="G5490" s="18"/>
      <c r="H5490" s="18"/>
      <c r="I5490" s="18"/>
      <c r="J5490" s="18"/>
      <c r="K5490" s="18"/>
      <c r="L5490" s="18"/>
      <c r="M5490" s="18"/>
      <c r="N5490" s="18"/>
      <c r="O5490" s="18"/>
      <c r="P5490" s="19">
        <v>200</v>
      </c>
      <c r="Q5490" s="19"/>
      <c r="R5490" s="19"/>
      <c r="S5490" s="19"/>
      <c r="T5490" s="19">
        <v>160</v>
      </c>
      <c r="U5490" s="19"/>
      <c r="V5490" s="19"/>
      <c r="W5490" s="19"/>
      <c r="X5490" s="19">
        <v>1</v>
      </c>
      <c r="Y5490" s="19"/>
      <c r="Z5490" s="19"/>
      <c r="AA5490" s="19"/>
    </row>
    <row r="5491" spans="1:27" s="1" customFormat="1" ht="14.1" customHeight="1" outlineLevel="2" x14ac:dyDescent="0.2">
      <c r="A5491" s="17"/>
      <c r="B5491" s="17"/>
      <c r="C5491" s="17"/>
      <c r="D5491" s="18"/>
      <c r="E5491" s="18"/>
      <c r="F5491" s="18"/>
      <c r="G5491" s="18"/>
      <c r="H5491" s="18"/>
      <c r="I5491" s="18"/>
      <c r="J5491" s="18"/>
      <c r="K5491" s="18"/>
      <c r="L5491" s="18"/>
      <c r="M5491" s="18"/>
      <c r="N5491" s="18"/>
      <c r="O5491" s="18"/>
      <c r="P5491" s="19"/>
      <c r="Q5491" s="19"/>
      <c r="R5491" s="19"/>
      <c r="S5491" s="19"/>
      <c r="T5491" s="19"/>
      <c r="U5491" s="19"/>
      <c r="V5491" s="19"/>
      <c r="W5491" s="19"/>
      <c r="X5491" s="19"/>
      <c r="Y5491" s="19"/>
      <c r="Z5491" s="19"/>
      <c r="AA5491" s="19"/>
    </row>
    <row r="5492" spans="1:27" s="1" customFormat="1" ht="14.1" customHeight="1" outlineLevel="2" x14ac:dyDescent="0.2">
      <c r="A5492" s="17">
        <v>1629</v>
      </c>
      <c r="B5492" s="17"/>
      <c r="C5492" s="17"/>
      <c r="D5492" s="18" t="s">
        <v>2731</v>
      </c>
      <c r="E5492" s="18"/>
      <c r="F5492" s="18"/>
      <c r="G5492" s="18"/>
      <c r="H5492" s="18"/>
      <c r="I5492" s="18"/>
      <c r="J5492" s="18"/>
      <c r="K5492" s="18"/>
      <c r="L5492" s="18"/>
      <c r="M5492" s="18"/>
      <c r="N5492" s="18"/>
      <c r="O5492" s="18"/>
      <c r="P5492" s="19">
        <v>200</v>
      </c>
      <c r="Q5492" s="19"/>
      <c r="R5492" s="19"/>
      <c r="S5492" s="19"/>
      <c r="T5492" s="19">
        <v>160</v>
      </c>
      <c r="U5492" s="19"/>
      <c r="V5492" s="19"/>
      <c r="W5492" s="19"/>
      <c r="X5492" s="19">
        <v>1</v>
      </c>
      <c r="Y5492" s="19"/>
      <c r="Z5492" s="19"/>
      <c r="AA5492" s="19"/>
    </row>
    <row r="5493" spans="1:27" s="1" customFormat="1" ht="14.1" customHeight="1" outlineLevel="2" x14ac:dyDescent="0.2">
      <c r="A5493" s="17"/>
      <c r="B5493" s="17"/>
      <c r="C5493" s="17"/>
      <c r="D5493" s="18"/>
      <c r="E5493" s="18"/>
      <c r="F5493" s="18"/>
      <c r="G5493" s="18"/>
      <c r="H5493" s="18"/>
      <c r="I5493" s="18"/>
      <c r="J5493" s="18"/>
      <c r="K5493" s="18"/>
      <c r="L5493" s="18"/>
      <c r="M5493" s="18"/>
      <c r="N5493" s="18"/>
      <c r="O5493" s="18"/>
      <c r="P5493" s="19"/>
      <c r="Q5493" s="19"/>
      <c r="R5493" s="19"/>
      <c r="S5493" s="19"/>
      <c r="T5493" s="19"/>
      <c r="U5493" s="19"/>
      <c r="V5493" s="19"/>
      <c r="W5493" s="19"/>
      <c r="X5493" s="19"/>
      <c r="Y5493" s="19"/>
      <c r="Z5493" s="19"/>
      <c r="AA5493" s="19"/>
    </row>
    <row r="5494" spans="1:27" s="1" customFormat="1" ht="14.1" customHeight="1" outlineLevel="2" x14ac:dyDescent="0.2">
      <c r="A5494" s="17">
        <v>1637</v>
      </c>
      <c r="B5494" s="17"/>
      <c r="C5494" s="17"/>
      <c r="D5494" s="18" t="s">
        <v>2732</v>
      </c>
      <c r="E5494" s="18"/>
      <c r="F5494" s="18"/>
      <c r="G5494" s="18"/>
      <c r="H5494" s="18"/>
      <c r="I5494" s="18"/>
      <c r="J5494" s="18"/>
      <c r="K5494" s="18"/>
      <c r="L5494" s="18"/>
      <c r="M5494" s="18"/>
      <c r="N5494" s="18"/>
      <c r="O5494" s="18"/>
      <c r="P5494" s="19">
        <v>300</v>
      </c>
      <c r="Q5494" s="19"/>
      <c r="R5494" s="19"/>
      <c r="S5494" s="19"/>
      <c r="T5494" s="19">
        <v>240</v>
      </c>
      <c r="U5494" s="19"/>
      <c r="V5494" s="19"/>
      <c r="W5494" s="19"/>
      <c r="X5494" s="19">
        <v>1</v>
      </c>
      <c r="Y5494" s="19"/>
      <c r="Z5494" s="19"/>
      <c r="AA5494" s="19"/>
    </row>
    <row r="5495" spans="1:27" s="1" customFormat="1" ht="14.1" customHeight="1" outlineLevel="2" x14ac:dyDescent="0.2">
      <c r="A5495" s="17"/>
      <c r="B5495" s="17"/>
      <c r="C5495" s="17"/>
      <c r="D5495" s="18"/>
      <c r="E5495" s="18"/>
      <c r="F5495" s="18"/>
      <c r="G5495" s="18"/>
      <c r="H5495" s="18"/>
      <c r="I5495" s="18"/>
      <c r="J5495" s="18"/>
      <c r="K5495" s="18"/>
      <c r="L5495" s="18"/>
      <c r="M5495" s="18"/>
      <c r="N5495" s="18"/>
      <c r="O5495" s="18"/>
      <c r="P5495" s="19"/>
      <c r="Q5495" s="19"/>
      <c r="R5495" s="19"/>
      <c r="S5495" s="19"/>
      <c r="T5495" s="19"/>
      <c r="U5495" s="19"/>
      <c r="V5495" s="19"/>
      <c r="W5495" s="19"/>
      <c r="X5495" s="19"/>
      <c r="Y5495" s="19"/>
      <c r="Z5495" s="19"/>
      <c r="AA5495" s="19"/>
    </row>
    <row r="5496" spans="1:27" s="1" customFormat="1" ht="14.1" customHeight="1" outlineLevel="2" x14ac:dyDescent="0.2">
      <c r="A5496" s="17">
        <v>1633</v>
      </c>
      <c r="B5496" s="17"/>
      <c r="C5496" s="17"/>
      <c r="D5496" s="18" t="s">
        <v>2733</v>
      </c>
      <c r="E5496" s="18"/>
      <c r="F5496" s="18"/>
      <c r="G5496" s="18"/>
      <c r="H5496" s="18"/>
      <c r="I5496" s="18"/>
      <c r="J5496" s="18"/>
      <c r="K5496" s="18"/>
      <c r="L5496" s="18"/>
      <c r="M5496" s="18"/>
      <c r="N5496" s="18"/>
      <c r="O5496" s="18"/>
      <c r="P5496" s="19">
        <v>250</v>
      </c>
      <c r="Q5496" s="19"/>
      <c r="R5496" s="19"/>
      <c r="S5496" s="19"/>
      <c r="T5496" s="19">
        <v>190</v>
      </c>
      <c r="U5496" s="19"/>
      <c r="V5496" s="19"/>
      <c r="W5496" s="19"/>
      <c r="X5496" s="19">
        <v>1</v>
      </c>
      <c r="Y5496" s="19"/>
      <c r="Z5496" s="19"/>
      <c r="AA5496" s="19"/>
    </row>
    <row r="5497" spans="1:27" s="1" customFormat="1" ht="14.1" customHeight="1" outlineLevel="2" x14ac:dyDescent="0.2">
      <c r="A5497" s="17"/>
      <c r="B5497" s="17"/>
      <c r="C5497" s="17"/>
      <c r="D5497" s="18"/>
      <c r="E5497" s="18"/>
      <c r="F5497" s="18"/>
      <c r="G5497" s="18"/>
      <c r="H5497" s="18"/>
      <c r="I5497" s="18"/>
      <c r="J5497" s="18"/>
      <c r="K5497" s="18"/>
      <c r="L5497" s="18"/>
      <c r="M5497" s="18"/>
      <c r="N5497" s="18"/>
      <c r="O5497" s="18"/>
      <c r="P5497" s="19"/>
      <c r="Q5497" s="19"/>
      <c r="R5497" s="19"/>
      <c r="S5497" s="19"/>
      <c r="T5497" s="19"/>
      <c r="U5497" s="19"/>
      <c r="V5497" s="19"/>
      <c r="W5497" s="19"/>
      <c r="X5497" s="19"/>
      <c r="Y5497" s="19"/>
      <c r="Z5497" s="19"/>
      <c r="AA5497" s="19"/>
    </row>
    <row r="5498" spans="1:27" s="1" customFormat="1" ht="14.1" customHeight="1" outlineLevel="2" x14ac:dyDescent="0.2">
      <c r="A5498" s="17">
        <v>1632</v>
      </c>
      <c r="B5498" s="17"/>
      <c r="C5498" s="17"/>
      <c r="D5498" s="18" t="s">
        <v>2734</v>
      </c>
      <c r="E5498" s="18"/>
      <c r="F5498" s="18"/>
      <c r="G5498" s="18"/>
      <c r="H5498" s="18"/>
      <c r="I5498" s="18"/>
      <c r="J5498" s="18"/>
      <c r="K5498" s="18"/>
      <c r="L5498" s="18"/>
      <c r="M5498" s="18"/>
      <c r="N5498" s="18"/>
      <c r="O5498" s="18"/>
      <c r="P5498" s="19">
        <v>250</v>
      </c>
      <c r="Q5498" s="19"/>
      <c r="R5498" s="19"/>
      <c r="S5498" s="19"/>
      <c r="T5498" s="19">
        <v>190</v>
      </c>
      <c r="U5498" s="19"/>
      <c r="V5498" s="19"/>
      <c r="W5498" s="19"/>
      <c r="X5498" s="19">
        <v>1</v>
      </c>
      <c r="Y5498" s="19"/>
      <c r="Z5498" s="19"/>
      <c r="AA5498" s="19"/>
    </row>
    <row r="5499" spans="1:27" s="1" customFormat="1" ht="14.1" customHeight="1" outlineLevel="2" x14ac:dyDescent="0.2">
      <c r="A5499" s="17"/>
      <c r="B5499" s="17"/>
      <c r="C5499" s="17"/>
      <c r="D5499" s="18"/>
      <c r="E5499" s="18"/>
      <c r="F5499" s="18"/>
      <c r="G5499" s="18"/>
      <c r="H5499" s="18"/>
      <c r="I5499" s="18"/>
      <c r="J5499" s="18"/>
      <c r="K5499" s="18"/>
      <c r="L5499" s="18"/>
      <c r="M5499" s="18"/>
      <c r="N5499" s="18"/>
      <c r="O5499" s="18"/>
      <c r="P5499" s="19"/>
      <c r="Q5499" s="19"/>
      <c r="R5499" s="19"/>
      <c r="S5499" s="19"/>
      <c r="T5499" s="19"/>
      <c r="U5499" s="19"/>
      <c r="V5499" s="19"/>
      <c r="W5499" s="19"/>
      <c r="X5499" s="19"/>
      <c r="Y5499" s="19"/>
      <c r="Z5499" s="19"/>
      <c r="AA5499" s="19"/>
    </row>
    <row r="5500" spans="1:27" s="1" customFormat="1" ht="14.1" customHeight="1" outlineLevel="2" x14ac:dyDescent="0.2">
      <c r="A5500" s="17">
        <v>1623</v>
      </c>
      <c r="B5500" s="17"/>
      <c r="C5500" s="17"/>
      <c r="D5500" s="18" t="s">
        <v>2735</v>
      </c>
      <c r="E5500" s="18"/>
      <c r="F5500" s="18"/>
      <c r="G5500" s="18"/>
      <c r="H5500" s="18"/>
      <c r="I5500" s="18"/>
      <c r="J5500" s="18"/>
      <c r="K5500" s="18"/>
      <c r="L5500" s="18"/>
      <c r="M5500" s="18"/>
      <c r="N5500" s="18"/>
      <c r="O5500" s="18"/>
      <c r="P5500" s="19">
        <v>200</v>
      </c>
      <c r="Q5500" s="19"/>
      <c r="R5500" s="19"/>
      <c r="S5500" s="19"/>
      <c r="T5500" s="19">
        <v>160</v>
      </c>
      <c r="U5500" s="19"/>
      <c r="V5500" s="19"/>
      <c r="W5500" s="19"/>
      <c r="X5500" s="19">
        <v>2</v>
      </c>
      <c r="Y5500" s="19"/>
      <c r="Z5500" s="19"/>
      <c r="AA5500" s="19"/>
    </row>
    <row r="5501" spans="1:27" s="1" customFormat="1" ht="14.1" customHeight="1" outlineLevel="2" x14ac:dyDescent="0.2">
      <c r="A5501" s="17"/>
      <c r="B5501" s="17"/>
      <c r="C5501" s="17"/>
      <c r="D5501" s="18"/>
      <c r="E5501" s="18"/>
      <c r="F5501" s="18"/>
      <c r="G5501" s="18"/>
      <c r="H5501" s="18"/>
      <c r="I5501" s="18"/>
      <c r="J5501" s="18"/>
      <c r="K5501" s="18"/>
      <c r="L5501" s="18"/>
      <c r="M5501" s="18"/>
      <c r="N5501" s="18"/>
      <c r="O5501" s="18"/>
      <c r="P5501" s="19"/>
      <c r="Q5501" s="19"/>
      <c r="R5501" s="19"/>
      <c r="S5501" s="19"/>
      <c r="T5501" s="19"/>
      <c r="U5501" s="19"/>
      <c r="V5501" s="19"/>
      <c r="W5501" s="19"/>
      <c r="X5501" s="19"/>
      <c r="Y5501" s="19"/>
      <c r="Z5501" s="19"/>
      <c r="AA5501" s="19"/>
    </row>
    <row r="5502" spans="1:27" s="1" customFormat="1" ht="14.1" customHeight="1" outlineLevel="2" x14ac:dyDescent="0.2">
      <c r="A5502" s="17">
        <v>1627</v>
      </c>
      <c r="B5502" s="17"/>
      <c r="C5502" s="17"/>
      <c r="D5502" s="18" t="s">
        <v>2736</v>
      </c>
      <c r="E5502" s="18"/>
      <c r="F5502" s="18"/>
      <c r="G5502" s="18"/>
      <c r="H5502" s="18"/>
      <c r="I5502" s="18"/>
      <c r="J5502" s="18"/>
      <c r="K5502" s="18"/>
      <c r="L5502" s="18"/>
      <c r="M5502" s="18"/>
      <c r="N5502" s="18"/>
      <c r="O5502" s="18"/>
      <c r="P5502" s="19">
        <v>200</v>
      </c>
      <c r="Q5502" s="19"/>
      <c r="R5502" s="19"/>
      <c r="S5502" s="19"/>
      <c r="T5502" s="19">
        <v>160</v>
      </c>
      <c r="U5502" s="19"/>
      <c r="V5502" s="19"/>
      <c r="W5502" s="19"/>
      <c r="X5502" s="19">
        <v>1</v>
      </c>
      <c r="Y5502" s="19"/>
      <c r="Z5502" s="19"/>
      <c r="AA5502" s="19"/>
    </row>
    <row r="5503" spans="1:27" s="1" customFormat="1" ht="14.1" customHeight="1" outlineLevel="2" x14ac:dyDescent="0.2">
      <c r="A5503" s="17"/>
      <c r="B5503" s="17"/>
      <c r="C5503" s="17"/>
      <c r="D5503" s="18"/>
      <c r="E5503" s="18"/>
      <c r="F5503" s="18"/>
      <c r="G5503" s="18"/>
      <c r="H5503" s="18"/>
      <c r="I5503" s="18"/>
      <c r="J5503" s="18"/>
      <c r="K5503" s="18"/>
      <c r="L5503" s="18"/>
      <c r="M5503" s="18"/>
      <c r="N5503" s="18"/>
      <c r="O5503" s="18"/>
      <c r="P5503" s="19"/>
      <c r="Q5503" s="19"/>
      <c r="R5503" s="19"/>
      <c r="S5503" s="19"/>
      <c r="T5503" s="19"/>
      <c r="U5503" s="19"/>
      <c r="V5503" s="19"/>
      <c r="W5503" s="19"/>
      <c r="X5503" s="19"/>
      <c r="Y5503" s="19"/>
      <c r="Z5503" s="19"/>
      <c r="AA5503" s="19"/>
    </row>
    <row r="5504" spans="1:27" s="1" customFormat="1" ht="14.1" customHeight="1" outlineLevel="2" x14ac:dyDescent="0.2">
      <c r="A5504" s="17">
        <v>1635</v>
      </c>
      <c r="B5504" s="17"/>
      <c r="C5504" s="17"/>
      <c r="D5504" s="18" t="s">
        <v>2737</v>
      </c>
      <c r="E5504" s="18"/>
      <c r="F5504" s="18"/>
      <c r="G5504" s="18"/>
      <c r="H5504" s="18"/>
      <c r="I5504" s="18"/>
      <c r="J5504" s="18"/>
      <c r="K5504" s="18"/>
      <c r="L5504" s="18"/>
      <c r="M5504" s="18"/>
      <c r="N5504" s="18"/>
      <c r="O5504" s="18"/>
      <c r="P5504" s="19">
        <v>300</v>
      </c>
      <c r="Q5504" s="19"/>
      <c r="R5504" s="19"/>
      <c r="S5504" s="19"/>
      <c r="T5504" s="19">
        <v>240</v>
      </c>
      <c r="U5504" s="19"/>
      <c r="V5504" s="19"/>
      <c r="W5504" s="19"/>
      <c r="X5504" s="19">
        <v>1</v>
      </c>
      <c r="Y5504" s="19"/>
      <c r="Z5504" s="19"/>
      <c r="AA5504" s="19"/>
    </row>
    <row r="5505" spans="1:27" s="1" customFormat="1" ht="14.1" customHeight="1" outlineLevel="2" x14ac:dyDescent="0.2">
      <c r="A5505" s="17"/>
      <c r="B5505" s="17"/>
      <c r="C5505" s="17"/>
      <c r="D5505" s="18"/>
      <c r="E5505" s="18"/>
      <c r="F5505" s="18"/>
      <c r="G5505" s="18"/>
      <c r="H5505" s="18"/>
      <c r="I5505" s="18"/>
      <c r="J5505" s="18"/>
      <c r="K5505" s="18"/>
      <c r="L5505" s="18"/>
      <c r="M5505" s="18"/>
      <c r="N5505" s="18"/>
      <c r="O5505" s="18"/>
      <c r="P5505" s="19"/>
      <c r="Q5505" s="19"/>
      <c r="R5505" s="19"/>
      <c r="S5505" s="19"/>
      <c r="T5505" s="19"/>
      <c r="U5505" s="19"/>
      <c r="V5505" s="19"/>
      <c r="W5505" s="19"/>
      <c r="X5505" s="19"/>
      <c r="Y5505" s="19"/>
      <c r="Z5505" s="19"/>
      <c r="AA5505" s="19"/>
    </row>
    <row r="5506" spans="1:27" s="1" customFormat="1" ht="14.1" customHeight="1" outlineLevel="2" x14ac:dyDescent="0.2">
      <c r="A5506" s="17">
        <v>1631</v>
      </c>
      <c r="B5506" s="17"/>
      <c r="C5506" s="17"/>
      <c r="D5506" s="18" t="s">
        <v>2738</v>
      </c>
      <c r="E5506" s="18"/>
      <c r="F5506" s="18"/>
      <c r="G5506" s="18"/>
      <c r="H5506" s="18"/>
      <c r="I5506" s="18"/>
      <c r="J5506" s="18"/>
      <c r="K5506" s="18"/>
      <c r="L5506" s="18"/>
      <c r="M5506" s="18"/>
      <c r="N5506" s="18"/>
      <c r="O5506" s="18"/>
      <c r="P5506" s="19">
        <v>250</v>
      </c>
      <c r="Q5506" s="19"/>
      <c r="R5506" s="19"/>
      <c r="S5506" s="19"/>
      <c r="T5506" s="19">
        <v>190</v>
      </c>
      <c r="U5506" s="19"/>
      <c r="V5506" s="19"/>
      <c r="W5506" s="19"/>
      <c r="X5506" s="19">
        <v>1</v>
      </c>
      <c r="Y5506" s="19"/>
      <c r="Z5506" s="19"/>
      <c r="AA5506" s="19"/>
    </row>
    <row r="5507" spans="1:27" s="1" customFormat="1" ht="14.1" customHeight="1" outlineLevel="2" x14ac:dyDescent="0.2">
      <c r="A5507" s="17"/>
      <c r="B5507" s="17"/>
      <c r="C5507" s="17"/>
      <c r="D5507" s="18"/>
      <c r="E5507" s="18"/>
      <c r="F5507" s="18"/>
      <c r="G5507" s="18"/>
      <c r="H5507" s="18"/>
      <c r="I5507" s="18"/>
      <c r="J5507" s="18"/>
      <c r="K5507" s="18"/>
      <c r="L5507" s="18"/>
      <c r="M5507" s="18"/>
      <c r="N5507" s="18"/>
      <c r="O5507" s="18"/>
      <c r="P5507" s="19"/>
      <c r="Q5507" s="19"/>
      <c r="R5507" s="19"/>
      <c r="S5507" s="19"/>
      <c r="T5507" s="19"/>
      <c r="U5507" s="19"/>
      <c r="V5507" s="19"/>
      <c r="W5507" s="19"/>
      <c r="X5507" s="19"/>
      <c r="Y5507" s="19"/>
      <c r="Z5507" s="19"/>
      <c r="AA5507" s="19"/>
    </row>
    <row r="5508" spans="1:27" s="1" customFormat="1" ht="14.1" customHeight="1" outlineLevel="2" x14ac:dyDescent="0.2">
      <c r="A5508" s="17">
        <v>1630</v>
      </c>
      <c r="B5508" s="17"/>
      <c r="C5508" s="17"/>
      <c r="D5508" s="18" t="s">
        <v>2739</v>
      </c>
      <c r="E5508" s="18"/>
      <c r="F5508" s="18"/>
      <c r="G5508" s="18"/>
      <c r="H5508" s="18"/>
      <c r="I5508" s="18"/>
      <c r="J5508" s="18"/>
      <c r="K5508" s="18"/>
      <c r="L5508" s="18"/>
      <c r="M5508" s="18"/>
      <c r="N5508" s="18"/>
      <c r="O5508" s="18"/>
      <c r="P5508" s="19">
        <v>250</v>
      </c>
      <c r="Q5508" s="19"/>
      <c r="R5508" s="19"/>
      <c r="S5508" s="19"/>
      <c r="T5508" s="19">
        <v>190</v>
      </c>
      <c r="U5508" s="19"/>
      <c r="V5508" s="19"/>
      <c r="W5508" s="19"/>
      <c r="X5508" s="19">
        <v>1</v>
      </c>
      <c r="Y5508" s="19"/>
      <c r="Z5508" s="19"/>
      <c r="AA5508" s="19"/>
    </row>
    <row r="5509" spans="1:27" s="1" customFormat="1" ht="14.1" customHeight="1" outlineLevel="2" x14ac:dyDescent="0.2">
      <c r="A5509" s="17"/>
      <c r="B5509" s="17"/>
      <c r="C5509" s="17"/>
      <c r="D5509" s="18"/>
      <c r="E5509" s="18"/>
      <c r="F5509" s="18"/>
      <c r="G5509" s="18"/>
      <c r="H5509" s="18"/>
      <c r="I5509" s="18"/>
      <c r="J5509" s="18"/>
      <c r="K5509" s="18"/>
      <c r="L5509" s="18"/>
      <c r="M5509" s="18"/>
      <c r="N5509" s="18"/>
      <c r="O5509" s="18"/>
      <c r="P5509" s="19"/>
      <c r="Q5509" s="19"/>
      <c r="R5509" s="19"/>
      <c r="S5509" s="19"/>
      <c r="T5509" s="19"/>
      <c r="U5509" s="19"/>
      <c r="V5509" s="19"/>
      <c r="W5509" s="19"/>
      <c r="X5509" s="19"/>
      <c r="Y5509" s="19"/>
      <c r="Z5509" s="19"/>
      <c r="AA5509" s="19"/>
    </row>
    <row r="5510" spans="1:27" s="1" customFormat="1" ht="14.1" customHeight="1" outlineLevel="2" x14ac:dyDescent="0.2">
      <c r="A5510" s="17">
        <v>4791</v>
      </c>
      <c r="B5510" s="17"/>
      <c r="C5510" s="17"/>
      <c r="D5510" s="18" t="s">
        <v>2740</v>
      </c>
      <c r="E5510" s="18"/>
      <c r="F5510" s="18"/>
      <c r="G5510" s="18"/>
      <c r="H5510" s="18"/>
      <c r="I5510" s="18"/>
      <c r="J5510" s="18"/>
      <c r="K5510" s="18"/>
      <c r="L5510" s="18"/>
      <c r="M5510" s="18"/>
      <c r="N5510" s="18"/>
      <c r="O5510" s="18"/>
      <c r="P5510" s="19">
        <v>200</v>
      </c>
      <c r="Q5510" s="19"/>
      <c r="R5510" s="19"/>
      <c r="S5510" s="19"/>
      <c r="T5510" s="19">
        <v>160</v>
      </c>
      <c r="U5510" s="19"/>
      <c r="V5510" s="19"/>
      <c r="W5510" s="19"/>
      <c r="X5510" s="19">
        <v>2</v>
      </c>
      <c r="Y5510" s="19"/>
      <c r="Z5510" s="19"/>
      <c r="AA5510" s="19"/>
    </row>
    <row r="5511" spans="1:27" s="1" customFormat="1" ht="14.1" customHeight="1" outlineLevel="2" x14ac:dyDescent="0.2">
      <c r="A5511" s="17"/>
      <c r="B5511" s="17"/>
      <c r="C5511" s="17"/>
      <c r="D5511" s="18"/>
      <c r="E5511" s="18"/>
      <c r="F5511" s="18"/>
      <c r="G5511" s="18"/>
      <c r="H5511" s="18"/>
      <c r="I5511" s="18"/>
      <c r="J5511" s="18"/>
      <c r="K5511" s="18"/>
      <c r="L5511" s="18"/>
      <c r="M5511" s="18"/>
      <c r="N5511" s="18"/>
      <c r="O5511" s="18"/>
      <c r="P5511" s="19"/>
      <c r="Q5511" s="19"/>
      <c r="R5511" s="19"/>
      <c r="S5511" s="19"/>
      <c r="T5511" s="19"/>
      <c r="U5511" s="19"/>
      <c r="V5511" s="19"/>
      <c r="W5511" s="19"/>
      <c r="X5511" s="19"/>
      <c r="Y5511" s="19"/>
      <c r="Z5511" s="19"/>
      <c r="AA5511" s="19"/>
    </row>
    <row r="5512" spans="1:27" s="1" customFormat="1" ht="14.1" customHeight="1" outlineLevel="2" x14ac:dyDescent="0.2">
      <c r="A5512" s="17">
        <v>8575</v>
      </c>
      <c r="B5512" s="17"/>
      <c r="C5512" s="17"/>
      <c r="D5512" s="18" t="s">
        <v>2741</v>
      </c>
      <c r="E5512" s="18"/>
      <c r="F5512" s="18"/>
      <c r="G5512" s="18"/>
      <c r="H5512" s="18"/>
      <c r="I5512" s="18"/>
      <c r="J5512" s="18"/>
      <c r="K5512" s="18"/>
      <c r="L5512" s="18"/>
      <c r="M5512" s="18"/>
      <c r="N5512" s="18"/>
      <c r="O5512" s="18"/>
      <c r="P5512" s="19">
        <v>200</v>
      </c>
      <c r="Q5512" s="19"/>
      <c r="R5512" s="19"/>
      <c r="S5512" s="19"/>
      <c r="T5512" s="19">
        <v>150</v>
      </c>
      <c r="U5512" s="19"/>
      <c r="V5512" s="19"/>
      <c r="W5512" s="19"/>
      <c r="X5512" s="19">
        <v>1</v>
      </c>
      <c r="Y5512" s="19"/>
      <c r="Z5512" s="19"/>
      <c r="AA5512" s="19"/>
    </row>
    <row r="5513" spans="1:27" s="1" customFormat="1" ht="14.1" customHeight="1" outlineLevel="2" x14ac:dyDescent="0.2">
      <c r="A5513" s="17"/>
      <c r="B5513" s="17"/>
      <c r="C5513" s="17"/>
      <c r="D5513" s="18"/>
      <c r="E5513" s="18"/>
      <c r="F5513" s="18"/>
      <c r="G5513" s="18"/>
      <c r="H5513" s="18"/>
      <c r="I5513" s="18"/>
      <c r="J5513" s="18"/>
      <c r="K5513" s="18"/>
      <c r="L5513" s="18"/>
      <c r="M5513" s="18"/>
      <c r="N5513" s="18"/>
      <c r="O5513" s="18"/>
      <c r="P5513" s="19"/>
      <c r="Q5513" s="19"/>
      <c r="R5513" s="19"/>
      <c r="S5513" s="19"/>
      <c r="T5513" s="19"/>
      <c r="U5513" s="19"/>
      <c r="V5513" s="19"/>
      <c r="W5513" s="19"/>
      <c r="X5513" s="19"/>
      <c r="Y5513" s="19"/>
      <c r="Z5513" s="19"/>
      <c r="AA5513" s="19"/>
    </row>
    <row r="5514" spans="1:27" s="1" customFormat="1" ht="11.1" customHeight="1" outlineLevel="2" x14ac:dyDescent="0.2">
      <c r="A5514" s="17">
        <v>1428</v>
      </c>
      <c r="B5514" s="17"/>
      <c r="C5514" s="17"/>
      <c r="D5514" s="18" t="s">
        <v>2742</v>
      </c>
      <c r="E5514" s="18"/>
      <c r="F5514" s="18"/>
      <c r="G5514" s="18"/>
      <c r="H5514" s="18"/>
      <c r="I5514" s="18"/>
      <c r="J5514" s="18"/>
      <c r="K5514" s="18"/>
      <c r="L5514" s="18"/>
      <c r="M5514" s="18"/>
      <c r="N5514" s="18"/>
      <c r="O5514" s="18"/>
      <c r="P5514" s="19">
        <v>250</v>
      </c>
      <c r="Q5514" s="19"/>
      <c r="R5514" s="19"/>
      <c r="S5514" s="19"/>
      <c r="T5514" s="19">
        <v>190</v>
      </c>
      <c r="U5514" s="19"/>
      <c r="V5514" s="19"/>
      <c r="W5514" s="19"/>
      <c r="X5514" s="19">
        <v>1</v>
      </c>
      <c r="Y5514" s="19"/>
      <c r="Z5514" s="19"/>
      <c r="AA5514" s="19"/>
    </row>
    <row r="5515" spans="1:27" s="1" customFormat="1" ht="11.1" customHeight="1" outlineLevel="2" x14ac:dyDescent="0.2">
      <c r="A5515" s="17"/>
      <c r="B5515" s="17"/>
      <c r="C5515" s="17"/>
      <c r="D5515" s="18"/>
      <c r="E5515" s="18"/>
      <c r="F5515" s="18"/>
      <c r="G5515" s="18"/>
      <c r="H5515" s="18"/>
      <c r="I5515" s="18"/>
      <c r="J5515" s="18"/>
      <c r="K5515" s="18"/>
      <c r="L5515" s="18"/>
      <c r="M5515" s="18"/>
      <c r="N5515" s="18"/>
      <c r="O5515" s="18"/>
      <c r="P5515" s="19"/>
      <c r="Q5515" s="19"/>
      <c r="R5515" s="19"/>
      <c r="S5515" s="19"/>
      <c r="T5515" s="19"/>
      <c r="U5515" s="19"/>
      <c r="V5515" s="19"/>
      <c r="W5515" s="19"/>
      <c r="X5515" s="19"/>
      <c r="Y5515" s="19"/>
      <c r="Z5515" s="19"/>
      <c r="AA5515" s="19"/>
    </row>
    <row r="5516" spans="1:27" s="1" customFormat="1" ht="11.1" customHeight="1" outlineLevel="2" x14ac:dyDescent="0.2">
      <c r="A5516" s="17">
        <v>1427</v>
      </c>
      <c r="B5516" s="17"/>
      <c r="C5516" s="17"/>
      <c r="D5516" s="18" t="s">
        <v>2743</v>
      </c>
      <c r="E5516" s="18"/>
      <c r="F5516" s="18"/>
      <c r="G5516" s="18"/>
      <c r="H5516" s="18"/>
      <c r="I5516" s="18"/>
      <c r="J5516" s="18"/>
      <c r="K5516" s="18"/>
      <c r="L5516" s="18"/>
      <c r="M5516" s="18"/>
      <c r="N5516" s="18"/>
      <c r="O5516" s="18"/>
      <c r="P5516" s="19">
        <v>350</v>
      </c>
      <c r="Q5516" s="19"/>
      <c r="R5516" s="19"/>
      <c r="S5516" s="19"/>
      <c r="T5516" s="19">
        <v>280</v>
      </c>
      <c r="U5516" s="19"/>
      <c r="V5516" s="19"/>
      <c r="W5516" s="19"/>
      <c r="X5516" s="19">
        <v>1</v>
      </c>
      <c r="Y5516" s="19"/>
      <c r="Z5516" s="19"/>
      <c r="AA5516" s="19"/>
    </row>
    <row r="5517" spans="1:27" s="1" customFormat="1" ht="11.1" customHeight="1" outlineLevel="2" x14ac:dyDescent="0.2">
      <c r="A5517" s="17"/>
      <c r="B5517" s="17"/>
      <c r="C5517" s="17"/>
      <c r="D5517" s="18"/>
      <c r="E5517" s="18"/>
      <c r="F5517" s="18"/>
      <c r="G5517" s="18"/>
      <c r="H5517" s="18"/>
      <c r="I5517" s="18"/>
      <c r="J5517" s="18"/>
      <c r="K5517" s="18"/>
      <c r="L5517" s="18"/>
      <c r="M5517" s="18"/>
      <c r="N5517" s="18"/>
      <c r="O5517" s="18"/>
      <c r="P5517" s="19"/>
      <c r="Q5517" s="19"/>
      <c r="R5517" s="19"/>
      <c r="S5517" s="19"/>
      <c r="T5517" s="19"/>
      <c r="U5517" s="19"/>
      <c r="V5517" s="19"/>
      <c r="W5517" s="19"/>
      <c r="X5517" s="19"/>
      <c r="Y5517" s="19"/>
      <c r="Z5517" s="19"/>
      <c r="AA5517" s="19"/>
    </row>
    <row r="5518" spans="1:27" s="1" customFormat="1" ht="14.1" customHeight="1" outlineLevel="2" x14ac:dyDescent="0.2">
      <c r="A5518" s="17">
        <v>12133</v>
      </c>
      <c r="B5518" s="17"/>
      <c r="C5518" s="17"/>
      <c r="D5518" s="18" t="s">
        <v>2744</v>
      </c>
      <c r="E5518" s="18"/>
      <c r="F5518" s="18"/>
      <c r="G5518" s="18"/>
      <c r="H5518" s="18"/>
      <c r="I5518" s="18"/>
      <c r="J5518" s="18"/>
      <c r="K5518" s="18"/>
      <c r="L5518" s="18"/>
      <c r="M5518" s="18"/>
      <c r="N5518" s="18"/>
      <c r="O5518" s="18"/>
      <c r="P5518" s="19">
        <v>300</v>
      </c>
      <c r="Q5518" s="19"/>
      <c r="R5518" s="19"/>
      <c r="S5518" s="19"/>
      <c r="T5518" s="19">
        <v>250</v>
      </c>
      <c r="U5518" s="19"/>
      <c r="V5518" s="19"/>
      <c r="W5518" s="19"/>
      <c r="X5518" s="19">
        <v>1</v>
      </c>
      <c r="Y5518" s="19"/>
      <c r="Z5518" s="19"/>
      <c r="AA5518" s="19"/>
    </row>
    <row r="5519" spans="1:27" s="1" customFormat="1" ht="14.1" customHeight="1" outlineLevel="2" x14ac:dyDescent="0.2">
      <c r="A5519" s="17"/>
      <c r="B5519" s="17"/>
      <c r="C5519" s="17"/>
      <c r="D5519" s="18"/>
      <c r="E5519" s="18"/>
      <c r="F5519" s="18"/>
      <c r="G5519" s="18"/>
      <c r="H5519" s="18"/>
      <c r="I5519" s="18"/>
      <c r="J5519" s="18"/>
      <c r="K5519" s="18"/>
      <c r="L5519" s="18"/>
      <c r="M5519" s="18"/>
      <c r="N5519" s="18"/>
      <c r="O5519" s="18"/>
      <c r="P5519" s="19"/>
      <c r="Q5519" s="19"/>
      <c r="R5519" s="19"/>
      <c r="S5519" s="19"/>
      <c r="T5519" s="19"/>
      <c r="U5519" s="19"/>
      <c r="V5519" s="19"/>
      <c r="W5519" s="19"/>
      <c r="X5519" s="19"/>
      <c r="Y5519" s="19"/>
      <c r="Z5519" s="19"/>
      <c r="AA5519" s="19"/>
    </row>
    <row r="5520" spans="1:27" s="1" customFormat="1" ht="14.1" customHeight="1" outlineLevel="2" x14ac:dyDescent="0.2">
      <c r="A5520" s="17">
        <v>12931</v>
      </c>
      <c r="B5520" s="17"/>
      <c r="C5520" s="17"/>
      <c r="D5520" s="18" t="s">
        <v>2745</v>
      </c>
      <c r="E5520" s="18"/>
      <c r="F5520" s="18"/>
      <c r="G5520" s="18"/>
      <c r="H5520" s="18"/>
      <c r="I5520" s="18"/>
      <c r="J5520" s="18"/>
      <c r="K5520" s="18"/>
      <c r="L5520" s="18"/>
      <c r="M5520" s="18"/>
      <c r="N5520" s="18"/>
      <c r="O5520" s="18"/>
      <c r="P5520" s="19">
        <v>125</v>
      </c>
      <c r="Q5520" s="19"/>
      <c r="R5520" s="19"/>
      <c r="S5520" s="19"/>
      <c r="T5520" s="19">
        <v>90</v>
      </c>
      <c r="U5520" s="19"/>
      <c r="V5520" s="19"/>
      <c r="W5520" s="19"/>
      <c r="X5520" s="19">
        <v>1</v>
      </c>
      <c r="Y5520" s="19"/>
      <c r="Z5520" s="19"/>
      <c r="AA5520" s="19"/>
    </row>
    <row r="5521" spans="1:27" s="1" customFormat="1" ht="14.1" customHeight="1" outlineLevel="2" x14ac:dyDescent="0.2">
      <c r="A5521" s="17"/>
      <c r="B5521" s="17"/>
      <c r="C5521" s="17"/>
      <c r="D5521" s="18"/>
      <c r="E5521" s="18"/>
      <c r="F5521" s="18"/>
      <c r="G5521" s="18"/>
      <c r="H5521" s="18"/>
      <c r="I5521" s="18"/>
      <c r="J5521" s="18"/>
      <c r="K5521" s="18"/>
      <c r="L5521" s="18"/>
      <c r="M5521" s="18"/>
      <c r="N5521" s="18"/>
      <c r="O5521" s="18"/>
      <c r="P5521" s="19"/>
      <c r="Q5521" s="19"/>
      <c r="R5521" s="19"/>
      <c r="S5521" s="19"/>
      <c r="T5521" s="19"/>
      <c r="U5521" s="19"/>
      <c r="V5521" s="19"/>
      <c r="W5521" s="19"/>
      <c r="X5521" s="19"/>
      <c r="Y5521" s="19"/>
      <c r="Z5521" s="19"/>
      <c r="AA5521" s="19"/>
    </row>
    <row r="5522" spans="1:27" s="1" customFormat="1" ht="11.1" customHeight="1" outlineLevel="2" x14ac:dyDescent="0.2">
      <c r="A5522" s="17">
        <v>1533</v>
      </c>
      <c r="B5522" s="17"/>
      <c r="C5522" s="17"/>
      <c r="D5522" s="18" t="s">
        <v>2746</v>
      </c>
      <c r="E5522" s="18"/>
      <c r="F5522" s="18"/>
      <c r="G5522" s="18"/>
      <c r="H5522" s="18"/>
      <c r="I5522" s="18"/>
      <c r="J5522" s="18"/>
      <c r="K5522" s="18"/>
      <c r="L5522" s="18"/>
      <c r="M5522" s="18"/>
      <c r="N5522" s="18"/>
      <c r="O5522" s="18"/>
      <c r="P5522" s="19">
        <v>140</v>
      </c>
      <c r="Q5522" s="19"/>
      <c r="R5522" s="19"/>
      <c r="S5522" s="19"/>
      <c r="T5522" s="19">
        <v>110</v>
      </c>
      <c r="U5522" s="19"/>
      <c r="V5522" s="19"/>
      <c r="W5522" s="19"/>
      <c r="X5522" s="19">
        <v>2</v>
      </c>
      <c r="Y5522" s="19"/>
      <c r="Z5522" s="19"/>
      <c r="AA5522" s="19"/>
    </row>
    <row r="5523" spans="1:27" s="1" customFormat="1" ht="11.1" customHeight="1" outlineLevel="2" x14ac:dyDescent="0.2">
      <c r="A5523" s="17"/>
      <c r="B5523" s="17"/>
      <c r="C5523" s="17"/>
      <c r="D5523" s="18"/>
      <c r="E5523" s="18"/>
      <c r="F5523" s="18"/>
      <c r="G5523" s="18"/>
      <c r="H5523" s="18"/>
      <c r="I5523" s="18"/>
      <c r="J5523" s="18"/>
      <c r="K5523" s="18"/>
      <c r="L5523" s="18"/>
      <c r="M5523" s="18"/>
      <c r="N5523" s="18"/>
      <c r="O5523" s="18"/>
      <c r="P5523" s="19"/>
      <c r="Q5523" s="19"/>
      <c r="R5523" s="19"/>
      <c r="S5523" s="19"/>
      <c r="T5523" s="19"/>
      <c r="U5523" s="19"/>
      <c r="V5523" s="19"/>
      <c r="W5523" s="19"/>
      <c r="X5523" s="19"/>
      <c r="Y5523" s="19"/>
      <c r="Z5523" s="19"/>
      <c r="AA5523" s="19"/>
    </row>
    <row r="5524" spans="1:27" s="1" customFormat="1" ht="11.1" customHeight="1" outlineLevel="2" x14ac:dyDescent="0.2">
      <c r="A5524" s="17">
        <v>1532</v>
      </c>
      <c r="B5524" s="17"/>
      <c r="C5524" s="17"/>
      <c r="D5524" s="18" t="s">
        <v>2747</v>
      </c>
      <c r="E5524" s="18"/>
      <c r="F5524" s="18"/>
      <c r="G5524" s="18"/>
      <c r="H5524" s="18"/>
      <c r="I5524" s="18"/>
      <c r="J5524" s="18"/>
      <c r="K5524" s="18"/>
      <c r="L5524" s="18"/>
      <c r="M5524" s="18"/>
      <c r="N5524" s="18"/>
      <c r="O5524" s="18"/>
      <c r="P5524" s="19">
        <v>200</v>
      </c>
      <c r="Q5524" s="19"/>
      <c r="R5524" s="19"/>
      <c r="S5524" s="19"/>
      <c r="T5524" s="19">
        <v>150</v>
      </c>
      <c r="U5524" s="19"/>
      <c r="V5524" s="19"/>
      <c r="W5524" s="19"/>
      <c r="X5524" s="19">
        <v>1</v>
      </c>
      <c r="Y5524" s="19"/>
      <c r="Z5524" s="19"/>
      <c r="AA5524" s="19"/>
    </row>
    <row r="5525" spans="1:27" s="1" customFormat="1" ht="11.1" customHeight="1" outlineLevel="2" x14ac:dyDescent="0.2">
      <c r="A5525" s="17"/>
      <c r="B5525" s="17"/>
      <c r="C5525" s="17"/>
      <c r="D5525" s="18"/>
      <c r="E5525" s="18"/>
      <c r="F5525" s="18"/>
      <c r="G5525" s="18"/>
      <c r="H5525" s="18"/>
      <c r="I5525" s="18"/>
      <c r="J5525" s="18"/>
      <c r="K5525" s="18"/>
      <c r="L5525" s="18"/>
      <c r="M5525" s="18"/>
      <c r="N5525" s="18"/>
      <c r="O5525" s="18"/>
      <c r="P5525" s="19"/>
      <c r="Q5525" s="19"/>
      <c r="R5525" s="19"/>
      <c r="S5525" s="19"/>
      <c r="T5525" s="19"/>
      <c r="U5525" s="19"/>
      <c r="V5525" s="19"/>
      <c r="W5525" s="19"/>
      <c r="X5525" s="19"/>
      <c r="Y5525" s="19"/>
      <c r="Z5525" s="19"/>
      <c r="AA5525" s="19"/>
    </row>
    <row r="5526" spans="1:27" s="1" customFormat="1" ht="11.1" customHeight="1" outlineLevel="2" x14ac:dyDescent="0.2">
      <c r="A5526" s="17">
        <v>934</v>
      </c>
      <c r="B5526" s="17"/>
      <c r="C5526" s="17"/>
      <c r="D5526" s="18" t="s">
        <v>2748</v>
      </c>
      <c r="E5526" s="18"/>
      <c r="F5526" s="18"/>
      <c r="G5526" s="18"/>
      <c r="H5526" s="18"/>
      <c r="I5526" s="18"/>
      <c r="J5526" s="18"/>
      <c r="K5526" s="18"/>
      <c r="L5526" s="18"/>
      <c r="M5526" s="18"/>
      <c r="N5526" s="18"/>
      <c r="O5526" s="18"/>
      <c r="P5526" s="19">
        <v>300</v>
      </c>
      <c r="Q5526" s="19"/>
      <c r="R5526" s="19"/>
      <c r="S5526" s="19"/>
      <c r="T5526" s="19">
        <v>250</v>
      </c>
      <c r="U5526" s="19"/>
      <c r="V5526" s="19"/>
      <c r="W5526" s="19"/>
      <c r="X5526" s="19">
        <v>1</v>
      </c>
      <c r="Y5526" s="19"/>
      <c r="Z5526" s="19"/>
      <c r="AA5526" s="19"/>
    </row>
    <row r="5527" spans="1:27" s="1" customFormat="1" ht="11.1" customHeight="1" outlineLevel="2" x14ac:dyDescent="0.2">
      <c r="A5527" s="17"/>
      <c r="B5527" s="17"/>
      <c r="C5527" s="17"/>
      <c r="D5527" s="18"/>
      <c r="E5527" s="18"/>
      <c r="F5527" s="18"/>
      <c r="G5527" s="18"/>
      <c r="H5527" s="18"/>
      <c r="I5527" s="18"/>
      <c r="J5527" s="18"/>
      <c r="K5527" s="18"/>
      <c r="L5527" s="18"/>
      <c r="M5527" s="18"/>
      <c r="N5527" s="18"/>
      <c r="O5527" s="18"/>
      <c r="P5527" s="19"/>
      <c r="Q5527" s="19"/>
      <c r="R5527" s="19"/>
      <c r="S5527" s="19"/>
      <c r="T5527" s="19"/>
      <c r="U5527" s="19"/>
      <c r="V5527" s="19"/>
      <c r="W5527" s="19"/>
      <c r="X5527" s="19"/>
      <c r="Y5527" s="19"/>
      <c r="Z5527" s="19"/>
      <c r="AA5527" s="19"/>
    </row>
    <row r="5528" spans="1:27" s="1" customFormat="1" ht="14.1" customHeight="1" outlineLevel="2" x14ac:dyDescent="0.2">
      <c r="A5528" s="17">
        <v>5114</v>
      </c>
      <c r="B5528" s="17"/>
      <c r="C5528" s="17"/>
      <c r="D5528" s="18" t="s">
        <v>2749</v>
      </c>
      <c r="E5528" s="18"/>
      <c r="F5528" s="18"/>
      <c r="G5528" s="18"/>
      <c r="H5528" s="18"/>
      <c r="I5528" s="18"/>
      <c r="J5528" s="18"/>
      <c r="K5528" s="18"/>
      <c r="L5528" s="18"/>
      <c r="M5528" s="18"/>
      <c r="N5528" s="18"/>
      <c r="O5528" s="18"/>
      <c r="P5528" s="19">
        <v>860</v>
      </c>
      <c r="Q5528" s="19"/>
      <c r="R5528" s="19"/>
      <c r="S5528" s="19"/>
      <c r="T5528" s="19">
        <v>800</v>
      </c>
      <c r="U5528" s="19"/>
      <c r="V5528" s="19"/>
      <c r="W5528" s="19"/>
      <c r="X5528" s="19">
        <v>1</v>
      </c>
      <c r="Y5528" s="19"/>
      <c r="Z5528" s="19"/>
      <c r="AA5528" s="19"/>
    </row>
    <row r="5529" spans="1:27" s="1" customFormat="1" ht="14.1" customHeight="1" outlineLevel="2" x14ac:dyDescent="0.2">
      <c r="A5529" s="17"/>
      <c r="B5529" s="17"/>
      <c r="C5529" s="17"/>
      <c r="D5529" s="18"/>
      <c r="E5529" s="18"/>
      <c r="F5529" s="18"/>
      <c r="G5529" s="18"/>
      <c r="H5529" s="18"/>
      <c r="I5529" s="18"/>
      <c r="J5529" s="18"/>
      <c r="K5529" s="18"/>
      <c r="L5529" s="18"/>
      <c r="M5529" s="18"/>
      <c r="N5529" s="18"/>
      <c r="O5529" s="18"/>
      <c r="P5529" s="19"/>
      <c r="Q5529" s="19"/>
      <c r="R5529" s="19"/>
      <c r="S5529" s="19"/>
      <c r="T5529" s="19"/>
      <c r="U5529" s="19"/>
      <c r="V5529" s="19"/>
      <c r="W5529" s="19"/>
      <c r="X5529" s="19"/>
      <c r="Y5529" s="19"/>
      <c r="Z5529" s="19"/>
      <c r="AA5529" s="19"/>
    </row>
    <row r="5530" spans="1:27" s="1" customFormat="1" ht="14.1" customHeight="1" outlineLevel="2" x14ac:dyDescent="0.2">
      <c r="A5530" s="17">
        <v>7619</v>
      </c>
      <c r="B5530" s="17"/>
      <c r="C5530" s="17"/>
      <c r="D5530" s="18" t="s">
        <v>2750</v>
      </c>
      <c r="E5530" s="18"/>
      <c r="F5530" s="18"/>
      <c r="G5530" s="18"/>
      <c r="H5530" s="18"/>
      <c r="I5530" s="18"/>
      <c r="J5530" s="18"/>
      <c r="K5530" s="18"/>
      <c r="L5530" s="18"/>
      <c r="M5530" s="18"/>
      <c r="N5530" s="18"/>
      <c r="O5530" s="18"/>
      <c r="P5530" s="19">
        <v>700</v>
      </c>
      <c r="Q5530" s="19"/>
      <c r="R5530" s="19"/>
      <c r="S5530" s="19"/>
      <c r="T5530" s="19">
        <v>650</v>
      </c>
      <c r="U5530" s="19"/>
      <c r="V5530" s="19"/>
      <c r="W5530" s="19"/>
      <c r="X5530" s="19">
        <v>1</v>
      </c>
      <c r="Y5530" s="19"/>
      <c r="Z5530" s="19"/>
      <c r="AA5530" s="19"/>
    </row>
    <row r="5531" spans="1:27" s="1" customFormat="1" ht="14.1" customHeight="1" outlineLevel="2" x14ac:dyDescent="0.2">
      <c r="A5531" s="17"/>
      <c r="B5531" s="17"/>
      <c r="C5531" s="17"/>
      <c r="D5531" s="18"/>
      <c r="E5531" s="18"/>
      <c r="F5531" s="18"/>
      <c r="G5531" s="18"/>
      <c r="H5531" s="18"/>
      <c r="I5531" s="18"/>
      <c r="J5531" s="18"/>
      <c r="K5531" s="18"/>
      <c r="L5531" s="18"/>
      <c r="M5531" s="18"/>
      <c r="N5531" s="18"/>
      <c r="O5531" s="18"/>
      <c r="P5531" s="19"/>
      <c r="Q5531" s="19"/>
      <c r="R5531" s="19"/>
      <c r="S5531" s="19"/>
      <c r="T5531" s="19"/>
      <c r="U5531" s="19"/>
      <c r="V5531" s="19"/>
      <c r="W5531" s="19"/>
      <c r="X5531" s="19"/>
      <c r="Y5531" s="19"/>
      <c r="Z5531" s="19"/>
      <c r="AA5531" s="19"/>
    </row>
    <row r="5532" spans="1:27" s="1" customFormat="1" ht="11.1" customHeight="1" outlineLevel="2" x14ac:dyDescent="0.2">
      <c r="A5532" s="17">
        <v>964</v>
      </c>
      <c r="B5532" s="17"/>
      <c r="C5532" s="17"/>
      <c r="D5532" s="18" t="s">
        <v>2751</v>
      </c>
      <c r="E5532" s="18"/>
      <c r="F5532" s="18"/>
      <c r="G5532" s="18"/>
      <c r="H5532" s="18"/>
      <c r="I5532" s="18"/>
      <c r="J5532" s="18"/>
      <c r="K5532" s="18"/>
      <c r="L5532" s="18"/>
      <c r="M5532" s="18"/>
      <c r="N5532" s="18"/>
      <c r="O5532" s="18"/>
      <c r="P5532" s="19">
        <v>100</v>
      </c>
      <c r="Q5532" s="19"/>
      <c r="R5532" s="19"/>
      <c r="S5532" s="19"/>
      <c r="T5532" s="19">
        <v>80</v>
      </c>
      <c r="U5532" s="19"/>
      <c r="V5532" s="19"/>
      <c r="W5532" s="19"/>
      <c r="X5532" s="19">
        <v>1</v>
      </c>
      <c r="Y5532" s="19"/>
      <c r="Z5532" s="19"/>
      <c r="AA5532" s="19"/>
    </row>
    <row r="5533" spans="1:27" s="1" customFormat="1" ht="11.1" customHeight="1" outlineLevel="2" x14ac:dyDescent="0.2">
      <c r="A5533" s="17"/>
      <c r="B5533" s="17"/>
      <c r="C5533" s="17"/>
      <c r="D5533" s="18"/>
      <c r="E5533" s="18"/>
      <c r="F5533" s="18"/>
      <c r="G5533" s="18"/>
      <c r="H5533" s="18"/>
      <c r="I5533" s="18"/>
      <c r="J5533" s="18"/>
      <c r="K5533" s="18"/>
      <c r="L5533" s="18"/>
      <c r="M5533" s="18"/>
      <c r="N5533" s="18"/>
      <c r="O5533" s="18"/>
      <c r="P5533" s="19"/>
      <c r="Q5533" s="19"/>
      <c r="R5533" s="19"/>
      <c r="S5533" s="19"/>
      <c r="T5533" s="19"/>
      <c r="U5533" s="19"/>
      <c r="V5533" s="19"/>
      <c r="W5533" s="19"/>
      <c r="X5533" s="19"/>
      <c r="Y5533" s="19"/>
      <c r="Z5533" s="19"/>
      <c r="AA5533" s="19"/>
    </row>
    <row r="5534" spans="1:27" s="1" customFormat="1" ht="11.1" customHeight="1" outlineLevel="2" x14ac:dyDescent="0.2">
      <c r="A5534" s="17">
        <v>1429</v>
      </c>
      <c r="B5534" s="17"/>
      <c r="C5534" s="17"/>
      <c r="D5534" s="18" t="s">
        <v>2752</v>
      </c>
      <c r="E5534" s="18"/>
      <c r="F5534" s="18"/>
      <c r="G5534" s="18"/>
      <c r="H5534" s="18"/>
      <c r="I5534" s="18"/>
      <c r="J5534" s="18"/>
      <c r="K5534" s="18"/>
      <c r="L5534" s="18"/>
      <c r="M5534" s="18"/>
      <c r="N5534" s="18"/>
      <c r="O5534" s="18"/>
      <c r="P5534" s="19">
        <v>200</v>
      </c>
      <c r="Q5534" s="19"/>
      <c r="R5534" s="19"/>
      <c r="S5534" s="19"/>
      <c r="T5534" s="19">
        <v>150</v>
      </c>
      <c r="U5534" s="19"/>
      <c r="V5534" s="19"/>
      <c r="W5534" s="19"/>
      <c r="X5534" s="19">
        <v>1</v>
      </c>
      <c r="Y5534" s="19"/>
      <c r="Z5534" s="19"/>
      <c r="AA5534" s="19"/>
    </row>
    <row r="5535" spans="1:27" s="1" customFormat="1" ht="11.1" customHeight="1" outlineLevel="2" x14ac:dyDescent="0.2">
      <c r="A5535" s="17"/>
      <c r="B5535" s="17"/>
      <c r="C5535" s="17"/>
      <c r="D5535" s="18"/>
      <c r="E5535" s="18"/>
      <c r="F5535" s="18"/>
      <c r="G5535" s="18"/>
      <c r="H5535" s="18"/>
      <c r="I5535" s="18"/>
      <c r="J5535" s="18"/>
      <c r="K5535" s="18"/>
      <c r="L5535" s="18"/>
      <c r="M5535" s="18"/>
      <c r="N5535" s="18"/>
      <c r="O5535" s="18"/>
      <c r="P5535" s="19"/>
      <c r="Q5535" s="19"/>
      <c r="R5535" s="19"/>
      <c r="S5535" s="19"/>
      <c r="T5535" s="19"/>
      <c r="U5535" s="19"/>
      <c r="V5535" s="19"/>
      <c r="W5535" s="19"/>
      <c r="X5535" s="19"/>
      <c r="Y5535" s="19"/>
      <c r="Z5535" s="19"/>
      <c r="AA5535" s="19"/>
    </row>
    <row r="5536" spans="1:27" s="1" customFormat="1" ht="11.1" customHeight="1" outlineLevel="2" x14ac:dyDescent="0.2">
      <c r="A5536" s="17">
        <v>1421</v>
      </c>
      <c r="B5536" s="17"/>
      <c r="C5536" s="17"/>
      <c r="D5536" s="18" t="s">
        <v>2753</v>
      </c>
      <c r="E5536" s="18"/>
      <c r="F5536" s="18"/>
      <c r="G5536" s="18"/>
      <c r="H5536" s="18"/>
      <c r="I5536" s="18"/>
      <c r="J5536" s="18"/>
      <c r="K5536" s="18"/>
      <c r="L5536" s="18"/>
      <c r="M5536" s="18"/>
      <c r="N5536" s="18"/>
      <c r="O5536" s="18"/>
      <c r="P5536" s="19">
        <v>220</v>
      </c>
      <c r="Q5536" s="19"/>
      <c r="R5536" s="19"/>
      <c r="S5536" s="19"/>
      <c r="T5536" s="19">
        <v>165</v>
      </c>
      <c r="U5536" s="19"/>
      <c r="V5536" s="19"/>
      <c r="W5536" s="19"/>
      <c r="X5536" s="19">
        <v>1</v>
      </c>
      <c r="Y5536" s="19"/>
      <c r="Z5536" s="19"/>
      <c r="AA5536" s="19"/>
    </row>
    <row r="5537" spans="1:27" s="1" customFormat="1" ht="11.1" customHeight="1" outlineLevel="2" x14ac:dyDescent="0.2">
      <c r="A5537" s="17"/>
      <c r="B5537" s="17"/>
      <c r="C5537" s="17"/>
      <c r="D5537" s="18"/>
      <c r="E5537" s="18"/>
      <c r="F5537" s="18"/>
      <c r="G5537" s="18"/>
      <c r="H5537" s="18"/>
      <c r="I5537" s="18"/>
      <c r="J5537" s="18"/>
      <c r="K5537" s="18"/>
      <c r="L5537" s="18"/>
      <c r="M5537" s="18"/>
      <c r="N5537" s="18"/>
      <c r="O5537" s="18"/>
      <c r="P5537" s="19"/>
      <c r="Q5537" s="19"/>
      <c r="R5537" s="19"/>
      <c r="S5537" s="19"/>
      <c r="T5537" s="19"/>
      <c r="U5537" s="19"/>
      <c r="V5537" s="19"/>
      <c r="W5537" s="19"/>
      <c r="X5537" s="19"/>
      <c r="Y5537" s="19"/>
      <c r="Z5537" s="19"/>
      <c r="AA5537" s="19"/>
    </row>
    <row r="5538" spans="1:27" s="1" customFormat="1" ht="11.1" customHeight="1" outlineLevel="2" x14ac:dyDescent="0.2">
      <c r="A5538" s="17">
        <v>1420</v>
      </c>
      <c r="B5538" s="17"/>
      <c r="C5538" s="17"/>
      <c r="D5538" s="18" t="s">
        <v>2754</v>
      </c>
      <c r="E5538" s="18"/>
      <c r="F5538" s="18"/>
      <c r="G5538" s="18"/>
      <c r="H5538" s="18"/>
      <c r="I5538" s="18"/>
      <c r="J5538" s="18"/>
      <c r="K5538" s="18"/>
      <c r="L5538" s="18"/>
      <c r="M5538" s="18"/>
      <c r="N5538" s="18"/>
      <c r="O5538" s="18"/>
      <c r="P5538" s="19">
        <v>400</v>
      </c>
      <c r="Q5538" s="19"/>
      <c r="R5538" s="19"/>
      <c r="S5538" s="19"/>
      <c r="T5538" s="19">
        <v>340</v>
      </c>
      <c r="U5538" s="19"/>
      <c r="V5538" s="19"/>
      <c r="W5538" s="19"/>
      <c r="X5538" s="19">
        <v>1</v>
      </c>
      <c r="Y5538" s="19"/>
      <c r="Z5538" s="19"/>
      <c r="AA5538" s="19"/>
    </row>
    <row r="5539" spans="1:27" s="1" customFormat="1" ht="11.1" customHeight="1" outlineLevel="2" x14ac:dyDescent="0.2">
      <c r="A5539" s="17"/>
      <c r="B5539" s="17"/>
      <c r="C5539" s="17"/>
      <c r="D5539" s="18"/>
      <c r="E5539" s="18"/>
      <c r="F5539" s="18"/>
      <c r="G5539" s="18"/>
      <c r="H5539" s="18"/>
      <c r="I5539" s="18"/>
      <c r="J5539" s="18"/>
      <c r="K5539" s="18"/>
      <c r="L5539" s="18"/>
      <c r="M5539" s="18"/>
      <c r="N5539" s="18"/>
      <c r="O5539" s="18"/>
      <c r="P5539" s="19"/>
      <c r="Q5539" s="19"/>
      <c r="R5539" s="19"/>
      <c r="S5539" s="19"/>
      <c r="T5539" s="19"/>
      <c r="U5539" s="19"/>
      <c r="V5539" s="19"/>
      <c r="W5539" s="19"/>
      <c r="X5539" s="19"/>
      <c r="Y5539" s="19"/>
      <c r="Z5539" s="19"/>
      <c r="AA5539" s="19"/>
    </row>
    <row r="5540" spans="1:27" s="1" customFormat="1" ht="11.1" customHeight="1" outlineLevel="2" x14ac:dyDescent="0.2">
      <c r="A5540" s="17">
        <v>1432</v>
      </c>
      <c r="B5540" s="17"/>
      <c r="C5540" s="17"/>
      <c r="D5540" s="18" t="s">
        <v>2755</v>
      </c>
      <c r="E5540" s="18"/>
      <c r="F5540" s="18"/>
      <c r="G5540" s="18"/>
      <c r="H5540" s="18"/>
      <c r="I5540" s="18"/>
      <c r="J5540" s="18"/>
      <c r="K5540" s="18"/>
      <c r="L5540" s="18"/>
      <c r="M5540" s="18"/>
      <c r="N5540" s="18"/>
      <c r="O5540" s="18"/>
      <c r="P5540" s="19">
        <v>250</v>
      </c>
      <c r="Q5540" s="19"/>
      <c r="R5540" s="19"/>
      <c r="S5540" s="19"/>
      <c r="T5540" s="19">
        <v>190</v>
      </c>
      <c r="U5540" s="19"/>
      <c r="V5540" s="19"/>
      <c r="W5540" s="19"/>
      <c r="X5540" s="19">
        <v>1</v>
      </c>
      <c r="Y5540" s="19"/>
      <c r="Z5540" s="19"/>
      <c r="AA5540" s="19"/>
    </row>
    <row r="5541" spans="1:27" s="1" customFormat="1" ht="11.1" customHeight="1" outlineLevel="2" x14ac:dyDescent="0.2">
      <c r="A5541" s="17"/>
      <c r="B5541" s="17"/>
      <c r="C5541" s="17"/>
      <c r="D5541" s="18"/>
      <c r="E5541" s="18"/>
      <c r="F5541" s="18"/>
      <c r="G5541" s="18"/>
      <c r="H5541" s="18"/>
      <c r="I5541" s="18"/>
      <c r="J5541" s="18"/>
      <c r="K5541" s="18"/>
      <c r="L5541" s="18"/>
      <c r="M5541" s="18"/>
      <c r="N5541" s="18"/>
      <c r="O5541" s="18"/>
      <c r="P5541" s="19"/>
      <c r="Q5541" s="19"/>
      <c r="R5541" s="19"/>
      <c r="S5541" s="19"/>
      <c r="T5541" s="19"/>
      <c r="U5541" s="19"/>
      <c r="V5541" s="19"/>
      <c r="W5541" s="19"/>
      <c r="X5541" s="19"/>
      <c r="Y5541" s="19"/>
      <c r="Z5541" s="19"/>
      <c r="AA5541" s="19"/>
    </row>
    <row r="5542" spans="1:27" s="1" customFormat="1" ht="11.1" customHeight="1" outlineLevel="2" x14ac:dyDescent="0.2">
      <c r="A5542" s="17">
        <v>1435</v>
      </c>
      <c r="B5542" s="17"/>
      <c r="C5542" s="17"/>
      <c r="D5542" s="18" t="s">
        <v>2756</v>
      </c>
      <c r="E5542" s="18"/>
      <c r="F5542" s="18"/>
      <c r="G5542" s="18"/>
      <c r="H5542" s="18"/>
      <c r="I5542" s="18"/>
      <c r="J5542" s="18"/>
      <c r="K5542" s="18"/>
      <c r="L5542" s="18"/>
      <c r="M5542" s="18"/>
      <c r="N5542" s="18"/>
      <c r="O5542" s="18"/>
      <c r="P5542" s="19">
        <v>250</v>
      </c>
      <c r="Q5542" s="19"/>
      <c r="R5542" s="19"/>
      <c r="S5542" s="19"/>
      <c r="T5542" s="19">
        <v>190</v>
      </c>
      <c r="U5542" s="19"/>
      <c r="V5542" s="19"/>
      <c r="W5542" s="19"/>
      <c r="X5542" s="19">
        <v>2</v>
      </c>
      <c r="Y5542" s="19"/>
      <c r="Z5542" s="19"/>
      <c r="AA5542" s="19"/>
    </row>
    <row r="5543" spans="1:27" s="1" customFormat="1" ht="11.1" customHeight="1" outlineLevel="2" x14ac:dyDescent="0.2">
      <c r="A5543" s="17"/>
      <c r="B5543" s="17"/>
      <c r="C5543" s="17"/>
      <c r="D5543" s="18"/>
      <c r="E5543" s="18"/>
      <c r="F5543" s="18"/>
      <c r="G5543" s="18"/>
      <c r="H5543" s="18"/>
      <c r="I5543" s="18"/>
      <c r="J5543" s="18"/>
      <c r="K5543" s="18"/>
      <c r="L5543" s="18"/>
      <c r="M5543" s="18"/>
      <c r="N5543" s="18"/>
      <c r="O5543" s="18"/>
      <c r="P5543" s="19"/>
      <c r="Q5543" s="19"/>
      <c r="R5543" s="19"/>
      <c r="S5543" s="19"/>
      <c r="T5543" s="19"/>
      <c r="U5543" s="19"/>
      <c r="V5543" s="19"/>
      <c r="W5543" s="19"/>
      <c r="X5543" s="19"/>
      <c r="Y5543" s="19"/>
      <c r="Z5543" s="19"/>
      <c r="AA5543" s="19"/>
    </row>
    <row r="5544" spans="1:27" s="1" customFormat="1" ht="11.1" customHeight="1" outlineLevel="2" x14ac:dyDescent="0.2">
      <c r="A5544" s="17">
        <v>1434</v>
      </c>
      <c r="B5544" s="17"/>
      <c r="C5544" s="17"/>
      <c r="D5544" s="18" t="s">
        <v>2757</v>
      </c>
      <c r="E5544" s="18"/>
      <c r="F5544" s="18"/>
      <c r="G5544" s="18"/>
      <c r="H5544" s="18"/>
      <c r="I5544" s="18"/>
      <c r="J5544" s="18"/>
      <c r="K5544" s="18"/>
      <c r="L5544" s="18"/>
      <c r="M5544" s="18"/>
      <c r="N5544" s="18"/>
      <c r="O5544" s="18"/>
      <c r="P5544" s="19">
        <v>250</v>
      </c>
      <c r="Q5544" s="19"/>
      <c r="R5544" s="19"/>
      <c r="S5544" s="19"/>
      <c r="T5544" s="19">
        <v>190</v>
      </c>
      <c r="U5544" s="19"/>
      <c r="V5544" s="19"/>
      <c r="W5544" s="19"/>
      <c r="X5544" s="19">
        <v>1</v>
      </c>
      <c r="Y5544" s="19"/>
      <c r="Z5544" s="19"/>
      <c r="AA5544" s="19"/>
    </row>
    <row r="5545" spans="1:27" s="1" customFormat="1" ht="11.1" customHeight="1" outlineLevel="2" x14ac:dyDescent="0.2">
      <c r="A5545" s="17"/>
      <c r="B5545" s="17"/>
      <c r="C5545" s="17"/>
      <c r="D5545" s="18"/>
      <c r="E5545" s="18"/>
      <c r="F5545" s="18"/>
      <c r="G5545" s="18"/>
      <c r="H5545" s="18"/>
      <c r="I5545" s="18"/>
      <c r="J5545" s="18"/>
      <c r="K5545" s="18"/>
      <c r="L5545" s="18"/>
      <c r="M5545" s="18"/>
      <c r="N5545" s="18"/>
      <c r="O5545" s="18"/>
      <c r="P5545" s="19"/>
      <c r="Q5545" s="19"/>
      <c r="R5545" s="19"/>
      <c r="S5545" s="19"/>
      <c r="T5545" s="19"/>
      <c r="U5545" s="19"/>
      <c r="V5545" s="19"/>
      <c r="W5545" s="19"/>
      <c r="X5545" s="19"/>
      <c r="Y5545" s="19"/>
      <c r="Z5545" s="19"/>
      <c r="AA5545" s="19"/>
    </row>
    <row r="5546" spans="1:27" s="1" customFormat="1" ht="14.1" customHeight="1" outlineLevel="2" x14ac:dyDescent="0.2">
      <c r="A5546" s="17">
        <v>4463</v>
      </c>
      <c r="B5546" s="17"/>
      <c r="C5546" s="17"/>
      <c r="D5546" s="18" t="s">
        <v>2758</v>
      </c>
      <c r="E5546" s="18"/>
      <c r="F5546" s="18"/>
      <c r="G5546" s="18"/>
      <c r="H5546" s="18"/>
      <c r="I5546" s="18"/>
      <c r="J5546" s="18"/>
      <c r="K5546" s="18"/>
      <c r="L5546" s="18"/>
      <c r="M5546" s="18"/>
      <c r="N5546" s="18"/>
      <c r="O5546" s="18"/>
      <c r="P5546" s="19">
        <v>80</v>
      </c>
      <c r="Q5546" s="19"/>
      <c r="R5546" s="19"/>
      <c r="S5546" s="19"/>
      <c r="T5546" s="19">
        <v>55</v>
      </c>
      <c r="U5546" s="19"/>
      <c r="V5546" s="19"/>
      <c r="W5546" s="19"/>
      <c r="X5546" s="19">
        <v>3</v>
      </c>
      <c r="Y5546" s="19"/>
      <c r="Z5546" s="19"/>
      <c r="AA5546" s="19"/>
    </row>
    <row r="5547" spans="1:27" s="1" customFormat="1" ht="14.1" customHeight="1" outlineLevel="2" x14ac:dyDescent="0.2">
      <c r="A5547" s="17"/>
      <c r="B5547" s="17"/>
      <c r="C5547" s="17"/>
      <c r="D5547" s="18"/>
      <c r="E5547" s="18"/>
      <c r="F5547" s="18"/>
      <c r="G5547" s="18"/>
      <c r="H5547" s="18"/>
      <c r="I5547" s="18"/>
      <c r="J5547" s="18"/>
      <c r="K5547" s="18"/>
      <c r="L5547" s="18"/>
      <c r="M5547" s="18"/>
      <c r="N5547" s="18"/>
      <c r="O5547" s="18"/>
      <c r="P5547" s="19"/>
      <c r="Q5547" s="19"/>
      <c r="R5547" s="19"/>
      <c r="S5547" s="19"/>
      <c r="T5547" s="19"/>
      <c r="U5547" s="19"/>
      <c r="V5547" s="19"/>
      <c r="W5547" s="19"/>
      <c r="X5547" s="19"/>
      <c r="Y5547" s="19"/>
      <c r="Z5547" s="19"/>
      <c r="AA5547" s="19"/>
    </row>
    <row r="5548" spans="1:27" s="1" customFormat="1" ht="11.1" customHeight="1" outlineLevel="2" x14ac:dyDescent="0.2">
      <c r="A5548" s="17">
        <v>13990</v>
      </c>
      <c r="B5548" s="17"/>
      <c r="C5548" s="17"/>
      <c r="D5548" s="18" t="s">
        <v>2759</v>
      </c>
      <c r="E5548" s="18"/>
      <c r="F5548" s="18"/>
      <c r="G5548" s="18"/>
      <c r="H5548" s="18"/>
      <c r="I5548" s="18"/>
      <c r="J5548" s="18"/>
      <c r="K5548" s="18"/>
      <c r="L5548" s="18"/>
      <c r="M5548" s="18"/>
      <c r="N5548" s="18"/>
      <c r="O5548" s="18"/>
      <c r="P5548" s="19">
        <v>160</v>
      </c>
      <c r="Q5548" s="19"/>
      <c r="R5548" s="19"/>
      <c r="S5548" s="19"/>
      <c r="T5548" s="19">
        <v>120</v>
      </c>
      <c r="U5548" s="19"/>
      <c r="V5548" s="19"/>
      <c r="W5548" s="19"/>
      <c r="X5548" s="19">
        <v>1</v>
      </c>
      <c r="Y5548" s="19"/>
      <c r="Z5548" s="19"/>
      <c r="AA5548" s="19"/>
    </row>
    <row r="5549" spans="1:27" s="1" customFormat="1" ht="11.1" customHeight="1" outlineLevel="2" x14ac:dyDescent="0.2">
      <c r="A5549" s="17"/>
      <c r="B5549" s="17"/>
      <c r="C5549" s="17"/>
      <c r="D5549" s="18"/>
      <c r="E5549" s="18"/>
      <c r="F5549" s="18"/>
      <c r="G5549" s="18"/>
      <c r="H5549" s="18"/>
      <c r="I5549" s="18"/>
      <c r="J5549" s="18"/>
      <c r="K5549" s="18"/>
      <c r="L5549" s="18"/>
      <c r="M5549" s="18"/>
      <c r="N5549" s="18"/>
      <c r="O5549" s="18"/>
      <c r="P5549" s="19"/>
      <c r="Q5549" s="19"/>
      <c r="R5549" s="19"/>
      <c r="S5549" s="19"/>
      <c r="T5549" s="19"/>
      <c r="U5549" s="19"/>
      <c r="V5549" s="19"/>
      <c r="W5549" s="19"/>
      <c r="X5549" s="19"/>
      <c r="Y5549" s="19"/>
      <c r="Z5549" s="19"/>
      <c r="AA5549" s="19"/>
    </row>
    <row r="5550" spans="1:27" s="1" customFormat="1" ht="14.1" customHeight="1" outlineLevel="2" x14ac:dyDescent="0.2">
      <c r="A5550" s="17">
        <v>12929</v>
      </c>
      <c r="B5550" s="17"/>
      <c r="C5550" s="17"/>
      <c r="D5550" s="18" t="s">
        <v>2760</v>
      </c>
      <c r="E5550" s="18"/>
      <c r="F5550" s="18"/>
      <c r="G5550" s="18"/>
      <c r="H5550" s="18"/>
      <c r="I5550" s="18"/>
      <c r="J5550" s="18"/>
      <c r="K5550" s="18"/>
      <c r="L5550" s="18"/>
      <c r="M5550" s="18"/>
      <c r="N5550" s="18"/>
      <c r="O5550" s="18"/>
      <c r="P5550" s="19">
        <v>160</v>
      </c>
      <c r="Q5550" s="19"/>
      <c r="R5550" s="19"/>
      <c r="S5550" s="19"/>
      <c r="T5550" s="19">
        <v>120</v>
      </c>
      <c r="U5550" s="19"/>
      <c r="V5550" s="19"/>
      <c r="W5550" s="19"/>
      <c r="X5550" s="19">
        <v>1</v>
      </c>
      <c r="Y5550" s="19"/>
      <c r="Z5550" s="19"/>
      <c r="AA5550" s="19"/>
    </row>
    <row r="5551" spans="1:27" s="1" customFormat="1" ht="14.1" customHeight="1" outlineLevel="2" x14ac:dyDescent="0.2">
      <c r="A5551" s="17"/>
      <c r="B5551" s="17"/>
      <c r="C5551" s="17"/>
      <c r="D5551" s="18"/>
      <c r="E5551" s="18"/>
      <c r="F5551" s="18"/>
      <c r="G5551" s="18"/>
      <c r="H5551" s="18"/>
      <c r="I5551" s="18"/>
      <c r="J5551" s="18"/>
      <c r="K5551" s="18"/>
      <c r="L5551" s="18"/>
      <c r="M5551" s="18"/>
      <c r="N5551" s="18"/>
      <c r="O5551" s="18"/>
      <c r="P5551" s="19"/>
      <c r="Q5551" s="19"/>
      <c r="R5551" s="19"/>
      <c r="S5551" s="19"/>
      <c r="T5551" s="19"/>
      <c r="U5551" s="19"/>
      <c r="V5551" s="19"/>
      <c r="W5551" s="19"/>
      <c r="X5551" s="19"/>
      <c r="Y5551" s="19"/>
      <c r="Z5551" s="19"/>
      <c r="AA5551" s="19"/>
    </row>
    <row r="5552" spans="1:27" s="1" customFormat="1" ht="14.1" customHeight="1" outlineLevel="2" x14ac:dyDescent="0.2">
      <c r="A5552" s="17">
        <v>11737</v>
      </c>
      <c r="B5552" s="17"/>
      <c r="C5552" s="17"/>
      <c r="D5552" s="18" t="s">
        <v>2761</v>
      </c>
      <c r="E5552" s="18"/>
      <c r="F5552" s="18"/>
      <c r="G5552" s="18"/>
      <c r="H5552" s="18"/>
      <c r="I5552" s="18"/>
      <c r="J5552" s="18"/>
      <c r="K5552" s="18"/>
      <c r="L5552" s="18"/>
      <c r="M5552" s="18"/>
      <c r="N5552" s="18"/>
      <c r="O5552" s="18"/>
      <c r="P5552" s="19">
        <v>80</v>
      </c>
      <c r="Q5552" s="19"/>
      <c r="R5552" s="19"/>
      <c r="S5552" s="19"/>
      <c r="T5552" s="19">
        <v>55</v>
      </c>
      <c r="U5552" s="19"/>
      <c r="V5552" s="19"/>
      <c r="W5552" s="19"/>
      <c r="X5552" s="19">
        <v>2</v>
      </c>
      <c r="Y5552" s="19"/>
      <c r="Z5552" s="19"/>
      <c r="AA5552" s="19"/>
    </row>
    <row r="5553" spans="1:27" s="1" customFormat="1" ht="14.1" customHeight="1" outlineLevel="2" x14ac:dyDescent="0.2">
      <c r="A5553" s="17"/>
      <c r="B5553" s="17"/>
      <c r="C5553" s="17"/>
      <c r="D5553" s="18"/>
      <c r="E5553" s="18"/>
      <c r="F5553" s="18"/>
      <c r="G5553" s="18"/>
      <c r="H5553" s="18"/>
      <c r="I5553" s="18"/>
      <c r="J5553" s="18"/>
      <c r="K5553" s="18"/>
      <c r="L5553" s="18"/>
      <c r="M5553" s="18"/>
      <c r="N5553" s="18"/>
      <c r="O5553" s="18"/>
      <c r="P5553" s="19"/>
      <c r="Q5553" s="19"/>
      <c r="R5553" s="19"/>
      <c r="S5553" s="19"/>
      <c r="T5553" s="19"/>
      <c r="U5553" s="19"/>
      <c r="V5553" s="19"/>
      <c r="W5553" s="19"/>
      <c r="X5553" s="19"/>
      <c r="Y5553" s="19"/>
      <c r="Z5553" s="19"/>
      <c r="AA5553" s="19"/>
    </row>
    <row r="5554" spans="1:27" s="1" customFormat="1" ht="11.1" customHeight="1" outlineLevel="2" x14ac:dyDescent="0.2">
      <c r="A5554" s="17">
        <v>11736</v>
      </c>
      <c r="B5554" s="17"/>
      <c r="C5554" s="17"/>
      <c r="D5554" s="18" t="s">
        <v>2762</v>
      </c>
      <c r="E5554" s="18"/>
      <c r="F5554" s="18"/>
      <c r="G5554" s="18"/>
      <c r="H5554" s="18"/>
      <c r="I5554" s="18"/>
      <c r="J5554" s="18"/>
      <c r="K5554" s="18"/>
      <c r="L5554" s="18"/>
      <c r="M5554" s="18"/>
      <c r="N5554" s="18"/>
      <c r="O5554" s="18"/>
      <c r="P5554" s="19">
        <v>80</v>
      </c>
      <c r="Q5554" s="19"/>
      <c r="R5554" s="19"/>
      <c r="S5554" s="19"/>
      <c r="T5554" s="19">
        <v>55</v>
      </c>
      <c r="U5554" s="19"/>
      <c r="V5554" s="19"/>
      <c r="W5554" s="19"/>
      <c r="X5554" s="19">
        <v>3</v>
      </c>
      <c r="Y5554" s="19"/>
      <c r="Z5554" s="19"/>
      <c r="AA5554" s="19"/>
    </row>
    <row r="5555" spans="1:27" s="1" customFormat="1" ht="11.1" customHeight="1" outlineLevel="2" x14ac:dyDescent="0.2">
      <c r="A5555" s="17"/>
      <c r="B5555" s="17"/>
      <c r="C5555" s="17"/>
      <c r="D5555" s="18"/>
      <c r="E5555" s="18"/>
      <c r="F5555" s="18"/>
      <c r="G5555" s="18"/>
      <c r="H5555" s="18"/>
      <c r="I5555" s="18"/>
      <c r="J5555" s="18"/>
      <c r="K5555" s="18"/>
      <c r="L5555" s="18"/>
      <c r="M5555" s="18"/>
      <c r="N5555" s="18"/>
      <c r="O5555" s="18"/>
      <c r="P5555" s="19"/>
      <c r="Q5555" s="19"/>
      <c r="R5555" s="19"/>
      <c r="S5555" s="19"/>
      <c r="T5555" s="19"/>
      <c r="U5555" s="19"/>
      <c r="V5555" s="19"/>
      <c r="W5555" s="19"/>
      <c r="X5555" s="19"/>
      <c r="Y5555" s="19"/>
      <c r="Z5555" s="19"/>
      <c r="AA5555" s="19"/>
    </row>
    <row r="5556" spans="1:27" s="1" customFormat="1" ht="11.1" customHeight="1" outlineLevel="2" x14ac:dyDescent="0.2">
      <c r="A5556" s="17">
        <v>1606</v>
      </c>
      <c r="B5556" s="17"/>
      <c r="C5556" s="17"/>
      <c r="D5556" s="18" t="s">
        <v>2763</v>
      </c>
      <c r="E5556" s="18"/>
      <c r="F5556" s="18"/>
      <c r="G5556" s="18"/>
      <c r="H5556" s="18"/>
      <c r="I5556" s="18"/>
      <c r="J5556" s="18"/>
      <c r="K5556" s="18"/>
      <c r="L5556" s="18"/>
      <c r="M5556" s="18"/>
      <c r="N5556" s="18"/>
      <c r="O5556" s="18"/>
      <c r="P5556" s="19">
        <v>400</v>
      </c>
      <c r="Q5556" s="19"/>
      <c r="R5556" s="19"/>
      <c r="S5556" s="19"/>
      <c r="T5556" s="19">
        <v>350</v>
      </c>
      <c r="U5556" s="19"/>
      <c r="V5556" s="19"/>
      <c r="W5556" s="19"/>
      <c r="X5556" s="19">
        <v>1</v>
      </c>
      <c r="Y5556" s="19"/>
      <c r="Z5556" s="19"/>
      <c r="AA5556" s="19"/>
    </row>
    <row r="5557" spans="1:27" s="1" customFormat="1" ht="11.1" customHeight="1" outlineLevel="2" x14ac:dyDescent="0.2">
      <c r="A5557" s="17"/>
      <c r="B5557" s="17"/>
      <c r="C5557" s="17"/>
      <c r="D5557" s="18"/>
      <c r="E5557" s="18"/>
      <c r="F5557" s="18"/>
      <c r="G5557" s="18"/>
      <c r="H5557" s="18"/>
      <c r="I5557" s="18"/>
      <c r="J5557" s="18"/>
      <c r="K5557" s="18"/>
      <c r="L5557" s="18"/>
      <c r="M5557" s="18"/>
      <c r="N5557" s="18"/>
      <c r="O5557" s="18"/>
      <c r="P5557" s="19"/>
      <c r="Q5557" s="19"/>
      <c r="R5557" s="19"/>
      <c r="S5557" s="19"/>
      <c r="T5557" s="19"/>
      <c r="U5557" s="19"/>
      <c r="V5557" s="19"/>
      <c r="W5557" s="19"/>
      <c r="X5557" s="19"/>
      <c r="Y5557" s="19"/>
      <c r="Z5557" s="19"/>
      <c r="AA5557" s="19"/>
    </row>
    <row r="5558" spans="1:27" s="1" customFormat="1" ht="14.1" customHeight="1" outlineLevel="2" x14ac:dyDescent="0.2">
      <c r="A5558" s="17">
        <v>12930</v>
      </c>
      <c r="B5558" s="17"/>
      <c r="C5558" s="17"/>
      <c r="D5558" s="18" t="s">
        <v>2764</v>
      </c>
      <c r="E5558" s="18"/>
      <c r="F5558" s="18"/>
      <c r="G5558" s="18"/>
      <c r="H5558" s="18"/>
      <c r="I5558" s="18"/>
      <c r="J5558" s="18"/>
      <c r="K5558" s="18"/>
      <c r="L5558" s="18"/>
      <c r="M5558" s="18"/>
      <c r="N5558" s="18"/>
      <c r="O5558" s="18"/>
      <c r="P5558" s="19">
        <v>200</v>
      </c>
      <c r="Q5558" s="19"/>
      <c r="R5558" s="19"/>
      <c r="S5558" s="19"/>
      <c r="T5558" s="19">
        <v>150</v>
      </c>
      <c r="U5558" s="19"/>
      <c r="V5558" s="19"/>
      <c r="W5558" s="19"/>
      <c r="X5558" s="19">
        <v>1</v>
      </c>
      <c r="Y5558" s="19"/>
      <c r="Z5558" s="19"/>
      <c r="AA5558" s="19"/>
    </row>
    <row r="5559" spans="1:27" s="1" customFormat="1" ht="14.1" customHeight="1" outlineLevel="2" x14ac:dyDescent="0.2">
      <c r="A5559" s="17"/>
      <c r="B5559" s="17"/>
      <c r="C5559" s="17"/>
      <c r="D5559" s="18"/>
      <c r="E5559" s="18"/>
      <c r="F5559" s="18"/>
      <c r="G5559" s="18"/>
      <c r="H5559" s="18"/>
      <c r="I5559" s="18"/>
      <c r="J5559" s="18"/>
      <c r="K5559" s="18"/>
      <c r="L5559" s="18"/>
      <c r="M5559" s="18"/>
      <c r="N5559" s="18"/>
      <c r="O5559" s="18"/>
      <c r="P5559" s="19"/>
      <c r="Q5559" s="19"/>
      <c r="R5559" s="19"/>
      <c r="S5559" s="19"/>
      <c r="T5559" s="19"/>
      <c r="U5559" s="19"/>
      <c r="V5559" s="19"/>
      <c r="W5559" s="19"/>
      <c r="X5559" s="19"/>
      <c r="Y5559" s="19"/>
      <c r="Z5559" s="19"/>
      <c r="AA5559" s="19"/>
    </row>
    <row r="5560" spans="1:27" s="1" customFormat="1" ht="11.1" customHeight="1" outlineLevel="1" x14ac:dyDescent="0.2">
      <c r="A5560" s="16" t="s">
        <v>2765</v>
      </c>
      <c r="B5560" s="16"/>
      <c r="C5560" s="16"/>
      <c r="D5560" s="16"/>
      <c r="E5560" s="16"/>
      <c r="F5560" s="16"/>
      <c r="G5560" s="16"/>
      <c r="H5560" s="16"/>
      <c r="I5560" s="16"/>
      <c r="J5560" s="16"/>
      <c r="K5560" s="16"/>
      <c r="L5560" s="16"/>
      <c r="M5560" s="16"/>
      <c r="N5560" s="16"/>
      <c r="O5560" s="16"/>
      <c r="P5560" s="16"/>
      <c r="Q5560" s="16"/>
      <c r="R5560" s="16"/>
      <c r="S5560" s="16"/>
      <c r="T5560" s="16"/>
      <c r="U5560" s="16"/>
      <c r="V5560" s="16"/>
      <c r="W5560" s="16"/>
      <c r="X5560" s="16"/>
      <c r="Y5560" s="16"/>
      <c r="Z5560" s="16"/>
      <c r="AA5560" s="16"/>
    </row>
    <row r="5561" spans="1:27" s="1" customFormat="1" ht="11.1" customHeight="1" outlineLevel="1" x14ac:dyDescent="0.2">
      <c r="A5561" s="16"/>
      <c r="B5561" s="16"/>
      <c r="C5561" s="16"/>
      <c r="D5561" s="16"/>
      <c r="E5561" s="16"/>
      <c r="F5561" s="16"/>
      <c r="G5561" s="16"/>
      <c r="H5561" s="16"/>
      <c r="I5561" s="16"/>
      <c r="J5561" s="16"/>
      <c r="K5561" s="16"/>
      <c r="L5561" s="16"/>
      <c r="M5561" s="16"/>
      <c r="N5561" s="16"/>
      <c r="O5561" s="16"/>
      <c r="P5561" s="16"/>
      <c r="Q5561" s="16"/>
      <c r="R5561" s="16"/>
      <c r="S5561" s="16"/>
      <c r="T5561" s="16"/>
      <c r="U5561" s="16"/>
      <c r="V5561" s="16"/>
      <c r="W5561" s="16"/>
      <c r="X5561" s="16"/>
      <c r="Y5561" s="16"/>
      <c r="Z5561" s="16"/>
      <c r="AA5561" s="16"/>
    </row>
    <row r="5562" spans="1:27" s="1" customFormat="1" ht="11.1" customHeight="1" outlineLevel="2" x14ac:dyDescent="0.2">
      <c r="A5562" s="17">
        <v>17213</v>
      </c>
      <c r="B5562" s="17"/>
      <c r="C5562" s="17"/>
      <c r="D5562" s="18" t="s">
        <v>2766</v>
      </c>
      <c r="E5562" s="18"/>
      <c r="F5562" s="18"/>
      <c r="G5562" s="18"/>
      <c r="H5562" s="18"/>
      <c r="I5562" s="18"/>
      <c r="J5562" s="18"/>
      <c r="K5562" s="18"/>
      <c r="L5562" s="18"/>
      <c r="M5562" s="18"/>
      <c r="N5562" s="18"/>
      <c r="O5562" s="18"/>
      <c r="P5562" s="19">
        <v>450</v>
      </c>
      <c r="Q5562" s="19"/>
      <c r="R5562" s="19"/>
      <c r="S5562" s="19"/>
      <c r="T5562" s="19">
        <v>290</v>
      </c>
      <c r="U5562" s="19"/>
      <c r="V5562" s="19"/>
      <c r="W5562" s="19"/>
      <c r="X5562" s="19">
        <v>5</v>
      </c>
      <c r="Y5562" s="19"/>
      <c r="Z5562" s="19"/>
      <c r="AA5562" s="19"/>
    </row>
    <row r="5563" spans="1:27" s="1" customFormat="1" ht="11.1" customHeight="1" outlineLevel="2" x14ac:dyDescent="0.2">
      <c r="A5563" s="17"/>
      <c r="B5563" s="17"/>
      <c r="C5563" s="17"/>
      <c r="D5563" s="18"/>
      <c r="E5563" s="18"/>
      <c r="F5563" s="18"/>
      <c r="G5563" s="18"/>
      <c r="H5563" s="18"/>
      <c r="I5563" s="18"/>
      <c r="J5563" s="18"/>
      <c r="K5563" s="18"/>
      <c r="L5563" s="18"/>
      <c r="M5563" s="18"/>
      <c r="N5563" s="18"/>
      <c r="O5563" s="18"/>
      <c r="P5563" s="19"/>
      <c r="Q5563" s="19"/>
      <c r="R5563" s="19"/>
      <c r="S5563" s="19"/>
      <c r="T5563" s="19"/>
      <c r="U5563" s="19"/>
      <c r="V5563" s="19"/>
      <c r="W5563" s="19"/>
      <c r="X5563" s="19"/>
      <c r="Y5563" s="19"/>
      <c r="Z5563" s="19"/>
      <c r="AA5563" s="19"/>
    </row>
    <row r="5564" spans="1:27" s="1" customFormat="1" ht="14.1" customHeight="1" outlineLevel="2" x14ac:dyDescent="0.2">
      <c r="A5564" s="17">
        <v>17214</v>
      </c>
      <c r="B5564" s="17"/>
      <c r="C5564" s="17"/>
      <c r="D5564" s="18" t="s">
        <v>2767</v>
      </c>
      <c r="E5564" s="18"/>
      <c r="F5564" s="18"/>
      <c r="G5564" s="18"/>
      <c r="H5564" s="18"/>
      <c r="I5564" s="18"/>
      <c r="J5564" s="18"/>
      <c r="K5564" s="18"/>
      <c r="L5564" s="18"/>
      <c r="M5564" s="18"/>
      <c r="N5564" s="18"/>
      <c r="O5564" s="18"/>
      <c r="P5564" s="19">
        <v>450</v>
      </c>
      <c r="Q5564" s="19"/>
      <c r="R5564" s="19"/>
      <c r="S5564" s="19"/>
      <c r="T5564" s="19">
        <v>290</v>
      </c>
      <c r="U5564" s="19"/>
      <c r="V5564" s="19"/>
      <c r="W5564" s="19"/>
      <c r="X5564" s="19">
        <v>5</v>
      </c>
      <c r="Y5564" s="19"/>
      <c r="Z5564" s="19"/>
      <c r="AA5564" s="19"/>
    </row>
    <row r="5565" spans="1:27" s="1" customFormat="1" ht="14.1" customHeight="1" outlineLevel="2" x14ac:dyDescent="0.2">
      <c r="A5565" s="17"/>
      <c r="B5565" s="17"/>
      <c r="C5565" s="17"/>
      <c r="D5565" s="18"/>
      <c r="E5565" s="18"/>
      <c r="F5565" s="18"/>
      <c r="G5565" s="18"/>
      <c r="H5565" s="18"/>
      <c r="I5565" s="18"/>
      <c r="J5565" s="18"/>
      <c r="K5565" s="18"/>
      <c r="L5565" s="18"/>
      <c r="M5565" s="18"/>
      <c r="N5565" s="18"/>
      <c r="O5565" s="18"/>
      <c r="P5565" s="19"/>
      <c r="Q5565" s="19"/>
      <c r="R5565" s="19"/>
      <c r="S5565" s="19"/>
      <c r="T5565" s="19"/>
      <c r="U5565" s="19"/>
      <c r="V5565" s="19"/>
      <c r="W5565" s="19"/>
      <c r="X5565" s="19"/>
      <c r="Y5565" s="19"/>
      <c r="Z5565" s="19"/>
      <c r="AA5565" s="19"/>
    </row>
    <row r="5566" spans="1:27" s="1" customFormat="1" ht="11.1" customHeight="1" outlineLevel="2" x14ac:dyDescent="0.2">
      <c r="A5566" s="17">
        <v>17212</v>
      </c>
      <c r="B5566" s="17"/>
      <c r="C5566" s="17"/>
      <c r="D5566" s="18" t="s">
        <v>2768</v>
      </c>
      <c r="E5566" s="18"/>
      <c r="F5566" s="18"/>
      <c r="G5566" s="18"/>
      <c r="H5566" s="18"/>
      <c r="I5566" s="18"/>
      <c r="J5566" s="18"/>
      <c r="K5566" s="18"/>
      <c r="L5566" s="18"/>
      <c r="M5566" s="18"/>
      <c r="N5566" s="18"/>
      <c r="O5566" s="18"/>
      <c r="P5566" s="19">
        <v>450</v>
      </c>
      <c r="Q5566" s="19"/>
      <c r="R5566" s="19"/>
      <c r="S5566" s="19"/>
      <c r="T5566" s="19">
        <v>290</v>
      </c>
      <c r="U5566" s="19"/>
      <c r="V5566" s="19"/>
      <c r="W5566" s="19"/>
      <c r="X5566" s="19">
        <v>3</v>
      </c>
      <c r="Y5566" s="19"/>
      <c r="Z5566" s="19"/>
      <c r="AA5566" s="19"/>
    </row>
    <row r="5567" spans="1:27" s="1" customFormat="1" ht="11.1" customHeight="1" outlineLevel="2" x14ac:dyDescent="0.2">
      <c r="A5567" s="17"/>
      <c r="B5567" s="17"/>
      <c r="C5567" s="17"/>
      <c r="D5567" s="18"/>
      <c r="E5567" s="18"/>
      <c r="F5567" s="18"/>
      <c r="G5567" s="18"/>
      <c r="H5567" s="18"/>
      <c r="I5567" s="18"/>
      <c r="J5567" s="18"/>
      <c r="K5567" s="18"/>
      <c r="L5567" s="18"/>
      <c r="M5567" s="18"/>
      <c r="N5567" s="18"/>
      <c r="O5567" s="18"/>
      <c r="P5567" s="19"/>
      <c r="Q5567" s="19"/>
      <c r="R5567" s="19"/>
      <c r="S5567" s="19"/>
      <c r="T5567" s="19"/>
      <c r="U5567" s="19"/>
      <c r="V5567" s="19"/>
      <c r="W5567" s="19"/>
      <c r="X5567" s="19"/>
      <c r="Y5567" s="19"/>
      <c r="Z5567" s="19"/>
      <c r="AA5567" s="19"/>
    </row>
    <row r="5568" spans="1:27" s="1" customFormat="1" ht="11.1" customHeight="1" outlineLevel="2" x14ac:dyDescent="0.2">
      <c r="A5568" s="17">
        <v>17206</v>
      </c>
      <c r="B5568" s="17"/>
      <c r="C5568" s="17"/>
      <c r="D5568" s="18" t="s">
        <v>2769</v>
      </c>
      <c r="E5568" s="18"/>
      <c r="F5568" s="18"/>
      <c r="G5568" s="18"/>
      <c r="H5568" s="18"/>
      <c r="I5568" s="18"/>
      <c r="J5568" s="18"/>
      <c r="K5568" s="18"/>
      <c r="L5568" s="18"/>
      <c r="M5568" s="18"/>
      <c r="N5568" s="18"/>
      <c r="O5568" s="18"/>
      <c r="P5568" s="19">
        <v>450</v>
      </c>
      <c r="Q5568" s="19"/>
      <c r="R5568" s="19"/>
      <c r="S5568" s="19"/>
      <c r="T5568" s="19">
        <v>290</v>
      </c>
      <c r="U5568" s="19"/>
      <c r="V5568" s="19"/>
      <c r="W5568" s="19"/>
      <c r="X5568" s="19">
        <v>5</v>
      </c>
      <c r="Y5568" s="19"/>
      <c r="Z5568" s="19"/>
      <c r="AA5568" s="19"/>
    </row>
    <row r="5569" spans="1:27" s="1" customFormat="1" ht="11.1" customHeight="1" outlineLevel="2" x14ac:dyDescent="0.2">
      <c r="A5569" s="17"/>
      <c r="B5569" s="17"/>
      <c r="C5569" s="17"/>
      <c r="D5569" s="18"/>
      <c r="E5569" s="18"/>
      <c r="F5569" s="18"/>
      <c r="G5569" s="18"/>
      <c r="H5569" s="18"/>
      <c r="I5569" s="18"/>
      <c r="J5569" s="18"/>
      <c r="K5569" s="18"/>
      <c r="L5569" s="18"/>
      <c r="M5569" s="18"/>
      <c r="N5569" s="18"/>
      <c r="O5569" s="18"/>
      <c r="P5569" s="19"/>
      <c r="Q5569" s="19"/>
      <c r="R5569" s="19"/>
      <c r="S5569" s="19"/>
      <c r="T5569" s="19"/>
      <c r="U5569" s="19"/>
      <c r="V5569" s="19"/>
      <c r="W5569" s="19"/>
      <c r="X5569" s="19"/>
      <c r="Y5569" s="19"/>
      <c r="Z5569" s="19"/>
      <c r="AA5569" s="19"/>
    </row>
    <row r="5570" spans="1:27" s="1" customFormat="1" ht="11.1" customHeight="1" outlineLevel="2" x14ac:dyDescent="0.2">
      <c r="A5570" s="17">
        <v>17205</v>
      </c>
      <c r="B5570" s="17"/>
      <c r="C5570" s="17"/>
      <c r="D5570" s="18" t="s">
        <v>2770</v>
      </c>
      <c r="E5570" s="18"/>
      <c r="F5570" s="18"/>
      <c r="G5570" s="18"/>
      <c r="H5570" s="18"/>
      <c r="I5570" s="18"/>
      <c r="J5570" s="18"/>
      <c r="K5570" s="18"/>
      <c r="L5570" s="18"/>
      <c r="M5570" s="18"/>
      <c r="N5570" s="18"/>
      <c r="O5570" s="18"/>
      <c r="P5570" s="19">
        <v>450</v>
      </c>
      <c r="Q5570" s="19"/>
      <c r="R5570" s="19"/>
      <c r="S5570" s="19"/>
      <c r="T5570" s="19">
        <v>290</v>
      </c>
      <c r="U5570" s="19"/>
      <c r="V5570" s="19"/>
      <c r="W5570" s="19"/>
      <c r="X5570" s="19">
        <v>4</v>
      </c>
      <c r="Y5570" s="19"/>
      <c r="Z5570" s="19"/>
      <c r="AA5570" s="19"/>
    </row>
    <row r="5571" spans="1:27" s="1" customFormat="1" ht="11.1" customHeight="1" outlineLevel="2" x14ac:dyDescent="0.2">
      <c r="A5571" s="17"/>
      <c r="B5571" s="17"/>
      <c r="C5571" s="17"/>
      <c r="D5571" s="18"/>
      <c r="E5571" s="18"/>
      <c r="F5571" s="18"/>
      <c r="G5571" s="18"/>
      <c r="H5571" s="18"/>
      <c r="I5571" s="18"/>
      <c r="J5571" s="18"/>
      <c r="K5571" s="18"/>
      <c r="L5571" s="18"/>
      <c r="M5571" s="18"/>
      <c r="N5571" s="18"/>
      <c r="O5571" s="18"/>
      <c r="P5571" s="19"/>
      <c r="Q5571" s="19"/>
      <c r="R5571" s="19"/>
      <c r="S5571" s="19"/>
      <c r="T5571" s="19"/>
      <c r="U5571" s="19"/>
      <c r="V5571" s="19"/>
      <c r="W5571" s="19"/>
      <c r="X5571" s="19"/>
      <c r="Y5571" s="19"/>
      <c r="Z5571" s="19"/>
      <c r="AA5571" s="19"/>
    </row>
    <row r="5572" spans="1:27" s="1" customFormat="1" ht="11.1" customHeight="1" outlineLevel="2" x14ac:dyDescent="0.2">
      <c r="A5572" s="17">
        <v>17223</v>
      </c>
      <c r="B5572" s="17"/>
      <c r="C5572" s="17"/>
      <c r="D5572" s="18" t="s">
        <v>2771</v>
      </c>
      <c r="E5572" s="18"/>
      <c r="F5572" s="18"/>
      <c r="G5572" s="18"/>
      <c r="H5572" s="18"/>
      <c r="I5572" s="18"/>
      <c r="J5572" s="18"/>
      <c r="K5572" s="18"/>
      <c r="L5572" s="18"/>
      <c r="M5572" s="18"/>
      <c r="N5572" s="18"/>
      <c r="O5572" s="18"/>
      <c r="P5572" s="19">
        <v>450</v>
      </c>
      <c r="Q5572" s="19"/>
      <c r="R5572" s="19"/>
      <c r="S5572" s="19"/>
      <c r="T5572" s="19">
        <v>290</v>
      </c>
      <c r="U5572" s="19"/>
      <c r="V5572" s="19"/>
      <c r="W5572" s="19"/>
      <c r="X5572" s="19">
        <v>4</v>
      </c>
      <c r="Y5572" s="19"/>
      <c r="Z5572" s="19"/>
      <c r="AA5572" s="19"/>
    </row>
    <row r="5573" spans="1:27" s="1" customFormat="1" ht="11.1" customHeight="1" outlineLevel="2" x14ac:dyDescent="0.2">
      <c r="A5573" s="17"/>
      <c r="B5573" s="17"/>
      <c r="C5573" s="17"/>
      <c r="D5573" s="18"/>
      <c r="E5573" s="18"/>
      <c r="F5573" s="18"/>
      <c r="G5573" s="18"/>
      <c r="H5573" s="18"/>
      <c r="I5573" s="18"/>
      <c r="J5573" s="18"/>
      <c r="K5573" s="18"/>
      <c r="L5573" s="18"/>
      <c r="M5573" s="18"/>
      <c r="N5573" s="18"/>
      <c r="O5573" s="18"/>
      <c r="P5573" s="19"/>
      <c r="Q5573" s="19"/>
      <c r="R5573" s="19"/>
      <c r="S5573" s="19"/>
      <c r="T5573" s="19"/>
      <c r="U5573" s="19"/>
      <c r="V5573" s="19"/>
      <c r="W5573" s="19"/>
      <c r="X5573" s="19"/>
      <c r="Y5573" s="19"/>
      <c r="Z5573" s="19"/>
      <c r="AA5573" s="19"/>
    </row>
    <row r="5574" spans="1:27" s="1" customFormat="1" ht="11.1" customHeight="1" outlineLevel="2" x14ac:dyDescent="0.2">
      <c r="A5574" s="17">
        <v>17221</v>
      </c>
      <c r="B5574" s="17"/>
      <c r="C5574" s="17"/>
      <c r="D5574" s="18" t="s">
        <v>2772</v>
      </c>
      <c r="E5574" s="18"/>
      <c r="F5574" s="18"/>
      <c r="G5574" s="18"/>
      <c r="H5574" s="18"/>
      <c r="I5574" s="18"/>
      <c r="J5574" s="18"/>
      <c r="K5574" s="18"/>
      <c r="L5574" s="18"/>
      <c r="M5574" s="18"/>
      <c r="N5574" s="18"/>
      <c r="O5574" s="18"/>
      <c r="P5574" s="19">
        <v>450</v>
      </c>
      <c r="Q5574" s="19"/>
      <c r="R5574" s="19"/>
      <c r="S5574" s="19"/>
      <c r="T5574" s="19">
        <v>290</v>
      </c>
      <c r="U5574" s="19"/>
      <c r="V5574" s="19"/>
      <c r="W5574" s="19"/>
      <c r="X5574" s="19">
        <v>5</v>
      </c>
      <c r="Y5574" s="19"/>
      <c r="Z5574" s="19"/>
      <c r="AA5574" s="19"/>
    </row>
    <row r="5575" spans="1:27" s="1" customFormat="1" ht="11.1" customHeight="1" outlineLevel="2" x14ac:dyDescent="0.2">
      <c r="A5575" s="17"/>
      <c r="B5575" s="17"/>
      <c r="C5575" s="17"/>
      <c r="D5575" s="18"/>
      <c r="E5575" s="18"/>
      <c r="F5575" s="18"/>
      <c r="G5575" s="18"/>
      <c r="H5575" s="18"/>
      <c r="I5575" s="18"/>
      <c r="J5575" s="18"/>
      <c r="K5575" s="18"/>
      <c r="L5575" s="18"/>
      <c r="M5575" s="18"/>
      <c r="N5575" s="18"/>
      <c r="O5575" s="18"/>
      <c r="P5575" s="19"/>
      <c r="Q5575" s="19"/>
      <c r="R5575" s="19"/>
      <c r="S5575" s="19"/>
      <c r="T5575" s="19"/>
      <c r="U5575" s="19"/>
      <c r="V5575" s="19"/>
      <c r="W5575" s="19"/>
      <c r="X5575" s="19"/>
      <c r="Y5575" s="19"/>
      <c r="Z5575" s="19"/>
      <c r="AA5575" s="19"/>
    </row>
    <row r="5576" spans="1:27" s="1" customFormat="1" ht="11.1" customHeight="1" outlineLevel="2" x14ac:dyDescent="0.2">
      <c r="A5576" s="17">
        <v>17222</v>
      </c>
      <c r="B5576" s="17"/>
      <c r="C5576" s="17"/>
      <c r="D5576" s="18" t="s">
        <v>2773</v>
      </c>
      <c r="E5576" s="18"/>
      <c r="F5576" s="18"/>
      <c r="G5576" s="18"/>
      <c r="H5576" s="18"/>
      <c r="I5576" s="18"/>
      <c r="J5576" s="18"/>
      <c r="K5576" s="18"/>
      <c r="L5576" s="18"/>
      <c r="M5576" s="18"/>
      <c r="N5576" s="18"/>
      <c r="O5576" s="18"/>
      <c r="P5576" s="19">
        <v>450</v>
      </c>
      <c r="Q5576" s="19"/>
      <c r="R5576" s="19"/>
      <c r="S5576" s="19"/>
      <c r="T5576" s="19">
        <v>290</v>
      </c>
      <c r="U5576" s="19"/>
      <c r="V5576" s="19"/>
      <c r="W5576" s="19"/>
      <c r="X5576" s="19">
        <v>5</v>
      </c>
      <c r="Y5576" s="19"/>
      <c r="Z5576" s="19"/>
      <c r="AA5576" s="19"/>
    </row>
    <row r="5577" spans="1:27" s="1" customFormat="1" ht="11.1" customHeight="1" outlineLevel="2" x14ac:dyDescent="0.2">
      <c r="A5577" s="17"/>
      <c r="B5577" s="17"/>
      <c r="C5577" s="17"/>
      <c r="D5577" s="18"/>
      <c r="E5577" s="18"/>
      <c r="F5577" s="18"/>
      <c r="G5577" s="18"/>
      <c r="H5577" s="18"/>
      <c r="I5577" s="18"/>
      <c r="J5577" s="18"/>
      <c r="K5577" s="18"/>
      <c r="L5577" s="18"/>
      <c r="M5577" s="18"/>
      <c r="N5577" s="18"/>
      <c r="O5577" s="18"/>
      <c r="P5577" s="19"/>
      <c r="Q5577" s="19"/>
      <c r="R5577" s="19"/>
      <c r="S5577" s="19"/>
      <c r="T5577" s="19"/>
      <c r="U5577" s="19"/>
      <c r="V5577" s="19"/>
      <c r="W5577" s="19"/>
      <c r="X5577" s="19"/>
      <c r="Y5577" s="19"/>
      <c r="Z5577" s="19"/>
      <c r="AA5577" s="19"/>
    </row>
    <row r="5578" spans="1:27" s="1" customFormat="1" ht="11.1" customHeight="1" outlineLevel="2" x14ac:dyDescent="0.2">
      <c r="A5578" s="17">
        <v>17186</v>
      </c>
      <c r="B5578" s="17"/>
      <c r="C5578" s="17"/>
      <c r="D5578" s="18" t="s">
        <v>2774</v>
      </c>
      <c r="E5578" s="18"/>
      <c r="F5578" s="18"/>
      <c r="G5578" s="18"/>
      <c r="H5578" s="18"/>
      <c r="I5578" s="18"/>
      <c r="J5578" s="18"/>
      <c r="K5578" s="18"/>
      <c r="L5578" s="18"/>
      <c r="M5578" s="18"/>
      <c r="N5578" s="18"/>
      <c r="O5578" s="18"/>
      <c r="P5578" s="19">
        <v>450</v>
      </c>
      <c r="Q5578" s="19"/>
      <c r="R5578" s="19"/>
      <c r="S5578" s="19"/>
      <c r="T5578" s="19">
        <v>290</v>
      </c>
      <c r="U5578" s="19"/>
      <c r="V5578" s="19"/>
      <c r="W5578" s="19"/>
      <c r="X5578" s="19">
        <v>5</v>
      </c>
      <c r="Y5578" s="19"/>
      <c r="Z5578" s="19"/>
      <c r="AA5578" s="19"/>
    </row>
    <row r="5579" spans="1:27" s="1" customFormat="1" ht="11.1" customHeight="1" outlineLevel="2" x14ac:dyDescent="0.2">
      <c r="A5579" s="17"/>
      <c r="B5579" s="17"/>
      <c r="C5579" s="17"/>
      <c r="D5579" s="18"/>
      <c r="E5579" s="18"/>
      <c r="F5579" s="18"/>
      <c r="G5579" s="18"/>
      <c r="H5579" s="18"/>
      <c r="I5579" s="18"/>
      <c r="J5579" s="18"/>
      <c r="K5579" s="18"/>
      <c r="L5579" s="18"/>
      <c r="M5579" s="18"/>
      <c r="N5579" s="18"/>
      <c r="O5579" s="18"/>
      <c r="P5579" s="19"/>
      <c r="Q5579" s="19"/>
      <c r="R5579" s="19"/>
      <c r="S5579" s="19"/>
      <c r="T5579" s="19"/>
      <c r="U5579" s="19"/>
      <c r="V5579" s="19"/>
      <c r="W5579" s="19"/>
      <c r="X5579" s="19"/>
      <c r="Y5579" s="19"/>
      <c r="Z5579" s="19"/>
      <c r="AA5579" s="19"/>
    </row>
    <row r="5580" spans="1:27" s="1" customFormat="1" ht="11.1" customHeight="1" outlineLevel="2" x14ac:dyDescent="0.2">
      <c r="A5580" s="17">
        <v>17184</v>
      </c>
      <c r="B5580" s="17"/>
      <c r="C5580" s="17"/>
      <c r="D5580" s="18" t="s">
        <v>2775</v>
      </c>
      <c r="E5580" s="18"/>
      <c r="F5580" s="18"/>
      <c r="G5580" s="18"/>
      <c r="H5580" s="18"/>
      <c r="I5580" s="18"/>
      <c r="J5580" s="18"/>
      <c r="K5580" s="18"/>
      <c r="L5580" s="18"/>
      <c r="M5580" s="18"/>
      <c r="N5580" s="18"/>
      <c r="O5580" s="18"/>
      <c r="P5580" s="19">
        <v>450</v>
      </c>
      <c r="Q5580" s="19"/>
      <c r="R5580" s="19"/>
      <c r="S5580" s="19"/>
      <c r="T5580" s="19">
        <v>290</v>
      </c>
      <c r="U5580" s="19"/>
      <c r="V5580" s="19"/>
      <c r="W5580" s="19"/>
      <c r="X5580" s="19">
        <v>5</v>
      </c>
      <c r="Y5580" s="19"/>
      <c r="Z5580" s="19"/>
      <c r="AA5580" s="19"/>
    </row>
    <row r="5581" spans="1:27" s="1" customFormat="1" ht="11.1" customHeight="1" outlineLevel="2" x14ac:dyDescent="0.2">
      <c r="A5581" s="17"/>
      <c r="B5581" s="17"/>
      <c r="C5581" s="17"/>
      <c r="D5581" s="18"/>
      <c r="E5581" s="18"/>
      <c r="F5581" s="18"/>
      <c r="G5581" s="18"/>
      <c r="H5581" s="18"/>
      <c r="I5581" s="18"/>
      <c r="J5581" s="18"/>
      <c r="K5581" s="18"/>
      <c r="L5581" s="18"/>
      <c r="M5581" s="18"/>
      <c r="N5581" s="18"/>
      <c r="O5581" s="18"/>
      <c r="P5581" s="19"/>
      <c r="Q5581" s="19"/>
      <c r="R5581" s="19"/>
      <c r="S5581" s="19"/>
      <c r="T5581" s="19"/>
      <c r="U5581" s="19"/>
      <c r="V5581" s="19"/>
      <c r="W5581" s="19"/>
      <c r="X5581" s="19"/>
      <c r="Y5581" s="19"/>
      <c r="Z5581" s="19"/>
      <c r="AA5581" s="19"/>
    </row>
    <row r="5582" spans="1:27" s="1" customFormat="1" ht="11.1" customHeight="1" outlineLevel="2" x14ac:dyDescent="0.2">
      <c r="A5582" s="17">
        <v>17185</v>
      </c>
      <c r="B5582" s="17"/>
      <c r="C5582" s="17"/>
      <c r="D5582" s="18" t="s">
        <v>2776</v>
      </c>
      <c r="E5582" s="18"/>
      <c r="F5582" s="18"/>
      <c r="G5582" s="18"/>
      <c r="H5582" s="18"/>
      <c r="I5582" s="18"/>
      <c r="J5582" s="18"/>
      <c r="K5582" s="18"/>
      <c r="L5582" s="18"/>
      <c r="M5582" s="18"/>
      <c r="N5582" s="18"/>
      <c r="O5582" s="18"/>
      <c r="P5582" s="19">
        <v>450</v>
      </c>
      <c r="Q5582" s="19"/>
      <c r="R5582" s="19"/>
      <c r="S5582" s="19"/>
      <c r="T5582" s="19">
        <v>290</v>
      </c>
      <c r="U5582" s="19"/>
      <c r="V5582" s="19"/>
      <c r="W5582" s="19"/>
      <c r="X5582" s="19">
        <v>5</v>
      </c>
      <c r="Y5582" s="19"/>
      <c r="Z5582" s="19"/>
      <c r="AA5582" s="19"/>
    </row>
    <row r="5583" spans="1:27" s="1" customFormat="1" ht="11.1" customHeight="1" outlineLevel="2" x14ac:dyDescent="0.2">
      <c r="A5583" s="17"/>
      <c r="B5583" s="17"/>
      <c r="C5583" s="17"/>
      <c r="D5583" s="18"/>
      <c r="E5583" s="18"/>
      <c r="F5583" s="18"/>
      <c r="G5583" s="18"/>
      <c r="H5583" s="18"/>
      <c r="I5583" s="18"/>
      <c r="J5583" s="18"/>
      <c r="K5583" s="18"/>
      <c r="L5583" s="18"/>
      <c r="M5583" s="18"/>
      <c r="N5583" s="18"/>
      <c r="O5583" s="18"/>
      <c r="P5583" s="19"/>
      <c r="Q5583" s="19"/>
      <c r="R5583" s="19"/>
      <c r="S5583" s="19"/>
      <c r="T5583" s="19"/>
      <c r="U5583" s="19"/>
      <c r="V5583" s="19"/>
      <c r="W5583" s="19"/>
      <c r="X5583" s="19"/>
      <c r="Y5583" s="19"/>
      <c r="Z5583" s="19"/>
      <c r="AA5583" s="19"/>
    </row>
    <row r="5584" spans="1:27" s="1" customFormat="1" ht="11.1" customHeight="1" outlineLevel="2" x14ac:dyDescent="0.2">
      <c r="A5584" s="17">
        <v>17248</v>
      </c>
      <c r="B5584" s="17"/>
      <c r="C5584" s="17"/>
      <c r="D5584" s="18" t="s">
        <v>2777</v>
      </c>
      <c r="E5584" s="18"/>
      <c r="F5584" s="18"/>
      <c r="G5584" s="18"/>
      <c r="H5584" s="18"/>
      <c r="I5584" s="18"/>
      <c r="J5584" s="18"/>
      <c r="K5584" s="18"/>
      <c r="L5584" s="18"/>
      <c r="M5584" s="18"/>
      <c r="N5584" s="18"/>
      <c r="O5584" s="18"/>
      <c r="P5584" s="19">
        <v>450</v>
      </c>
      <c r="Q5584" s="19"/>
      <c r="R5584" s="19"/>
      <c r="S5584" s="19"/>
      <c r="T5584" s="19">
        <v>290</v>
      </c>
      <c r="U5584" s="19"/>
      <c r="V5584" s="19"/>
      <c r="W5584" s="19"/>
      <c r="X5584" s="19">
        <v>5</v>
      </c>
      <c r="Y5584" s="19"/>
      <c r="Z5584" s="19"/>
      <c r="AA5584" s="19"/>
    </row>
    <row r="5585" spans="1:27" s="1" customFormat="1" ht="11.1" customHeight="1" outlineLevel="2" x14ac:dyDescent="0.2">
      <c r="A5585" s="17"/>
      <c r="B5585" s="17"/>
      <c r="C5585" s="17"/>
      <c r="D5585" s="18"/>
      <c r="E5585" s="18"/>
      <c r="F5585" s="18"/>
      <c r="G5585" s="18"/>
      <c r="H5585" s="18"/>
      <c r="I5585" s="18"/>
      <c r="J5585" s="18"/>
      <c r="K5585" s="18"/>
      <c r="L5585" s="18"/>
      <c r="M5585" s="18"/>
      <c r="N5585" s="18"/>
      <c r="O5585" s="18"/>
      <c r="P5585" s="19"/>
      <c r="Q5585" s="19"/>
      <c r="R5585" s="19"/>
      <c r="S5585" s="19"/>
      <c r="T5585" s="19"/>
      <c r="U5585" s="19"/>
      <c r="V5585" s="19"/>
      <c r="W5585" s="19"/>
      <c r="X5585" s="19"/>
      <c r="Y5585" s="19"/>
      <c r="Z5585" s="19"/>
      <c r="AA5585" s="19"/>
    </row>
    <row r="5586" spans="1:27" s="1" customFormat="1" ht="11.1" customHeight="1" outlineLevel="2" x14ac:dyDescent="0.2">
      <c r="A5586" s="17">
        <v>17249</v>
      </c>
      <c r="B5586" s="17"/>
      <c r="C5586" s="17"/>
      <c r="D5586" s="18" t="s">
        <v>2778</v>
      </c>
      <c r="E5586" s="18"/>
      <c r="F5586" s="18"/>
      <c r="G5586" s="18"/>
      <c r="H5586" s="18"/>
      <c r="I5586" s="18"/>
      <c r="J5586" s="18"/>
      <c r="K5586" s="18"/>
      <c r="L5586" s="18"/>
      <c r="M5586" s="18"/>
      <c r="N5586" s="18"/>
      <c r="O5586" s="18"/>
      <c r="P5586" s="19">
        <v>450</v>
      </c>
      <c r="Q5586" s="19"/>
      <c r="R5586" s="19"/>
      <c r="S5586" s="19"/>
      <c r="T5586" s="19">
        <v>290</v>
      </c>
      <c r="U5586" s="19"/>
      <c r="V5586" s="19"/>
      <c r="W5586" s="19"/>
      <c r="X5586" s="19">
        <v>5</v>
      </c>
      <c r="Y5586" s="19"/>
      <c r="Z5586" s="19"/>
      <c r="AA5586" s="19"/>
    </row>
    <row r="5587" spans="1:27" s="1" customFormat="1" ht="11.1" customHeight="1" outlineLevel="2" x14ac:dyDescent="0.2">
      <c r="A5587" s="17"/>
      <c r="B5587" s="17"/>
      <c r="C5587" s="17"/>
      <c r="D5587" s="18"/>
      <c r="E5587" s="18"/>
      <c r="F5587" s="18"/>
      <c r="G5587" s="18"/>
      <c r="H5587" s="18"/>
      <c r="I5587" s="18"/>
      <c r="J5587" s="18"/>
      <c r="K5587" s="18"/>
      <c r="L5587" s="18"/>
      <c r="M5587" s="18"/>
      <c r="N5587" s="18"/>
      <c r="O5587" s="18"/>
      <c r="P5587" s="19"/>
      <c r="Q5587" s="19"/>
      <c r="R5587" s="19"/>
      <c r="S5587" s="19"/>
      <c r="T5587" s="19"/>
      <c r="U5587" s="19"/>
      <c r="V5587" s="19"/>
      <c r="W5587" s="19"/>
      <c r="X5587" s="19"/>
      <c r="Y5587" s="19"/>
      <c r="Z5587" s="19"/>
      <c r="AA5587" s="19"/>
    </row>
    <row r="5588" spans="1:27" s="1" customFormat="1" ht="11.1" customHeight="1" outlineLevel="2" x14ac:dyDescent="0.2">
      <c r="A5588" s="17">
        <v>17247</v>
      </c>
      <c r="B5588" s="17"/>
      <c r="C5588" s="17"/>
      <c r="D5588" s="18" t="s">
        <v>2779</v>
      </c>
      <c r="E5588" s="18"/>
      <c r="F5588" s="18"/>
      <c r="G5588" s="18"/>
      <c r="H5588" s="18"/>
      <c r="I5588" s="18"/>
      <c r="J5588" s="18"/>
      <c r="K5588" s="18"/>
      <c r="L5588" s="18"/>
      <c r="M5588" s="18"/>
      <c r="N5588" s="18"/>
      <c r="O5588" s="18"/>
      <c r="P5588" s="19">
        <v>450</v>
      </c>
      <c r="Q5588" s="19"/>
      <c r="R5588" s="19"/>
      <c r="S5588" s="19"/>
      <c r="T5588" s="19">
        <v>290</v>
      </c>
      <c r="U5588" s="19"/>
      <c r="V5588" s="19"/>
      <c r="W5588" s="19"/>
      <c r="X5588" s="19">
        <v>5</v>
      </c>
      <c r="Y5588" s="19"/>
      <c r="Z5588" s="19"/>
      <c r="AA5588" s="19"/>
    </row>
    <row r="5589" spans="1:27" s="1" customFormat="1" ht="11.1" customHeight="1" outlineLevel="2" x14ac:dyDescent="0.2">
      <c r="A5589" s="17"/>
      <c r="B5589" s="17"/>
      <c r="C5589" s="17"/>
      <c r="D5589" s="18"/>
      <c r="E5589" s="18"/>
      <c r="F5589" s="18"/>
      <c r="G5589" s="18"/>
      <c r="H5589" s="18"/>
      <c r="I5589" s="18"/>
      <c r="J5589" s="18"/>
      <c r="K5589" s="18"/>
      <c r="L5589" s="18"/>
      <c r="M5589" s="18"/>
      <c r="N5589" s="18"/>
      <c r="O5589" s="18"/>
      <c r="P5589" s="19"/>
      <c r="Q5589" s="19"/>
      <c r="R5589" s="19"/>
      <c r="S5589" s="19"/>
      <c r="T5589" s="19"/>
      <c r="U5589" s="19"/>
      <c r="V5589" s="19"/>
      <c r="W5589" s="19"/>
      <c r="X5589" s="19"/>
      <c r="Y5589" s="19"/>
      <c r="Z5589" s="19"/>
      <c r="AA5589" s="19"/>
    </row>
    <row r="5590" spans="1:27" s="1" customFormat="1" ht="11.1" customHeight="1" outlineLevel="2" x14ac:dyDescent="0.2">
      <c r="A5590" s="17">
        <v>17210</v>
      </c>
      <c r="B5590" s="17"/>
      <c r="C5590" s="17"/>
      <c r="D5590" s="18" t="s">
        <v>2780</v>
      </c>
      <c r="E5590" s="18"/>
      <c r="F5590" s="18"/>
      <c r="G5590" s="18"/>
      <c r="H5590" s="18"/>
      <c r="I5590" s="18"/>
      <c r="J5590" s="18"/>
      <c r="K5590" s="18"/>
      <c r="L5590" s="18"/>
      <c r="M5590" s="18"/>
      <c r="N5590" s="18"/>
      <c r="O5590" s="18"/>
      <c r="P5590" s="19">
        <v>450</v>
      </c>
      <c r="Q5590" s="19"/>
      <c r="R5590" s="19"/>
      <c r="S5590" s="19"/>
      <c r="T5590" s="19">
        <v>290</v>
      </c>
      <c r="U5590" s="19"/>
      <c r="V5590" s="19"/>
      <c r="W5590" s="19"/>
      <c r="X5590" s="19">
        <v>5</v>
      </c>
      <c r="Y5590" s="19"/>
      <c r="Z5590" s="19"/>
      <c r="AA5590" s="19"/>
    </row>
    <row r="5591" spans="1:27" s="1" customFormat="1" ht="11.1" customHeight="1" outlineLevel="2" x14ac:dyDescent="0.2">
      <c r="A5591" s="17"/>
      <c r="B5591" s="17"/>
      <c r="C5591" s="17"/>
      <c r="D5591" s="18"/>
      <c r="E5591" s="18"/>
      <c r="F5591" s="18"/>
      <c r="G5591" s="18"/>
      <c r="H5591" s="18"/>
      <c r="I5591" s="18"/>
      <c r="J5591" s="18"/>
      <c r="K5591" s="18"/>
      <c r="L5591" s="18"/>
      <c r="M5591" s="18"/>
      <c r="N5591" s="18"/>
      <c r="O5591" s="18"/>
      <c r="P5591" s="19"/>
      <c r="Q5591" s="19"/>
      <c r="R5591" s="19"/>
      <c r="S5591" s="19"/>
      <c r="T5591" s="19"/>
      <c r="U5591" s="19"/>
      <c r="V5591" s="19"/>
      <c r="W5591" s="19"/>
      <c r="X5591" s="19"/>
      <c r="Y5591" s="19"/>
      <c r="Z5591" s="19"/>
      <c r="AA5591" s="19"/>
    </row>
    <row r="5592" spans="1:27" s="1" customFormat="1" ht="11.1" customHeight="1" outlineLevel="2" x14ac:dyDescent="0.2">
      <c r="A5592" s="17">
        <v>17209</v>
      </c>
      <c r="B5592" s="17"/>
      <c r="C5592" s="17"/>
      <c r="D5592" s="18" t="s">
        <v>2781</v>
      </c>
      <c r="E5592" s="18"/>
      <c r="F5592" s="18"/>
      <c r="G5592" s="18"/>
      <c r="H5592" s="18"/>
      <c r="I5592" s="18"/>
      <c r="J5592" s="18"/>
      <c r="K5592" s="18"/>
      <c r="L5592" s="18"/>
      <c r="M5592" s="18"/>
      <c r="N5592" s="18"/>
      <c r="O5592" s="18"/>
      <c r="P5592" s="19">
        <v>450</v>
      </c>
      <c r="Q5592" s="19"/>
      <c r="R5592" s="19"/>
      <c r="S5592" s="19"/>
      <c r="T5592" s="19">
        <v>290</v>
      </c>
      <c r="U5592" s="19"/>
      <c r="V5592" s="19"/>
      <c r="W5592" s="19"/>
      <c r="X5592" s="19">
        <v>5</v>
      </c>
      <c r="Y5592" s="19"/>
      <c r="Z5592" s="19"/>
      <c r="AA5592" s="19"/>
    </row>
    <row r="5593" spans="1:27" s="1" customFormat="1" ht="11.1" customHeight="1" outlineLevel="2" x14ac:dyDescent="0.2">
      <c r="A5593" s="17"/>
      <c r="B5593" s="17"/>
      <c r="C5593" s="17"/>
      <c r="D5593" s="18"/>
      <c r="E5593" s="18"/>
      <c r="F5593" s="18"/>
      <c r="G5593" s="18"/>
      <c r="H5593" s="18"/>
      <c r="I5593" s="18"/>
      <c r="J5593" s="18"/>
      <c r="K5593" s="18"/>
      <c r="L5593" s="18"/>
      <c r="M5593" s="18"/>
      <c r="N5593" s="18"/>
      <c r="O5593" s="18"/>
      <c r="P5593" s="19"/>
      <c r="Q5593" s="19"/>
      <c r="R5593" s="19"/>
      <c r="S5593" s="19"/>
      <c r="T5593" s="19"/>
      <c r="U5593" s="19"/>
      <c r="V5593" s="19"/>
      <c r="W5593" s="19"/>
      <c r="X5593" s="19"/>
      <c r="Y5593" s="19"/>
      <c r="Z5593" s="19"/>
      <c r="AA5593" s="19"/>
    </row>
    <row r="5594" spans="1:27" s="1" customFormat="1" ht="11.1" customHeight="1" outlineLevel="2" x14ac:dyDescent="0.2">
      <c r="A5594" s="17">
        <v>17211</v>
      </c>
      <c r="B5594" s="17"/>
      <c r="C5594" s="17"/>
      <c r="D5594" s="18" t="s">
        <v>2782</v>
      </c>
      <c r="E5594" s="18"/>
      <c r="F5594" s="18"/>
      <c r="G5594" s="18"/>
      <c r="H5594" s="18"/>
      <c r="I5594" s="18"/>
      <c r="J5594" s="18"/>
      <c r="K5594" s="18"/>
      <c r="L5594" s="18"/>
      <c r="M5594" s="18"/>
      <c r="N5594" s="18"/>
      <c r="O5594" s="18"/>
      <c r="P5594" s="19">
        <v>450</v>
      </c>
      <c r="Q5594" s="19"/>
      <c r="R5594" s="19"/>
      <c r="S5594" s="19"/>
      <c r="T5594" s="19">
        <v>290</v>
      </c>
      <c r="U5594" s="19"/>
      <c r="V5594" s="19"/>
      <c r="W5594" s="19"/>
      <c r="X5594" s="19">
        <v>5</v>
      </c>
      <c r="Y5594" s="19"/>
      <c r="Z5594" s="19"/>
      <c r="AA5594" s="19"/>
    </row>
    <row r="5595" spans="1:27" s="1" customFormat="1" ht="11.1" customHeight="1" outlineLevel="2" x14ac:dyDescent="0.2">
      <c r="A5595" s="17"/>
      <c r="B5595" s="17"/>
      <c r="C5595" s="17"/>
      <c r="D5595" s="18"/>
      <c r="E5595" s="18"/>
      <c r="F5595" s="18"/>
      <c r="G5595" s="18"/>
      <c r="H5595" s="18"/>
      <c r="I5595" s="18"/>
      <c r="J5595" s="18"/>
      <c r="K5595" s="18"/>
      <c r="L5595" s="18"/>
      <c r="M5595" s="18"/>
      <c r="N5595" s="18"/>
      <c r="O5595" s="18"/>
      <c r="P5595" s="19"/>
      <c r="Q5595" s="19"/>
      <c r="R5595" s="19"/>
      <c r="S5595" s="19"/>
      <c r="T5595" s="19"/>
      <c r="U5595" s="19"/>
      <c r="V5595" s="19"/>
      <c r="W5595" s="19"/>
      <c r="X5595" s="19"/>
      <c r="Y5595" s="19"/>
      <c r="Z5595" s="19"/>
      <c r="AA5595" s="19"/>
    </row>
    <row r="5596" spans="1:27" s="1" customFormat="1" ht="11.1" customHeight="1" outlineLevel="2" x14ac:dyDescent="0.2">
      <c r="A5596" s="17">
        <v>17182</v>
      </c>
      <c r="B5596" s="17"/>
      <c r="C5596" s="17"/>
      <c r="D5596" s="18" t="s">
        <v>2783</v>
      </c>
      <c r="E5596" s="18"/>
      <c r="F5596" s="18"/>
      <c r="G5596" s="18"/>
      <c r="H5596" s="18"/>
      <c r="I5596" s="18"/>
      <c r="J5596" s="18"/>
      <c r="K5596" s="18"/>
      <c r="L5596" s="18"/>
      <c r="M5596" s="18"/>
      <c r="N5596" s="18"/>
      <c r="O5596" s="18"/>
      <c r="P5596" s="19">
        <v>450</v>
      </c>
      <c r="Q5596" s="19"/>
      <c r="R5596" s="19"/>
      <c r="S5596" s="19"/>
      <c r="T5596" s="19">
        <v>290</v>
      </c>
      <c r="U5596" s="19"/>
      <c r="V5596" s="19"/>
      <c r="W5596" s="19"/>
      <c r="X5596" s="19">
        <v>4</v>
      </c>
      <c r="Y5596" s="19"/>
      <c r="Z5596" s="19"/>
      <c r="AA5596" s="19"/>
    </row>
    <row r="5597" spans="1:27" s="1" customFormat="1" ht="11.1" customHeight="1" outlineLevel="2" x14ac:dyDescent="0.2">
      <c r="A5597" s="17"/>
      <c r="B5597" s="17"/>
      <c r="C5597" s="17"/>
      <c r="D5597" s="18"/>
      <c r="E5597" s="18"/>
      <c r="F5597" s="18"/>
      <c r="G5597" s="18"/>
      <c r="H5597" s="18"/>
      <c r="I5597" s="18"/>
      <c r="J5597" s="18"/>
      <c r="K5597" s="18"/>
      <c r="L5597" s="18"/>
      <c r="M5597" s="18"/>
      <c r="N5597" s="18"/>
      <c r="O5597" s="18"/>
      <c r="P5597" s="19"/>
      <c r="Q5597" s="19"/>
      <c r="R5597" s="19"/>
      <c r="S5597" s="19"/>
      <c r="T5597" s="19"/>
      <c r="U5597" s="19"/>
      <c r="V5597" s="19"/>
      <c r="W5597" s="19"/>
      <c r="X5597" s="19"/>
      <c r="Y5597" s="19"/>
      <c r="Z5597" s="19"/>
      <c r="AA5597" s="19"/>
    </row>
    <row r="5598" spans="1:27" s="1" customFormat="1" ht="11.1" customHeight="1" outlineLevel="2" x14ac:dyDescent="0.2">
      <c r="A5598" s="17">
        <v>17181</v>
      </c>
      <c r="B5598" s="17"/>
      <c r="C5598" s="17"/>
      <c r="D5598" s="18" t="s">
        <v>2784</v>
      </c>
      <c r="E5598" s="18"/>
      <c r="F5598" s="18"/>
      <c r="G5598" s="18"/>
      <c r="H5598" s="18"/>
      <c r="I5598" s="18"/>
      <c r="J5598" s="18"/>
      <c r="K5598" s="18"/>
      <c r="L5598" s="18"/>
      <c r="M5598" s="18"/>
      <c r="N5598" s="18"/>
      <c r="O5598" s="18"/>
      <c r="P5598" s="19">
        <v>450</v>
      </c>
      <c r="Q5598" s="19"/>
      <c r="R5598" s="19"/>
      <c r="S5598" s="19"/>
      <c r="T5598" s="19">
        <v>290</v>
      </c>
      <c r="U5598" s="19"/>
      <c r="V5598" s="19"/>
      <c r="W5598" s="19"/>
      <c r="X5598" s="19">
        <v>7</v>
      </c>
      <c r="Y5598" s="19"/>
      <c r="Z5598" s="19"/>
      <c r="AA5598" s="19"/>
    </row>
    <row r="5599" spans="1:27" s="1" customFormat="1" ht="11.1" customHeight="1" outlineLevel="2" x14ac:dyDescent="0.2">
      <c r="A5599" s="17"/>
      <c r="B5599" s="17"/>
      <c r="C5599" s="17"/>
      <c r="D5599" s="18"/>
      <c r="E5599" s="18"/>
      <c r="F5599" s="18"/>
      <c r="G5599" s="18"/>
      <c r="H5599" s="18"/>
      <c r="I5599" s="18"/>
      <c r="J5599" s="18"/>
      <c r="K5599" s="18"/>
      <c r="L5599" s="18"/>
      <c r="M5599" s="18"/>
      <c r="N5599" s="18"/>
      <c r="O5599" s="18"/>
      <c r="P5599" s="19"/>
      <c r="Q5599" s="19"/>
      <c r="R5599" s="19"/>
      <c r="S5599" s="19"/>
      <c r="T5599" s="19"/>
      <c r="U5599" s="19"/>
      <c r="V5599" s="19"/>
      <c r="W5599" s="19"/>
      <c r="X5599" s="19"/>
      <c r="Y5599" s="19"/>
      <c r="Z5599" s="19"/>
      <c r="AA5599" s="19"/>
    </row>
    <row r="5600" spans="1:27" s="1" customFormat="1" ht="14.1" customHeight="1" outlineLevel="2" x14ac:dyDescent="0.2">
      <c r="A5600" s="17">
        <v>17183</v>
      </c>
      <c r="B5600" s="17"/>
      <c r="C5600" s="17"/>
      <c r="D5600" s="18" t="s">
        <v>2785</v>
      </c>
      <c r="E5600" s="18"/>
      <c r="F5600" s="18"/>
      <c r="G5600" s="18"/>
      <c r="H5600" s="18"/>
      <c r="I5600" s="18"/>
      <c r="J5600" s="18"/>
      <c r="K5600" s="18"/>
      <c r="L5600" s="18"/>
      <c r="M5600" s="18"/>
      <c r="N5600" s="18"/>
      <c r="O5600" s="18"/>
      <c r="P5600" s="19">
        <v>450</v>
      </c>
      <c r="Q5600" s="19"/>
      <c r="R5600" s="19"/>
      <c r="S5600" s="19"/>
      <c r="T5600" s="19">
        <v>290</v>
      </c>
      <c r="U5600" s="19"/>
      <c r="V5600" s="19"/>
      <c r="W5600" s="19"/>
      <c r="X5600" s="19">
        <v>4</v>
      </c>
      <c r="Y5600" s="19"/>
      <c r="Z5600" s="19"/>
      <c r="AA5600" s="19"/>
    </row>
    <row r="5601" spans="1:27" s="1" customFormat="1" ht="14.1" customHeight="1" outlineLevel="2" x14ac:dyDescent="0.2">
      <c r="A5601" s="17"/>
      <c r="B5601" s="17"/>
      <c r="C5601" s="17"/>
      <c r="D5601" s="18"/>
      <c r="E5601" s="18"/>
      <c r="F5601" s="18"/>
      <c r="G5601" s="18"/>
      <c r="H5601" s="18"/>
      <c r="I5601" s="18"/>
      <c r="J5601" s="18"/>
      <c r="K5601" s="18"/>
      <c r="L5601" s="18"/>
      <c r="M5601" s="18"/>
      <c r="N5601" s="18"/>
      <c r="O5601" s="18"/>
      <c r="P5601" s="19"/>
      <c r="Q5601" s="19"/>
      <c r="R5601" s="19"/>
      <c r="S5601" s="19"/>
      <c r="T5601" s="19"/>
      <c r="U5601" s="19"/>
      <c r="V5601" s="19"/>
      <c r="W5601" s="19"/>
      <c r="X5601" s="19"/>
      <c r="Y5601" s="19"/>
      <c r="Z5601" s="19"/>
      <c r="AA5601" s="19"/>
    </row>
    <row r="5602" spans="1:27" s="1" customFormat="1" ht="11.1" customHeight="1" outlineLevel="2" x14ac:dyDescent="0.2">
      <c r="A5602" s="17">
        <v>17236</v>
      </c>
      <c r="B5602" s="17"/>
      <c r="C5602" s="17"/>
      <c r="D5602" s="18" t="s">
        <v>2786</v>
      </c>
      <c r="E5602" s="18"/>
      <c r="F5602" s="18"/>
      <c r="G5602" s="18"/>
      <c r="H5602" s="18"/>
      <c r="I5602" s="18"/>
      <c r="J5602" s="18"/>
      <c r="K5602" s="18"/>
      <c r="L5602" s="18"/>
      <c r="M5602" s="18"/>
      <c r="N5602" s="18"/>
      <c r="O5602" s="18"/>
      <c r="P5602" s="19">
        <v>450</v>
      </c>
      <c r="Q5602" s="19"/>
      <c r="R5602" s="19"/>
      <c r="S5602" s="19"/>
      <c r="T5602" s="19">
        <v>290</v>
      </c>
      <c r="U5602" s="19"/>
      <c r="V5602" s="19"/>
      <c r="W5602" s="19"/>
      <c r="X5602" s="19">
        <v>2</v>
      </c>
      <c r="Y5602" s="19"/>
      <c r="Z5602" s="19"/>
      <c r="AA5602" s="19"/>
    </row>
    <row r="5603" spans="1:27" s="1" customFormat="1" ht="11.1" customHeight="1" outlineLevel="2" x14ac:dyDescent="0.2">
      <c r="A5603" s="17"/>
      <c r="B5603" s="17"/>
      <c r="C5603" s="17"/>
      <c r="D5603" s="18"/>
      <c r="E5603" s="18"/>
      <c r="F5603" s="18"/>
      <c r="G5603" s="18"/>
      <c r="H5603" s="18"/>
      <c r="I5603" s="18"/>
      <c r="J5603" s="18"/>
      <c r="K5603" s="18"/>
      <c r="L5603" s="18"/>
      <c r="M5603" s="18"/>
      <c r="N5603" s="18"/>
      <c r="O5603" s="18"/>
      <c r="P5603" s="19"/>
      <c r="Q5603" s="19"/>
      <c r="R5603" s="19"/>
      <c r="S5603" s="19"/>
      <c r="T5603" s="19"/>
      <c r="U5603" s="19"/>
      <c r="V5603" s="19"/>
      <c r="W5603" s="19"/>
      <c r="X5603" s="19"/>
      <c r="Y5603" s="19"/>
      <c r="Z5603" s="19"/>
      <c r="AA5603" s="19"/>
    </row>
    <row r="5604" spans="1:27" s="1" customFormat="1" ht="14.1" customHeight="1" outlineLevel="2" x14ac:dyDescent="0.2">
      <c r="A5604" s="17">
        <v>17237</v>
      </c>
      <c r="B5604" s="17"/>
      <c r="C5604" s="17"/>
      <c r="D5604" s="18" t="s">
        <v>2787</v>
      </c>
      <c r="E5604" s="18"/>
      <c r="F5604" s="18"/>
      <c r="G5604" s="18"/>
      <c r="H5604" s="18"/>
      <c r="I5604" s="18"/>
      <c r="J5604" s="18"/>
      <c r="K5604" s="18"/>
      <c r="L5604" s="18"/>
      <c r="M5604" s="18"/>
      <c r="N5604" s="18"/>
      <c r="O5604" s="18"/>
      <c r="P5604" s="19">
        <v>450</v>
      </c>
      <c r="Q5604" s="19"/>
      <c r="R5604" s="19"/>
      <c r="S5604" s="19"/>
      <c r="T5604" s="19">
        <v>290</v>
      </c>
      <c r="U5604" s="19"/>
      <c r="V5604" s="19"/>
      <c r="W5604" s="19"/>
      <c r="X5604" s="19">
        <v>5</v>
      </c>
      <c r="Y5604" s="19"/>
      <c r="Z5604" s="19"/>
      <c r="AA5604" s="19"/>
    </row>
    <row r="5605" spans="1:27" s="1" customFormat="1" ht="14.1" customHeight="1" outlineLevel="2" x14ac:dyDescent="0.2">
      <c r="A5605" s="17"/>
      <c r="B5605" s="17"/>
      <c r="C5605" s="17"/>
      <c r="D5605" s="18"/>
      <c r="E5605" s="18"/>
      <c r="F5605" s="18"/>
      <c r="G5605" s="18"/>
      <c r="H5605" s="18"/>
      <c r="I5605" s="18"/>
      <c r="J5605" s="18"/>
      <c r="K5605" s="18"/>
      <c r="L5605" s="18"/>
      <c r="M5605" s="18"/>
      <c r="N5605" s="18"/>
      <c r="O5605" s="18"/>
      <c r="P5605" s="19"/>
      <c r="Q5605" s="19"/>
      <c r="R5605" s="19"/>
      <c r="S5605" s="19"/>
      <c r="T5605" s="19"/>
      <c r="U5605" s="19"/>
      <c r="V5605" s="19"/>
      <c r="W5605" s="19"/>
      <c r="X5605" s="19"/>
      <c r="Y5605" s="19"/>
      <c r="Z5605" s="19"/>
      <c r="AA5605" s="19"/>
    </row>
    <row r="5606" spans="1:27" s="1" customFormat="1" ht="11.1" customHeight="1" outlineLevel="2" x14ac:dyDescent="0.2">
      <c r="A5606" s="17">
        <v>17235</v>
      </c>
      <c r="B5606" s="17"/>
      <c r="C5606" s="17"/>
      <c r="D5606" s="18" t="s">
        <v>2788</v>
      </c>
      <c r="E5606" s="18"/>
      <c r="F5606" s="18"/>
      <c r="G5606" s="18"/>
      <c r="H5606" s="18"/>
      <c r="I5606" s="18"/>
      <c r="J5606" s="18"/>
      <c r="K5606" s="18"/>
      <c r="L5606" s="18"/>
      <c r="M5606" s="18"/>
      <c r="N5606" s="18"/>
      <c r="O5606" s="18"/>
      <c r="P5606" s="19">
        <v>450</v>
      </c>
      <c r="Q5606" s="19"/>
      <c r="R5606" s="19"/>
      <c r="S5606" s="19"/>
      <c r="T5606" s="19">
        <v>290</v>
      </c>
      <c r="U5606" s="19"/>
      <c r="V5606" s="19"/>
      <c r="W5606" s="19"/>
      <c r="X5606" s="19">
        <v>5</v>
      </c>
      <c r="Y5606" s="19"/>
      <c r="Z5606" s="19"/>
      <c r="AA5606" s="19"/>
    </row>
    <row r="5607" spans="1:27" s="1" customFormat="1" ht="11.1" customHeight="1" outlineLevel="2" x14ac:dyDescent="0.2">
      <c r="A5607" s="17"/>
      <c r="B5607" s="17"/>
      <c r="C5607" s="17"/>
      <c r="D5607" s="18"/>
      <c r="E5607" s="18"/>
      <c r="F5607" s="18"/>
      <c r="G5607" s="18"/>
      <c r="H5607" s="18"/>
      <c r="I5607" s="18"/>
      <c r="J5607" s="18"/>
      <c r="K5607" s="18"/>
      <c r="L5607" s="18"/>
      <c r="M5607" s="18"/>
      <c r="N5607" s="18"/>
      <c r="O5607" s="18"/>
      <c r="P5607" s="19"/>
      <c r="Q5607" s="19"/>
      <c r="R5607" s="19"/>
      <c r="S5607" s="19"/>
      <c r="T5607" s="19"/>
      <c r="U5607" s="19"/>
      <c r="V5607" s="19"/>
      <c r="W5607" s="19"/>
      <c r="X5607" s="19"/>
      <c r="Y5607" s="19"/>
      <c r="Z5607" s="19"/>
      <c r="AA5607" s="19"/>
    </row>
    <row r="5608" spans="1:27" s="1" customFormat="1" ht="14.1" customHeight="1" outlineLevel="2" x14ac:dyDescent="0.2">
      <c r="A5608" s="17">
        <v>16388</v>
      </c>
      <c r="B5608" s="17"/>
      <c r="C5608" s="17"/>
      <c r="D5608" s="18" t="s">
        <v>2789</v>
      </c>
      <c r="E5608" s="18"/>
      <c r="F5608" s="18"/>
      <c r="G5608" s="18"/>
      <c r="H5608" s="18"/>
      <c r="I5608" s="18"/>
      <c r="J5608" s="18"/>
      <c r="K5608" s="18"/>
      <c r="L5608" s="18"/>
      <c r="M5608" s="18"/>
      <c r="N5608" s="18"/>
      <c r="O5608" s="18"/>
      <c r="P5608" s="19">
        <v>450</v>
      </c>
      <c r="Q5608" s="19"/>
      <c r="R5608" s="19"/>
      <c r="S5608" s="19"/>
      <c r="T5608" s="19">
        <v>300</v>
      </c>
      <c r="U5608" s="19"/>
      <c r="V5608" s="19"/>
      <c r="W5608" s="19"/>
      <c r="X5608" s="19">
        <v>1</v>
      </c>
      <c r="Y5608" s="19"/>
      <c r="Z5608" s="19"/>
      <c r="AA5608" s="19"/>
    </row>
    <row r="5609" spans="1:27" s="1" customFormat="1" ht="14.1" customHeight="1" outlineLevel="2" x14ac:dyDescent="0.2">
      <c r="A5609" s="17"/>
      <c r="B5609" s="17"/>
      <c r="C5609" s="17"/>
      <c r="D5609" s="18"/>
      <c r="E5609" s="18"/>
      <c r="F5609" s="18"/>
      <c r="G5609" s="18"/>
      <c r="H5609" s="18"/>
      <c r="I5609" s="18"/>
      <c r="J5609" s="18"/>
      <c r="K5609" s="18"/>
      <c r="L5609" s="18"/>
      <c r="M5609" s="18"/>
      <c r="N5609" s="18"/>
      <c r="O5609" s="18"/>
      <c r="P5609" s="19"/>
      <c r="Q5609" s="19"/>
      <c r="R5609" s="19"/>
      <c r="S5609" s="19"/>
      <c r="T5609" s="19"/>
      <c r="U5609" s="19"/>
      <c r="V5609" s="19"/>
      <c r="W5609" s="19"/>
      <c r="X5609" s="19"/>
      <c r="Y5609" s="19"/>
      <c r="Z5609" s="19"/>
      <c r="AA5609" s="19"/>
    </row>
    <row r="5610" spans="1:27" s="1" customFormat="1" ht="11.1" customHeight="1" outlineLevel="2" x14ac:dyDescent="0.2">
      <c r="A5610" s="17">
        <v>17234</v>
      </c>
      <c r="B5610" s="17"/>
      <c r="C5610" s="17"/>
      <c r="D5610" s="18" t="s">
        <v>2790</v>
      </c>
      <c r="E5610" s="18"/>
      <c r="F5610" s="18"/>
      <c r="G5610" s="18"/>
      <c r="H5610" s="18"/>
      <c r="I5610" s="18"/>
      <c r="J5610" s="18"/>
      <c r="K5610" s="18"/>
      <c r="L5610" s="18"/>
      <c r="M5610" s="18"/>
      <c r="N5610" s="18"/>
      <c r="O5610" s="18"/>
      <c r="P5610" s="19">
        <v>450</v>
      </c>
      <c r="Q5610" s="19"/>
      <c r="R5610" s="19"/>
      <c r="S5610" s="19"/>
      <c r="T5610" s="19">
        <v>290</v>
      </c>
      <c r="U5610" s="19"/>
      <c r="V5610" s="19"/>
      <c r="W5610" s="19"/>
      <c r="X5610" s="19">
        <v>5</v>
      </c>
      <c r="Y5610" s="19"/>
      <c r="Z5610" s="19"/>
      <c r="AA5610" s="19"/>
    </row>
    <row r="5611" spans="1:27" s="1" customFormat="1" ht="11.1" customHeight="1" outlineLevel="2" x14ac:dyDescent="0.2">
      <c r="A5611" s="17"/>
      <c r="B5611" s="17"/>
      <c r="C5611" s="17"/>
      <c r="D5611" s="18"/>
      <c r="E5611" s="18"/>
      <c r="F5611" s="18"/>
      <c r="G5611" s="18"/>
      <c r="H5611" s="18"/>
      <c r="I5611" s="18"/>
      <c r="J5611" s="18"/>
      <c r="K5611" s="18"/>
      <c r="L5611" s="18"/>
      <c r="M5611" s="18"/>
      <c r="N5611" s="18"/>
      <c r="O5611" s="18"/>
      <c r="P5611" s="19"/>
      <c r="Q5611" s="19"/>
      <c r="R5611" s="19"/>
      <c r="S5611" s="19"/>
      <c r="T5611" s="19"/>
      <c r="U5611" s="19"/>
      <c r="V5611" s="19"/>
      <c r="W5611" s="19"/>
      <c r="X5611" s="19"/>
      <c r="Y5611" s="19"/>
      <c r="Z5611" s="19"/>
      <c r="AA5611" s="19"/>
    </row>
    <row r="5612" spans="1:27" s="1" customFormat="1" ht="14.1" customHeight="1" outlineLevel="2" x14ac:dyDescent="0.2">
      <c r="A5612" s="17">
        <v>17233</v>
      </c>
      <c r="B5612" s="17"/>
      <c r="C5612" s="17"/>
      <c r="D5612" s="18" t="s">
        <v>2791</v>
      </c>
      <c r="E5612" s="18"/>
      <c r="F5612" s="18"/>
      <c r="G5612" s="18"/>
      <c r="H5612" s="18"/>
      <c r="I5612" s="18"/>
      <c r="J5612" s="18"/>
      <c r="K5612" s="18"/>
      <c r="L5612" s="18"/>
      <c r="M5612" s="18"/>
      <c r="N5612" s="18"/>
      <c r="O5612" s="18"/>
      <c r="P5612" s="19">
        <v>450</v>
      </c>
      <c r="Q5612" s="19"/>
      <c r="R5612" s="19"/>
      <c r="S5612" s="19"/>
      <c r="T5612" s="19">
        <v>290</v>
      </c>
      <c r="U5612" s="19"/>
      <c r="V5612" s="19"/>
      <c r="W5612" s="19"/>
      <c r="X5612" s="19">
        <v>5</v>
      </c>
      <c r="Y5612" s="19"/>
      <c r="Z5612" s="19"/>
      <c r="AA5612" s="19"/>
    </row>
    <row r="5613" spans="1:27" s="1" customFormat="1" ht="14.1" customHeight="1" outlineLevel="2" x14ac:dyDescent="0.2">
      <c r="A5613" s="17"/>
      <c r="B5613" s="17"/>
      <c r="C5613" s="17"/>
      <c r="D5613" s="18"/>
      <c r="E5613" s="18"/>
      <c r="F5613" s="18"/>
      <c r="G5613" s="18"/>
      <c r="H5613" s="18"/>
      <c r="I5613" s="18"/>
      <c r="J5613" s="18"/>
      <c r="K5613" s="18"/>
      <c r="L5613" s="18"/>
      <c r="M5613" s="18"/>
      <c r="N5613" s="18"/>
      <c r="O5613" s="18"/>
      <c r="P5613" s="19"/>
      <c r="Q5613" s="19"/>
      <c r="R5613" s="19"/>
      <c r="S5613" s="19"/>
      <c r="T5613" s="19"/>
      <c r="U5613" s="19"/>
      <c r="V5613" s="19"/>
      <c r="W5613" s="19"/>
      <c r="X5613" s="19"/>
      <c r="Y5613" s="19"/>
      <c r="Z5613" s="19"/>
      <c r="AA5613" s="19"/>
    </row>
    <row r="5614" spans="1:27" s="1" customFormat="1" ht="11.1" customHeight="1" outlineLevel="2" x14ac:dyDescent="0.2">
      <c r="A5614" s="17">
        <v>17232</v>
      </c>
      <c r="B5614" s="17"/>
      <c r="C5614" s="17"/>
      <c r="D5614" s="18" t="s">
        <v>2792</v>
      </c>
      <c r="E5614" s="18"/>
      <c r="F5614" s="18"/>
      <c r="G5614" s="18"/>
      <c r="H5614" s="18"/>
      <c r="I5614" s="18"/>
      <c r="J5614" s="18"/>
      <c r="K5614" s="18"/>
      <c r="L5614" s="18"/>
      <c r="M5614" s="18"/>
      <c r="N5614" s="18"/>
      <c r="O5614" s="18"/>
      <c r="P5614" s="19">
        <v>450</v>
      </c>
      <c r="Q5614" s="19"/>
      <c r="R5614" s="19"/>
      <c r="S5614" s="19"/>
      <c r="T5614" s="19">
        <v>290</v>
      </c>
      <c r="U5614" s="19"/>
      <c r="V5614" s="19"/>
      <c r="W5614" s="19"/>
      <c r="X5614" s="19">
        <v>5</v>
      </c>
      <c r="Y5614" s="19"/>
      <c r="Z5614" s="19"/>
      <c r="AA5614" s="19"/>
    </row>
    <row r="5615" spans="1:27" s="1" customFormat="1" ht="11.1" customHeight="1" outlineLevel="2" x14ac:dyDescent="0.2">
      <c r="A5615" s="17"/>
      <c r="B5615" s="17"/>
      <c r="C5615" s="17"/>
      <c r="D5615" s="18"/>
      <c r="E5615" s="18"/>
      <c r="F5615" s="18"/>
      <c r="G5615" s="18"/>
      <c r="H5615" s="18"/>
      <c r="I5615" s="18"/>
      <c r="J5615" s="18"/>
      <c r="K5615" s="18"/>
      <c r="L5615" s="18"/>
      <c r="M5615" s="18"/>
      <c r="N5615" s="18"/>
      <c r="O5615" s="18"/>
      <c r="P5615" s="19"/>
      <c r="Q5615" s="19"/>
      <c r="R5615" s="19"/>
      <c r="S5615" s="19"/>
      <c r="T5615" s="19"/>
      <c r="U5615" s="19"/>
      <c r="V5615" s="19"/>
      <c r="W5615" s="19"/>
      <c r="X5615" s="19"/>
      <c r="Y5615" s="19"/>
      <c r="Z5615" s="19"/>
      <c r="AA5615" s="19"/>
    </row>
    <row r="5616" spans="1:27" s="1" customFormat="1" ht="14.1" customHeight="1" outlineLevel="2" x14ac:dyDescent="0.2">
      <c r="A5616" s="17">
        <v>17189</v>
      </c>
      <c r="B5616" s="17"/>
      <c r="C5616" s="17"/>
      <c r="D5616" s="18" t="s">
        <v>2793</v>
      </c>
      <c r="E5616" s="18"/>
      <c r="F5616" s="18"/>
      <c r="G5616" s="18"/>
      <c r="H5616" s="18"/>
      <c r="I5616" s="18"/>
      <c r="J5616" s="18"/>
      <c r="K5616" s="18"/>
      <c r="L5616" s="18"/>
      <c r="M5616" s="18"/>
      <c r="N5616" s="18"/>
      <c r="O5616" s="18"/>
      <c r="P5616" s="19">
        <v>490</v>
      </c>
      <c r="Q5616" s="19"/>
      <c r="R5616" s="19"/>
      <c r="S5616" s="19"/>
      <c r="T5616" s="19">
        <v>350</v>
      </c>
      <c r="U5616" s="19"/>
      <c r="V5616" s="19"/>
      <c r="W5616" s="19"/>
      <c r="X5616" s="19">
        <v>2</v>
      </c>
      <c r="Y5616" s="19"/>
      <c r="Z5616" s="19"/>
      <c r="AA5616" s="19"/>
    </row>
    <row r="5617" spans="1:27" s="1" customFormat="1" ht="14.1" customHeight="1" outlineLevel="2" x14ac:dyDescent="0.2">
      <c r="A5617" s="17"/>
      <c r="B5617" s="17"/>
      <c r="C5617" s="17"/>
      <c r="D5617" s="18"/>
      <c r="E5617" s="18"/>
      <c r="F5617" s="18"/>
      <c r="G5617" s="18"/>
      <c r="H5617" s="18"/>
      <c r="I5617" s="18"/>
      <c r="J5617" s="18"/>
      <c r="K5617" s="18"/>
      <c r="L5617" s="18"/>
      <c r="M5617" s="18"/>
      <c r="N5617" s="18"/>
      <c r="O5617" s="18"/>
      <c r="P5617" s="19"/>
      <c r="Q5617" s="19"/>
      <c r="R5617" s="19"/>
      <c r="S5617" s="19"/>
      <c r="T5617" s="19"/>
      <c r="U5617" s="19"/>
      <c r="V5617" s="19"/>
      <c r="W5617" s="19"/>
      <c r="X5617" s="19"/>
      <c r="Y5617" s="19"/>
      <c r="Z5617" s="19"/>
      <c r="AA5617" s="19"/>
    </row>
    <row r="5618" spans="1:27" s="1" customFormat="1" ht="14.1" customHeight="1" outlineLevel="2" x14ac:dyDescent="0.2">
      <c r="A5618" s="17">
        <v>17188</v>
      </c>
      <c r="B5618" s="17"/>
      <c r="C5618" s="17"/>
      <c r="D5618" s="18" t="s">
        <v>2794</v>
      </c>
      <c r="E5618" s="18"/>
      <c r="F5618" s="18"/>
      <c r="G5618" s="18"/>
      <c r="H5618" s="18"/>
      <c r="I5618" s="18"/>
      <c r="J5618" s="18"/>
      <c r="K5618" s="18"/>
      <c r="L5618" s="18"/>
      <c r="M5618" s="18"/>
      <c r="N5618" s="18"/>
      <c r="O5618" s="18"/>
      <c r="P5618" s="19">
        <v>490</v>
      </c>
      <c r="Q5618" s="19"/>
      <c r="R5618" s="19"/>
      <c r="S5618" s="19"/>
      <c r="T5618" s="19">
        <v>350</v>
      </c>
      <c r="U5618" s="19"/>
      <c r="V5618" s="19"/>
      <c r="W5618" s="19"/>
      <c r="X5618" s="19">
        <v>8</v>
      </c>
      <c r="Y5618" s="19"/>
      <c r="Z5618" s="19"/>
      <c r="AA5618" s="19"/>
    </row>
    <row r="5619" spans="1:27" s="1" customFormat="1" ht="14.1" customHeight="1" outlineLevel="2" x14ac:dyDescent="0.2">
      <c r="A5619" s="17"/>
      <c r="B5619" s="17"/>
      <c r="C5619" s="17"/>
      <c r="D5619" s="18"/>
      <c r="E5619" s="18"/>
      <c r="F5619" s="18"/>
      <c r="G5619" s="18"/>
      <c r="H5619" s="18"/>
      <c r="I5619" s="18"/>
      <c r="J5619" s="18"/>
      <c r="K5619" s="18"/>
      <c r="L5619" s="18"/>
      <c r="M5619" s="18"/>
      <c r="N5619" s="18"/>
      <c r="O5619" s="18"/>
      <c r="P5619" s="19"/>
      <c r="Q5619" s="19"/>
      <c r="R5619" s="19"/>
      <c r="S5619" s="19"/>
      <c r="T5619" s="19"/>
      <c r="U5619" s="19"/>
      <c r="V5619" s="19"/>
      <c r="W5619" s="19"/>
      <c r="X5619" s="19"/>
      <c r="Y5619" s="19"/>
      <c r="Z5619" s="19"/>
      <c r="AA5619" s="19"/>
    </row>
    <row r="5620" spans="1:27" s="1" customFormat="1" ht="14.1" customHeight="1" outlineLevel="2" x14ac:dyDescent="0.2">
      <c r="A5620" s="17">
        <v>18115</v>
      </c>
      <c r="B5620" s="17"/>
      <c r="C5620" s="17"/>
      <c r="D5620" s="18" t="s">
        <v>2795</v>
      </c>
      <c r="E5620" s="18"/>
      <c r="F5620" s="18"/>
      <c r="G5620" s="18"/>
      <c r="H5620" s="18"/>
      <c r="I5620" s="18"/>
      <c r="J5620" s="18"/>
      <c r="K5620" s="18"/>
      <c r="L5620" s="18"/>
      <c r="M5620" s="18"/>
      <c r="N5620" s="18"/>
      <c r="O5620" s="18"/>
      <c r="P5620" s="19">
        <v>700</v>
      </c>
      <c r="Q5620" s="19"/>
      <c r="R5620" s="19"/>
      <c r="S5620" s="19"/>
      <c r="T5620" s="19">
        <v>600</v>
      </c>
      <c r="U5620" s="19"/>
      <c r="V5620" s="19"/>
      <c r="W5620" s="19"/>
      <c r="X5620" s="19">
        <v>1</v>
      </c>
      <c r="Y5620" s="19"/>
      <c r="Z5620" s="19"/>
      <c r="AA5620" s="19"/>
    </row>
    <row r="5621" spans="1:27" s="1" customFormat="1" ht="14.1" customHeight="1" outlineLevel="2" x14ac:dyDescent="0.2">
      <c r="A5621" s="17"/>
      <c r="B5621" s="17"/>
      <c r="C5621" s="17"/>
      <c r="D5621" s="18"/>
      <c r="E5621" s="18"/>
      <c r="F5621" s="18"/>
      <c r="G5621" s="18"/>
      <c r="H5621" s="18"/>
      <c r="I5621" s="18"/>
      <c r="J5621" s="18"/>
      <c r="K5621" s="18"/>
      <c r="L5621" s="18"/>
      <c r="M5621" s="18"/>
      <c r="N5621" s="18"/>
      <c r="O5621" s="18"/>
      <c r="P5621" s="19"/>
      <c r="Q5621" s="19"/>
      <c r="R5621" s="19"/>
      <c r="S5621" s="19"/>
      <c r="T5621" s="19"/>
      <c r="U5621" s="19"/>
      <c r="V5621" s="19"/>
      <c r="W5621" s="19"/>
      <c r="X5621" s="19"/>
      <c r="Y5621" s="19"/>
      <c r="Z5621" s="19"/>
      <c r="AA5621" s="19"/>
    </row>
    <row r="5622" spans="1:27" s="1" customFormat="1" ht="14.1" customHeight="1" outlineLevel="2" x14ac:dyDescent="0.2">
      <c r="A5622" s="17">
        <v>17172</v>
      </c>
      <c r="B5622" s="17"/>
      <c r="C5622" s="17"/>
      <c r="D5622" s="18" t="s">
        <v>2796</v>
      </c>
      <c r="E5622" s="18"/>
      <c r="F5622" s="18"/>
      <c r="G5622" s="18"/>
      <c r="H5622" s="18"/>
      <c r="I5622" s="18"/>
      <c r="J5622" s="18"/>
      <c r="K5622" s="18"/>
      <c r="L5622" s="18"/>
      <c r="M5622" s="18"/>
      <c r="N5622" s="18"/>
      <c r="O5622" s="18"/>
      <c r="P5622" s="19">
        <v>490</v>
      </c>
      <c r="Q5622" s="19"/>
      <c r="R5622" s="19"/>
      <c r="S5622" s="19"/>
      <c r="T5622" s="19">
        <v>350</v>
      </c>
      <c r="U5622" s="19"/>
      <c r="V5622" s="19"/>
      <c r="W5622" s="19"/>
      <c r="X5622" s="19">
        <v>5</v>
      </c>
      <c r="Y5622" s="19"/>
      <c r="Z5622" s="19"/>
      <c r="AA5622" s="19"/>
    </row>
    <row r="5623" spans="1:27" s="1" customFormat="1" ht="14.1" customHeight="1" outlineLevel="2" x14ac:dyDescent="0.2">
      <c r="A5623" s="17"/>
      <c r="B5623" s="17"/>
      <c r="C5623" s="17"/>
      <c r="D5623" s="18"/>
      <c r="E5623" s="18"/>
      <c r="F5623" s="18"/>
      <c r="G5623" s="18"/>
      <c r="H5623" s="18"/>
      <c r="I5623" s="18"/>
      <c r="J5623" s="18"/>
      <c r="K5623" s="18"/>
      <c r="L5623" s="18"/>
      <c r="M5623" s="18"/>
      <c r="N5623" s="18"/>
      <c r="O5623" s="18"/>
      <c r="P5623" s="19"/>
      <c r="Q5623" s="19"/>
      <c r="R5623" s="19"/>
      <c r="S5623" s="19"/>
      <c r="T5623" s="19"/>
      <c r="U5623" s="19"/>
      <c r="V5623" s="19"/>
      <c r="W5623" s="19"/>
      <c r="X5623" s="19"/>
      <c r="Y5623" s="19"/>
      <c r="Z5623" s="19"/>
      <c r="AA5623" s="19"/>
    </row>
    <row r="5624" spans="1:27" s="1" customFormat="1" ht="14.1" customHeight="1" outlineLevel="2" x14ac:dyDescent="0.2">
      <c r="A5624" s="17">
        <v>17173</v>
      </c>
      <c r="B5624" s="17"/>
      <c r="C5624" s="17"/>
      <c r="D5624" s="18" t="s">
        <v>2797</v>
      </c>
      <c r="E5624" s="18"/>
      <c r="F5624" s="18"/>
      <c r="G5624" s="18"/>
      <c r="H5624" s="18"/>
      <c r="I5624" s="18"/>
      <c r="J5624" s="18"/>
      <c r="K5624" s="18"/>
      <c r="L5624" s="18"/>
      <c r="M5624" s="18"/>
      <c r="N5624" s="18"/>
      <c r="O5624" s="18"/>
      <c r="P5624" s="19">
        <v>490</v>
      </c>
      <c r="Q5624" s="19"/>
      <c r="R5624" s="19"/>
      <c r="S5624" s="19"/>
      <c r="T5624" s="19">
        <v>350</v>
      </c>
      <c r="U5624" s="19"/>
      <c r="V5624" s="19"/>
      <c r="W5624" s="19"/>
      <c r="X5624" s="19">
        <v>5</v>
      </c>
      <c r="Y5624" s="19"/>
      <c r="Z5624" s="19"/>
      <c r="AA5624" s="19"/>
    </row>
    <row r="5625" spans="1:27" s="1" customFormat="1" ht="14.1" customHeight="1" outlineLevel="2" x14ac:dyDescent="0.2">
      <c r="A5625" s="17"/>
      <c r="B5625" s="17"/>
      <c r="C5625" s="17"/>
      <c r="D5625" s="18"/>
      <c r="E5625" s="18"/>
      <c r="F5625" s="18"/>
      <c r="G5625" s="18"/>
      <c r="H5625" s="18"/>
      <c r="I5625" s="18"/>
      <c r="J5625" s="18"/>
      <c r="K5625" s="18"/>
      <c r="L5625" s="18"/>
      <c r="M5625" s="18"/>
      <c r="N5625" s="18"/>
      <c r="O5625" s="18"/>
      <c r="P5625" s="19"/>
      <c r="Q5625" s="19"/>
      <c r="R5625" s="19"/>
      <c r="S5625" s="19"/>
      <c r="T5625" s="19"/>
      <c r="U5625" s="19"/>
      <c r="V5625" s="19"/>
      <c r="W5625" s="19"/>
      <c r="X5625" s="19"/>
      <c r="Y5625" s="19"/>
      <c r="Z5625" s="19"/>
      <c r="AA5625" s="19"/>
    </row>
    <row r="5626" spans="1:27" s="1" customFormat="1" ht="14.1" customHeight="1" outlineLevel="2" x14ac:dyDescent="0.2">
      <c r="A5626" s="17">
        <v>17171</v>
      </c>
      <c r="B5626" s="17"/>
      <c r="C5626" s="17"/>
      <c r="D5626" s="18" t="s">
        <v>2798</v>
      </c>
      <c r="E5626" s="18"/>
      <c r="F5626" s="18"/>
      <c r="G5626" s="18"/>
      <c r="H5626" s="18"/>
      <c r="I5626" s="18"/>
      <c r="J5626" s="18"/>
      <c r="K5626" s="18"/>
      <c r="L5626" s="18"/>
      <c r="M5626" s="18"/>
      <c r="N5626" s="18"/>
      <c r="O5626" s="18"/>
      <c r="P5626" s="19">
        <v>490</v>
      </c>
      <c r="Q5626" s="19"/>
      <c r="R5626" s="19"/>
      <c r="S5626" s="19"/>
      <c r="T5626" s="19">
        <v>350</v>
      </c>
      <c r="U5626" s="19"/>
      <c r="V5626" s="19"/>
      <c r="W5626" s="19"/>
      <c r="X5626" s="19">
        <v>5</v>
      </c>
      <c r="Y5626" s="19"/>
      <c r="Z5626" s="19"/>
      <c r="AA5626" s="19"/>
    </row>
    <row r="5627" spans="1:27" s="1" customFormat="1" ht="14.1" customHeight="1" outlineLevel="2" x14ac:dyDescent="0.2">
      <c r="A5627" s="17"/>
      <c r="B5627" s="17"/>
      <c r="C5627" s="17"/>
      <c r="D5627" s="18"/>
      <c r="E5627" s="18"/>
      <c r="F5627" s="18"/>
      <c r="G5627" s="18"/>
      <c r="H5627" s="18"/>
      <c r="I5627" s="18"/>
      <c r="J5627" s="18"/>
      <c r="K5627" s="18"/>
      <c r="L5627" s="18"/>
      <c r="M5627" s="18"/>
      <c r="N5627" s="18"/>
      <c r="O5627" s="18"/>
      <c r="P5627" s="19"/>
      <c r="Q5627" s="19"/>
      <c r="R5627" s="19"/>
      <c r="S5627" s="19"/>
      <c r="T5627" s="19"/>
      <c r="U5627" s="19"/>
      <c r="V5627" s="19"/>
      <c r="W5627" s="19"/>
      <c r="X5627" s="19"/>
      <c r="Y5627" s="19"/>
      <c r="Z5627" s="19"/>
      <c r="AA5627" s="19"/>
    </row>
    <row r="5628" spans="1:27" s="1" customFormat="1" ht="14.1" customHeight="1" outlineLevel="2" x14ac:dyDescent="0.2">
      <c r="A5628" s="17">
        <v>17170</v>
      </c>
      <c r="B5628" s="17"/>
      <c r="C5628" s="17"/>
      <c r="D5628" s="18" t="s">
        <v>2799</v>
      </c>
      <c r="E5628" s="18"/>
      <c r="F5628" s="18"/>
      <c r="G5628" s="18"/>
      <c r="H5628" s="18"/>
      <c r="I5628" s="18"/>
      <c r="J5628" s="18"/>
      <c r="K5628" s="18"/>
      <c r="L5628" s="18"/>
      <c r="M5628" s="18"/>
      <c r="N5628" s="18"/>
      <c r="O5628" s="18"/>
      <c r="P5628" s="19">
        <v>490</v>
      </c>
      <c r="Q5628" s="19"/>
      <c r="R5628" s="19"/>
      <c r="S5628" s="19"/>
      <c r="T5628" s="19">
        <v>350</v>
      </c>
      <c r="U5628" s="19"/>
      <c r="V5628" s="19"/>
      <c r="W5628" s="19"/>
      <c r="X5628" s="19">
        <v>5</v>
      </c>
      <c r="Y5628" s="19"/>
      <c r="Z5628" s="19"/>
      <c r="AA5628" s="19"/>
    </row>
    <row r="5629" spans="1:27" s="1" customFormat="1" ht="14.1" customHeight="1" outlineLevel="2" x14ac:dyDescent="0.2">
      <c r="A5629" s="17"/>
      <c r="B5629" s="17"/>
      <c r="C5629" s="17"/>
      <c r="D5629" s="18"/>
      <c r="E5629" s="18"/>
      <c r="F5629" s="18"/>
      <c r="G5629" s="18"/>
      <c r="H5629" s="18"/>
      <c r="I5629" s="18"/>
      <c r="J5629" s="18"/>
      <c r="K5629" s="18"/>
      <c r="L5629" s="18"/>
      <c r="M5629" s="18"/>
      <c r="N5629" s="18"/>
      <c r="O5629" s="18"/>
      <c r="P5629" s="19"/>
      <c r="Q5629" s="19"/>
      <c r="R5629" s="19"/>
      <c r="S5629" s="19"/>
      <c r="T5629" s="19"/>
      <c r="U5629" s="19"/>
      <c r="V5629" s="19"/>
      <c r="W5629" s="19"/>
      <c r="X5629" s="19"/>
      <c r="Y5629" s="19"/>
      <c r="Z5629" s="19"/>
      <c r="AA5629" s="19"/>
    </row>
    <row r="5630" spans="1:27" s="1" customFormat="1" ht="14.1" customHeight="1" outlineLevel="2" x14ac:dyDescent="0.2">
      <c r="A5630" s="17">
        <v>17169</v>
      </c>
      <c r="B5630" s="17"/>
      <c r="C5630" s="17"/>
      <c r="D5630" s="18" t="s">
        <v>2800</v>
      </c>
      <c r="E5630" s="18"/>
      <c r="F5630" s="18"/>
      <c r="G5630" s="18"/>
      <c r="H5630" s="18"/>
      <c r="I5630" s="18"/>
      <c r="J5630" s="18"/>
      <c r="K5630" s="18"/>
      <c r="L5630" s="18"/>
      <c r="M5630" s="18"/>
      <c r="N5630" s="18"/>
      <c r="O5630" s="18"/>
      <c r="P5630" s="19">
        <v>490</v>
      </c>
      <c r="Q5630" s="19"/>
      <c r="R5630" s="19"/>
      <c r="S5630" s="19"/>
      <c r="T5630" s="19">
        <v>350</v>
      </c>
      <c r="U5630" s="19"/>
      <c r="V5630" s="19"/>
      <c r="W5630" s="19"/>
      <c r="X5630" s="19">
        <v>5</v>
      </c>
      <c r="Y5630" s="19"/>
      <c r="Z5630" s="19"/>
      <c r="AA5630" s="19"/>
    </row>
    <row r="5631" spans="1:27" s="1" customFormat="1" ht="14.1" customHeight="1" outlineLevel="2" x14ac:dyDescent="0.2">
      <c r="A5631" s="17"/>
      <c r="B5631" s="17"/>
      <c r="C5631" s="17"/>
      <c r="D5631" s="18"/>
      <c r="E5631" s="18"/>
      <c r="F5631" s="18"/>
      <c r="G5631" s="18"/>
      <c r="H5631" s="18"/>
      <c r="I5631" s="18"/>
      <c r="J5631" s="18"/>
      <c r="K5631" s="18"/>
      <c r="L5631" s="18"/>
      <c r="M5631" s="18"/>
      <c r="N5631" s="18"/>
      <c r="O5631" s="18"/>
      <c r="P5631" s="19"/>
      <c r="Q5631" s="19"/>
      <c r="R5631" s="19"/>
      <c r="S5631" s="19"/>
      <c r="T5631" s="19"/>
      <c r="U5631" s="19"/>
      <c r="V5631" s="19"/>
      <c r="W5631" s="19"/>
      <c r="X5631" s="19"/>
      <c r="Y5631" s="19"/>
      <c r="Z5631" s="19"/>
      <c r="AA5631" s="19"/>
    </row>
    <row r="5632" spans="1:27" s="1" customFormat="1" ht="14.1" customHeight="1" outlineLevel="2" x14ac:dyDescent="0.2">
      <c r="A5632" s="17">
        <v>17168</v>
      </c>
      <c r="B5632" s="17"/>
      <c r="C5632" s="17"/>
      <c r="D5632" s="18" t="s">
        <v>2801</v>
      </c>
      <c r="E5632" s="18"/>
      <c r="F5632" s="18"/>
      <c r="G5632" s="18"/>
      <c r="H5632" s="18"/>
      <c r="I5632" s="18"/>
      <c r="J5632" s="18"/>
      <c r="K5632" s="18"/>
      <c r="L5632" s="18"/>
      <c r="M5632" s="18"/>
      <c r="N5632" s="18"/>
      <c r="O5632" s="18"/>
      <c r="P5632" s="19">
        <v>490</v>
      </c>
      <c r="Q5632" s="19"/>
      <c r="R5632" s="19"/>
      <c r="S5632" s="19"/>
      <c r="T5632" s="19">
        <v>350</v>
      </c>
      <c r="U5632" s="19"/>
      <c r="V5632" s="19"/>
      <c r="W5632" s="19"/>
      <c r="X5632" s="19">
        <v>5</v>
      </c>
      <c r="Y5632" s="19"/>
      <c r="Z5632" s="19"/>
      <c r="AA5632" s="19"/>
    </row>
    <row r="5633" spans="1:27" s="1" customFormat="1" ht="14.1" customHeight="1" outlineLevel="2" x14ac:dyDescent="0.2">
      <c r="A5633" s="17"/>
      <c r="B5633" s="17"/>
      <c r="C5633" s="17"/>
      <c r="D5633" s="18"/>
      <c r="E5633" s="18"/>
      <c r="F5633" s="18"/>
      <c r="G5633" s="18"/>
      <c r="H5633" s="18"/>
      <c r="I5633" s="18"/>
      <c r="J5633" s="18"/>
      <c r="K5633" s="18"/>
      <c r="L5633" s="18"/>
      <c r="M5633" s="18"/>
      <c r="N5633" s="18"/>
      <c r="O5633" s="18"/>
      <c r="P5633" s="19"/>
      <c r="Q5633" s="19"/>
      <c r="R5633" s="19"/>
      <c r="S5633" s="19"/>
      <c r="T5633" s="19"/>
      <c r="U5633" s="19"/>
      <c r="V5633" s="19"/>
      <c r="W5633" s="19"/>
      <c r="X5633" s="19"/>
      <c r="Y5633" s="19"/>
      <c r="Z5633" s="19"/>
      <c r="AA5633" s="19"/>
    </row>
    <row r="5634" spans="1:27" s="1" customFormat="1" ht="14.1" customHeight="1" outlineLevel="2" x14ac:dyDescent="0.2">
      <c r="A5634" s="17">
        <v>17176</v>
      </c>
      <c r="B5634" s="17"/>
      <c r="C5634" s="17"/>
      <c r="D5634" s="18" t="s">
        <v>2802</v>
      </c>
      <c r="E5634" s="18"/>
      <c r="F5634" s="18"/>
      <c r="G5634" s="18"/>
      <c r="H5634" s="18"/>
      <c r="I5634" s="18"/>
      <c r="J5634" s="18"/>
      <c r="K5634" s="18"/>
      <c r="L5634" s="18"/>
      <c r="M5634" s="18"/>
      <c r="N5634" s="18"/>
      <c r="O5634" s="18"/>
      <c r="P5634" s="19">
        <v>490</v>
      </c>
      <c r="Q5634" s="19"/>
      <c r="R5634" s="19"/>
      <c r="S5634" s="19"/>
      <c r="T5634" s="19">
        <v>350</v>
      </c>
      <c r="U5634" s="19"/>
      <c r="V5634" s="19"/>
      <c r="W5634" s="19"/>
      <c r="X5634" s="19">
        <v>5</v>
      </c>
      <c r="Y5634" s="19"/>
      <c r="Z5634" s="19"/>
      <c r="AA5634" s="19"/>
    </row>
    <row r="5635" spans="1:27" s="1" customFormat="1" ht="14.1" customHeight="1" outlineLevel="2" x14ac:dyDescent="0.2">
      <c r="A5635" s="17"/>
      <c r="B5635" s="17"/>
      <c r="C5635" s="17"/>
      <c r="D5635" s="18"/>
      <c r="E5635" s="18"/>
      <c r="F5635" s="18"/>
      <c r="G5635" s="18"/>
      <c r="H5635" s="18"/>
      <c r="I5635" s="18"/>
      <c r="J5635" s="18"/>
      <c r="K5635" s="18"/>
      <c r="L5635" s="18"/>
      <c r="M5635" s="18"/>
      <c r="N5635" s="18"/>
      <c r="O5635" s="18"/>
      <c r="P5635" s="19"/>
      <c r="Q5635" s="19"/>
      <c r="R5635" s="19"/>
      <c r="S5635" s="19"/>
      <c r="T5635" s="19"/>
      <c r="U5635" s="19"/>
      <c r="V5635" s="19"/>
      <c r="W5635" s="19"/>
      <c r="X5635" s="19"/>
      <c r="Y5635" s="19"/>
      <c r="Z5635" s="19"/>
      <c r="AA5635" s="19"/>
    </row>
    <row r="5636" spans="1:27" s="1" customFormat="1" ht="14.1" customHeight="1" outlineLevel="2" x14ac:dyDescent="0.2">
      <c r="A5636" s="17">
        <v>17175</v>
      </c>
      <c r="B5636" s="17"/>
      <c r="C5636" s="17"/>
      <c r="D5636" s="18" t="s">
        <v>2803</v>
      </c>
      <c r="E5636" s="18"/>
      <c r="F5636" s="18"/>
      <c r="G5636" s="18"/>
      <c r="H5636" s="18"/>
      <c r="I5636" s="18"/>
      <c r="J5636" s="18"/>
      <c r="K5636" s="18"/>
      <c r="L5636" s="18"/>
      <c r="M5636" s="18"/>
      <c r="N5636" s="18"/>
      <c r="O5636" s="18"/>
      <c r="P5636" s="19">
        <v>490</v>
      </c>
      <c r="Q5636" s="19"/>
      <c r="R5636" s="19"/>
      <c r="S5636" s="19"/>
      <c r="T5636" s="19">
        <v>350</v>
      </c>
      <c r="U5636" s="19"/>
      <c r="V5636" s="19"/>
      <c r="W5636" s="19"/>
      <c r="X5636" s="19">
        <v>5</v>
      </c>
      <c r="Y5636" s="19"/>
      <c r="Z5636" s="19"/>
      <c r="AA5636" s="19"/>
    </row>
    <row r="5637" spans="1:27" s="1" customFormat="1" ht="14.1" customHeight="1" outlineLevel="2" x14ac:dyDescent="0.2">
      <c r="A5637" s="17"/>
      <c r="B5637" s="17"/>
      <c r="C5637" s="17"/>
      <c r="D5637" s="18"/>
      <c r="E5637" s="18"/>
      <c r="F5637" s="18"/>
      <c r="G5637" s="18"/>
      <c r="H5637" s="18"/>
      <c r="I5637" s="18"/>
      <c r="J5637" s="18"/>
      <c r="K5637" s="18"/>
      <c r="L5637" s="18"/>
      <c r="M5637" s="18"/>
      <c r="N5637" s="18"/>
      <c r="O5637" s="18"/>
      <c r="P5637" s="19"/>
      <c r="Q5637" s="19"/>
      <c r="R5637" s="19"/>
      <c r="S5637" s="19"/>
      <c r="T5637" s="19"/>
      <c r="U5637" s="19"/>
      <c r="V5637" s="19"/>
      <c r="W5637" s="19"/>
      <c r="X5637" s="19"/>
      <c r="Y5637" s="19"/>
      <c r="Z5637" s="19"/>
      <c r="AA5637" s="19"/>
    </row>
    <row r="5638" spans="1:27" s="1" customFormat="1" ht="14.1" customHeight="1" outlineLevel="2" x14ac:dyDescent="0.2">
      <c r="A5638" s="17">
        <v>17174</v>
      </c>
      <c r="B5638" s="17"/>
      <c r="C5638" s="17"/>
      <c r="D5638" s="18" t="s">
        <v>2804</v>
      </c>
      <c r="E5638" s="18"/>
      <c r="F5638" s="18"/>
      <c r="G5638" s="18"/>
      <c r="H5638" s="18"/>
      <c r="I5638" s="18"/>
      <c r="J5638" s="18"/>
      <c r="K5638" s="18"/>
      <c r="L5638" s="18"/>
      <c r="M5638" s="18"/>
      <c r="N5638" s="18"/>
      <c r="O5638" s="18"/>
      <c r="P5638" s="19">
        <v>490</v>
      </c>
      <c r="Q5638" s="19"/>
      <c r="R5638" s="19"/>
      <c r="S5638" s="19"/>
      <c r="T5638" s="19">
        <v>350</v>
      </c>
      <c r="U5638" s="19"/>
      <c r="V5638" s="19"/>
      <c r="W5638" s="19"/>
      <c r="X5638" s="19">
        <v>5</v>
      </c>
      <c r="Y5638" s="19"/>
      <c r="Z5638" s="19"/>
      <c r="AA5638" s="19"/>
    </row>
    <row r="5639" spans="1:27" s="1" customFormat="1" ht="14.1" customHeight="1" outlineLevel="2" x14ac:dyDescent="0.2">
      <c r="A5639" s="17"/>
      <c r="B5639" s="17"/>
      <c r="C5639" s="17"/>
      <c r="D5639" s="18"/>
      <c r="E5639" s="18"/>
      <c r="F5639" s="18"/>
      <c r="G5639" s="18"/>
      <c r="H5639" s="18"/>
      <c r="I5639" s="18"/>
      <c r="J5639" s="18"/>
      <c r="K5639" s="18"/>
      <c r="L5639" s="18"/>
      <c r="M5639" s="18"/>
      <c r="N5639" s="18"/>
      <c r="O5639" s="18"/>
      <c r="P5639" s="19"/>
      <c r="Q5639" s="19"/>
      <c r="R5639" s="19"/>
      <c r="S5639" s="19"/>
      <c r="T5639" s="19"/>
      <c r="U5639" s="19"/>
      <c r="V5639" s="19"/>
      <c r="W5639" s="19"/>
      <c r="X5639" s="19"/>
      <c r="Y5639" s="19"/>
      <c r="Z5639" s="19"/>
      <c r="AA5639" s="19"/>
    </row>
    <row r="5640" spans="1:27" s="1" customFormat="1" ht="14.1" customHeight="1" outlineLevel="2" x14ac:dyDescent="0.2">
      <c r="A5640" s="17">
        <v>17622</v>
      </c>
      <c r="B5640" s="17"/>
      <c r="C5640" s="17"/>
      <c r="D5640" s="18" t="s">
        <v>2805</v>
      </c>
      <c r="E5640" s="18"/>
      <c r="F5640" s="18"/>
      <c r="G5640" s="18"/>
      <c r="H5640" s="18"/>
      <c r="I5640" s="18"/>
      <c r="J5640" s="18"/>
      <c r="K5640" s="18"/>
      <c r="L5640" s="18"/>
      <c r="M5640" s="18"/>
      <c r="N5640" s="18"/>
      <c r="O5640" s="18"/>
      <c r="P5640" s="19">
        <v>150</v>
      </c>
      <c r="Q5640" s="19"/>
      <c r="R5640" s="19"/>
      <c r="S5640" s="19"/>
      <c r="T5640" s="19">
        <v>100</v>
      </c>
      <c r="U5640" s="19"/>
      <c r="V5640" s="19"/>
      <c r="W5640" s="19"/>
      <c r="X5640" s="19">
        <v>1</v>
      </c>
      <c r="Y5640" s="19"/>
      <c r="Z5640" s="19"/>
      <c r="AA5640" s="19"/>
    </row>
    <row r="5641" spans="1:27" s="1" customFormat="1" ht="14.1" customHeight="1" outlineLevel="2" x14ac:dyDescent="0.2">
      <c r="A5641" s="17"/>
      <c r="B5641" s="17"/>
      <c r="C5641" s="17"/>
      <c r="D5641" s="18"/>
      <c r="E5641" s="18"/>
      <c r="F5641" s="18"/>
      <c r="G5641" s="18"/>
      <c r="H5641" s="18"/>
      <c r="I5641" s="18"/>
      <c r="J5641" s="18"/>
      <c r="K5641" s="18"/>
      <c r="L5641" s="18"/>
      <c r="M5641" s="18"/>
      <c r="N5641" s="18"/>
      <c r="O5641" s="18"/>
      <c r="P5641" s="19"/>
      <c r="Q5641" s="19"/>
      <c r="R5641" s="19"/>
      <c r="S5641" s="19"/>
      <c r="T5641" s="19"/>
      <c r="U5641" s="19"/>
      <c r="V5641" s="19"/>
      <c r="W5641" s="19"/>
      <c r="X5641" s="19"/>
      <c r="Y5641" s="19"/>
      <c r="Z5641" s="19"/>
      <c r="AA5641" s="19"/>
    </row>
    <row r="5642" spans="1:27" s="1" customFormat="1" ht="14.1" customHeight="1" outlineLevel="2" x14ac:dyDescent="0.2">
      <c r="A5642" s="17">
        <v>18126</v>
      </c>
      <c r="B5642" s="17"/>
      <c r="C5642" s="17"/>
      <c r="D5642" s="18" t="s">
        <v>2806</v>
      </c>
      <c r="E5642" s="18"/>
      <c r="F5642" s="18"/>
      <c r="G5642" s="18"/>
      <c r="H5642" s="18"/>
      <c r="I5642" s="18"/>
      <c r="J5642" s="18"/>
      <c r="K5642" s="18"/>
      <c r="L5642" s="18"/>
      <c r="M5642" s="18"/>
      <c r="N5642" s="18"/>
      <c r="O5642" s="18"/>
      <c r="P5642" s="19">
        <v>150</v>
      </c>
      <c r="Q5642" s="19"/>
      <c r="R5642" s="19"/>
      <c r="S5642" s="19"/>
      <c r="T5642" s="19">
        <v>100</v>
      </c>
      <c r="U5642" s="19"/>
      <c r="V5642" s="19"/>
      <c r="W5642" s="19"/>
      <c r="X5642" s="19">
        <v>1</v>
      </c>
      <c r="Y5642" s="19"/>
      <c r="Z5642" s="19"/>
      <c r="AA5642" s="19"/>
    </row>
    <row r="5643" spans="1:27" s="1" customFormat="1" ht="14.1" customHeight="1" outlineLevel="2" x14ac:dyDescent="0.2">
      <c r="A5643" s="17"/>
      <c r="B5643" s="17"/>
      <c r="C5643" s="17"/>
      <c r="D5643" s="18"/>
      <c r="E5643" s="18"/>
      <c r="F5643" s="18"/>
      <c r="G5643" s="18"/>
      <c r="H5643" s="18"/>
      <c r="I5643" s="18"/>
      <c r="J5643" s="18"/>
      <c r="K5643" s="18"/>
      <c r="L5643" s="18"/>
      <c r="M5643" s="18"/>
      <c r="N5643" s="18"/>
      <c r="O5643" s="18"/>
      <c r="P5643" s="19"/>
      <c r="Q5643" s="19"/>
      <c r="R5643" s="19"/>
      <c r="S5643" s="19"/>
      <c r="T5643" s="19"/>
      <c r="U5643" s="19"/>
      <c r="V5643" s="19"/>
      <c r="W5643" s="19"/>
      <c r="X5643" s="19"/>
      <c r="Y5643" s="19"/>
      <c r="Z5643" s="19"/>
      <c r="AA5643" s="19"/>
    </row>
    <row r="5644" spans="1:27" s="1" customFormat="1" ht="14.1" customHeight="1" outlineLevel="2" x14ac:dyDescent="0.2">
      <c r="A5644" s="17">
        <v>17623</v>
      </c>
      <c r="B5644" s="17"/>
      <c r="C5644" s="17"/>
      <c r="D5644" s="18" t="s">
        <v>2807</v>
      </c>
      <c r="E5644" s="18"/>
      <c r="F5644" s="18"/>
      <c r="G5644" s="18"/>
      <c r="H5644" s="18"/>
      <c r="I5644" s="18"/>
      <c r="J5644" s="18"/>
      <c r="K5644" s="18"/>
      <c r="L5644" s="18"/>
      <c r="M5644" s="18"/>
      <c r="N5644" s="18"/>
      <c r="O5644" s="18"/>
      <c r="P5644" s="19">
        <v>600</v>
      </c>
      <c r="Q5644" s="19"/>
      <c r="R5644" s="19"/>
      <c r="S5644" s="19"/>
      <c r="T5644" s="19">
        <v>500</v>
      </c>
      <c r="U5644" s="19"/>
      <c r="V5644" s="19"/>
      <c r="W5644" s="19"/>
      <c r="X5644" s="19">
        <v>1</v>
      </c>
      <c r="Y5644" s="19"/>
      <c r="Z5644" s="19"/>
      <c r="AA5644" s="19"/>
    </row>
    <row r="5645" spans="1:27" s="1" customFormat="1" ht="14.1" customHeight="1" outlineLevel="2" x14ac:dyDescent="0.2">
      <c r="A5645" s="17"/>
      <c r="B5645" s="17"/>
      <c r="C5645" s="17"/>
      <c r="D5645" s="18"/>
      <c r="E5645" s="18"/>
      <c r="F5645" s="18"/>
      <c r="G5645" s="18"/>
      <c r="H5645" s="18"/>
      <c r="I5645" s="18"/>
      <c r="J5645" s="18"/>
      <c r="K5645" s="18"/>
      <c r="L5645" s="18"/>
      <c r="M5645" s="18"/>
      <c r="N5645" s="18"/>
      <c r="O5645" s="18"/>
      <c r="P5645" s="19"/>
      <c r="Q5645" s="19"/>
      <c r="R5645" s="19"/>
      <c r="S5645" s="19"/>
      <c r="T5645" s="19"/>
      <c r="U5645" s="19"/>
      <c r="V5645" s="19"/>
      <c r="W5645" s="19"/>
      <c r="X5645" s="19"/>
      <c r="Y5645" s="19"/>
      <c r="Z5645" s="19"/>
      <c r="AA5645" s="19"/>
    </row>
    <row r="5646" spans="1:27" s="1" customFormat="1" ht="14.1" customHeight="1" outlineLevel="2" x14ac:dyDescent="0.2">
      <c r="A5646" s="17">
        <v>18125</v>
      </c>
      <c r="B5646" s="17"/>
      <c r="C5646" s="17"/>
      <c r="D5646" s="18" t="s">
        <v>2808</v>
      </c>
      <c r="E5646" s="18"/>
      <c r="F5646" s="18"/>
      <c r="G5646" s="18"/>
      <c r="H5646" s="18"/>
      <c r="I5646" s="18"/>
      <c r="J5646" s="18"/>
      <c r="K5646" s="18"/>
      <c r="L5646" s="18"/>
      <c r="M5646" s="18"/>
      <c r="N5646" s="18"/>
      <c r="O5646" s="18"/>
      <c r="P5646" s="19">
        <v>800</v>
      </c>
      <c r="Q5646" s="19"/>
      <c r="R5646" s="19"/>
      <c r="S5646" s="19"/>
      <c r="T5646" s="19">
        <v>700</v>
      </c>
      <c r="U5646" s="19"/>
      <c r="V5646" s="19"/>
      <c r="W5646" s="19"/>
      <c r="X5646" s="19">
        <v>1</v>
      </c>
      <c r="Y5646" s="19"/>
      <c r="Z5646" s="19"/>
      <c r="AA5646" s="19"/>
    </row>
    <row r="5647" spans="1:27" s="1" customFormat="1" ht="14.1" customHeight="1" outlineLevel="2" x14ac:dyDescent="0.2">
      <c r="A5647" s="17"/>
      <c r="B5647" s="17"/>
      <c r="C5647" s="17"/>
      <c r="D5647" s="18"/>
      <c r="E5647" s="18"/>
      <c r="F5647" s="18"/>
      <c r="G5647" s="18"/>
      <c r="H5647" s="18"/>
      <c r="I5647" s="18"/>
      <c r="J5647" s="18"/>
      <c r="K5647" s="18"/>
      <c r="L5647" s="18"/>
      <c r="M5647" s="18"/>
      <c r="N5647" s="18"/>
      <c r="O5647" s="18"/>
      <c r="P5647" s="19"/>
      <c r="Q5647" s="19"/>
      <c r="R5647" s="19"/>
      <c r="S5647" s="19"/>
      <c r="T5647" s="19"/>
      <c r="U5647" s="19"/>
      <c r="V5647" s="19"/>
      <c r="W5647" s="19"/>
      <c r="X5647" s="19"/>
      <c r="Y5647" s="19"/>
      <c r="Z5647" s="19"/>
      <c r="AA5647" s="19"/>
    </row>
    <row r="5648" spans="1:27" s="1" customFormat="1" ht="11.1" customHeight="1" outlineLevel="1" x14ac:dyDescent="0.2">
      <c r="A5648" s="16" t="s">
        <v>2019</v>
      </c>
      <c r="B5648" s="16"/>
      <c r="C5648" s="16"/>
      <c r="D5648" s="16"/>
      <c r="E5648" s="16"/>
      <c r="F5648" s="16"/>
      <c r="G5648" s="16"/>
      <c r="H5648" s="16"/>
      <c r="I5648" s="16"/>
      <c r="J5648" s="16"/>
      <c r="K5648" s="16"/>
      <c r="L5648" s="16"/>
      <c r="M5648" s="16"/>
      <c r="N5648" s="16"/>
      <c r="O5648" s="16"/>
      <c r="P5648" s="16"/>
      <c r="Q5648" s="16"/>
      <c r="R5648" s="16"/>
      <c r="S5648" s="16"/>
      <c r="T5648" s="16"/>
      <c r="U5648" s="16"/>
      <c r="V5648" s="16"/>
      <c r="W5648" s="16"/>
      <c r="X5648" s="16"/>
      <c r="Y5648" s="16"/>
      <c r="Z5648" s="16"/>
      <c r="AA5648" s="16"/>
    </row>
    <row r="5649" spans="1:27" s="1" customFormat="1" ht="11.1" customHeight="1" outlineLevel="1" x14ac:dyDescent="0.2">
      <c r="A5649" s="16"/>
      <c r="B5649" s="16"/>
      <c r="C5649" s="16"/>
      <c r="D5649" s="16"/>
      <c r="E5649" s="16"/>
      <c r="F5649" s="16"/>
      <c r="G5649" s="16"/>
      <c r="H5649" s="16"/>
      <c r="I5649" s="16"/>
      <c r="J5649" s="16"/>
      <c r="K5649" s="16"/>
      <c r="L5649" s="16"/>
      <c r="M5649" s="16"/>
      <c r="N5649" s="16"/>
      <c r="O5649" s="16"/>
      <c r="P5649" s="16"/>
      <c r="Q5649" s="16"/>
      <c r="R5649" s="16"/>
      <c r="S5649" s="16"/>
      <c r="T5649" s="16"/>
      <c r="U5649" s="16"/>
      <c r="V5649" s="16"/>
      <c r="W5649" s="16"/>
      <c r="X5649" s="16"/>
      <c r="Y5649" s="16"/>
      <c r="Z5649" s="16"/>
      <c r="AA5649" s="16"/>
    </row>
    <row r="5650" spans="1:27" s="1" customFormat="1" ht="14.1" customHeight="1" outlineLevel="2" x14ac:dyDescent="0.2">
      <c r="A5650" s="17">
        <v>16768</v>
      </c>
      <c r="B5650" s="17"/>
      <c r="C5650" s="17"/>
      <c r="D5650" s="18" t="s">
        <v>2809</v>
      </c>
      <c r="E5650" s="18"/>
      <c r="F5650" s="18"/>
      <c r="G5650" s="18"/>
      <c r="H5650" s="18"/>
      <c r="I5650" s="18"/>
      <c r="J5650" s="18"/>
      <c r="K5650" s="18"/>
      <c r="L5650" s="18"/>
      <c r="M5650" s="18"/>
      <c r="N5650" s="18"/>
      <c r="O5650" s="18"/>
      <c r="P5650" s="19">
        <v>450</v>
      </c>
      <c r="Q5650" s="19"/>
      <c r="R5650" s="19"/>
      <c r="S5650" s="19"/>
      <c r="T5650" s="19">
        <v>300</v>
      </c>
      <c r="U5650" s="19"/>
      <c r="V5650" s="19"/>
      <c r="W5650" s="19"/>
      <c r="X5650" s="19">
        <v>1</v>
      </c>
      <c r="Y5650" s="19"/>
      <c r="Z5650" s="19"/>
      <c r="AA5650" s="19"/>
    </row>
    <row r="5651" spans="1:27" s="1" customFormat="1" ht="14.1" customHeight="1" outlineLevel="2" x14ac:dyDescent="0.2">
      <c r="A5651" s="17"/>
      <c r="B5651" s="17"/>
      <c r="C5651" s="17"/>
      <c r="D5651" s="18"/>
      <c r="E5651" s="18"/>
      <c r="F5651" s="18"/>
      <c r="G5651" s="18"/>
      <c r="H5651" s="18"/>
      <c r="I5651" s="18"/>
      <c r="J5651" s="18"/>
      <c r="K5651" s="18"/>
      <c r="L5651" s="18"/>
      <c r="M5651" s="18"/>
      <c r="N5651" s="18"/>
      <c r="O5651" s="18"/>
      <c r="P5651" s="19"/>
      <c r="Q5651" s="19"/>
      <c r="R5651" s="19"/>
      <c r="S5651" s="19"/>
      <c r="T5651" s="19"/>
      <c r="U5651" s="19"/>
      <c r="V5651" s="19"/>
      <c r="W5651" s="19"/>
      <c r="X5651" s="19"/>
      <c r="Y5651" s="19"/>
      <c r="Z5651" s="19"/>
      <c r="AA5651" s="19"/>
    </row>
    <row r="5652" spans="1:27" s="1" customFormat="1" ht="11.1" customHeight="1" outlineLevel="1" x14ac:dyDescent="0.2">
      <c r="A5652" s="16" t="s">
        <v>1298</v>
      </c>
      <c r="B5652" s="16"/>
      <c r="C5652" s="16"/>
      <c r="D5652" s="16"/>
      <c r="E5652" s="16"/>
      <c r="F5652" s="16"/>
      <c r="G5652" s="16"/>
      <c r="H5652" s="16"/>
      <c r="I5652" s="16"/>
      <c r="J5652" s="16"/>
      <c r="K5652" s="16"/>
      <c r="L5652" s="16"/>
      <c r="M5652" s="16"/>
      <c r="N5652" s="16"/>
      <c r="O5652" s="16"/>
      <c r="P5652" s="16"/>
      <c r="Q5652" s="16"/>
      <c r="R5652" s="16"/>
      <c r="S5652" s="16"/>
      <c r="T5652" s="16"/>
      <c r="U5652" s="16"/>
      <c r="V5652" s="16"/>
      <c r="W5652" s="16"/>
      <c r="X5652" s="16"/>
      <c r="Y5652" s="16"/>
      <c r="Z5652" s="16"/>
      <c r="AA5652" s="16"/>
    </row>
    <row r="5653" spans="1:27" s="1" customFormat="1" ht="11.1" customHeight="1" outlineLevel="1" x14ac:dyDescent="0.2">
      <c r="A5653" s="16"/>
      <c r="B5653" s="16"/>
      <c r="C5653" s="16"/>
      <c r="D5653" s="16"/>
      <c r="E5653" s="16"/>
      <c r="F5653" s="16"/>
      <c r="G5653" s="16"/>
      <c r="H5653" s="16"/>
      <c r="I5653" s="16"/>
      <c r="J5653" s="16"/>
      <c r="K5653" s="16"/>
      <c r="L5653" s="16"/>
      <c r="M5653" s="16"/>
      <c r="N5653" s="16"/>
      <c r="O5653" s="16"/>
      <c r="P5653" s="16"/>
      <c r="Q5653" s="16"/>
      <c r="R5653" s="16"/>
      <c r="S5653" s="16"/>
      <c r="T5653" s="16"/>
      <c r="U5653" s="16"/>
      <c r="V5653" s="16"/>
      <c r="W5653" s="16"/>
      <c r="X5653" s="16"/>
      <c r="Y5653" s="16"/>
      <c r="Z5653" s="16"/>
      <c r="AA5653" s="16"/>
    </row>
    <row r="5654" spans="1:27" s="1" customFormat="1" ht="11.1" customHeight="1" outlineLevel="2" x14ac:dyDescent="0.2">
      <c r="A5654" s="17">
        <v>8484</v>
      </c>
      <c r="B5654" s="17"/>
      <c r="C5654" s="17"/>
      <c r="D5654" s="18" t="s">
        <v>2810</v>
      </c>
      <c r="E5654" s="18"/>
      <c r="F5654" s="18"/>
      <c r="G5654" s="18"/>
      <c r="H5654" s="18"/>
      <c r="I5654" s="18"/>
      <c r="J5654" s="18"/>
      <c r="K5654" s="18"/>
      <c r="L5654" s="18"/>
      <c r="M5654" s="18"/>
      <c r="N5654" s="18"/>
      <c r="O5654" s="18"/>
      <c r="P5654" s="19">
        <v>320</v>
      </c>
      <c r="Q5654" s="19"/>
      <c r="R5654" s="19"/>
      <c r="S5654" s="19"/>
      <c r="T5654" s="19">
        <v>250</v>
      </c>
      <c r="U5654" s="19"/>
      <c r="V5654" s="19"/>
      <c r="W5654" s="19"/>
      <c r="X5654" s="19">
        <v>2</v>
      </c>
      <c r="Y5654" s="19"/>
      <c r="Z5654" s="19"/>
      <c r="AA5654" s="19"/>
    </row>
    <row r="5655" spans="1:27" s="1" customFormat="1" ht="11.1" customHeight="1" outlineLevel="2" x14ac:dyDescent="0.2">
      <c r="A5655" s="17"/>
      <c r="B5655" s="17"/>
      <c r="C5655" s="17"/>
      <c r="D5655" s="18"/>
      <c r="E5655" s="18"/>
      <c r="F5655" s="18"/>
      <c r="G5655" s="18"/>
      <c r="H5655" s="18"/>
      <c r="I5655" s="18"/>
      <c r="J5655" s="18"/>
      <c r="K5655" s="18"/>
      <c r="L5655" s="18"/>
      <c r="M5655" s="18"/>
      <c r="N5655" s="18"/>
      <c r="O5655" s="18"/>
      <c r="P5655" s="19"/>
      <c r="Q5655" s="19"/>
      <c r="R5655" s="19"/>
      <c r="S5655" s="19"/>
      <c r="T5655" s="19"/>
      <c r="U5655" s="19"/>
      <c r="V5655" s="19"/>
      <c r="W5655" s="19"/>
      <c r="X5655" s="19"/>
      <c r="Y5655" s="19"/>
      <c r="Z5655" s="19"/>
      <c r="AA5655" s="19"/>
    </row>
    <row r="5656" spans="1:27" s="1" customFormat="1" ht="11.1" customHeight="1" outlineLevel="2" x14ac:dyDescent="0.2">
      <c r="A5656" s="17">
        <v>12083</v>
      </c>
      <c r="B5656" s="17"/>
      <c r="C5656" s="17"/>
      <c r="D5656" s="18" t="s">
        <v>2811</v>
      </c>
      <c r="E5656" s="18"/>
      <c r="F5656" s="18"/>
      <c r="G5656" s="18"/>
      <c r="H5656" s="18"/>
      <c r="I5656" s="18"/>
      <c r="J5656" s="18"/>
      <c r="K5656" s="18"/>
      <c r="L5656" s="18"/>
      <c r="M5656" s="18"/>
      <c r="N5656" s="18"/>
      <c r="O5656" s="18"/>
      <c r="P5656" s="19">
        <v>190</v>
      </c>
      <c r="Q5656" s="19"/>
      <c r="R5656" s="19"/>
      <c r="S5656" s="19"/>
      <c r="T5656" s="19">
        <v>150</v>
      </c>
      <c r="U5656" s="19"/>
      <c r="V5656" s="19"/>
      <c r="W5656" s="19"/>
      <c r="X5656" s="19">
        <v>1</v>
      </c>
      <c r="Y5656" s="19"/>
      <c r="Z5656" s="19"/>
      <c r="AA5656" s="19"/>
    </row>
    <row r="5657" spans="1:27" s="1" customFormat="1" ht="11.1" customHeight="1" outlineLevel="2" x14ac:dyDescent="0.2">
      <c r="A5657" s="17"/>
      <c r="B5657" s="17"/>
      <c r="C5657" s="17"/>
      <c r="D5657" s="18"/>
      <c r="E5657" s="18"/>
      <c r="F5657" s="18"/>
      <c r="G5657" s="18"/>
      <c r="H5657" s="18"/>
      <c r="I5657" s="18"/>
      <c r="J5657" s="18"/>
      <c r="K5657" s="18"/>
      <c r="L5657" s="18"/>
      <c r="M5657" s="18"/>
      <c r="N5657" s="18"/>
      <c r="O5657" s="18"/>
      <c r="P5657" s="19"/>
      <c r="Q5657" s="19"/>
      <c r="R5657" s="19"/>
      <c r="S5657" s="19"/>
      <c r="T5657" s="19"/>
      <c r="U5657" s="19"/>
      <c r="V5657" s="19"/>
      <c r="W5657" s="19"/>
      <c r="X5657" s="19"/>
      <c r="Y5657" s="19"/>
      <c r="Z5657" s="19"/>
      <c r="AA5657" s="19"/>
    </row>
    <row r="5658" spans="1:27" s="1" customFormat="1" ht="11.1" customHeight="1" outlineLevel="2" x14ac:dyDescent="0.2">
      <c r="A5658" s="17">
        <v>12070</v>
      </c>
      <c r="B5658" s="17"/>
      <c r="C5658" s="17"/>
      <c r="D5658" s="18" t="s">
        <v>2812</v>
      </c>
      <c r="E5658" s="18"/>
      <c r="F5658" s="18"/>
      <c r="G5658" s="18"/>
      <c r="H5658" s="18"/>
      <c r="I5658" s="18"/>
      <c r="J5658" s="18"/>
      <c r="K5658" s="18"/>
      <c r="L5658" s="18"/>
      <c r="M5658" s="18"/>
      <c r="N5658" s="18"/>
      <c r="O5658" s="18"/>
      <c r="P5658" s="19">
        <v>190</v>
      </c>
      <c r="Q5658" s="19"/>
      <c r="R5658" s="19"/>
      <c r="S5658" s="19"/>
      <c r="T5658" s="19">
        <v>150</v>
      </c>
      <c r="U5658" s="19"/>
      <c r="V5658" s="19"/>
      <c r="W5658" s="19"/>
      <c r="X5658" s="19">
        <v>2</v>
      </c>
      <c r="Y5658" s="19"/>
      <c r="Z5658" s="19"/>
      <c r="AA5658" s="19"/>
    </row>
    <row r="5659" spans="1:27" s="1" customFormat="1" ht="11.1" customHeight="1" outlineLevel="2" x14ac:dyDescent="0.2">
      <c r="A5659" s="17"/>
      <c r="B5659" s="17"/>
      <c r="C5659" s="17"/>
      <c r="D5659" s="18"/>
      <c r="E5659" s="18"/>
      <c r="F5659" s="18"/>
      <c r="G5659" s="18"/>
      <c r="H5659" s="18"/>
      <c r="I5659" s="18"/>
      <c r="J5659" s="18"/>
      <c r="K5659" s="18"/>
      <c r="L5659" s="18"/>
      <c r="M5659" s="18"/>
      <c r="N5659" s="18"/>
      <c r="O5659" s="18"/>
      <c r="P5659" s="19"/>
      <c r="Q5659" s="19"/>
      <c r="R5659" s="19"/>
      <c r="S5659" s="19"/>
      <c r="T5659" s="19"/>
      <c r="U5659" s="19"/>
      <c r="V5659" s="19"/>
      <c r="W5659" s="19"/>
      <c r="X5659" s="19"/>
      <c r="Y5659" s="19"/>
      <c r="Z5659" s="19"/>
      <c r="AA5659" s="19"/>
    </row>
    <row r="5660" spans="1:27" s="1" customFormat="1" ht="14.1" customHeight="1" outlineLevel="2" x14ac:dyDescent="0.2">
      <c r="A5660" s="17">
        <v>12118</v>
      </c>
      <c r="B5660" s="17"/>
      <c r="C5660" s="17"/>
      <c r="D5660" s="18" t="s">
        <v>2813</v>
      </c>
      <c r="E5660" s="18"/>
      <c r="F5660" s="18"/>
      <c r="G5660" s="18"/>
      <c r="H5660" s="18"/>
      <c r="I5660" s="18"/>
      <c r="J5660" s="18"/>
      <c r="K5660" s="18"/>
      <c r="L5660" s="18"/>
      <c r="M5660" s="18"/>
      <c r="N5660" s="18"/>
      <c r="O5660" s="18"/>
      <c r="P5660" s="19">
        <v>350</v>
      </c>
      <c r="Q5660" s="19"/>
      <c r="R5660" s="19"/>
      <c r="S5660" s="19"/>
      <c r="T5660" s="19">
        <v>250</v>
      </c>
      <c r="U5660" s="19"/>
      <c r="V5660" s="19"/>
      <c r="W5660" s="19"/>
      <c r="X5660" s="19">
        <v>7</v>
      </c>
      <c r="Y5660" s="19"/>
      <c r="Z5660" s="19"/>
      <c r="AA5660" s="19"/>
    </row>
    <row r="5661" spans="1:27" s="1" customFormat="1" ht="14.1" customHeight="1" outlineLevel="2" x14ac:dyDescent="0.2">
      <c r="A5661" s="17"/>
      <c r="B5661" s="17"/>
      <c r="C5661" s="17"/>
      <c r="D5661" s="18"/>
      <c r="E5661" s="18"/>
      <c r="F5661" s="18"/>
      <c r="G5661" s="18"/>
      <c r="H5661" s="18"/>
      <c r="I5661" s="18"/>
      <c r="J5661" s="18"/>
      <c r="K5661" s="18"/>
      <c r="L5661" s="18"/>
      <c r="M5661" s="18"/>
      <c r="N5661" s="18"/>
      <c r="O5661" s="18"/>
      <c r="P5661" s="19"/>
      <c r="Q5661" s="19"/>
      <c r="R5661" s="19"/>
      <c r="S5661" s="19"/>
      <c r="T5661" s="19"/>
      <c r="U5661" s="19"/>
      <c r="V5661" s="19"/>
      <c r="W5661" s="19"/>
      <c r="X5661" s="19"/>
      <c r="Y5661" s="19"/>
      <c r="Z5661" s="19"/>
      <c r="AA5661" s="19"/>
    </row>
    <row r="5662" spans="1:27" s="1" customFormat="1" ht="11.1" customHeight="1" outlineLevel="2" x14ac:dyDescent="0.2">
      <c r="A5662" s="17">
        <v>15920</v>
      </c>
      <c r="B5662" s="17"/>
      <c r="C5662" s="17"/>
      <c r="D5662" s="18" t="s">
        <v>2814</v>
      </c>
      <c r="E5662" s="18"/>
      <c r="F5662" s="18"/>
      <c r="G5662" s="18"/>
      <c r="H5662" s="18"/>
      <c r="I5662" s="18"/>
      <c r="J5662" s="18"/>
      <c r="K5662" s="18"/>
      <c r="L5662" s="18"/>
      <c r="M5662" s="18"/>
      <c r="N5662" s="18"/>
      <c r="O5662" s="18"/>
      <c r="P5662" s="19">
        <v>350</v>
      </c>
      <c r="Q5662" s="19"/>
      <c r="R5662" s="19"/>
      <c r="S5662" s="19"/>
      <c r="T5662" s="19">
        <v>200</v>
      </c>
      <c r="U5662" s="19"/>
      <c r="V5662" s="19"/>
      <c r="W5662" s="19"/>
      <c r="X5662" s="19">
        <v>1</v>
      </c>
      <c r="Y5662" s="19"/>
      <c r="Z5662" s="19"/>
      <c r="AA5662" s="19"/>
    </row>
    <row r="5663" spans="1:27" s="1" customFormat="1" ht="11.1" customHeight="1" outlineLevel="2" x14ac:dyDescent="0.2">
      <c r="A5663" s="17"/>
      <c r="B5663" s="17"/>
      <c r="C5663" s="17"/>
      <c r="D5663" s="18"/>
      <c r="E5663" s="18"/>
      <c r="F5663" s="18"/>
      <c r="G5663" s="18"/>
      <c r="H5663" s="18"/>
      <c r="I5663" s="18"/>
      <c r="J5663" s="18"/>
      <c r="K5663" s="18"/>
      <c r="L5663" s="18"/>
      <c r="M5663" s="18"/>
      <c r="N5663" s="18"/>
      <c r="O5663" s="18"/>
      <c r="P5663" s="19"/>
      <c r="Q5663" s="19"/>
      <c r="R5663" s="19"/>
      <c r="S5663" s="19"/>
      <c r="T5663" s="19"/>
      <c r="U5663" s="19"/>
      <c r="V5663" s="19"/>
      <c r="W5663" s="19"/>
      <c r="X5663" s="19"/>
      <c r="Y5663" s="19"/>
      <c r="Z5663" s="19"/>
      <c r="AA5663" s="19"/>
    </row>
    <row r="5664" spans="1:27" s="1" customFormat="1" ht="11.1" customHeight="1" outlineLevel="2" x14ac:dyDescent="0.2">
      <c r="A5664" s="17">
        <v>16154</v>
      </c>
      <c r="B5664" s="17"/>
      <c r="C5664" s="17"/>
      <c r="D5664" s="18" t="s">
        <v>2815</v>
      </c>
      <c r="E5664" s="18"/>
      <c r="F5664" s="18"/>
      <c r="G5664" s="18"/>
      <c r="H5664" s="18"/>
      <c r="I5664" s="18"/>
      <c r="J5664" s="18"/>
      <c r="K5664" s="18"/>
      <c r="L5664" s="18"/>
      <c r="M5664" s="18"/>
      <c r="N5664" s="18"/>
      <c r="O5664" s="18"/>
      <c r="P5664" s="19">
        <v>270</v>
      </c>
      <c r="Q5664" s="19"/>
      <c r="R5664" s="19"/>
      <c r="S5664" s="19"/>
      <c r="T5664" s="19">
        <v>220</v>
      </c>
      <c r="U5664" s="19"/>
      <c r="V5664" s="19"/>
      <c r="W5664" s="19"/>
      <c r="X5664" s="19">
        <v>1</v>
      </c>
      <c r="Y5664" s="19"/>
      <c r="Z5664" s="19"/>
      <c r="AA5664" s="19"/>
    </row>
    <row r="5665" spans="1:27" s="1" customFormat="1" ht="11.1" customHeight="1" outlineLevel="2" x14ac:dyDescent="0.2">
      <c r="A5665" s="17"/>
      <c r="B5665" s="17"/>
      <c r="C5665" s="17"/>
      <c r="D5665" s="18"/>
      <c r="E5665" s="18"/>
      <c r="F5665" s="18"/>
      <c r="G5665" s="18"/>
      <c r="H5665" s="18"/>
      <c r="I5665" s="18"/>
      <c r="J5665" s="18"/>
      <c r="K5665" s="18"/>
      <c r="L5665" s="18"/>
      <c r="M5665" s="18"/>
      <c r="N5665" s="18"/>
      <c r="O5665" s="18"/>
      <c r="P5665" s="19"/>
      <c r="Q5665" s="19"/>
      <c r="R5665" s="19"/>
      <c r="S5665" s="19"/>
      <c r="T5665" s="19"/>
      <c r="U5665" s="19"/>
      <c r="V5665" s="19"/>
      <c r="W5665" s="19"/>
      <c r="X5665" s="19"/>
      <c r="Y5665" s="19"/>
      <c r="Z5665" s="19"/>
      <c r="AA5665" s="19"/>
    </row>
    <row r="5666" spans="1:27" s="1" customFormat="1" ht="14.1" customHeight="1" outlineLevel="2" x14ac:dyDescent="0.2">
      <c r="A5666" s="17">
        <v>15204</v>
      </c>
      <c r="B5666" s="17"/>
      <c r="C5666" s="17"/>
      <c r="D5666" s="18" t="s">
        <v>2816</v>
      </c>
      <c r="E5666" s="18"/>
      <c r="F5666" s="18"/>
      <c r="G5666" s="18"/>
      <c r="H5666" s="18"/>
      <c r="I5666" s="18"/>
      <c r="J5666" s="18"/>
      <c r="K5666" s="18"/>
      <c r="L5666" s="18"/>
      <c r="M5666" s="18"/>
      <c r="N5666" s="18"/>
      <c r="O5666" s="18"/>
      <c r="P5666" s="19">
        <v>470</v>
      </c>
      <c r="Q5666" s="19"/>
      <c r="R5666" s="19"/>
      <c r="S5666" s="19"/>
      <c r="T5666" s="19">
        <v>400</v>
      </c>
      <c r="U5666" s="19"/>
      <c r="V5666" s="19"/>
      <c r="W5666" s="19"/>
      <c r="X5666" s="19">
        <v>1</v>
      </c>
      <c r="Y5666" s="19"/>
      <c r="Z5666" s="19"/>
      <c r="AA5666" s="19"/>
    </row>
    <row r="5667" spans="1:27" s="1" customFormat="1" ht="14.1" customHeight="1" outlineLevel="2" x14ac:dyDescent="0.2">
      <c r="A5667" s="17"/>
      <c r="B5667" s="17"/>
      <c r="C5667" s="17"/>
      <c r="D5667" s="18"/>
      <c r="E5667" s="18"/>
      <c r="F5667" s="18"/>
      <c r="G5667" s="18"/>
      <c r="H5667" s="18"/>
      <c r="I5667" s="18"/>
      <c r="J5667" s="18"/>
      <c r="K5667" s="18"/>
      <c r="L5667" s="18"/>
      <c r="M5667" s="18"/>
      <c r="N5667" s="18"/>
      <c r="O5667" s="18"/>
      <c r="P5667" s="19"/>
      <c r="Q5667" s="19"/>
      <c r="R5667" s="19"/>
      <c r="S5667" s="19"/>
      <c r="T5667" s="19"/>
      <c r="U5667" s="19"/>
      <c r="V5667" s="19"/>
      <c r="W5667" s="19"/>
      <c r="X5667" s="19"/>
      <c r="Y5667" s="19"/>
      <c r="Z5667" s="19"/>
      <c r="AA5667" s="19"/>
    </row>
    <row r="5668" spans="1:27" s="1" customFormat="1" ht="11.1" customHeight="1" outlineLevel="2" x14ac:dyDescent="0.2">
      <c r="A5668" s="17">
        <v>14795</v>
      </c>
      <c r="B5668" s="17"/>
      <c r="C5668" s="17"/>
      <c r="D5668" s="18" t="s">
        <v>2817</v>
      </c>
      <c r="E5668" s="18"/>
      <c r="F5668" s="18"/>
      <c r="G5668" s="18"/>
      <c r="H5668" s="18"/>
      <c r="I5668" s="18"/>
      <c r="J5668" s="18"/>
      <c r="K5668" s="18"/>
      <c r="L5668" s="18"/>
      <c r="M5668" s="18"/>
      <c r="N5668" s="18"/>
      <c r="O5668" s="18"/>
      <c r="P5668" s="19">
        <v>240</v>
      </c>
      <c r="Q5668" s="19"/>
      <c r="R5668" s="19"/>
      <c r="S5668" s="19"/>
      <c r="T5668" s="19">
        <v>180</v>
      </c>
      <c r="U5668" s="19"/>
      <c r="V5668" s="19"/>
      <c r="W5668" s="19"/>
      <c r="X5668" s="19">
        <v>9</v>
      </c>
      <c r="Y5668" s="19"/>
      <c r="Z5668" s="19"/>
      <c r="AA5668" s="19"/>
    </row>
    <row r="5669" spans="1:27" s="1" customFormat="1" ht="11.1" customHeight="1" outlineLevel="2" x14ac:dyDescent="0.2">
      <c r="A5669" s="17"/>
      <c r="B5669" s="17"/>
      <c r="C5669" s="17"/>
      <c r="D5669" s="18"/>
      <c r="E5669" s="18"/>
      <c r="F5669" s="18"/>
      <c r="G5669" s="18"/>
      <c r="H5669" s="18"/>
      <c r="I5669" s="18"/>
      <c r="J5669" s="18"/>
      <c r="K5669" s="18"/>
      <c r="L5669" s="18"/>
      <c r="M5669" s="18"/>
      <c r="N5669" s="18"/>
      <c r="O5669" s="18"/>
      <c r="P5669" s="19"/>
      <c r="Q5669" s="19"/>
      <c r="R5669" s="19"/>
      <c r="S5669" s="19"/>
      <c r="T5669" s="19"/>
      <c r="U5669" s="19"/>
      <c r="V5669" s="19"/>
      <c r="W5669" s="19"/>
      <c r="X5669" s="19"/>
      <c r="Y5669" s="19"/>
      <c r="Z5669" s="19"/>
      <c r="AA5669" s="19"/>
    </row>
    <row r="5670" spans="1:27" s="1" customFormat="1" ht="11.1" customHeight="1" outlineLevel="2" x14ac:dyDescent="0.2">
      <c r="A5670" s="17">
        <v>14796</v>
      </c>
      <c r="B5670" s="17"/>
      <c r="C5670" s="17"/>
      <c r="D5670" s="18" t="s">
        <v>2818</v>
      </c>
      <c r="E5670" s="18"/>
      <c r="F5670" s="18"/>
      <c r="G5670" s="18"/>
      <c r="H5670" s="18"/>
      <c r="I5670" s="18"/>
      <c r="J5670" s="18"/>
      <c r="K5670" s="18"/>
      <c r="L5670" s="18"/>
      <c r="M5670" s="18"/>
      <c r="N5670" s="18"/>
      <c r="O5670" s="18"/>
      <c r="P5670" s="19">
        <v>240</v>
      </c>
      <c r="Q5670" s="19"/>
      <c r="R5670" s="19"/>
      <c r="S5670" s="19"/>
      <c r="T5670" s="19">
        <v>180</v>
      </c>
      <c r="U5670" s="19"/>
      <c r="V5670" s="19"/>
      <c r="W5670" s="19"/>
      <c r="X5670" s="19">
        <v>6</v>
      </c>
      <c r="Y5670" s="19"/>
      <c r="Z5670" s="19"/>
      <c r="AA5670" s="19"/>
    </row>
    <row r="5671" spans="1:27" s="1" customFormat="1" ht="11.1" customHeight="1" outlineLevel="2" x14ac:dyDescent="0.2">
      <c r="A5671" s="17"/>
      <c r="B5671" s="17"/>
      <c r="C5671" s="17"/>
      <c r="D5671" s="18"/>
      <c r="E5671" s="18"/>
      <c r="F5671" s="18"/>
      <c r="G5671" s="18"/>
      <c r="H5671" s="18"/>
      <c r="I5671" s="18"/>
      <c r="J5671" s="18"/>
      <c r="K5671" s="18"/>
      <c r="L5671" s="18"/>
      <c r="M5671" s="18"/>
      <c r="N5671" s="18"/>
      <c r="O5671" s="18"/>
      <c r="P5671" s="19"/>
      <c r="Q5671" s="19"/>
      <c r="R5671" s="19"/>
      <c r="S5671" s="19"/>
      <c r="T5671" s="19"/>
      <c r="U5671" s="19"/>
      <c r="V5671" s="19"/>
      <c r="W5671" s="19"/>
      <c r="X5671" s="19"/>
      <c r="Y5671" s="19"/>
      <c r="Z5671" s="19"/>
      <c r="AA5671" s="19"/>
    </row>
    <row r="5672" spans="1:27" s="1" customFormat="1" ht="11.1" customHeight="1" outlineLevel="2" x14ac:dyDescent="0.2">
      <c r="A5672" s="17">
        <v>14794</v>
      </c>
      <c r="B5672" s="17"/>
      <c r="C5672" s="17"/>
      <c r="D5672" s="18" t="s">
        <v>2819</v>
      </c>
      <c r="E5672" s="18"/>
      <c r="F5672" s="18"/>
      <c r="G5672" s="18"/>
      <c r="H5672" s="18"/>
      <c r="I5672" s="18"/>
      <c r="J5672" s="18"/>
      <c r="K5672" s="18"/>
      <c r="L5672" s="18"/>
      <c r="M5672" s="18"/>
      <c r="N5672" s="18"/>
      <c r="O5672" s="18"/>
      <c r="P5672" s="19">
        <v>240</v>
      </c>
      <c r="Q5672" s="19"/>
      <c r="R5672" s="19"/>
      <c r="S5672" s="19"/>
      <c r="T5672" s="19">
        <v>180</v>
      </c>
      <c r="U5672" s="19"/>
      <c r="V5672" s="19"/>
      <c r="W5672" s="19"/>
      <c r="X5672" s="19">
        <v>4</v>
      </c>
      <c r="Y5672" s="19"/>
      <c r="Z5672" s="19"/>
      <c r="AA5672" s="19"/>
    </row>
    <row r="5673" spans="1:27" s="1" customFormat="1" ht="11.1" customHeight="1" outlineLevel="2" x14ac:dyDescent="0.2">
      <c r="A5673" s="17"/>
      <c r="B5673" s="17"/>
      <c r="C5673" s="17"/>
      <c r="D5673" s="18"/>
      <c r="E5673" s="18"/>
      <c r="F5673" s="18"/>
      <c r="G5673" s="18"/>
      <c r="H5673" s="18"/>
      <c r="I5673" s="18"/>
      <c r="J5673" s="18"/>
      <c r="K5673" s="18"/>
      <c r="L5673" s="18"/>
      <c r="M5673" s="18"/>
      <c r="N5673" s="18"/>
      <c r="O5673" s="18"/>
      <c r="P5673" s="19"/>
      <c r="Q5673" s="19"/>
      <c r="R5673" s="19"/>
      <c r="S5673" s="19"/>
      <c r="T5673" s="19"/>
      <c r="U5673" s="19"/>
      <c r="V5673" s="19"/>
      <c r="W5673" s="19"/>
      <c r="X5673" s="19"/>
      <c r="Y5673" s="19"/>
      <c r="Z5673" s="19"/>
      <c r="AA5673" s="19"/>
    </row>
    <row r="5674" spans="1:27" s="1" customFormat="1" ht="11.1" customHeight="1" outlineLevel="2" x14ac:dyDescent="0.2">
      <c r="A5674" s="17">
        <v>14793</v>
      </c>
      <c r="B5674" s="17"/>
      <c r="C5674" s="17"/>
      <c r="D5674" s="18" t="s">
        <v>2820</v>
      </c>
      <c r="E5674" s="18"/>
      <c r="F5674" s="18"/>
      <c r="G5674" s="18"/>
      <c r="H5674" s="18"/>
      <c r="I5674" s="18"/>
      <c r="J5674" s="18"/>
      <c r="K5674" s="18"/>
      <c r="L5674" s="18"/>
      <c r="M5674" s="18"/>
      <c r="N5674" s="18"/>
      <c r="O5674" s="18"/>
      <c r="P5674" s="19">
        <v>240</v>
      </c>
      <c r="Q5674" s="19"/>
      <c r="R5674" s="19"/>
      <c r="S5674" s="19"/>
      <c r="T5674" s="19">
        <v>180</v>
      </c>
      <c r="U5674" s="19"/>
      <c r="V5674" s="19"/>
      <c r="W5674" s="19"/>
      <c r="X5674" s="19">
        <v>5</v>
      </c>
      <c r="Y5674" s="19"/>
      <c r="Z5674" s="19"/>
      <c r="AA5674" s="19"/>
    </row>
    <row r="5675" spans="1:27" s="1" customFormat="1" ht="11.1" customHeight="1" outlineLevel="2" x14ac:dyDescent="0.2">
      <c r="A5675" s="17"/>
      <c r="B5675" s="17"/>
      <c r="C5675" s="17"/>
      <c r="D5675" s="18"/>
      <c r="E5675" s="18"/>
      <c r="F5675" s="18"/>
      <c r="G5675" s="18"/>
      <c r="H5675" s="18"/>
      <c r="I5675" s="18"/>
      <c r="J5675" s="18"/>
      <c r="K5675" s="18"/>
      <c r="L5675" s="18"/>
      <c r="M5675" s="18"/>
      <c r="N5675" s="18"/>
      <c r="O5675" s="18"/>
      <c r="P5675" s="19"/>
      <c r="Q5675" s="19"/>
      <c r="R5675" s="19"/>
      <c r="S5675" s="19"/>
      <c r="T5675" s="19"/>
      <c r="U5675" s="19"/>
      <c r="V5675" s="19"/>
      <c r="W5675" s="19"/>
      <c r="X5675" s="19"/>
      <c r="Y5675" s="19"/>
      <c r="Z5675" s="19"/>
      <c r="AA5675" s="19"/>
    </row>
    <row r="5676" spans="1:27" s="1" customFormat="1" ht="14.1" customHeight="1" outlineLevel="2" x14ac:dyDescent="0.2">
      <c r="A5676" s="17">
        <v>17822</v>
      </c>
      <c r="B5676" s="17"/>
      <c r="C5676" s="17"/>
      <c r="D5676" s="18" t="s">
        <v>2821</v>
      </c>
      <c r="E5676" s="18"/>
      <c r="F5676" s="18"/>
      <c r="G5676" s="18"/>
      <c r="H5676" s="18"/>
      <c r="I5676" s="18"/>
      <c r="J5676" s="18"/>
      <c r="K5676" s="18"/>
      <c r="L5676" s="18"/>
      <c r="M5676" s="18"/>
      <c r="N5676" s="18"/>
      <c r="O5676" s="18"/>
      <c r="P5676" s="19">
        <v>900</v>
      </c>
      <c r="Q5676" s="19"/>
      <c r="R5676" s="19"/>
      <c r="S5676" s="19"/>
      <c r="T5676" s="19">
        <v>700</v>
      </c>
      <c r="U5676" s="19"/>
      <c r="V5676" s="19"/>
      <c r="W5676" s="19"/>
      <c r="X5676" s="19">
        <v>1</v>
      </c>
      <c r="Y5676" s="19"/>
      <c r="Z5676" s="19"/>
      <c r="AA5676" s="19"/>
    </row>
    <row r="5677" spans="1:27" s="1" customFormat="1" ht="14.1" customHeight="1" outlineLevel="2" x14ac:dyDescent="0.2">
      <c r="A5677" s="17"/>
      <c r="B5677" s="17"/>
      <c r="C5677" s="17"/>
      <c r="D5677" s="18"/>
      <c r="E5677" s="18"/>
      <c r="F5677" s="18"/>
      <c r="G5677" s="18"/>
      <c r="H5677" s="18"/>
      <c r="I5677" s="18"/>
      <c r="J5677" s="18"/>
      <c r="K5677" s="18"/>
      <c r="L5677" s="18"/>
      <c r="M5677" s="18"/>
      <c r="N5677" s="18"/>
      <c r="O5677" s="18"/>
      <c r="P5677" s="19"/>
      <c r="Q5677" s="19"/>
      <c r="R5677" s="19"/>
      <c r="S5677" s="19"/>
      <c r="T5677" s="19"/>
      <c r="U5677" s="19"/>
      <c r="V5677" s="19"/>
      <c r="W5677" s="19"/>
      <c r="X5677" s="19"/>
      <c r="Y5677" s="19"/>
      <c r="Z5677" s="19"/>
      <c r="AA5677" s="19"/>
    </row>
    <row r="5678" spans="1:27" s="1" customFormat="1" ht="11.1" customHeight="1" outlineLevel="2" x14ac:dyDescent="0.2">
      <c r="A5678" s="17">
        <v>9594</v>
      </c>
      <c r="B5678" s="17"/>
      <c r="C5678" s="17"/>
      <c r="D5678" s="18" t="s">
        <v>2822</v>
      </c>
      <c r="E5678" s="18"/>
      <c r="F5678" s="18"/>
      <c r="G5678" s="18"/>
      <c r="H5678" s="18"/>
      <c r="I5678" s="18"/>
      <c r="J5678" s="18"/>
      <c r="K5678" s="18"/>
      <c r="L5678" s="18"/>
      <c r="M5678" s="18"/>
      <c r="N5678" s="18"/>
      <c r="O5678" s="18"/>
      <c r="P5678" s="19">
        <v>150</v>
      </c>
      <c r="Q5678" s="19"/>
      <c r="R5678" s="19"/>
      <c r="S5678" s="19"/>
      <c r="T5678" s="19">
        <v>100</v>
      </c>
      <c r="U5678" s="19"/>
      <c r="V5678" s="19"/>
      <c r="W5678" s="19"/>
      <c r="X5678" s="19">
        <v>1</v>
      </c>
      <c r="Y5678" s="19"/>
      <c r="Z5678" s="19"/>
      <c r="AA5678" s="19"/>
    </row>
    <row r="5679" spans="1:27" s="1" customFormat="1" ht="11.1" customHeight="1" outlineLevel="2" x14ac:dyDescent="0.2">
      <c r="A5679" s="17"/>
      <c r="B5679" s="17"/>
      <c r="C5679" s="17"/>
      <c r="D5679" s="18"/>
      <c r="E5679" s="18"/>
      <c r="F5679" s="18"/>
      <c r="G5679" s="18"/>
      <c r="H5679" s="18"/>
      <c r="I5679" s="18"/>
      <c r="J5679" s="18"/>
      <c r="K5679" s="18"/>
      <c r="L5679" s="18"/>
      <c r="M5679" s="18"/>
      <c r="N5679" s="18"/>
      <c r="O5679" s="18"/>
      <c r="P5679" s="19"/>
      <c r="Q5679" s="19"/>
      <c r="R5679" s="19"/>
      <c r="S5679" s="19"/>
      <c r="T5679" s="19"/>
      <c r="U5679" s="19"/>
      <c r="V5679" s="19"/>
      <c r="W5679" s="19"/>
      <c r="X5679" s="19"/>
      <c r="Y5679" s="19"/>
      <c r="Z5679" s="19"/>
      <c r="AA5679" s="19"/>
    </row>
    <row r="5680" spans="1:27" s="1" customFormat="1" ht="11.1" customHeight="1" outlineLevel="2" x14ac:dyDescent="0.2">
      <c r="A5680" s="17">
        <v>9593</v>
      </c>
      <c r="B5680" s="17"/>
      <c r="C5680" s="17"/>
      <c r="D5680" s="18" t="s">
        <v>2823</v>
      </c>
      <c r="E5680" s="18"/>
      <c r="F5680" s="18"/>
      <c r="G5680" s="18"/>
      <c r="H5680" s="18"/>
      <c r="I5680" s="18"/>
      <c r="J5680" s="18"/>
      <c r="K5680" s="18"/>
      <c r="L5680" s="18"/>
      <c r="M5680" s="18"/>
      <c r="N5680" s="18"/>
      <c r="O5680" s="18"/>
      <c r="P5680" s="19">
        <v>125</v>
      </c>
      <c r="Q5680" s="19"/>
      <c r="R5680" s="19"/>
      <c r="S5680" s="19"/>
      <c r="T5680" s="19">
        <v>84</v>
      </c>
      <c r="U5680" s="19"/>
      <c r="V5680" s="19"/>
      <c r="W5680" s="19"/>
      <c r="X5680" s="19">
        <v>1</v>
      </c>
      <c r="Y5680" s="19"/>
      <c r="Z5680" s="19"/>
      <c r="AA5680" s="19"/>
    </row>
    <row r="5681" spans="1:27" s="1" customFormat="1" ht="11.1" customHeight="1" outlineLevel="2" x14ac:dyDescent="0.2">
      <c r="A5681" s="17"/>
      <c r="B5681" s="17"/>
      <c r="C5681" s="17"/>
      <c r="D5681" s="18"/>
      <c r="E5681" s="18"/>
      <c r="F5681" s="18"/>
      <c r="G5681" s="18"/>
      <c r="H5681" s="18"/>
      <c r="I5681" s="18"/>
      <c r="J5681" s="18"/>
      <c r="K5681" s="18"/>
      <c r="L5681" s="18"/>
      <c r="M5681" s="18"/>
      <c r="N5681" s="18"/>
      <c r="O5681" s="18"/>
      <c r="P5681" s="19"/>
      <c r="Q5681" s="19"/>
      <c r="R5681" s="19"/>
      <c r="S5681" s="19"/>
      <c r="T5681" s="19"/>
      <c r="U5681" s="19"/>
      <c r="V5681" s="19"/>
      <c r="W5681" s="19"/>
      <c r="X5681" s="19"/>
      <c r="Y5681" s="19"/>
      <c r="Z5681" s="19"/>
      <c r="AA5681" s="19"/>
    </row>
    <row r="5682" spans="1:27" s="1" customFormat="1" ht="11.1" customHeight="1" outlineLevel="2" x14ac:dyDescent="0.2">
      <c r="A5682" s="17">
        <v>9595</v>
      </c>
      <c r="B5682" s="17"/>
      <c r="C5682" s="17"/>
      <c r="D5682" s="18" t="s">
        <v>2824</v>
      </c>
      <c r="E5682" s="18"/>
      <c r="F5682" s="18"/>
      <c r="G5682" s="18"/>
      <c r="H5682" s="18"/>
      <c r="I5682" s="18"/>
      <c r="J5682" s="18"/>
      <c r="K5682" s="18"/>
      <c r="L5682" s="18"/>
      <c r="M5682" s="18"/>
      <c r="N5682" s="18"/>
      <c r="O5682" s="18"/>
      <c r="P5682" s="19">
        <v>195</v>
      </c>
      <c r="Q5682" s="19"/>
      <c r="R5682" s="19"/>
      <c r="S5682" s="19"/>
      <c r="T5682" s="19">
        <v>144</v>
      </c>
      <c r="U5682" s="19"/>
      <c r="V5682" s="19"/>
      <c r="W5682" s="19"/>
      <c r="X5682" s="19">
        <v>1</v>
      </c>
      <c r="Y5682" s="19"/>
      <c r="Z5682" s="19"/>
      <c r="AA5682" s="19"/>
    </row>
    <row r="5683" spans="1:27" s="1" customFormat="1" ht="11.1" customHeight="1" outlineLevel="2" x14ac:dyDescent="0.2">
      <c r="A5683" s="17"/>
      <c r="B5683" s="17"/>
      <c r="C5683" s="17"/>
      <c r="D5683" s="18"/>
      <c r="E5683" s="18"/>
      <c r="F5683" s="18"/>
      <c r="G5683" s="18"/>
      <c r="H5683" s="18"/>
      <c r="I5683" s="18"/>
      <c r="J5683" s="18"/>
      <c r="K5683" s="18"/>
      <c r="L5683" s="18"/>
      <c r="M5683" s="18"/>
      <c r="N5683" s="18"/>
      <c r="O5683" s="18"/>
      <c r="P5683" s="19"/>
      <c r="Q5683" s="19"/>
      <c r="R5683" s="19"/>
      <c r="S5683" s="19"/>
      <c r="T5683" s="19"/>
      <c r="U5683" s="19"/>
      <c r="V5683" s="19"/>
      <c r="W5683" s="19"/>
      <c r="X5683" s="19"/>
      <c r="Y5683" s="19"/>
      <c r="Z5683" s="19"/>
      <c r="AA5683" s="19"/>
    </row>
    <row r="5684" spans="1:27" s="1" customFormat="1" ht="11.1" customHeight="1" outlineLevel="2" x14ac:dyDescent="0.2">
      <c r="A5684" s="17">
        <v>14792</v>
      </c>
      <c r="B5684" s="17"/>
      <c r="C5684" s="17"/>
      <c r="D5684" s="18" t="s">
        <v>2825</v>
      </c>
      <c r="E5684" s="18"/>
      <c r="F5684" s="18"/>
      <c r="G5684" s="18"/>
      <c r="H5684" s="18"/>
      <c r="I5684" s="18"/>
      <c r="J5684" s="18"/>
      <c r="K5684" s="18"/>
      <c r="L5684" s="18"/>
      <c r="M5684" s="18"/>
      <c r="N5684" s="18"/>
      <c r="O5684" s="18"/>
      <c r="P5684" s="19">
        <v>260</v>
      </c>
      <c r="Q5684" s="19"/>
      <c r="R5684" s="19"/>
      <c r="S5684" s="19"/>
      <c r="T5684" s="19">
        <v>200</v>
      </c>
      <c r="U5684" s="19"/>
      <c r="V5684" s="19"/>
      <c r="W5684" s="19"/>
      <c r="X5684" s="19">
        <v>8</v>
      </c>
      <c r="Y5684" s="19"/>
      <c r="Z5684" s="19"/>
      <c r="AA5684" s="19"/>
    </row>
    <row r="5685" spans="1:27" s="1" customFormat="1" ht="11.1" customHeight="1" outlineLevel="2" x14ac:dyDescent="0.2">
      <c r="A5685" s="17"/>
      <c r="B5685" s="17"/>
      <c r="C5685" s="17"/>
      <c r="D5685" s="18"/>
      <c r="E5685" s="18"/>
      <c r="F5685" s="18"/>
      <c r="G5685" s="18"/>
      <c r="H5685" s="18"/>
      <c r="I5685" s="18"/>
      <c r="J5685" s="18"/>
      <c r="K5685" s="18"/>
      <c r="L5685" s="18"/>
      <c r="M5685" s="18"/>
      <c r="N5685" s="18"/>
      <c r="O5685" s="18"/>
      <c r="P5685" s="19"/>
      <c r="Q5685" s="19"/>
      <c r="R5685" s="19"/>
      <c r="S5685" s="19"/>
      <c r="T5685" s="19"/>
      <c r="U5685" s="19"/>
      <c r="V5685" s="19"/>
      <c r="W5685" s="19"/>
      <c r="X5685" s="19"/>
      <c r="Y5685" s="19"/>
      <c r="Z5685" s="19"/>
      <c r="AA5685" s="19"/>
    </row>
    <row r="5686" spans="1:27" s="1" customFormat="1" ht="11.1" customHeight="1" outlineLevel="2" x14ac:dyDescent="0.2">
      <c r="A5686" s="17">
        <v>14791</v>
      </c>
      <c r="B5686" s="17"/>
      <c r="C5686" s="17"/>
      <c r="D5686" s="18" t="s">
        <v>2826</v>
      </c>
      <c r="E5686" s="18"/>
      <c r="F5686" s="18"/>
      <c r="G5686" s="18"/>
      <c r="H5686" s="18"/>
      <c r="I5686" s="18"/>
      <c r="J5686" s="18"/>
      <c r="K5686" s="18"/>
      <c r="L5686" s="18"/>
      <c r="M5686" s="18"/>
      <c r="N5686" s="18"/>
      <c r="O5686" s="18"/>
      <c r="P5686" s="19">
        <v>260</v>
      </c>
      <c r="Q5686" s="19"/>
      <c r="R5686" s="19"/>
      <c r="S5686" s="19"/>
      <c r="T5686" s="19">
        <v>200</v>
      </c>
      <c r="U5686" s="19"/>
      <c r="V5686" s="19"/>
      <c r="W5686" s="19"/>
      <c r="X5686" s="19">
        <v>3</v>
      </c>
      <c r="Y5686" s="19"/>
      <c r="Z5686" s="19"/>
      <c r="AA5686" s="19"/>
    </row>
    <row r="5687" spans="1:27" s="1" customFormat="1" ht="11.1" customHeight="1" outlineLevel="2" x14ac:dyDescent="0.2">
      <c r="A5687" s="17"/>
      <c r="B5687" s="17"/>
      <c r="C5687" s="17"/>
      <c r="D5687" s="18"/>
      <c r="E5687" s="18"/>
      <c r="F5687" s="18"/>
      <c r="G5687" s="18"/>
      <c r="H5687" s="18"/>
      <c r="I5687" s="18"/>
      <c r="J5687" s="18"/>
      <c r="K5687" s="18"/>
      <c r="L5687" s="18"/>
      <c r="M5687" s="18"/>
      <c r="N5687" s="18"/>
      <c r="O5687" s="18"/>
      <c r="P5687" s="19"/>
      <c r="Q5687" s="19"/>
      <c r="R5687" s="19"/>
      <c r="S5687" s="19"/>
      <c r="T5687" s="19"/>
      <c r="U5687" s="19"/>
      <c r="V5687" s="19"/>
      <c r="W5687" s="19"/>
      <c r="X5687" s="19"/>
      <c r="Y5687" s="19"/>
      <c r="Z5687" s="19"/>
      <c r="AA5687" s="19"/>
    </row>
    <row r="5688" spans="1:27" s="1" customFormat="1" ht="11.1" customHeight="1" outlineLevel="2" x14ac:dyDescent="0.2">
      <c r="A5688" s="17">
        <v>14790</v>
      </c>
      <c r="B5688" s="17"/>
      <c r="C5688" s="17"/>
      <c r="D5688" s="18" t="s">
        <v>2827</v>
      </c>
      <c r="E5688" s="18"/>
      <c r="F5688" s="18"/>
      <c r="G5688" s="18"/>
      <c r="H5688" s="18"/>
      <c r="I5688" s="18"/>
      <c r="J5688" s="18"/>
      <c r="K5688" s="18"/>
      <c r="L5688" s="18"/>
      <c r="M5688" s="18"/>
      <c r="N5688" s="18"/>
      <c r="O5688" s="18"/>
      <c r="P5688" s="19">
        <v>260</v>
      </c>
      <c r="Q5688" s="19"/>
      <c r="R5688" s="19"/>
      <c r="S5688" s="19"/>
      <c r="T5688" s="19">
        <v>200</v>
      </c>
      <c r="U5688" s="19"/>
      <c r="V5688" s="19"/>
      <c r="W5688" s="19"/>
      <c r="X5688" s="19">
        <v>5</v>
      </c>
      <c r="Y5688" s="19"/>
      <c r="Z5688" s="19"/>
      <c r="AA5688" s="19"/>
    </row>
    <row r="5689" spans="1:27" s="1" customFormat="1" ht="11.1" customHeight="1" outlineLevel="2" x14ac:dyDescent="0.2">
      <c r="A5689" s="17"/>
      <c r="B5689" s="17"/>
      <c r="C5689" s="17"/>
      <c r="D5689" s="18"/>
      <c r="E5689" s="18"/>
      <c r="F5689" s="18"/>
      <c r="G5689" s="18"/>
      <c r="H5689" s="18"/>
      <c r="I5689" s="18"/>
      <c r="J5689" s="18"/>
      <c r="K5689" s="18"/>
      <c r="L5689" s="18"/>
      <c r="M5689" s="18"/>
      <c r="N5689" s="18"/>
      <c r="O5689" s="18"/>
      <c r="P5689" s="19"/>
      <c r="Q5689" s="19"/>
      <c r="R5689" s="19"/>
      <c r="S5689" s="19"/>
      <c r="T5689" s="19"/>
      <c r="U5689" s="19"/>
      <c r="V5689" s="19"/>
      <c r="W5689" s="19"/>
      <c r="X5689" s="19"/>
      <c r="Y5689" s="19"/>
      <c r="Z5689" s="19"/>
      <c r="AA5689" s="19"/>
    </row>
    <row r="5690" spans="1:27" s="1" customFormat="1" ht="11.1" customHeight="1" outlineLevel="2" x14ac:dyDescent="0.2">
      <c r="A5690" s="17">
        <v>11126</v>
      </c>
      <c r="B5690" s="17"/>
      <c r="C5690" s="17"/>
      <c r="D5690" s="18" t="s">
        <v>2828</v>
      </c>
      <c r="E5690" s="18"/>
      <c r="F5690" s="18"/>
      <c r="G5690" s="18"/>
      <c r="H5690" s="18"/>
      <c r="I5690" s="18"/>
      <c r="J5690" s="18"/>
      <c r="K5690" s="18"/>
      <c r="L5690" s="18"/>
      <c r="M5690" s="18"/>
      <c r="N5690" s="18"/>
      <c r="O5690" s="18"/>
      <c r="P5690" s="19">
        <v>200</v>
      </c>
      <c r="Q5690" s="19"/>
      <c r="R5690" s="19"/>
      <c r="S5690" s="19"/>
      <c r="T5690" s="19">
        <v>155</v>
      </c>
      <c r="U5690" s="19"/>
      <c r="V5690" s="19"/>
      <c r="W5690" s="19"/>
      <c r="X5690" s="19">
        <v>1</v>
      </c>
      <c r="Y5690" s="19"/>
      <c r="Z5690" s="19"/>
      <c r="AA5690" s="19"/>
    </row>
    <row r="5691" spans="1:27" s="1" customFormat="1" ht="11.1" customHeight="1" outlineLevel="2" x14ac:dyDescent="0.2">
      <c r="A5691" s="17"/>
      <c r="B5691" s="17"/>
      <c r="C5691" s="17"/>
      <c r="D5691" s="18"/>
      <c r="E5691" s="18"/>
      <c r="F5691" s="18"/>
      <c r="G5691" s="18"/>
      <c r="H5691" s="18"/>
      <c r="I5691" s="18"/>
      <c r="J5691" s="18"/>
      <c r="K5691" s="18"/>
      <c r="L5691" s="18"/>
      <c r="M5691" s="18"/>
      <c r="N5691" s="18"/>
      <c r="O5691" s="18"/>
      <c r="P5691" s="19"/>
      <c r="Q5691" s="19"/>
      <c r="R5691" s="19"/>
      <c r="S5691" s="19"/>
      <c r="T5691" s="19"/>
      <c r="U5691" s="19"/>
      <c r="V5691" s="19"/>
      <c r="W5691" s="19"/>
      <c r="X5691" s="19"/>
      <c r="Y5691" s="19"/>
      <c r="Z5691" s="19"/>
      <c r="AA5691" s="19"/>
    </row>
    <row r="5692" spans="1:27" s="1" customFormat="1" ht="11.1" customHeight="1" outlineLevel="2" x14ac:dyDescent="0.2">
      <c r="A5692" s="17">
        <v>11125</v>
      </c>
      <c r="B5692" s="17"/>
      <c r="C5692" s="17"/>
      <c r="D5692" s="18" t="s">
        <v>2829</v>
      </c>
      <c r="E5692" s="18"/>
      <c r="F5692" s="18"/>
      <c r="G5692" s="18"/>
      <c r="H5692" s="18"/>
      <c r="I5692" s="18"/>
      <c r="J5692" s="18"/>
      <c r="K5692" s="18"/>
      <c r="L5692" s="18"/>
      <c r="M5692" s="18"/>
      <c r="N5692" s="18"/>
      <c r="O5692" s="18"/>
      <c r="P5692" s="19">
        <v>220</v>
      </c>
      <c r="Q5692" s="19"/>
      <c r="R5692" s="19"/>
      <c r="S5692" s="19"/>
      <c r="T5692" s="19">
        <v>170</v>
      </c>
      <c r="U5692" s="19"/>
      <c r="V5692" s="19"/>
      <c r="W5692" s="19"/>
      <c r="X5692" s="19">
        <v>1</v>
      </c>
      <c r="Y5692" s="19"/>
      <c r="Z5692" s="19"/>
      <c r="AA5692" s="19"/>
    </row>
    <row r="5693" spans="1:27" s="1" customFormat="1" ht="11.1" customHeight="1" outlineLevel="2" x14ac:dyDescent="0.2">
      <c r="A5693" s="17"/>
      <c r="B5693" s="17"/>
      <c r="C5693" s="17"/>
      <c r="D5693" s="18"/>
      <c r="E5693" s="18"/>
      <c r="F5693" s="18"/>
      <c r="G5693" s="18"/>
      <c r="H5693" s="18"/>
      <c r="I5693" s="18"/>
      <c r="J5693" s="18"/>
      <c r="K5693" s="18"/>
      <c r="L5693" s="18"/>
      <c r="M5693" s="18"/>
      <c r="N5693" s="18"/>
      <c r="O5693" s="18"/>
      <c r="P5693" s="19"/>
      <c r="Q5693" s="19"/>
      <c r="R5693" s="19"/>
      <c r="S5693" s="19"/>
      <c r="T5693" s="19"/>
      <c r="U5693" s="19"/>
      <c r="V5693" s="19"/>
      <c r="W5693" s="19"/>
      <c r="X5693" s="19"/>
      <c r="Y5693" s="19"/>
      <c r="Z5693" s="19"/>
      <c r="AA5693" s="19"/>
    </row>
    <row r="5694" spans="1:27" s="1" customFormat="1" ht="11.1" customHeight="1" outlineLevel="2" x14ac:dyDescent="0.2">
      <c r="A5694" s="17">
        <v>12612</v>
      </c>
      <c r="B5694" s="17"/>
      <c r="C5694" s="17"/>
      <c r="D5694" s="18" t="s">
        <v>2830</v>
      </c>
      <c r="E5694" s="18"/>
      <c r="F5694" s="18"/>
      <c r="G5694" s="18"/>
      <c r="H5694" s="18"/>
      <c r="I5694" s="18"/>
      <c r="J5694" s="18"/>
      <c r="K5694" s="18"/>
      <c r="L5694" s="18"/>
      <c r="M5694" s="18"/>
      <c r="N5694" s="18"/>
      <c r="O5694" s="18"/>
      <c r="P5694" s="19">
        <v>590</v>
      </c>
      <c r="Q5694" s="19"/>
      <c r="R5694" s="19"/>
      <c r="S5694" s="19"/>
      <c r="T5694" s="19">
        <v>500</v>
      </c>
      <c r="U5694" s="19"/>
      <c r="V5694" s="19"/>
      <c r="W5694" s="19"/>
      <c r="X5694" s="19">
        <v>9</v>
      </c>
      <c r="Y5694" s="19"/>
      <c r="Z5694" s="19"/>
      <c r="AA5694" s="19"/>
    </row>
    <row r="5695" spans="1:27" s="1" customFormat="1" ht="11.1" customHeight="1" outlineLevel="2" x14ac:dyDescent="0.2">
      <c r="A5695" s="17"/>
      <c r="B5695" s="17"/>
      <c r="C5695" s="17"/>
      <c r="D5695" s="18"/>
      <c r="E5695" s="18"/>
      <c r="F5695" s="18"/>
      <c r="G5695" s="18"/>
      <c r="H5695" s="18"/>
      <c r="I5695" s="18"/>
      <c r="J5695" s="18"/>
      <c r="K5695" s="18"/>
      <c r="L5695" s="18"/>
      <c r="M5695" s="18"/>
      <c r="N5695" s="18"/>
      <c r="O5695" s="18"/>
      <c r="P5695" s="19"/>
      <c r="Q5695" s="19"/>
      <c r="R5695" s="19"/>
      <c r="S5695" s="19"/>
      <c r="T5695" s="19"/>
      <c r="U5695" s="19"/>
      <c r="V5695" s="19"/>
      <c r="W5695" s="19"/>
      <c r="X5695" s="19"/>
      <c r="Y5695" s="19"/>
      <c r="Z5695" s="19"/>
      <c r="AA5695" s="19"/>
    </row>
    <row r="5696" spans="1:27" s="1" customFormat="1" ht="11.1" customHeight="1" outlineLevel="2" x14ac:dyDescent="0.2">
      <c r="A5696" s="17">
        <v>12611</v>
      </c>
      <c r="B5696" s="17"/>
      <c r="C5696" s="17"/>
      <c r="D5696" s="18" t="s">
        <v>2831</v>
      </c>
      <c r="E5696" s="18"/>
      <c r="F5696" s="18"/>
      <c r="G5696" s="18"/>
      <c r="H5696" s="18"/>
      <c r="I5696" s="18"/>
      <c r="J5696" s="18"/>
      <c r="K5696" s="18"/>
      <c r="L5696" s="18"/>
      <c r="M5696" s="18"/>
      <c r="N5696" s="18"/>
      <c r="O5696" s="18"/>
      <c r="P5696" s="19">
        <v>590</v>
      </c>
      <c r="Q5696" s="19"/>
      <c r="R5696" s="19"/>
      <c r="S5696" s="19"/>
      <c r="T5696" s="19">
        <v>500</v>
      </c>
      <c r="U5696" s="19"/>
      <c r="V5696" s="19"/>
      <c r="W5696" s="19"/>
      <c r="X5696" s="19">
        <v>4</v>
      </c>
      <c r="Y5696" s="19"/>
      <c r="Z5696" s="19"/>
      <c r="AA5696" s="19"/>
    </row>
    <row r="5697" spans="1:27" s="1" customFormat="1" ht="11.1" customHeight="1" outlineLevel="2" x14ac:dyDescent="0.2">
      <c r="A5697" s="17"/>
      <c r="B5697" s="17"/>
      <c r="C5697" s="17"/>
      <c r="D5697" s="18"/>
      <c r="E5697" s="18"/>
      <c r="F5697" s="18"/>
      <c r="G5697" s="18"/>
      <c r="H5697" s="18"/>
      <c r="I5697" s="18"/>
      <c r="J5697" s="18"/>
      <c r="K5697" s="18"/>
      <c r="L5697" s="18"/>
      <c r="M5697" s="18"/>
      <c r="N5697" s="18"/>
      <c r="O5697" s="18"/>
      <c r="P5697" s="19"/>
      <c r="Q5697" s="19"/>
      <c r="R5697" s="19"/>
      <c r="S5697" s="19"/>
      <c r="T5697" s="19"/>
      <c r="U5697" s="19"/>
      <c r="V5697" s="19"/>
      <c r="W5697" s="19"/>
      <c r="X5697" s="19"/>
      <c r="Y5697" s="19"/>
      <c r="Z5697" s="19"/>
      <c r="AA5697" s="19"/>
    </row>
    <row r="5698" spans="1:27" s="1" customFormat="1" ht="14.1" customHeight="1" outlineLevel="2" x14ac:dyDescent="0.2">
      <c r="A5698" s="17">
        <v>16692</v>
      </c>
      <c r="B5698" s="17"/>
      <c r="C5698" s="17"/>
      <c r="D5698" s="18" t="s">
        <v>2832</v>
      </c>
      <c r="E5698" s="18"/>
      <c r="F5698" s="18"/>
      <c r="G5698" s="18"/>
      <c r="H5698" s="18"/>
      <c r="I5698" s="18"/>
      <c r="J5698" s="18"/>
      <c r="K5698" s="18"/>
      <c r="L5698" s="18"/>
      <c r="M5698" s="18"/>
      <c r="N5698" s="18"/>
      <c r="O5698" s="18"/>
      <c r="P5698" s="19">
        <v>700</v>
      </c>
      <c r="Q5698" s="19"/>
      <c r="R5698" s="19"/>
      <c r="S5698" s="19"/>
      <c r="T5698" s="19">
        <v>600</v>
      </c>
      <c r="U5698" s="19"/>
      <c r="V5698" s="19"/>
      <c r="W5698" s="19"/>
      <c r="X5698" s="19">
        <v>1</v>
      </c>
      <c r="Y5698" s="19"/>
      <c r="Z5698" s="19"/>
      <c r="AA5698" s="19"/>
    </row>
    <row r="5699" spans="1:27" s="1" customFormat="1" ht="14.1" customHeight="1" outlineLevel="2" x14ac:dyDescent="0.2">
      <c r="A5699" s="17"/>
      <c r="B5699" s="17"/>
      <c r="C5699" s="17"/>
      <c r="D5699" s="18"/>
      <c r="E5699" s="18"/>
      <c r="F5699" s="18"/>
      <c r="G5699" s="18"/>
      <c r="H5699" s="18"/>
      <c r="I5699" s="18"/>
      <c r="J5699" s="18"/>
      <c r="K5699" s="18"/>
      <c r="L5699" s="18"/>
      <c r="M5699" s="18"/>
      <c r="N5699" s="18"/>
      <c r="O5699" s="18"/>
      <c r="P5699" s="19"/>
      <c r="Q5699" s="19"/>
      <c r="R5699" s="19"/>
      <c r="S5699" s="19"/>
      <c r="T5699" s="19"/>
      <c r="U5699" s="19"/>
      <c r="V5699" s="19"/>
      <c r="W5699" s="19"/>
      <c r="X5699" s="19"/>
      <c r="Y5699" s="19"/>
      <c r="Z5699" s="19"/>
      <c r="AA5699" s="19"/>
    </row>
    <row r="5700" spans="1:27" s="1" customFormat="1" ht="11.1" customHeight="1" outlineLevel="2" x14ac:dyDescent="0.2">
      <c r="A5700" s="17">
        <v>12610</v>
      </c>
      <c r="B5700" s="17"/>
      <c r="C5700" s="17"/>
      <c r="D5700" s="18" t="s">
        <v>2833</v>
      </c>
      <c r="E5700" s="18"/>
      <c r="F5700" s="18"/>
      <c r="G5700" s="18"/>
      <c r="H5700" s="18"/>
      <c r="I5700" s="18"/>
      <c r="J5700" s="18"/>
      <c r="K5700" s="18"/>
      <c r="L5700" s="18"/>
      <c r="M5700" s="18"/>
      <c r="N5700" s="18"/>
      <c r="O5700" s="18"/>
      <c r="P5700" s="19">
        <v>590</v>
      </c>
      <c r="Q5700" s="19"/>
      <c r="R5700" s="19"/>
      <c r="S5700" s="19"/>
      <c r="T5700" s="19">
        <v>500</v>
      </c>
      <c r="U5700" s="19"/>
      <c r="V5700" s="19"/>
      <c r="W5700" s="19"/>
      <c r="X5700" s="19">
        <v>1</v>
      </c>
      <c r="Y5700" s="19"/>
      <c r="Z5700" s="19"/>
      <c r="AA5700" s="19"/>
    </row>
    <row r="5701" spans="1:27" s="1" customFormat="1" ht="11.1" customHeight="1" outlineLevel="2" x14ac:dyDescent="0.2">
      <c r="A5701" s="17"/>
      <c r="B5701" s="17"/>
      <c r="C5701" s="17"/>
      <c r="D5701" s="18"/>
      <c r="E5701" s="18"/>
      <c r="F5701" s="18"/>
      <c r="G5701" s="18"/>
      <c r="H5701" s="18"/>
      <c r="I5701" s="18"/>
      <c r="J5701" s="18"/>
      <c r="K5701" s="18"/>
      <c r="L5701" s="18"/>
      <c r="M5701" s="18"/>
      <c r="N5701" s="18"/>
      <c r="O5701" s="18"/>
      <c r="P5701" s="19"/>
      <c r="Q5701" s="19"/>
      <c r="R5701" s="19"/>
      <c r="S5701" s="19"/>
      <c r="T5701" s="19"/>
      <c r="U5701" s="19"/>
      <c r="V5701" s="19"/>
      <c r="W5701" s="19"/>
      <c r="X5701" s="19"/>
      <c r="Y5701" s="19"/>
      <c r="Z5701" s="19"/>
      <c r="AA5701" s="19"/>
    </row>
    <row r="5702" spans="1:27" s="1" customFormat="1" ht="11.1" customHeight="1" outlineLevel="2" x14ac:dyDescent="0.2">
      <c r="A5702" s="17">
        <v>14799</v>
      </c>
      <c r="B5702" s="17"/>
      <c r="C5702" s="17"/>
      <c r="D5702" s="18" t="s">
        <v>2834</v>
      </c>
      <c r="E5702" s="18"/>
      <c r="F5702" s="18"/>
      <c r="G5702" s="18"/>
      <c r="H5702" s="18"/>
      <c r="I5702" s="18"/>
      <c r="J5702" s="18"/>
      <c r="K5702" s="18"/>
      <c r="L5702" s="18"/>
      <c r="M5702" s="18"/>
      <c r="N5702" s="18"/>
      <c r="O5702" s="18"/>
      <c r="P5702" s="19">
        <v>250</v>
      </c>
      <c r="Q5702" s="19"/>
      <c r="R5702" s="19"/>
      <c r="S5702" s="19"/>
      <c r="T5702" s="19">
        <v>190</v>
      </c>
      <c r="U5702" s="19"/>
      <c r="V5702" s="19"/>
      <c r="W5702" s="19"/>
      <c r="X5702" s="19">
        <v>9</v>
      </c>
      <c r="Y5702" s="19"/>
      <c r="Z5702" s="19"/>
      <c r="AA5702" s="19"/>
    </row>
    <row r="5703" spans="1:27" s="1" customFormat="1" ht="11.1" customHeight="1" outlineLevel="2" x14ac:dyDescent="0.2">
      <c r="A5703" s="17"/>
      <c r="B5703" s="17"/>
      <c r="C5703" s="17"/>
      <c r="D5703" s="18"/>
      <c r="E5703" s="18"/>
      <c r="F5703" s="18"/>
      <c r="G5703" s="18"/>
      <c r="H5703" s="18"/>
      <c r="I5703" s="18"/>
      <c r="J5703" s="18"/>
      <c r="K5703" s="18"/>
      <c r="L5703" s="18"/>
      <c r="M5703" s="18"/>
      <c r="N5703" s="18"/>
      <c r="O5703" s="18"/>
      <c r="P5703" s="19"/>
      <c r="Q5703" s="19"/>
      <c r="R5703" s="19"/>
      <c r="S5703" s="19"/>
      <c r="T5703" s="19"/>
      <c r="U5703" s="19"/>
      <c r="V5703" s="19"/>
      <c r="W5703" s="19"/>
      <c r="X5703" s="19"/>
      <c r="Y5703" s="19"/>
      <c r="Z5703" s="19"/>
      <c r="AA5703" s="19"/>
    </row>
    <row r="5704" spans="1:27" s="1" customFormat="1" ht="14.1" customHeight="1" outlineLevel="2" x14ac:dyDescent="0.2">
      <c r="A5704" s="17">
        <v>14630</v>
      </c>
      <c r="B5704" s="17"/>
      <c r="C5704" s="17"/>
      <c r="D5704" s="18" t="s">
        <v>2835</v>
      </c>
      <c r="E5704" s="18"/>
      <c r="F5704" s="18"/>
      <c r="G5704" s="18"/>
      <c r="H5704" s="18"/>
      <c r="I5704" s="18"/>
      <c r="J5704" s="18"/>
      <c r="K5704" s="18"/>
      <c r="L5704" s="18"/>
      <c r="M5704" s="18"/>
      <c r="N5704" s="18"/>
      <c r="O5704" s="18"/>
      <c r="P5704" s="19">
        <v>360</v>
      </c>
      <c r="Q5704" s="19"/>
      <c r="R5704" s="19"/>
      <c r="S5704" s="19"/>
      <c r="T5704" s="19">
        <v>300</v>
      </c>
      <c r="U5704" s="19"/>
      <c r="V5704" s="19"/>
      <c r="W5704" s="19"/>
      <c r="X5704" s="19">
        <v>2</v>
      </c>
      <c r="Y5704" s="19"/>
      <c r="Z5704" s="19"/>
      <c r="AA5704" s="19"/>
    </row>
    <row r="5705" spans="1:27" s="1" customFormat="1" ht="14.1" customHeight="1" outlineLevel="2" x14ac:dyDescent="0.2">
      <c r="A5705" s="17"/>
      <c r="B5705" s="17"/>
      <c r="C5705" s="17"/>
      <c r="D5705" s="18"/>
      <c r="E5705" s="18"/>
      <c r="F5705" s="18"/>
      <c r="G5705" s="18"/>
      <c r="H5705" s="18"/>
      <c r="I5705" s="18"/>
      <c r="J5705" s="18"/>
      <c r="K5705" s="18"/>
      <c r="L5705" s="18"/>
      <c r="M5705" s="18"/>
      <c r="N5705" s="18"/>
      <c r="O5705" s="18"/>
      <c r="P5705" s="19"/>
      <c r="Q5705" s="19"/>
      <c r="R5705" s="19"/>
      <c r="S5705" s="19"/>
      <c r="T5705" s="19"/>
      <c r="U5705" s="19"/>
      <c r="V5705" s="19"/>
      <c r="W5705" s="19"/>
      <c r="X5705" s="19"/>
      <c r="Y5705" s="19"/>
      <c r="Z5705" s="19"/>
      <c r="AA5705" s="19"/>
    </row>
    <row r="5706" spans="1:27" s="1" customFormat="1" ht="11.1" customHeight="1" outlineLevel="2" x14ac:dyDescent="0.2">
      <c r="A5706" s="17">
        <v>14798</v>
      </c>
      <c r="B5706" s="17"/>
      <c r="C5706" s="17"/>
      <c r="D5706" s="18" t="s">
        <v>2836</v>
      </c>
      <c r="E5706" s="18"/>
      <c r="F5706" s="18"/>
      <c r="G5706" s="18"/>
      <c r="H5706" s="18"/>
      <c r="I5706" s="18"/>
      <c r="J5706" s="18"/>
      <c r="K5706" s="18"/>
      <c r="L5706" s="18"/>
      <c r="M5706" s="18"/>
      <c r="N5706" s="18"/>
      <c r="O5706" s="18"/>
      <c r="P5706" s="19">
        <v>250</v>
      </c>
      <c r="Q5706" s="19"/>
      <c r="R5706" s="19"/>
      <c r="S5706" s="19"/>
      <c r="T5706" s="19">
        <v>190</v>
      </c>
      <c r="U5706" s="19"/>
      <c r="V5706" s="19"/>
      <c r="W5706" s="19"/>
      <c r="X5706" s="19">
        <v>9</v>
      </c>
      <c r="Y5706" s="19"/>
      <c r="Z5706" s="19"/>
      <c r="AA5706" s="19"/>
    </row>
    <row r="5707" spans="1:27" s="1" customFormat="1" ht="11.1" customHeight="1" outlineLevel="2" x14ac:dyDescent="0.2">
      <c r="A5707" s="17"/>
      <c r="B5707" s="17"/>
      <c r="C5707" s="17"/>
      <c r="D5707" s="18"/>
      <c r="E5707" s="18"/>
      <c r="F5707" s="18"/>
      <c r="G5707" s="18"/>
      <c r="H5707" s="18"/>
      <c r="I5707" s="18"/>
      <c r="J5707" s="18"/>
      <c r="K5707" s="18"/>
      <c r="L5707" s="18"/>
      <c r="M5707" s="18"/>
      <c r="N5707" s="18"/>
      <c r="O5707" s="18"/>
      <c r="P5707" s="19"/>
      <c r="Q5707" s="19"/>
      <c r="R5707" s="19"/>
      <c r="S5707" s="19"/>
      <c r="T5707" s="19"/>
      <c r="U5707" s="19"/>
      <c r="V5707" s="19"/>
      <c r="W5707" s="19"/>
      <c r="X5707" s="19"/>
      <c r="Y5707" s="19"/>
      <c r="Z5707" s="19"/>
      <c r="AA5707" s="19"/>
    </row>
    <row r="5708" spans="1:27" s="1" customFormat="1" ht="11.1" customHeight="1" outlineLevel="2" x14ac:dyDescent="0.2">
      <c r="A5708" s="17">
        <v>14797</v>
      </c>
      <c r="B5708" s="17"/>
      <c r="C5708" s="17"/>
      <c r="D5708" s="18" t="s">
        <v>2837</v>
      </c>
      <c r="E5708" s="18"/>
      <c r="F5708" s="18"/>
      <c r="G5708" s="18"/>
      <c r="H5708" s="18"/>
      <c r="I5708" s="18"/>
      <c r="J5708" s="18"/>
      <c r="K5708" s="18"/>
      <c r="L5708" s="18"/>
      <c r="M5708" s="18"/>
      <c r="N5708" s="18"/>
      <c r="O5708" s="18"/>
      <c r="P5708" s="19">
        <v>250</v>
      </c>
      <c r="Q5708" s="19"/>
      <c r="R5708" s="19"/>
      <c r="S5708" s="19"/>
      <c r="T5708" s="19">
        <v>190</v>
      </c>
      <c r="U5708" s="19"/>
      <c r="V5708" s="19"/>
      <c r="W5708" s="19"/>
      <c r="X5708" s="19">
        <v>8</v>
      </c>
      <c r="Y5708" s="19"/>
      <c r="Z5708" s="19"/>
      <c r="AA5708" s="19"/>
    </row>
    <row r="5709" spans="1:27" s="1" customFormat="1" ht="11.1" customHeight="1" outlineLevel="2" x14ac:dyDescent="0.2">
      <c r="A5709" s="17"/>
      <c r="B5709" s="17"/>
      <c r="C5709" s="17"/>
      <c r="D5709" s="18"/>
      <c r="E5709" s="18"/>
      <c r="F5709" s="18"/>
      <c r="G5709" s="18"/>
      <c r="H5709" s="18"/>
      <c r="I5709" s="18"/>
      <c r="J5709" s="18"/>
      <c r="K5709" s="18"/>
      <c r="L5709" s="18"/>
      <c r="M5709" s="18"/>
      <c r="N5709" s="18"/>
      <c r="O5709" s="18"/>
      <c r="P5709" s="19"/>
      <c r="Q5709" s="19"/>
      <c r="R5709" s="19"/>
      <c r="S5709" s="19"/>
      <c r="T5709" s="19"/>
      <c r="U5709" s="19"/>
      <c r="V5709" s="19"/>
      <c r="W5709" s="19"/>
      <c r="X5709" s="19"/>
      <c r="Y5709" s="19"/>
      <c r="Z5709" s="19"/>
      <c r="AA5709" s="19"/>
    </row>
    <row r="5710" spans="1:27" s="1" customFormat="1" ht="14.1" customHeight="1" outlineLevel="2" x14ac:dyDescent="0.2">
      <c r="A5710" s="17">
        <v>18127</v>
      </c>
      <c r="B5710" s="17"/>
      <c r="C5710" s="17"/>
      <c r="D5710" s="18" t="s">
        <v>2838</v>
      </c>
      <c r="E5710" s="18"/>
      <c r="F5710" s="18"/>
      <c r="G5710" s="18"/>
      <c r="H5710" s="18"/>
      <c r="I5710" s="18"/>
      <c r="J5710" s="18"/>
      <c r="K5710" s="18"/>
      <c r="L5710" s="18"/>
      <c r="M5710" s="18"/>
      <c r="N5710" s="18"/>
      <c r="O5710" s="18"/>
      <c r="P5710" s="19">
        <v>300</v>
      </c>
      <c r="Q5710" s="19"/>
      <c r="R5710" s="19"/>
      <c r="S5710" s="19"/>
      <c r="T5710" s="19">
        <v>200</v>
      </c>
      <c r="U5710" s="19"/>
      <c r="V5710" s="19"/>
      <c r="W5710" s="19"/>
      <c r="X5710" s="19">
        <v>2</v>
      </c>
      <c r="Y5710" s="19"/>
      <c r="Z5710" s="19"/>
      <c r="AA5710" s="19"/>
    </row>
    <row r="5711" spans="1:27" s="1" customFormat="1" ht="14.1" customHeight="1" outlineLevel="2" x14ac:dyDescent="0.2">
      <c r="A5711" s="17"/>
      <c r="B5711" s="17"/>
      <c r="C5711" s="17"/>
      <c r="D5711" s="18"/>
      <c r="E5711" s="18"/>
      <c r="F5711" s="18"/>
      <c r="G5711" s="18"/>
      <c r="H5711" s="18"/>
      <c r="I5711" s="18"/>
      <c r="J5711" s="18"/>
      <c r="K5711" s="18"/>
      <c r="L5711" s="18"/>
      <c r="M5711" s="18"/>
      <c r="N5711" s="18"/>
      <c r="O5711" s="18"/>
      <c r="P5711" s="19"/>
      <c r="Q5711" s="19"/>
      <c r="R5711" s="19"/>
      <c r="S5711" s="19"/>
      <c r="T5711" s="19"/>
      <c r="U5711" s="19"/>
      <c r="V5711" s="19"/>
      <c r="W5711" s="19"/>
      <c r="X5711" s="19"/>
      <c r="Y5711" s="19"/>
      <c r="Z5711" s="19"/>
      <c r="AA5711" s="19"/>
    </row>
    <row r="5712" spans="1:27" s="1" customFormat="1" ht="11.1" customHeight="1" outlineLevel="2" x14ac:dyDescent="0.2">
      <c r="A5712" s="17">
        <v>11117</v>
      </c>
      <c r="B5712" s="17"/>
      <c r="C5712" s="17"/>
      <c r="D5712" s="18" t="s">
        <v>2839</v>
      </c>
      <c r="E5712" s="18"/>
      <c r="F5712" s="18"/>
      <c r="G5712" s="18"/>
      <c r="H5712" s="18"/>
      <c r="I5712" s="18"/>
      <c r="J5712" s="18"/>
      <c r="K5712" s="18"/>
      <c r="L5712" s="18"/>
      <c r="M5712" s="18"/>
      <c r="N5712" s="18"/>
      <c r="O5712" s="18"/>
      <c r="P5712" s="19">
        <v>200</v>
      </c>
      <c r="Q5712" s="19"/>
      <c r="R5712" s="19"/>
      <c r="S5712" s="19"/>
      <c r="T5712" s="19">
        <v>155</v>
      </c>
      <c r="U5712" s="19"/>
      <c r="V5712" s="19"/>
      <c r="W5712" s="19"/>
      <c r="X5712" s="19">
        <v>1</v>
      </c>
      <c r="Y5712" s="19"/>
      <c r="Z5712" s="19"/>
      <c r="AA5712" s="19"/>
    </row>
    <row r="5713" spans="1:27" s="1" customFormat="1" ht="11.1" customHeight="1" outlineLevel="2" x14ac:dyDescent="0.2">
      <c r="A5713" s="17"/>
      <c r="B5713" s="17"/>
      <c r="C5713" s="17"/>
      <c r="D5713" s="18"/>
      <c r="E5713" s="18"/>
      <c r="F5713" s="18"/>
      <c r="G5713" s="18"/>
      <c r="H5713" s="18"/>
      <c r="I5713" s="18"/>
      <c r="J5713" s="18"/>
      <c r="K5713" s="18"/>
      <c r="L5713" s="18"/>
      <c r="M5713" s="18"/>
      <c r="N5713" s="18"/>
      <c r="O5713" s="18"/>
      <c r="P5713" s="19"/>
      <c r="Q5713" s="19"/>
      <c r="R5713" s="19"/>
      <c r="S5713" s="19"/>
      <c r="T5713" s="19"/>
      <c r="U5713" s="19"/>
      <c r="V5713" s="19"/>
      <c r="W5713" s="19"/>
      <c r="X5713" s="19"/>
      <c r="Y5713" s="19"/>
      <c r="Z5713" s="19"/>
      <c r="AA5713" s="19"/>
    </row>
    <row r="5714" spans="1:27" s="1" customFormat="1" ht="11.1" customHeight="1" outlineLevel="2" x14ac:dyDescent="0.2">
      <c r="A5714" s="17">
        <v>11118</v>
      </c>
      <c r="B5714" s="17"/>
      <c r="C5714" s="17"/>
      <c r="D5714" s="18" t="s">
        <v>2840</v>
      </c>
      <c r="E5714" s="18"/>
      <c r="F5714" s="18"/>
      <c r="G5714" s="18"/>
      <c r="H5714" s="18"/>
      <c r="I5714" s="18"/>
      <c r="J5714" s="18"/>
      <c r="K5714" s="18"/>
      <c r="L5714" s="18"/>
      <c r="M5714" s="18"/>
      <c r="N5714" s="18"/>
      <c r="O5714" s="18"/>
      <c r="P5714" s="19">
        <v>200</v>
      </c>
      <c r="Q5714" s="19"/>
      <c r="R5714" s="19"/>
      <c r="S5714" s="19"/>
      <c r="T5714" s="19">
        <v>155</v>
      </c>
      <c r="U5714" s="19"/>
      <c r="V5714" s="19"/>
      <c r="W5714" s="19"/>
      <c r="X5714" s="19">
        <v>1</v>
      </c>
      <c r="Y5714" s="19"/>
      <c r="Z5714" s="19"/>
      <c r="AA5714" s="19"/>
    </row>
    <row r="5715" spans="1:27" s="1" customFormat="1" ht="11.1" customHeight="1" outlineLevel="2" x14ac:dyDescent="0.2">
      <c r="A5715" s="17"/>
      <c r="B5715" s="17"/>
      <c r="C5715" s="17"/>
      <c r="D5715" s="18"/>
      <c r="E5715" s="18"/>
      <c r="F5715" s="18"/>
      <c r="G5715" s="18"/>
      <c r="H5715" s="18"/>
      <c r="I5715" s="18"/>
      <c r="J5715" s="18"/>
      <c r="K5715" s="18"/>
      <c r="L5715" s="18"/>
      <c r="M5715" s="18"/>
      <c r="N5715" s="18"/>
      <c r="O5715" s="18"/>
      <c r="P5715" s="19"/>
      <c r="Q5715" s="19"/>
      <c r="R5715" s="19"/>
      <c r="S5715" s="19"/>
      <c r="T5715" s="19"/>
      <c r="U5715" s="19"/>
      <c r="V5715" s="19"/>
      <c r="W5715" s="19"/>
      <c r="X5715" s="19"/>
      <c r="Y5715" s="19"/>
      <c r="Z5715" s="19"/>
      <c r="AA5715" s="19"/>
    </row>
    <row r="5716" spans="1:27" s="1" customFormat="1" ht="11.1" customHeight="1" outlineLevel="2" x14ac:dyDescent="0.2">
      <c r="A5716" s="17">
        <v>11119</v>
      </c>
      <c r="B5716" s="17"/>
      <c r="C5716" s="17"/>
      <c r="D5716" s="18" t="s">
        <v>2841</v>
      </c>
      <c r="E5716" s="18"/>
      <c r="F5716" s="18"/>
      <c r="G5716" s="18"/>
      <c r="H5716" s="18"/>
      <c r="I5716" s="18"/>
      <c r="J5716" s="18"/>
      <c r="K5716" s="18"/>
      <c r="L5716" s="18"/>
      <c r="M5716" s="18"/>
      <c r="N5716" s="18"/>
      <c r="O5716" s="18"/>
      <c r="P5716" s="19">
        <v>200</v>
      </c>
      <c r="Q5716" s="19"/>
      <c r="R5716" s="19"/>
      <c r="S5716" s="19"/>
      <c r="T5716" s="19">
        <v>155</v>
      </c>
      <c r="U5716" s="19"/>
      <c r="V5716" s="19"/>
      <c r="W5716" s="19"/>
      <c r="X5716" s="19">
        <v>1</v>
      </c>
      <c r="Y5716" s="19"/>
      <c r="Z5716" s="19"/>
      <c r="AA5716" s="19"/>
    </row>
    <row r="5717" spans="1:27" s="1" customFormat="1" ht="11.1" customHeight="1" outlineLevel="2" x14ac:dyDescent="0.2">
      <c r="A5717" s="17"/>
      <c r="B5717" s="17"/>
      <c r="C5717" s="17"/>
      <c r="D5717" s="18"/>
      <c r="E5717" s="18"/>
      <c r="F5717" s="18"/>
      <c r="G5717" s="18"/>
      <c r="H5717" s="18"/>
      <c r="I5717" s="18"/>
      <c r="J5717" s="18"/>
      <c r="K5717" s="18"/>
      <c r="L5717" s="18"/>
      <c r="M5717" s="18"/>
      <c r="N5717" s="18"/>
      <c r="O5717" s="18"/>
      <c r="P5717" s="19"/>
      <c r="Q5717" s="19"/>
      <c r="R5717" s="19"/>
      <c r="S5717" s="19"/>
      <c r="T5717" s="19"/>
      <c r="U5717" s="19"/>
      <c r="V5717" s="19"/>
      <c r="W5717" s="19"/>
      <c r="X5717" s="19"/>
      <c r="Y5717" s="19"/>
      <c r="Z5717" s="19"/>
      <c r="AA5717" s="19"/>
    </row>
    <row r="5718" spans="1:27" s="1" customFormat="1" ht="11.1" customHeight="1" outlineLevel="2" x14ac:dyDescent="0.2">
      <c r="A5718" s="17">
        <v>11122</v>
      </c>
      <c r="B5718" s="17"/>
      <c r="C5718" s="17"/>
      <c r="D5718" s="18" t="s">
        <v>2842</v>
      </c>
      <c r="E5718" s="18"/>
      <c r="F5718" s="18"/>
      <c r="G5718" s="18"/>
      <c r="H5718" s="18"/>
      <c r="I5718" s="18"/>
      <c r="J5718" s="18"/>
      <c r="K5718" s="18"/>
      <c r="L5718" s="18"/>
      <c r="M5718" s="18"/>
      <c r="N5718" s="18"/>
      <c r="O5718" s="18"/>
      <c r="P5718" s="19">
        <v>220</v>
      </c>
      <c r="Q5718" s="19"/>
      <c r="R5718" s="19"/>
      <c r="S5718" s="19"/>
      <c r="T5718" s="19">
        <v>170</v>
      </c>
      <c r="U5718" s="19"/>
      <c r="V5718" s="19"/>
      <c r="W5718" s="19"/>
      <c r="X5718" s="19">
        <v>1</v>
      </c>
      <c r="Y5718" s="19"/>
      <c r="Z5718" s="19"/>
      <c r="AA5718" s="19"/>
    </row>
    <row r="5719" spans="1:27" s="1" customFormat="1" ht="11.1" customHeight="1" outlineLevel="2" x14ac:dyDescent="0.2">
      <c r="A5719" s="17"/>
      <c r="B5719" s="17"/>
      <c r="C5719" s="17"/>
      <c r="D5719" s="18"/>
      <c r="E5719" s="18"/>
      <c r="F5719" s="18"/>
      <c r="G5719" s="18"/>
      <c r="H5719" s="18"/>
      <c r="I5719" s="18"/>
      <c r="J5719" s="18"/>
      <c r="K5719" s="18"/>
      <c r="L5719" s="18"/>
      <c r="M5719" s="18"/>
      <c r="N5719" s="18"/>
      <c r="O5719" s="18"/>
      <c r="P5719" s="19"/>
      <c r="Q5719" s="19"/>
      <c r="R5719" s="19"/>
      <c r="S5719" s="19"/>
      <c r="T5719" s="19"/>
      <c r="U5719" s="19"/>
      <c r="V5719" s="19"/>
      <c r="W5719" s="19"/>
      <c r="X5719" s="19"/>
      <c r="Y5719" s="19"/>
      <c r="Z5719" s="19"/>
      <c r="AA5719" s="19"/>
    </row>
    <row r="5720" spans="1:27" s="1" customFormat="1" ht="11.1" customHeight="1" outlineLevel="2" x14ac:dyDescent="0.2">
      <c r="A5720" s="17">
        <v>11121</v>
      </c>
      <c r="B5720" s="17"/>
      <c r="C5720" s="17"/>
      <c r="D5720" s="18" t="s">
        <v>2843</v>
      </c>
      <c r="E5720" s="18"/>
      <c r="F5720" s="18"/>
      <c r="G5720" s="18"/>
      <c r="H5720" s="18"/>
      <c r="I5720" s="18"/>
      <c r="J5720" s="18"/>
      <c r="K5720" s="18"/>
      <c r="L5720" s="18"/>
      <c r="M5720" s="18"/>
      <c r="N5720" s="18"/>
      <c r="O5720" s="18"/>
      <c r="P5720" s="19">
        <v>220</v>
      </c>
      <c r="Q5720" s="19"/>
      <c r="R5720" s="19"/>
      <c r="S5720" s="19"/>
      <c r="T5720" s="19">
        <v>170</v>
      </c>
      <c r="U5720" s="19"/>
      <c r="V5720" s="19"/>
      <c r="W5720" s="19"/>
      <c r="X5720" s="19">
        <v>1</v>
      </c>
      <c r="Y5720" s="19"/>
      <c r="Z5720" s="19"/>
      <c r="AA5720" s="19"/>
    </row>
    <row r="5721" spans="1:27" s="1" customFormat="1" ht="11.1" customHeight="1" outlineLevel="2" x14ac:dyDescent="0.2">
      <c r="A5721" s="17"/>
      <c r="B5721" s="17"/>
      <c r="C5721" s="17"/>
      <c r="D5721" s="18"/>
      <c r="E5721" s="18"/>
      <c r="F5721" s="18"/>
      <c r="G5721" s="18"/>
      <c r="H5721" s="18"/>
      <c r="I5721" s="18"/>
      <c r="J5721" s="18"/>
      <c r="K5721" s="18"/>
      <c r="L5721" s="18"/>
      <c r="M5721" s="18"/>
      <c r="N5721" s="18"/>
      <c r="O5721" s="18"/>
      <c r="P5721" s="19"/>
      <c r="Q5721" s="19"/>
      <c r="R5721" s="19"/>
      <c r="S5721" s="19"/>
      <c r="T5721" s="19"/>
      <c r="U5721" s="19"/>
      <c r="V5721" s="19"/>
      <c r="W5721" s="19"/>
      <c r="X5721" s="19"/>
      <c r="Y5721" s="19"/>
      <c r="Z5721" s="19"/>
      <c r="AA5721" s="19"/>
    </row>
    <row r="5722" spans="1:27" s="1" customFormat="1" ht="11.1" customHeight="1" outlineLevel="2" x14ac:dyDescent="0.2">
      <c r="A5722" s="17">
        <v>11963</v>
      </c>
      <c r="B5722" s="17"/>
      <c r="C5722" s="17"/>
      <c r="D5722" s="18" t="s">
        <v>2844</v>
      </c>
      <c r="E5722" s="18"/>
      <c r="F5722" s="18"/>
      <c r="G5722" s="18"/>
      <c r="H5722" s="18"/>
      <c r="I5722" s="18"/>
      <c r="J5722" s="18"/>
      <c r="K5722" s="18"/>
      <c r="L5722" s="18"/>
      <c r="M5722" s="18"/>
      <c r="N5722" s="18"/>
      <c r="O5722" s="18"/>
      <c r="P5722" s="19">
        <v>320</v>
      </c>
      <c r="Q5722" s="19"/>
      <c r="R5722" s="19"/>
      <c r="S5722" s="19"/>
      <c r="T5722" s="19">
        <v>260</v>
      </c>
      <c r="U5722" s="19"/>
      <c r="V5722" s="19"/>
      <c r="W5722" s="19"/>
      <c r="X5722" s="19">
        <v>1</v>
      </c>
      <c r="Y5722" s="19"/>
      <c r="Z5722" s="19"/>
      <c r="AA5722" s="19"/>
    </row>
    <row r="5723" spans="1:27" s="1" customFormat="1" ht="11.1" customHeight="1" outlineLevel="2" x14ac:dyDescent="0.2">
      <c r="A5723" s="17"/>
      <c r="B5723" s="17"/>
      <c r="C5723" s="17"/>
      <c r="D5723" s="18"/>
      <c r="E5723" s="18"/>
      <c r="F5723" s="18"/>
      <c r="G5723" s="18"/>
      <c r="H5723" s="18"/>
      <c r="I5723" s="18"/>
      <c r="J5723" s="18"/>
      <c r="K5723" s="18"/>
      <c r="L5723" s="18"/>
      <c r="M5723" s="18"/>
      <c r="N5723" s="18"/>
      <c r="O5723" s="18"/>
      <c r="P5723" s="19"/>
      <c r="Q5723" s="19"/>
      <c r="R5723" s="19"/>
      <c r="S5723" s="19"/>
      <c r="T5723" s="19"/>
      <c r="U5723" s="19"/>
      <c r="V5723" s="19"/>
      <c r="W5723" s="19"/>
      <c r="X5723" s="19"/>
      <c r="Y5723" s="19"/>
      <c r="Z5723" s="19"/>
      <c r="AA5723" s="19"/>
    </row>
    <row r="5724" spans="1:27" s="1" customFormat="1" ht="11.1" customHeight="1" outlineLevel="2" x14ac:dyDescent="0.2">
      <c r="A5724" s="17">
        <v>8477</v>
      </c>
      <c r="B5724" s="17"/>
      <c r="C5724" s="17"/>
      <c r="D5724" s="18" t="s">
        <v>2845</v>
      </c>
      <c r="E5724" s="18"/>
      <c r="F5724" s="18"/>
      <c r="G5724" s="18"/>
      <c r="H5724" s="18"/>
      <c r="I5724" s="18"/>
      <c r="J5724" s="18"/>
      <c r="K5724" s="18"/>
      <c r="L5724" s="18"/>
      <c r="M5724" s="18"/>
      <c r="N5724" s="18"/>
      <c r="O5724" s="18"/>
      <c r="P5724" s="19">
        <v>400</v>
      </c>
      <c r="Q5724" s="19"/>
      <c r="R5724" s="19"/>
      <c r="S5724" s="19"/>
      <c r="T5724" s="19">
        <v>350</v>
      </c>
      <c r="U5724" s="19"/>
      <c r="V5724" s="19"/>
      <c r="W5724" s="19"/>
      <c r="X5724" s="19">
        <v>1</v>
      </c>
      <c r="Y5724" s="19"/>
      <c r="Z5724" s="19"/>
      <c r="AA5724" s="19"/>
    </row>
    <row r="5725" spans="1:27" s="1" customFormat="1" ht="11.1" customHeight="1" outlineLevel="2" x14ac:dyDescent="0.2">
      <c r="A5725" s="17"/>
      <c r="B5725" s="17"/>
      <c r="C5725" s="17"/>
      <c r="D5725" s="18"/>
      <c r="E5725" s="18"/>
      <c r="F5725" s="18"/>
      <c r="G5725" s="18"/>
      <c r="H5725" s="18"/>
      <c r="I5725" s="18"/>
      <c r="J5725" s="18"/>
      <c r="K5725" s="18"/>
      <c r="L5725" s="18"/>
      <c r="M5725" s="18"/>
      <c r="N5725" s="18"/>
      <c r="O5725" s="18"/>
      <c r="P5725" s="19"/>
      <c r="Q5725" s="19"/>
      <c r="R5725" s="19"/>
      <c r="S5725" s="19"/>
      <c r="T5725" s="19"/>
      <c r="U5725" s="19"/>
      <c r="V5725" s="19"/>
      <c r="W5725" s="19"/>
      <c r="X5725" s="19"/>
      <c r="Y5725" s="19"/>
      <c r="Z5725" s="19"/>
      <c r="AA5725" s="19"/>
    </row>
    <row r="5726" spans="1:27" s="1" customFormat="1" ht="11.1" customHeight="1" outlineLevel="2" x14ac:dyDescent="0.2">
      <c r="A5726" s="17">
        <v>9589</v>
      </c>
      <c r="B5726" s="17"/>
      <c r="C5726" s="17"/>
      <c r="D5726" s="18" t="s">
        <v>2846</v>
      </c>
      <c r="E5726" s="18"/>
      <c r="F5726" s="18"/>
      <c r="G5726" s="18"/>
      <c r="H5726" s="18"/>
      <c r="I5726" s="18"/>
      <c r="J5726" s="18"/>
      <c r="K5726" s="18"/>
      <c r="L5726" s="18"/>
      <c r="M5726" s="18"/>
      <c r="N5726" s="18"/>
      <c r="O5726" s="18"/>
      <c r="P5726" s="19">
        <v>380</v>
      </c>
      <c r="Q5726" s="19"/>
      <c r="R5726" s="19"/>
      <c r="S5726" s="19"/>
      <c r="T5726" s="19">
        <v>330</v>
      </c>
      <c r="U5726" s="19"/>
      <c r="V5726" s="19"/>
      <c r="W5726" s="19"/>
      <c r="X5726" s="19">
        <v>1</v>
      </c>
      <c r="Y5726" s="19"/>
      <c r="Z5726" s="19"/>
      <c r="AA5726" s="19"/>
    </row>
    <row r="5727" spans="1:27" s="1" customFormat="1" ht="11.1" customHeight="1" outlineLevel="2" x14ac:dyDescent="0.2">
      <c r="A5727" s="17"/>
      <c r="B5727" s="17"/>
      <c r="C5727" s="17"/>
      <c r="D5727" s="18"/>
      <c r="E5727" s="18"/>
      <c r="F5727" s="18"/>
      <c r="G5727" s="18"/>
      <c r="H5727" s="18"/>
      <c r="I5727" s="18"/>
      <c r="J5727" s="18"/>
      <c r="K5727" s="18"/>
      <c r="L5727" s="18"/>
      <c r="M5727" s="18"/>
      <c r="N5727" s="18"/>
      <c r="O5727" s="18"/>
      <c r="P5727" s="19"/>
      <c r="Q5727" s="19"/>
      <c r="R5727" s="19"/>
      <c r="S5727" s="19"/>
      <c r="T5727" s="19"/>
      <c r="U5727" s="19"/>
      <c r="V5727" s="19"/>
      <c r="W5727" s="19"/>
      <c r="X5727" s="19"/>
      <c r="Y5727" s="19"/>
      <c r="Z5727" s="19"/>
      <c r="AA5727" s="19"/>
    </row>
    <row r="5728" spans="1:27" s="1" customFormat="1" ht="11.1" customHeight="1" outlineLevel="2" x14ac:dyDescent="0.2">
      <c r="A5728" s="17">
        <v>9591</v>
      </c>
      <c r="B5728" s="17"/>
      <c r="C5728" s="17"/>
      <c r="D5728" s="18" t="s">
        <v>2847</v>
      </c>
      <c r="E5728" s="18"/>
      <c r="F5728" s="18"/>
      <c r="G5728" s="18"/>
      <c r="H5728" s="18"/>
      <c r="I5728" s="18"/>
      <c r="J5728" s="18"/>
      <c r="K5728" s="18"/>
      <c r="L5728" s="18"/>
      <c r="M5728" s="18"/>
      <c r="N5728" s="18"/>
      <c r="O5728" s="18"/>
      <c r="P5728" s="19">
        <v>430</v>
      </c>
      <c r="Q5728" s="19"/>
      <c r="R5728" s="19"/>
      <c r="S5728" s="19"/>
      <c r="T5728" s="19">
        <v>384</v>
      </c>
      <c r="U5728" s="19"/>
      <c r="V5728" s="19"/>
      <c r="W5728" s="19"/>
      <c r="X5728" s="19">
        <v>1</v>
      </c>
      <c r="Y5728" s="19"/>
      <c r="Z5728" s="19"/>
      <c r="AA5728" s="19"/>
    </row>
    <row r="5729" spans="1:27" s="1" customFormat="1" ht="11.1" customHeight="1" outlineLevel="2" x14ac:dyDescent="0.2">
      <c r="A5729" s="17"/>
      <c r="B5729" s="17"/>
      <c r="C5729" s="17"/>
      <c r="D5729" s="18"/>
      <c r="E5729" s="18"/>
      <c r="F5729" s="18"/>
      <c r="G5729" s="18"/>
      <c r="H5729" s="18"/>
      <c r="I5729" s="18"/>
      <c r="J5729" s="18"/>
      <c r="K5729" s="18"/>
      <c r="L5729" s="18"/>
      <c r="M5729" s="18"/>
      <c r="N5729" s="18"/>
      <c r="O5729" s="18"/>
      <c r="P5729" s="19"/>
      <c r="Q5729" s="19"/>
      <c r="R5729" s="19"/>
      <c r="S5729" s="19"/>
      <c r="T5729" s="19"/>
      <c r="U5729" s="19"/>
      <c r="V5729" s="19"/>
      <c r="W5729" s="19"/>
      <c r="X5729" s="19"/>
      <c r="Y5729" s="19"/>
      <c r="Z5729" s="19"/>
      <c r="AA5729" s="19"/>
    </row>
    <row r="5730" spans="1:27" s="1" customFormat="1" ht="14.1" customHeight="1" outlineLevel="2" x14ac:dyDescent="0.2">
      <c r="A5730" s="17">
        <v>12833</v>
      </c>
      <c r="B5730" s="17"/>
      <c r="C5730" s="17"/>
      <c r="D5730" s="18" t="s">
        <v>2848</v>
      </c>
      <c r="E5730" s="18"/>
      <c r="F5730" s="18"/>
      <c r="G5730" s="18"/>
      <c r="H5730" s="18"/>
      <c r="I5730" s="18"/>
      <c r="J5730" s="18"/>
      <c r="K5730" s="18"/>
      <c r="L5730" s="18"/>
      <c r="M5730" s="18"/>
      <c r="N5730" s="18"/>
      <c r="O5730" s="18"/>
      <c r="P5730" s="19">
        <v>240</v>
      </c>
      <c r="Q5730" s="19"/>
      <c r="R5730" s="19"/>
      <c r="S5730" s="19"/>
      <c r="T5730" s="19">
        <v>190</v>
      </c>
      <c r="U5730" s="19"/>
      <c r="V5730" s="19"/>
      <c r="W5730" s="19"/>
      <c r="X5730" s="19">
        <v>1</v>
      </c>
      <c r="Y5730" s="19"/>
      <c r="Z5730" s="19"/>
      <c r="AA5730" s="19"/>
    </row>
    <row r="5731" spans="1:27" s="1" customFormat="1" ht="14.1" customHeight="1" outlineLevel="2" x14ac:dyDescent="0.2">
      <c r="A5731" s="17"/>
      <c r="B5731" s="17"/>
      <c r="C5731" s="17"/>
      <c r="D5731" s="18"/>
      <c r="E5731" s="18"/>
      <c r="F5731" s="18"/>
      <c r="G5731" s="18"/>
      <c r="H5731" s="18"/>
      <c r="I5731" s="18"/>
      <c r="J5731" s="18"/>
      <c r="K5731" s="18"/>
      <c r="L5731" s="18"/>
      <c r="M5731" s="18"/>
      <c r="N5731" s="18"/>
      <c r="O5731" s="18"/>
      <c r="P5731" s="19"/>
      <c r="Q5731" s="19"/>
      <c r="R5731" s="19"/>
      <c r="S5731" s="19"/>
      <c r="T5731" s="19"/>
      <c r="U5731" s="19"/>
      <c r="V5731" s="19"/>
      <c r="W5731" s="19"/>
      <c r="X5731" s="19"/>
      <c r="Y5731" s="19"/>
      <c r="Z5731" s="19"/>
      <c r="AA5731" s="19"/>
    </row>
    <row r="5732" spans="1:27" s="1" customFormat="1" ht="11.1" customHeight="1" outlineLevel="2" x14ac:dyDescent="0.2">
      <c r="A5732" s="17">
        <v>13554</v>
      </c>
      <c r="B5732" s="17"/>
      <c r="C5732" s="17"/>
      <c r="D5732" s="18" t="s">
        <v>2849</v>
      </c>
      <c r="E5732" s="18"/>
      <c r="F5732" s="18"/>
      <c r="G5732" s="18"/>
      <c r="H5732" s="18"/>
      <c r="I5732" s="18"/>
      <c r="J5732" s="18"/>
      <c r="K5732" s="18"/>
      <c r="L5732" s="18"/>
      <c r="M5732" s="18"/>
      <c r="N5732" s="18"/>
      <c r="O5732" s="18"/>
      <c r="P5732" s="19">
        <v>290</v>
      </c>
      <c r="Q5732" s="19"/>
      <c r="R5732" s="19"/>
      <c r="S5732" s="19"/>
      <c r="T5732" s="19">
        <v>230</v>
      </c>
      <c r="U5732" s="19"/>
      <c r="V5732" s="19"/>
      <c r="W5732" s="19"/>
      <c r="X5732" s="19">
        <v>5</v>
      </c>
      <c r="Y5732" s="19"/>
      <c r="Z5732" s="19"/>
      <c r="AA5732" s="19"/>
    </row>
    <row r="5733" spans="1:27" s="1" customFormat="1" ht="11.1" customHeight="1" outlineLevel="2" x14ac:dyDescent="0.2">
      <c r="A5733" s="17"/>
      <c r="B5733" s="17"/>
      <c r="C5733" s="17"/>
      <c r="D5733" s="18"/>
      <c r="E5733" s="18"/>
      <c r="F5733" s="18"/>
      <c r="G5733" s="18"/>
      <c r="H5733" s="18"/>
      <c r="I5733" s="18"/>
      <c r="J5733" s="18"/>
      <c r="K5733" s="18"/>
      <c r="L5733" s="18"/>
      <c r="M5733" s="18"/>
      <c r="N5733" s="18"/>
      <c r="O5733" s="18"/>
      <c r="P5733" s="19"/>
      <c r="Q5733" s="19"/>
      <c r="R5733" s="19"/>
      <c r="S5733" s="19"/>
      <c r="T5733" s="19"/>
      <c r="U5733" s="19"/>
      <c r="V5733" s="19"/>
      <c r="W5733" s="19"/>
      <c r="X5733" s="19"/>
      <c r="Y5733" s="19"/>
      <c r="Z5733" s="19"/>
      <c r="AA5733" s="19"/>
    </row>
    <row r="5734" spans="1:27" s="1" customFormat="1" ht="11.1" customHeight="1" outlineLevel="2" x14ac:dyDescent="0.2">
      <c r="A5734" s="17">
        <v>13553</v>
      </c>
      <c r="B5734" s="17"/>
      <c r="C5734" s="17"/>
      <c r="D5734" s="18" t="s">
        <v>2850</v>
      </c>
      <c r="E5734" s="18"/>
      <c r="F5734" s="18"/>
      <c r="G5734" s="18"/>
      <c r="H5734" s="18"/>
      <c r="I5734" s="18"/>
      <c r="J5734" s="18"/>
      <c r="K5734" s="18"/>
      <c r="L5734" s="18"/>
      <c r="M5734" s="18"/>
      <c r="N5734" s="18"/>
      <c r="O5734" s="18"/>
      <c r="P5734" s="19">
        <v>290</v>
      </c>
      <c r="Q5734" s="19"/>
      <c r="R5734" s="19"/>
      <c r="S5734" s="19"/>
      <c r="T5734" s="19">
        <v>230</v>
      </c>
      <c r="U5734" s="19"/>
      <c r="V5734" s="19"/>
      <c r="W5734" s="19"/>
      <c r="X5734" s="19">
        <v>9</v>
      </c>
      <c r="Y5734" s="19"/>
      <c r="Z5734" s="19"/>
      <c r="AA5734" s="19"/>
    </row>
    <row r="5735" spans="1:27" s="1" customFormat="1" ht="11.1" customHeight="1" outlineLevel="2" x14ac:dyDescent="0.2">
      <c r="A5735" s="17"/>
      <c r="B5735" s="17"/>
      <c r="C5735" s="17"/>
      <c r="D5735" s="18"/>
      <c r="E5735" s="18"/>
      <c r="F5735" s="18"/>
      <c r="G5735" s="18"/>
      <c r="H5735" s="18"/>
      <c r="I5735" s="18"/>
      <c r="J5735" s="18"/>
      <c r="K5735" s="18"/>
      <c r="L5735" s="18"/>
      <c r="M5735" s="18"/>
      <c r="N5735" s="18"/>
      <c r="O5735" s="18"/>
      <c r="P5735" s="19"/>
      <c r="Q5735" s="19"/>
      <c r="R5735" s="19"/>
      <c r="S5735" s="19"/>
      <c r="T5735" s="19"/>
      <c r="U5735" s="19"/>
      <c r="V5735" s="19"/>
      <c r="W5735" s="19"/>
      <c r="X5735" s="19"/>
      <c r="Y5735" s="19"/>
      <c r="Z5735" s="19"/>
      <c r="AA5735" s="19"/>
    </row>
    <row r="5736" spans="1:27" s="1" customFormat="1" ht="14.1" customHeight="1" outlineLevel="2" x14ac:dyDescent="0.2">
      <c r="A5736" s="17">
        <v>17946</v>
      </c>
      <c r="B5736" s="17"/>
      <c r="C5736" s="17"/>
      <c r="D5736" s="18" t="s">
        <v>2851</v>
      </c>
      <c r="E5736" s="18"/>
      <c r="F5736" s="18"/>
      <c r="G5736" s="18"/>
      <c r="H5736" s="18"/>
      <c r="I5736" s="18"/>
      <c r="J5736" s="18"/>
      <c r="K5736" s="18"/>
      <c r="L5736" s="18"/>
      <c r="M5736" s="18"/>
      <c r="N5736" s="18"/>
      <c r="O5736" s="18"/>
      <c r="P5736" s="19">
        <v>200</v>
      </c>
      <c r="Q5736" s="19"/>
      <c r="R5736" s="19"/>
      <c r="S5736" s="19"/>
      <c r="T5736" s="19">
        <v>100</v>
      </c>
      <c r="U5736" s="19"/>
      <c r="V5736" s="19"/>
      <c r="W5736" s="19"/>
      <c r="X5736" s="19">
        <v>1</v>
      </c>
      <c r="Y5736" s="19"/>
      <c r="Z5736" s="19"/>
      <c r="AA5736" s="19"/>
    </row>
    <row r="5737" spans="1:27" s="1" customFormat="1" ht="14.1" customHeight="1" outlineLevel="2" x14ac:dyDescent="0.2">
      <c r="A5737" s="17"/>
      <c r="B5737" s="17"/>
      <c r="C5737" s="17"/>
      <c r="D5737" s="18"/>
      <c r="E5737" s="18"/>
      <c r="F5737" s="18"/>
      <c r="G5737" s="18"/>
      <c r="H5737" s="18"/>
      <c r="I5737" s="18"/>
      <c r="J5737" s="18"/>
      <c r="K5737" s="18"/>
      <c r="L5737" s="18"/>
      <c r="M5737" s="18"/>
      <c r="N5737" s="18"/>
      <c r="O5737" s="18"/>
      <c r="P5737" s="19"/>
      <c r="Q5737" s="19"/>
      <c r="R5737" s="19"/>
      <c r="S5737" s="19"/>
      <c r="T5737" s="19"/>
      <c r="U5737" s="19"/>
      <c r="V5737" s="19"/>
      <c r="W5737" s="19"/>
      <c r="X5737" s="19"/>
      <c r="Y5737" s="19"/>
      <c r="Z5737" s="19"/>
      <c r="AA5737" s="19"/>
    </row>
    <row r="5738" spans="1:27" s="1" customFormat="1" ht="11.1" customHeight="1" outlineLevel="2" x14ac:dyDescent="0.2">
      <c r="A5738" s="17">
        <v>15247</v>
      </c>
      <c r="B5738" s="17"/>
      <c r="C5738" s="17"/>
      <c r="D5738" s="18" t="s">
        <v>2852</v>
      </c>
      <c r="E5738" s="18"/>
      <c r="F5738" s="18"/>
      <c r="G5738" s="18"/>
      <c r="H5738" s="18"/>
      <c r="I5738" s="18"/>
      <c r="J5738" s="18"/>
      <c r="K5738" s="18"/>
      <c r="L5738" s="18"/>
      <c r="M5738" s="18"/>
      <c r="N5738" s="18"/>
      <c r="O5738" s="18"/>
      <c r="P5738" s="19">
        <v>230</v>
      </c>
      <c r="Q5738" s="19"/>
      <c r="R5738" s="19"/>
      <c r="S5738" s="19"/>
      <c r="T5738" s="19">
        <v>170</v>
      </c>
      <c r="U5738" s="19"/>
      <c r="V5738" s="19"/>
      <c r="W5738" s="19"/>
      <c r="X5738" s="19">
        <v>10</v>
      </c>
      <c r="Y5738" s="19"/>
      <c r="Z5738" s="19"/>
      <c r="AA5738" s="19"/>
    </row>
    <row r="5739" spans="1:27" s="1" customFormat="1" ht="11.1" customHeight="1" outlineLevel="2" x14ac:dyDescent="0.2">
      <c r="A5739" s="17"/>
      <c r="B5739" s="17"/>
      <c r="C5739" s="17"/>
      <c r="D5739" s="18"/>
      <c r="E5739" s="18"/>
      <c r="F5739" s="18"/>
      <c r="G5739" s="18"/>
      <c r="H5739" s="18"/>
      <c r="I5739" s="18"/>
      <c r="J5739" s="18"/>
      <c r="K5739" s="18"/>
      <c r="L5739" s="18"/>
      <c r="M5739" s="18"/>
      <c r="N5739" s="18"/>
      <c r="O5739" s="18"/>
      <c r="P5739" s="19"/>
      <c r="Q5739" s="19"/>
      <c r="R5739" s="19"/>
      <c r="S5739" s="19"/>
      <c r="T5739" s="19"/>
      <c r="U5739" s="19"/>
      <c r="V5739" s="19"/>
      <c r="W5739" s="19"/>
      <c r="X5739" s="19"/>
      <c r="Y5739" s="19"/>
      <c r="Z5739" s="19"/>
      <c r="AA5739" s="19"/>
    </row>
    <row r="5740" spans="1:27" s="1" customFormat="1" ht="11.1" customHeight="1" outlineLevel="2" x14ac:dyDescent="0.2">
      <c r="A5740" s="17">
        <v>15248</v>
      </c>
      <c r="B5740" s="17"/>
      <c r="C5740" s="17"/>
      <c r="D5740" s="18" t="s">
        <v>2853</v>
      </c>
      <c r="E5740" s="18"/>
      <c r="F5740" s="18"/>
      <c r="G5740" s="18"/>
      <c r="H5740" s="18"/>
      <c r="I5740" s="18"/>
      <c r="J5740" s="18"/>
      <c r="K5740" s="18"/>
      <c r="L5740" s="18"/>
      <c r="M5740" s="18"/>
      <c r="N5740" s="18"/>
      <c r="O5740" s="18"/>
      <c r="P5740" s="19">
        <v>230</v>
      </c>
      <c r="Q5740" s="19"/>
      <c r="R5740" s="19"/>
      <c r="S5740" s="19"/>
      <c r="T5740" s="19">
        <v>170</v>
      </c>
      <c r="U5740" s="19"/>
      <c r="V5740" s="19"/>
      <c r="W5740" s="19"/>
      <c r="X5740" s="19">
        <v>8</v>
      </c>
      <c r="Y5740" s="19"/>
      <c r="Z5740" s="19"/>
      <c r="AA5740" s="19"/>
    </row>
    <row r="5741" spans="1:27" s="1" customFormat="1" ht="11.1" customHeight="1" outlineLevel="2" x14ac:dyDescent="0.2">
      <c r="A5741" s="17"/>
      <c r="B5741" s="17"/>
      <c r="C5741" s="17"/>
      <c r="D5741" s="18"/>
      <c r="E5741" s="18"/>
      <c r="F5741" s="18"/>
      <c r="G5741" s="18"/>
      <c r="H5741" s="18"/>
      <c r="I5741" s="18"/>
      <c r="J5741" s="18"/>
      <c r="K5741" s="18"/>
      <c r="L5741" s="18"/>
      <c r="M5741" s="18"/>
      <c r="N5741" s="18"/>
      <c r="O5741" s="18"/>
      <c r="P5741" s="19"/>
      <c r="Q5741" s="19"/>
      <c r="R5741" s="19"/>
      <c r="S5741" s="19"/>
      <c r="T5741" s="19"/>
      <c r="U5741" s="19"/>
      <c r="V5741" s="19"/>
      <c r="W5741" s="19"/>
      <c r="X5741" s="19"/>
      <c r="Y5741" s="19"/>
      <c r="Z5741" s="19"/>
      <c r="AA5741" s="19"/>
    </row>
    <row r="5742" spans="1:27" s="1" customFormat="1" ht="11.1" customHeight="1" outlineLevel="2" x14ac:dyDescent="0.2">
      <c r="A5742" s="17">
        <v>15249</v>
      </c>
      <c r="B5742" s="17"/>
      <c r="C5742" s="17"/>
      <c r="D5742" s="18" t="s">
        <v>2854</v>
      </c>
      <c r="E5742" s="18"/>
      <c r="F5742" s="18"/>
      <c r="G5742" s="18"/>
      <c r="H5742" s="18"/>
      <c r="I5742" s="18"/>
      <c r="J5742" s="18"/>
      <c r="K5742" s="18"/>
      <c r="L5742" s="18"/>
      <c r="M5742" s="18"/>
      <c r="N5742" s="18"/>
      <c r="O5742" s="18"/>
      <c r="P5742" s="19">
        <v>230</v>
      </c>
      <c r="Q5742" s="19"/>
      <c r="R5742" s="19"/>
      <c r="S5742" s="19"/>
      <c r="T5742" s="19">
        <v>170</v>
      </c>
      <c r="U5742" s="19"/>
      <c r="V5742" s="19"/>
      <c r="W5742" s="19"/>
      <c r="X5742" s="19">
        <v>7</v>
      </c>
      <c r="Y5742" s="19"/>
      <c r="Z5742" s="19"/>
      <c r="AA5742" s="19"/>
    </row>
    <row r="5743" spans="1:27" s="1" customFormat="1" ht="11.1" customHeight="1" outlineLevel="2" x14ac:dyDescent="0.2">
      <c r="A5743" s="17"/>
      <c r="B5743" s="17"/>
      <c r="C5743" s="17"/>
      <c r="D5743" s="18"/>
      <c r="E5743" s="18"/>
      <c r="F5743" s="18"/>
      <c r="G5743" s="18"/>
      <c r="H5743" s="18"/>
      <c r="I5743" s="18"/>
      <c r="J5743" s="18"/>
      <c r="K5743" s="18"/>
      <c r="L5743" s="18"/>
      <c r="M5743" s="18"/>
      <c r="N5743" s="18"/>
      <c r="O5743" s="18"/>
      <c r="P5743" s="19"/>
      <c r="Q5743" s="19"/>
      <c r="R5743" s="19"/>
      <c r="S5743" s="19"/>
      <c r="T5743" s="19"/>
      <c r="U5743" s="19"/>
      <c r="V5743" s="19"/>
      <c r="W5743" s="19"/>
      <c r="X5743" s="19"/>
      <c r="Y5743" s="19"/>
      <c r="Z5743" s="19"/>
      <c r="AA5743" s="19"/>
    </row>
    <row r="5744" spans="1:27" s="1" customFormat="1" ht="11.1" customHeight="1" outlineLevel="2" x14ac:dyDescent="0.2">
      <c r="A5744" s="17">
        <v>15661</v>
      </c>
      <c r="B5744" s="17"/>
      <c r="C5744" s="17"/>
      <c r="D5744" s="18" t="s">
        <v>2855</v>
      </c>
      <c r="E5744" s="18"/>
      <c r="F5744" s="18"/>
      <c r="G5744" s="18"/>
      <c r="H5744" s="18"/>
      <c r="I5744" s="18"/>
      <c r="J5744" s="18"/>
      <c r="K5744" s="18"/>
      <c r="L5744" s="18"/>
      <c r="M5744" s="18"/>
      <c r="N5744" s="18"/>
      <c r="O5744" s="18"/>
      <c r="P5744" s="19">
        <v>250</v>
      </c>
      <c r="Q5744" s="19"/>
      <c r="R5744" s="19"/>
      <c r="S5744" s="19"/>
      <c r="T5744" s="19">
        <v>190</v>
      </c>
      <c r="U5744" s="19"/>
      <c r="V5744" s="19"/>
      <c r="W5744" s="19"/>
      <c r="X5744" s="19">
        <v>6</v>
      </c>
      <c r="Y5744" s="19"/>
      <c r="Z5744" s="19"/>
      <c r="AA5744" s="19"/>
    </row>
    <row r="5745" spans="1:27" s="1" customFormat="1" ht="11.1" customHeight="1" outlineLevel="2" x14ac:dyDescent="0.2">
      <c r="A5745" s="17"/>
      <c r="B5745" s="17"/>
      <c r="C5745" s="17"/>
      <c r="D5745" s="18"/>
      <c r="E5745" s="18"/>
      <c r="F5745" s="18"/>
      <c r="G5745" s="18"/>
      <c r="H5745" s="18"/>
      <c r="I5745" s="18"/>
      <c r="J5745" s="18"/>
      <c r="K5745" s="18"/>
      <c r="L5745" s="18"/>
      <c r="M5745" s="18"/>
      <c r="N5745" s="18"/>
      <c r="O5745" s="18"/>
      <c r="P5745" s="19"/>
      <c r="Q5745" s="19"/>
      <c r="R5745" s="19"/>
      <c r="S5745" s="19"/>
      <c r="T5745" s="19"/>
      <c r="U5745" s="19"/>
      <c r="V5745" s="19"/>
      <c r="W5745" s="19"/>
      <c r="X5745" s="19"/>
      <c r="Y5745" s="19"/>
      <c r="Z5745" s="19"/>
      <c r="AA5745" s="19"/>
    </row>
    <row r="5746" spans="1:27" s="1" customFormat="1" ht="11.1" customHeight="1" outlineLevel="2" x14ac:dyDescent="0.2">
      <c r="A5746" s="17">
        <v>15662</v>
      </c>
      <c r="B5746" s="17"/>
      <c r="C5746" s="17"/>
      <c r="D5746" s="18" t="s">
        <v>2856</v>
      </c>
      <c r="E5746" s="18"/>
      <c r="F5746" s="18"/>
      <c r="G5746" s="18"/>
      <c r="H5746" s="18"/>
      <c r="I5746" s="18"/>
      <c r="J5746" s="18"/>
      <c r="K5746" s="18"/>
      <c r="L5746" s="18"/>
      <c r="M5746" s="18"/>
      <c r="N5746" s="18"/>
      <c r="O5746" s="18"/>
      <c r="P5746" s="19">
        <v>250</v>
      </c>
      <c r="Q5746" s="19"/>
      <c r="R5746" s="19"/>
      <c r="S5746" s="19"/>
      <c r="T5746" s="19">
        <v>190</v>
      </c>
      <c r="U5746" s="19"/>
      <c r="V5746" s="19"/>
      <c r="W5746" s="19"/>
      <c r="X5746" s="19">
        <v>9</v>
      </c>
      <c r="Y5746" s="19"/>
      <c r="Z5746" s="19"/>
      <c r="AA5746" s="19"/>
    </row>
    <row r="5747" spans="1:27" s="1" customFormat="1" ht="11.1" customHeight="1" outlineLevel="2" x14ac:dyDescent="0.2">
      <c r="A5747" s="17"/>
      <c r="B5747" s="17"/>
      <c r="C5747" s="17"/>
      <c r="D5747" s="18"/>
      <c r="E5747" s="18"/>
      <c r="F5747" s="18"/>
      <c r="G5747" s="18"/>
      <c r="H5747" s="18"/>
      <c r="I5747" s="18"/>
      <c r="J5747" s="18"/>
      <c r="K5747" s="18"/>
      <c r="L5747" s="18"/>
      <c r="M5747" s="18"/>
      <c r="N5747" s="18"/>
      <c r="O5747" s="18"/>
      <c r="P5747" s="19"/>
      <c r="Q5747" s="19"/>
      <c r="R5747" s="19"/>
      <c r="S5747" s="19"/>
      <c r="T5747" s="19"/>
      <c r="U5747" s="19"/>
      <c r="V5747" s="19"/>
      <c r="W5747" s="19"/>
      <c r="X5747" s="19"/>
      <c r="Y5747" s="19"/>
      <c r="Z5747" s="19"/>
      <c r="AA5747" s="19"/>
    </row>
    <row r="5748" spans="1:27" s="1" customFormat="1" ht="11.1" customHeight="1" outlineLevel="2" x14ac:dyDescent="0.2">
      <c r="A5748" s="17">
        <v>15660</v>
      </c>
      <c r="B5748" s="17"/>
      <c r="C5748" s="17"/>
      <c r="D5748" s="18" t="s">
        <v>2857</v>
      </c>
      <c r="E5748" s="18"/>
      <c r="F5748" s="18"/>
      <c r="G5748" s="18"/>
      <c r="H5748" s="18"/>
      <c r="I5748" s="18"/>
      <c r="J5748" s="18"/>
      <c r="K5748" s="18"/>
      <c r="L5748" s="18"/>
      <c r="M5748" s="18"/>
      <c r="N5748" s="18"/>
      <c r="O5748" s="18"/>
      <c r="P5748" s="19">
        <v>250</v>
      </c>
      <c r="Q5748" s="19"/>
      <c r="R5748" s="19"/>
      <c r="S5748" s="19"/>
      <c r="T5748" s="19">
        <v>190</v>
      </c>
      <c r="U5748" s="19"/>
      <c r="V5748" s="19"/>
      <c r="W5748" s="19"/>
      <c r="X5748" s="19">
        <v>9</v>
      </c>
      <c r="Y5748" s="19"/>
      <c r="Z5748" s="19"/>
      <c r="AA5748" s="19"/>
    </row>
    <row r="5749" spans="1:27" s="1" customFormat="1" ht="11.1" customHeight="1" outlineLevel="2" x14ac:dyDescent="0.2">
      <c r="A5749" s="17"/>
      <c r="B5749" s="17"/>
      <c r="C5749" s="17"/>
      <c r="D5749" s="18"/>
      <c r="E5749" s="18"/>
      <c r="F5749" s="18"/>
      <c r="G5749" s="18"/>
      <c r="H5749" s="18"/>
      <c r="I5749" s="18"/>
      <c r="J5749" s="18"/>
      <c r="K5749" s="18"/>
      <c r="L5749" s="18"/>
      <c r="M5749" s="18"/>
      <c r="N5749" s="18"/>
      <c r="O5749" s="18"/>
      <c r="P5749" s="19"/>
      <c r="Q5749" s="19"/>
      <c r="R5749" s="19"/>
      <c r="S5749" s="19"/>
      <c r="T5749" s="19"/>
      <c r="U5749" s="19"/>
      <c r="V5749" s="19"/>
      <c r="W5749" s="19"/>
      <c r="X5749" s="19"/>
      <c r="Y5749" s="19"/>
      <c r="Z5749" s="19"/>
      <c r="AA5749" s="19"/>
    </row>
    <row r="5750" spans="1:27" s="1" customFormat="1" ht="11.1" customHeight="1" outlineLevel="2" x14ac:dyDescent="0.2">
      <c r="A5750" s="17">
        <v>8846</v>
      </c>
      <c r="B5750" s="17"/>
      <c r="C5750" s="17"/>
      <c r="D5750" s="18" t="s">
        <v>2858</v>
      </c>
      <c r="E5750" s="18"/>
      <c r="F5750" s="18"/>
      <c r="G5750" s="18"/>
      <c r="H5750" s="18"/>
      <c r="I5750" s="18"/>
      <c r="J5750" s="18"/>
      <c r="K5750" s="18"/>
      <c r="L5750" s="18"/>
      <c r="M5750" s="18"/>
      <c r="N5750" s="18"/>
      <c r="O5750" s="18"/>
      <c r="P5750" s="19">
        <v>550</v>
      </c>
      <c r="Q5750" s="19"/>
      <c r="R5750" s="19"/>
      <c r="S5750" s="19"/>
      <c r="T5750" s="19">
        <v>450</v>
      </c>
      <c r="U5750" s="19"/>
      <c r="V5750" s="19"/>
      <c r="W5750" s="19"/>
      <c r="X5750" s="19">
        <v>1</v>
      </c>
      <c r="Y5750" s="19"/>
      <c r="Z5750" s="19"/>
      <c r="AA5750" s="19"/>
    </row>
    <row r="5751" spans="1:27" s="1" customFormat="1" ht="11.1" customHeight="1" outlineLevel="2" x14ac:dyDescent="0.2">
      <c r="A5751" s="17"/>
      <c r="B5751" s="17"/>
      <c r="C5751" s="17"/>
      <c r="D5751" s="18"/>
      <c r="E5751" s="18"/>
      <c r="F5751" s="18"/>
      <c r="G5751" s="18"/>
      <c r="H5751" s="18"/>
      <c r="I5751" s="18"/>
      <c r="J5751" s="18"/>
      <c r="K5751" s="18"/>
      <c r="L5751" s="18"/>
      <c r="M5751" s="18"/>
      <c r="N5751" s="18"/>
      <c r="O5751" s="18"/>
      <c r="P5751" s="19"/>
      <c r="Q5751" s="19"/>
      <c r="R5751" s="19"/>
      <c r="S5751" s="19"/>
      <c r="T5751" s="19"/>
      <c r="U5751" s="19"/>
      <c r="V5751" s="19"/>
      <c r="W5751" s="19"/>
      <c r="X5751" s="19"/>
      <c r="Y5751" s="19"/>
      <c r="Z5751" s="19"/>
      <c r="AA5751" s="19"/>
    </row>
    <row r="5752" spans="1:27" s="1" customFormat="1" ht="11.1" customHeight="1" outlineLevel="2" x14ac:dyDescent="0.2">
      <c r="A5752" s="17">
        <v>17791</v>
      </c>
      <c r="B5752" s="17"/>
      <c r="C5752" s="17"/>
      <c r="D5752" s="18" t="s">
        <v>2859</v>
      </c>
      <c r="E5752" s="18"/>
      <c r="F5752" s="18"/>
      <c r="G5752" s="18"/>
      <c r="H5752" s="18"/>
      <c r="I5752" s="18"/>
      <c r="J5752" s="18"/>
      <c r="K5752" s="18"/>
      <c r="L5752" s="18"/>
      <c r="M5752" s="18"/>
      <c r="N5752" s="18"/>
      <c r="O5752" s="18"/>
      <c r="P5752" s="19">
        <v>450</v>
      </c>
      <c r="Q5752" s="19"/>
      <c r="R5752" s="19"/>
      <c r="S5752" s="19"/>
      <c r="T5752" s="19">
        <v>350</v>
      </c>
      <c r="U5752" s="19"/>
      <c r="V5752" s="19"/>
      <c r="W5752" s="19"/>
      <c r="X5752" s="19">
        <v>10</v>
      </c>
      <c r="Y5752" s="19"/>
      <c r="Z5752" s="19"/>
      <c r="AA5752" s="19"/>
    </row>
    <row r="5753" spans="1:27" s="1" customFormat="1" ht="11.1" customHeight="1" outlineLevel="2" x14ac:dyDescent="0.2">
      <c r="A5753" s="17"/>
      <c r="B5753" s="17"/>
      <c r="C5753" s="17"/>
      <c r="D5753" s="18"/>
      <c r="E5753" s="18"/>
      <c r="F5753" s="18"/>
      <c r="G5753" s="18"/>
      <c r="H5753" s="18"/>
      <c r="I5753" s="18"/>
      <c r="J5753" s="18"/>
      <c r="K5753" s="18"/>
      <c r="L5753" s="18"/>
      <c r="M5753" s="18"/>
      <c r="N5753" s="18"/>
      <c r="O5753" s="18"/>
      <c r="P5753" s="19"/>
      <c r="Q5753" s="19"/>
      <c r="R5753" s="19"/>
      <c r="S5753" s="19"/>
      <c r="T5753" s="19"/>
      <c r="U5753" s="19"/>
      <c r="V5753" s="19"/>
      <c r="W5753" s="19"/>
      <c r="X5753" s="19"/>
      <c r="Y5753" s="19"/>
      <c r="Z5753" s="19"/>
      <c r="AA5753" s="19"/>
    </row>
    <row r="5754" spans="1:27" s="1" customFormat="1" ht="11.1" customHeight="1" outlineLevel="2" x14ac:dyDescent="0.2">
      <c r="A5754" s="17">
        <v>17793</v>
      </c>
      <c r="B5754" s="17"/>
      <c r="C5754" s="17"/>
      <c r="D5754" s="18" t="s">
        <v>2860</v>
      </c>
      <c r="E5754" s="18"/>
      <c r="F5754" s="18"/>
      <c r="G5754" s="18"/>
      <c r="H5754" s="18"/>
      <c r="I5754" s="18"/>
      <c r="J5754" s="18"/>
      <c r="K5754" s="18"/>
      <c r="L5754" s="18"/>
      <c r="M5754" s="18"/>
      <c r="N5754" s="18"/>
      <c r="O5754" s="18"/>
      <c r="P5754" s="19">
        <v>450</v>
      </c>
      <c r="Q5754" s="19"/>
      <c r="R5754" s="19"/>
      <c r="S5754" s="19"/>
      <c r="T5754" s="19">
        <v>350</v>
      </c>
      <c r="U5754" s="19"/>
      <c r="V5754" s="19"/>
      <c r="W5754" s="19"/>
      <c r="X5754" s="19">
        <v>10</v>
      </c>
      <c r="Y5754" s="19"/>
      <c r="Z5754" s="19"/>
      <c r="AA5754" s="19"/>
    </row>
    <row r="5755" spans="1:27" s="1" customFormat="1" ht="11.1" customHeight="1" outlineLevel="2" x14ac:dyDescent="0.2">
      <c r="A5755" s="17"/>
      <c r="B5755" s="17"/>
      <c r="C5755" s="17"/>
      <c r="D5755" s="18"/>
      <c r="E5755" s="18"/>
      <c r="F5755" s="18"/>
      <c r="G5755" s="18"/>
      <c r="H5755" s="18"/>
      <c r="I5755" s="18"/>
      <c r="J5755" s="18"/>
      <c r="K5755" s="18"/>
      <c r="L5755" s="18"/>
      <c r="M5755" s="18"/>
      <c r="N5755" s="18"/>
      <c r="O5755" s="18"/>
      <c r="P5755" s="19"/>
      <c r="Q5755" s="19"/>
      <c r="R5755" s="19"/>
      <c r="S5755" s="19"/>
      <c r="T5755" s="19"/>
      <c r="U5755" s="19"/>
      <c r="V5755" s="19"/>
      <c r="W5755" s="19"/>
      <c r="X5755" s="19"/>
      <c r="Y5755" s="19"/>
      <c r="Z5755" s="19"/>
      <c r="AA5755" s="19"/>
    </row>
    <row r="5756" spans="1:27" s="1" customFormat="1" ht="11.1" customHeight="1" outlineLevel="2" x14ac:dyDescent="0.2">
      <c r="A5756" s="17">
        <v>17792</v>
      </c>
      <c r="B5756" s="17"/>
      <c r="C5756" s="17"/>
      <c r="D5756" s="18" t="s">
        <v>2861</v>
      </c>
      <c r="E5756" s="18"/>
      <c r="F5756" s="18"/>
      <c r="G5756" s="18"/>
      <c r="H5756" s="18"/>
      <c r="I5756" s="18"/>
      <c r="J5756" s="18"/>
      <c r="K5756" s="18"/>
      <c r="L5756" s="18"/>
      <c r="M5756" s="18"/>
      <c r="N5756" s="18"/>
      <c r="O5756" s="18"/>
      <c r="P5756" s="19">
        <v>450</v>
      </c>
      <c r="Q5756" s="19"/>
      <c r="R5756" s="19"/>
      <c r="S5756" s="19"/>
      <c r="T5756" s="19">
        <v>350</v>
      </c>
      <c r="U5756" s="19"/>
      <c r="V5756" s="19"/>
      <c r="W5756" s="19"/>
      <c r="X5756" s="19">
        <v>9</v>
      </c>
      <c r="Y5756" s="19"/>
      <c r="Z5756" s="19"/>
      <c r="AA5756" s="19"/>
    </row>
    <row r="5757" spans="1:27" s="1" customFormat="1" ht="11.1" customHeight="1" outlineLevel="2" x14ac:dyDescent="0.2">
      <c r="A5757" s="17"/>
      <c r="B5757" s="17"/>
      <c r="C5757" s="17"/>
      <c r="D5757" s="18"/>
      <c r="E5757" s="18"/>
      <c r="F5757" s="18"/>
      <c r="G5757" s="18"/>
      <c r="H5757" s="18"/>
      <c r="I5757" s="18"/>
      <c r="J5757" s="18"/>
      <c r="K5757" s="18"/>
      <c r="L5757" s="18"/>
      <c r="M5757" s="18"/>
      <c r="N5757" s="18"/>
      <c r="O5757" s="18"/>
      <c r="P5757" s="19"/>
      <c r="Q5757" s="19"/>
      <c r="R5757" s="19"/>
      <c r="S5757" s="19"/>
      <c r="T5757" s="19"/>
      <c r="U5757" s="19"/>
      <c r="V5757" s="19"/>
      <c r="W5757" s="19"/>
      <c r="X5757" s="19"/>
      <c r="Y5757" s="19"/>
      <c r="Z5757" s="19"/>
      <c r="AA5757" s="19"/>
    </row>
    <row r="5758" spans="1:27" s="1" customFormat="1" ht="11.1" customHeight="1" outlineLevel="2" x14ac:dyDescent="0.2">
      <c r="A5758" s="17">
        <v>17794</v>
      </c>
      <c r="B5758" s="17"/>
      <c r="C5758" s="17"/>
      <c r="D5758" s="18" t="s">
        <v>2862</v>
      </c>
      <c r="E5758" s="18"/>
      <c r="F5758" s="18"/>
      <c r="G5758" s="18"/>
      <c r="H5758" s="18"/>
      <c r="I5758" s="18"/>
      <c r="J5758" s="18"/>
      <c r="K5758" s="18"/>
      <c r="L5758" s="18"/>
      <c r="M5758" s="18"/>
      <c r="N5758" s="18"/>
      <c r="O5758" s="18"/>
      <c r="P5758" s="19">
        <v>450</v>
      </c>
      <c r="Q5758" s="19"/>
      <c r="R5758" s="19"/>
      <c r="S5758" s="19"/>
      <c r="T5758" s="19">
        <v>350</v>
      </c>
      <c r="U5758" s="19"/>
      <c r="V5758" s="19"/>
      <c r="W5758" s="19"/>
      <c r="X5758" s="19">
        <v>10</v>
      </c>
      <c r="Y5758" s="19"/>
      <c r="Z5758" s="19"/>
      <c r="AA5758" s="19"/>
    </row>
    <row r="5759" spans="1:27" s="1" customFormat="1" ht="11.1" customHeight="1" outlineLevel="2" x14ac:dyDescent="0.2">
      <c r="A5759" s="17"/>
      <c r="B5759" s="17"/>
      <c r="C5759" s="17"/>
      <c r="D5759" s="18"/>
      <c r="E5759" s="18"/>
      <c r="F5759" s="18"/>
      <c r="G5759" s="18"/>
      <c r="H5759" s="18"/>
      <c r="I5759" s="18"/>
      <c r="J5759" s="18"/>
      <c r="K5759" s="18"/>
      <c r="L5759" s="18"/>
      <c r="M5759" s="18"/>
      <c r="N5759" s="18"/>
      <c r="O5759" s="18"/>
      <c r="P5759" s="19"/>
      <c r="Q5759" s="19"/>
      <c r="R5759" s="19"/>
      <c r="S5759" s="19"/>
      <c r="T5759" s="19"/>
      <c r="U5759" s="19"/>
      <c r="V5759" s="19"/>
      <c r="W5759" s="19"/>
      <c r="X5759" s="19"/>
      <c r="Y5759" s="19"/>
      <c r="Z5759" s="19"/>
      <c r="AA5759" s="19"/>
    </row>
    <row r="5760" spans="1:27" s="1" customFormat="1" ht="11.1" customHeight="1" outlineLevel="2" x14ac:dyDescent="0.2">
      <c r="A5760" s="17">
        <v>17256</v>
      </c>
      <c r="B5760" s="17"/>
      <c r="C5760" s="17"/>
      <c r="D5760" s="18" t="s">
        <v>2863</v>
      </c>
      <c r="E5760" s="18"/>
      <c r="F5760" s="18"/>
      <c r="G5760" s="18"/>
      <c r="H5760" s="18"/>
      <c r="I5760" s="18"/>
      <c r="J5760" s="18"/>
      <c r="K5760" s="18"/>
      <c r="L5760" s="18"/>
      <c r="M5760" s="18"/>
      <c r="N5760" s="18"/>
      <c r="O5760" s="18"/>
      <c r="P5760" s="19">
        <v>290</v>
      </c>
      <c r="Q5760" s="19"/>
      <c r="R5760" s="19"/>
      <c r="S5760" s="19"/>
      <c r="T5760" s="19">
        <v>220</v>
      </c>
      <c r="U5760" s="19"/>
      <c r="V5760" s="19"/>
      <c r="W5760" s="19"/>
      <c r="X5760" s="19">
        <v>4</v>
      </c>
      <c r="Y5760" s="19"/>
      <c r="Z5760" s="19"/>
      <c r="AA5760" s="19"/>
    </row>
    <row r="5761" spans="1:27" s="1" customFormat="1" ht="11.1" customHeight="1" outlineLevel="2" x14ac:dyDescent="0.2">
      <c r="A5761" s="17"/>
      <c r="B5761" s="17"/>
      <c r="C5761" s="17"/>
      <c r="D5761" s="18"/>
      <c r="E5761" s="18"/>
      <c r="F5761" s="18"/>
      <c r="G5761" s="18"/>
      <c r="H5761" s="18"/>
      <c r="I5761" s="18"/>
      <c r="J5761" s="18"/>
      <c r="K5761" s="18"/>
      <c r="L5761" s="18"/>
      <c r="M5761" s="18"/>
      <c r="N5761" s="18"/>
      <c r="O5761" s="18"/>
      <c r="P5761" s="19"/>
      <c r="Q5761" s="19"/>
      <c r="R5761" s="19"/>
      <c r="S5761" s="19"/>
      <c r="T5761" s="19"/>
      <c r="U5761" s="19"/>
      <c r="V5761" s="19"/>
      <c r="W5761" s="19"/>
      <c r="X5761" s="19"/>
      <c r="Y5761" s="19"/>
      <c r="Z5761" s="19"/>
      <c r="AA5761" s="19"/>
    </row>
    <row r="5762" spans="1:27" s="1" customFormat="1" ht="14.1" customHeight="1" outlineLevel="2" x14ac:dyDescent="0.2">
      <c r="A5762" s="17">
        <v>15664</v>
      </c>
      <c r="B5762" s="17"/>
      <c r="C5762" s="17"/>
      <c r="D5762" s="18" t="s">
        <v>2864</v>
      </c>
      <c r="E5762" s="18"/>
      <c r="F5762" s="18"/>
      <c r="G5762" s="18"/>
      <c r="H5762" s="18"/>
      <c r="I5762" s="18"/>
      <c r="J5762" s="18"/>
      <c r="K5762" s="18"/>
      <c r="L5762" s="18"/>
      <c r="M5762" s="18"/>
      <c r="N5762" s="18"/>
      <c r="O5762" s="18"/>
      <c r="P5762" s="19">
        <v>290</v>
      </c>
      <c r="Q5762" s="19"/>
      <c r="R5762" s="19"/>
      <c r="S5762" s="19"/>
      <c r="T5762" s="19">
        <v>220</v>
      </c>
      <c r="U5762" s="19"/>
      <c r="V5762" s="19"/>
      <c r="W5762" s="19"/>
      <c r="X5762" s="19">
        <v>11</v>
      </c>
      <c r="Y5762" s="19"/>
      <c r="Z5762" s="19"/>
      <c r="AA5762" s="19"/>
    </row>
    <row r="5763" spans="1:27" s="1" customFormat="1" ht="14.1" customHeight="1" outlineLevel="2" x14ac:dyDescent="0.2">
      <c r="A5763" s="17"/>
      <c r="B5763" s="17"/>
      <c r="C5763" s="17"/>
      <c r="D5763" s="18"/>
      <c r="E5763" s="18"/>
      <c r="F5763" s="18"/>
      <c r="G5763" s="18"/>
      <c r="H5763" s="18"/>
      <c r="I5763" s="18"/>
      <c r="J5763" s="18"/>
      <c r="K5763" s="18"/>
      <c r="L5763" s="18"/>
      <c r="M5763" s="18"/>
      <c r="N5763" s="18"/>
      <c r="O5763" s="18"/>
      <c r="P5763" s="19"/>
      <c r="Q5763" s="19"/>
      <c r="R5763" s="19"/>
      <c r="S5763" s="19"/>
      <c r="T5763" s="19"/>
      <c r="U5763" s="19"/>
      <c r="V5763" s="19"/>
      <c r="W5763" s="19"/>
      <c r="X5763" s="19"/>
      <c r="Y5763" s="19"/>
      <c r="Z5763" s="19"/>
      <c r="AA5763" s="19"/>
    </row>
    <row r="5764" spans="1:27" s="1" customFormat="1" ht="14.1" customHeight="1" outlineLevel="2" x14ac:dyDescent="0.2">
      <c r="A5764" s="17">
        <v>17257</v>
      </c>
      <c r="B5764" s="17"/>
      <c r="C5764" s="17"/>
      <c r="D5764" s="18" t="s">
        <v>2865</v>
      </c>
      <c r="E5764" s="18"/>
      <c r="F5764" s="18"/>
      <c r="G5764" s="18"/>
      <c r="H5764" s="18"/>
      <c r="I5764" s="18"/>
      <c r="J5764" s="18"/>
      <c r="K5764" s="18"/>
      <c r="L5764" s="18"/>
      <c r="M5764" s="18"/>
      <c r="N5764" s="18"/>
      <c r="O5764" s="18"/>
      <c r="P5764" s="19">
        <v>290</v>
      </c>
      <c r="Q5764" s="19"/>
      <c r="R5764" s="19"/>
      <c r="S5764" s="19"/>
      <c r="T5764" s="19">
        <v>220</v>
      </c>
      <c r="U5764" s="19"/>
      <c r="V5764" s="19"/>
      <c r="W5764" s="19"/>
      <c r="X5764" s="19">
        <v>5</v>
      </c>
      <c r="Y5764" s="19"/>
      <c r="Z5764" s="19"/>
      <c r="AA5764" s="19"/>
    </row>
    <row r="5765" spans="1:27" s="1" customFormat="1" ht="14.1" customHeight="1" outlineLevel="2" x14ac:dyDescent="0.2">
      <c r="A5765" s="17"/>
      <c r="B5765" s="17"/>
      <c r="C5765" s="17"/>
      <c r="D5765" s="18"/>
      <c r="E5765" s="18"/>
      <c r="F5765" s="18"/>
      <c r="G5765" s="18"/>
      <c r="H5765" s="18"/>
      <c r="I5765" s="18"/>
      <c r="J5765" s="18"/>
      <c r="K5765" s="18"/>
      <c r="L5765" s="18"/>
      <c r="M5765" s="18"/>
      <c r="N5765" s="18"/>
      <c r="O5765" s="18"/>
      <c r="P5765" s="19"/>
      <c r="Q5765" s="19"/>
      <c r="R5765" s="19"/>
      <c r="S5765" s="19"/>
      <c r="T5765" s="19"/>
      <c r="U5765" s="19"/>
      <c r="V5765" s="19"/>
      <c r="W5765" s="19"/>
      <c r="X5765" s="19"/>
      <c r="Y5765" s="19"/>
      <c r="Z5765" s="19"/>
      <c r="AA5765" s="19"/>
    </row>
    <row r="5766" spans="1:27" s="1" customFormat="1" ht="11.1" customHeight="1" outlineLevel="2" x14ac:dyDescent="0.2">
      <c r="A5766" s="17">
        <v>17258</v>
      </c>
      <c r="B5766" s="17"/>
      <c r="C5766" s="17"/>
      <c r="D5766" s="18" t="s">
        <v>2866</v>
      </c>
      <c r="E5766" s="18"/>
      <c r="F5766" s="18"/>
      <c r="G5766" s="18"/>
      <c r="H5766" s="18"/>
      <c r="I5766" s="18"/>
      <c r="J5766" s="18"/>
      <c r="K5766" s="18"/>
      <c r="L5766" s="18"/>
      <c r="M5766" s="18"/>
      <c r="N5766" s="18"/>
      <c r="O5766" s="18"/>
      <c r="P5766" s="19">
        <v>290</v>
      </c>
      <c r="Q5766" s="19"/>
      <c r="R5766" s="19"/>
      <c r="S5766" s="19"/>
      <c r="T5766" s="19">
        <v>220</v>
      </c>
      <c r="U5766" s="19"/>
      <c r="V5766" s="19"/>
      <c r="W5766" s="19"/>
      <c r="X5766" s="19">
        <v>4</v>
      </c>
      <c r="Y5766" s="19"/>
      <c r="Z5766" s="19"/>
      <c r="AA5766" s="19"/>
    </row>
    <row r="5767" spans="1:27" s="1" customFormat="1" ht="11.1" customHeight="1" outlineLevel="2" x14ac:dyDescent="0.2">
      <c r="A5767" s="17"/>
      <c r="B5767" s="17"/>
      <c r="C5767" s="17"/>
      <c r="D5767" s="18"/>
      <c r="E5767" s="18"/>
      <c r="F5767" s="18"/>
      <c r="G5767" s="18"/>
      <c r="H5767" s="18"/>
      <c r="I5767" s="18"/>
      <c r="J5767" s="18"/>
      <c r="K5767" s="18"/>
      <c r="L5767" s="18"/>
      <c r="M5767" s="18"/>
      <c r="N5767" s="18"/>
      <c r="O5767" s="18"/>
      <c r="P5767" s="19"/>
      <c r="Q5767" s="19"/>
      <c r="R5767" s="19"/>
      <c r="S5767" s="19"/>
      <c r="T5767" s="19"/>
      <c r="U5767" s="19"/>
      <c r="V5767" s="19"/>
      <c r="W5767" s="19"/>
      <c r="X5767" s="19"/>
      <c r="Y5767" s="19"/>
      <c r="Z5767" s="19"/>
      <c r="AA5767" s="19"/>
    </row>
    <row r="5768" spans="1:27" s="1" customFormat="1" ht="11.1" customHeight="1" outlineLevel="2" x14ac:dyDescent="0.2">
      <c r="A5768" s="17">
        <v>15663</v>
      </c>
      <c r="B5768" s="17"/>
      <c r="C5768" s="17"/>
      <c r="D5768" s="18" t="s">
        <v>2867</v>
      </c>
      <c r="E5768" s="18"/>
      <c r="F5768" s="18"/>
      <c r="G5768" s="18"/>
      <c r="H5768" s="18"/>
      <c r="I5768" s="18"/>
      <c r="J5768" s="18"/>
      <c r="K5768" s="18"/>
      <c r="L5768" s="18"/>
      <c r="M5768" s="18"/>
      <c r="N5768" s="18"/>
      <c r="O5768" s="18"/>
      <c r="P5768" s="19">
        <v>290</v>
      </c>
      <c r="Q5768" s="19"/>
      <c r="R5768" s="19"/>
      <c r="S5768" s="19"/>
      <c r="T5768" s="19">
        <v>220</v>
      </c>
      <c r="U5768" s="19"/>
      <c r="V5768" s="19"/>
      <c r="W5768" s="19"/>
      <c r="X5768" s="19">
        <v>6</v>
      </c>
      <c r="Y5768" s="19"/>
      <c r="Z5768" s="19"/>
      <c r="AA5768" s="19"/>
    </row>
    <row r="5769" spans="1:27" s="1" customFormat="1" ht="11.1" customHeight="1" outlineLevel="2" x14ac:dyDescent="0.2">
      <c r="A5769" s="17"/>
      <c r="B5769" s="17"/>
      <c r="C5769" s="17"/>
      <c r="D5769" s="18"/>
      <c r="E5769" s="18"/>
      <c r="F5769" s="18"/>
      <c r="G5769" s="18"/>
      <c r="H5769" s="18"/>
      <c r="I5769" s="18"/>
      <c r="J5769" s="18"/>
      <c r="K5769" s="18"/>
      <c r="L5769" s="18"/>
      <c r="M5769" s="18"/>
      <c r="N5769" s="18"/>
      <c r="O5769" s="18"/>
      <c r="P5769" s="19"/>
      <c r="Q5769" s="19"/>
      <c r="R5769" s="19"/>
      <c r="S5769" s="19"/>
      <c r="T5769" s="19"/>
      <c r="U5769" s="19"/>
      <c r="V5769" s="19"/>
      <c r="W5769" s="19"/>
      <c r="X5769" s="19"/>
      <c r="Y5769" s="19"/>
      <c r="Z5769" s="19"/>
      <c r="AA5769" s="19"/>
    </row>
    <row r="5770" spans="1:27" s="1" customFormat="1" ht="14.1" customHeight="1" outlineLevel="2" x14ac:dyDescent="0.2">
      <c r="A5770" s="17">
        <v>14800</v>
      </c>
      <c r="B5770" s="17"/>
      <c r="C5770" s="17"/>
      <c r="D5770" s="18" t="s">
        <v>2868</v>
      </c>
      <c r="E5770" s="18"/>
      <c r="F5770" s="18"/>
      <c r="G5770" s="18"/>
      <c r="H5770" s="18"/>
      <c r="I5770" s="18"/>
      <c r="J5770" s="18"/>
      <c r="K5770" s="18"/>
      <c r="L5770" s="18"/>
      <c r="M5770" s="18"/>
      <c r="N5770" s="18"/>
      <c r="O5770" s="18"/>
      <c r="P5770" s="19">
        <v>230</v>
      </c>
      <c r="Q5770" s="19"/>
      <c r="R5770" s="19"/>
      <c r="S5770" s="19"/>
      <c r="T5770" s="19">
        <v>170</v>
      </c>
      <c r="U5770" s="19"/>
      <c r="V5770" s="19"/>
      <c r="W5770" s="19"/>
      <c r="X5770" s="19">
        <v>10</v>
      </c>
      <c r="Y5770" s="19"/>
      <c r="Z5770" s="19"/>
      <c r="AA5770" s="19"/>
    </row>
    <row r="5771" spans="1:27" s="1" customFormat="1" ht="14.1" customHeight="1" outlineLevel="2" x14ac:dyDescent="0.2">
      <c r="A5771" s="17"/>
      <c r="B5771" s="17"/>
      <c r="C5771" s="17"/>
      <c r="D5771" s="18"/>
      <c r="E5771" s="18"/>
      <c r="F5771" s="18"/>
      <c r="G5771" s="18"/>
      <c r="H5771" s="18"/>
      <c r="I5771" s="18"/>
      <c r="J5771" s="18"/>
      <c r="K5771" s="18"/>
      <c r="L5771" s="18"/>
      <c r="M5771" s="18"/>
      <c r="N5771" s="18"/>
      <c r="O5771" s="18"/>
      <c r="P5771" s="19"/>
      <c r="Q5771" s="19"/>
      <c r="R5771" s="19"/>
      <c r="S5771" s="19"/>
      <c r="T5771" s="19"/>
      <c r="U5771" s="19"/>
      <c r="V5771" s="19"/>
      <c r="W5771" s="19"/>
      <c r="X5771" s="19"/>
      <c r="Y5771" s="19"/>
      <c r="Z5771" s="19"/>
      <c r="AA5771" s="19"/>
    </row>
    <row r="5772" spans="1:27" s="1" customFormat="1" ht="14.1" customHeight="1" outlineLevel="2" x14ac:dyDescent="0.2">
      <c r="A5772" s="17">
        <v>18044</v>
      </c>
      <c r="B5772" s="17"/>
      <c r="C5772" s="17"/>
      <c r="D5772" s="18" t="s">
        <v>2869</v>
      </c>
      <c r="E5772" s="18"/>
      <c r="F5772" s="18"/>
      <c r="G5772" s="18"/>
      <c r="H5772" s="18"/>
      <c r="I5772" s="18"/>
      <c r="J5772" s="18"/>
      <c r="K5772" s="18"/>
      <c r="L5772" s="18"/>
      <c r="M5772" s="18"/>
      <c r="N5772" s="18"/>
      <c r="O5772" s="18"/>
      <c r="P5772" s="19">
        <v>650</v>
      </c>
      <c r="Q5772" s="19"/>
      <c r="R5772" s="19"/>
      <c r="S5772" s="19"/>
      <c r="T5772" s="19">
        <v>500</v>
      </c>
      <c r="U5772" s="19"/>
      <c r="V5772" s="19"/>
      <c r="W5772" s="19"/>
      <c r="X5772" s="19">
        <v>1</v>
      </c>
      <c r="Y5772" s="19"/>
      <c r="Z5772" s="19"/>
      <c r="AA5772" s="19"/>
    </row>
    <row r="5773" spans="1:27" s="1" customFormat="1" ht="14.1" customHeight="1" outlineLevel="2" x14ac:dyDescent="0.2">
      <c r="A5773" s="17"/>
      <c r="B5773" s="17"/>
      <c r="C5773" s="17"/>
      <c r="D5773" s="18"/>
      <c r="E5773" s="18"/>
      <c r="F5773" s="18"/>
      <c r="G5773" s="18"/>
      <c r="H5773" s="18"/>
      <c r="I5773" s="18"/>
      <c r="J5773" s="18"/>
      <c r="K5773" s="18"/>
      <c r="L5773" s="18"/>
      <c r="M5773" s="18"/>
      <c r="N5773" s="18"/>
      <c r="O5773" s="18"/>
      <c r="P5773" s="19"/>
      <c r="Q5773" s="19"/>
      <c r="R5773" s="19"/>
      <c r="S5773" s="19"/>
      <c r="T5773" s="19"/>
      <c r="U5773" s="19"/>
      <c r="V5773" s="19"/>
      <c r="W5773" s="19"/>
      <c r="X5773" s="19"/>
      <c r="Y5773" s="19"/>
      <c r="Z5773" s="19"/>
      <c r="AA5773" s="19"/>
    </row>
    <row r="5774" spans="1:27" s="1" customFormat="1" ht="11.1" customHeight="1" outlineLevel="2" x14ac:dyDescent="0.2">
      <c r="A5774" s="17">
        <v>13010</v>
      </c>
      <c r="B5774" s="17"/>
      <c r="C5774" s="17"/>
      <c r="D5774" s="18" t="s">
        <v>2870</v>
      </c>
      <c r="E5774" s="18"/>
      <c r="F5774" s="18"/>
      <c r="G5774" s="18"/>
      <c r="H5774" s="18"/>
      <c r="I5774" s="18"/>
      <c r="J5774" s="18"/>
      <c r="K5774" s="18"/>
      <c r="L5774" s="18"/>
      <c r="M5774" s="18"/>
      <c r="N5774" s="18"/>
      <c r="O5774" s="18"/>
      <c r="P5774" s="19">
        <v>400</v>
      </c>
      <c r="Q5774" s="19"/>
      <c r="R5774" s="19"/>
      <c r="S5774" s="19"/>
      <c r="T5774" s="19">
        <v>350</v>
      </c>
      <c r="U5774" s="19"/>
      <c r="V5774" s="19"/>
      <c r="W5774" s="19"/>
      <c r="X5774" s="19">
        <v>1</v>
      </c>
      <c r="Y5774" s="19"/>
      <c r="Z5774" s="19"/>
      <c r="AA5774" s="19"/>
    </row>
    <row r="5775" spans="1:27" s="1" customFormat="1" ht="11.1" customHeight="1" outlineLevel="2" x14ac:dyDescent="0.2">
      <c r="A5775" s="17"/>
      <c r="B5775" s="17"/>
      <c r="C5775" s="17"/>
      <c r="D5775" s="18"/>
      <c r="E5775" s="18"/>
      <c r="F5775" s="18"/>
      <c r="G5775" s="18"/>
      <c r="H5775" s="18"/>
      <c r="I5775" s="18"/>
      <c r="J5775" s="18"/>
      <c r="K5775" s="18"/>
      <c r="L5775" s="18"/>
      <c r="M5775" s="18"/>
      <c r="N5775" s="18"/>
      <c r="O5775" s="18"/>
      <c r="P5775" s="19"/>
      <c r="Q5775" s="19"/>
      <c r="R5775" s="19"/>
      <c r="S5775" s="19"/>
      <c r="T5775" s="19"/>
      <c r="U5775" s="19"/>
      <c r="V5775" s="19"/>
      <c r="W5775" s="19"/>
      <c r="X5775" s="19"/>
      <c r="Y5775" s="19"/>
      <c r="Z5775" s="19"/>
      <c r="AA5775" s="19"/>
    </row>
    <row r="5776" spans="1:27" s="1" customFormat="1" ht="11.1" customHeight="1" outlineLevel="2" x14ac:dyDescent="0.2">
      <c r="A5776" s="17">
        <v>9588</v>
      </c>
      <c r="B5776" s="17"/>
      <c r="C5776" s="17"/>
      <c r="D5776" s="18" t="s">
        <v>2871</v>
      </c>
      <c r="E5776" s="18"/>
      <c r="F5776" s="18"/>
      <c r="G5776" s="18"/>
      <c r="H5776" s="18"/>
      <c r="I5776" s="18"/>
      <c r="J5776" s="18"/>
      <c r="K5776" s="18"/>
      <c r="L5776" s="18"/>
      <c r="M5776" s="18"/>
      <c r="N5776" s="18"/>
      <c r="O5776" s="18"/>
      <c r="P5776" s="19">
        <v>490</v>
      </c>
      <c r="Q5776" s="19"/>
      <c r="R5776" s="19"/>
      <c r="S5776" s="19"/>
      <c r="T5776" s="19">
        <v>442</v>
      </c>
      <c r="U5776" s="19"/>
      <c r="V5776" s="19"/>
      <c r="W5776" s="19"/>
      <c r="X5776" s="19">
        <v>1</v>
      </c>
      <c r="Y5776" s="19"/>
      <c r="Z5776" s="19"/>
      <c r="AA5776" s="19"/>
    </row>
    <row r="5777" spans="1:27" s="1" customFormat="1" ht="11.1" customHeight="1" outlineLevel="2" x14ac:dyDescent="0.2">
      <c r="A5777" s="17"/>
      <c r="B5777" s="17"/>
      <c r="C5777" s="17"/>
      <c r="D5777" s="18"/>
      <c r="E5777" s="18"/>
      <c r="F5777" s="18"/>
      <c r="G5777" s="18"/>
      <c r="H5777" s="18"/>
      <c r="I5777" s="18"/>
      <c r="J5777" s="18"/>
      <c r="K5777" s="18"/>
      <c r="L5777" s="18"/>
      <c r="M5777" s="18"/>
      <c r="N5777" s="18"/>
      <c r="O5777" s="18"/>
      <c r="P5777" s="19"/>
      <c r="Q5777" s="19"/>
      <c r="R5777" s="19"/>
      <c r="S5777" s="19"/>
      <c r="T5777" s="19"/>
      <c r="U5777" s="19"/>
      <c r="V5777" s="19"/>
      <c r="W5777" s="19"/>
      <c r="X5777" s="19"/>
      <c r="Y5777" s="19"/>
      <c r="Z5777" s="19"/>
      <c r="AA5777" s="19"/>
    </row>
    <row r="5778" spans="1:27" s="1" customFormat="1" ht="14.1" customHeight="1" outlineLevel="2" x14ac:dyDescent="0.2">
      <c r="A5778" s="17">
        <v>9205</v>
      </c>
      <c r="B5778" s="17"/>
      <c r="C5778" s="17"/>
      <c r="D5778" s="18" t="s">
        <v>2872</v>
      </c>
      <c r="E5778" s="18"/>
      <c r="F5778" s="18"/>
      <c r="G5778" s="18"/>
      <c r="H5778" s="18"/>
      <c r="I5778" s="18"/>
      <c r="J5778" s="18"/>
      <c r="K5778" s="18"/>
      <c r="L5778" s="18"/>
      <c r="M5778" s="18"/>
      <c r="N5778" s="18"/>
      <c r="O5778" s="18"/>
      <c r="P5778" s="19">
        <v>510</v>
      </c>
      <c r="Q5778" s="19"/>
      <c r="R5778" s="19"/>
      <c r="S5778" s="19"/>
      <c r="T5778" s="19">
        <v>410</v>
      </c>
      <c r="U5778" s="19"/>
      <c r="V5778" s="19"/>
      <c r="W5778" s="19"/>
      <c r="X5778" s="19">
        <v>1</v>
      </c>
      <c r="Y5778" s="19"/>
      <c r="Z5778" s="19"/>
      <c r="AA5778" s="19"/>
    </row>
    <row r="5779" spans="1:27" s="1" customFormat="1" ht="14.1" customHeight="1" outlineLevel="2" x14ac:dyDescent="0.2">
      <c r="A5779" s="17"/>
      <c r="B5779" s="17"/>
      <c r="C5779" s="17"/>
      <c r="D5779" s="18"/>
      <c r="E5779" s="18"/>
      <c r="F5779" s="18"/>
      <c r="G5779" s="18"/>
      <c r="H5779" s="18"/>
      <c r="I5779" s="18"/>
      <c r="J5779" s="18"/>
      <c r="K5779" s="18"/>
      <c r="L5779" s="18"/>
      <c r="M5779" s="18"/>
      <c r="N5779" s="18"/>
      <c r="O5779" s="18"/>
      <c r="P5779" s="19"/>
      <c r="Q5779" s="19"/>
      <c r="R5779" s="19"/>
      <c r="S5779" s="19"/>
      <c r="T5779" s="19"/>
      <c r="U5779" s="19"/>
      <c r="V5779" s="19"/>
      <c r="W5779" s="19"/>
      <c r="X5779" s="19"/>
      <c r="Y5779" s="19"/>
      <c r="Z5779" s="19"/>
      <c r="AA5779" s="19"/>
    </row>
    <row r="5780" spans="1:27" s="1" customFormat="1" ht="14.1" customHeight="1" outlineLevel="2" x14ac:dyDescent="0.2">
      <c r="A5780" s="17">
        <v>16707</v>
      </c>
      <c r="B5780" s="17"/>
      <c r="C5780" s="17"/>
      <c r="D5780" s="18" t="s">
        <v>2873</v>
      </c>
      <c r="E5780" s="18"/>
      <c r="F5780" s="18"/>
      <c r="G5780" s="18"/>
      <c r="H5780" s="18"/>
      <c r="I5780" s="18"/>
      <c r="J5780" s="18"/>
      <c r="K5780" s="18"/>
      <c r="L5780" s="18"/>
      <c r="M5780" s="18"/>
      <c r="N5780" s="18"/>
      <c r="O5780" s="18"/>
      <c r="P5780" s="19">
        <v>250</v>
      </c>
      <c r="Q5780" s="19"/>
      <c r="R5780" s="19"/>
      <c r="S5780" s="19"/>
      <c r="T5780" s="19">
        <v>200</v>
      </c>
      <c r="U5780" s="19"/>
      <c r="V5780" s="19"/>
      <c r="W5780" s="19"/>
      <c r="X5780" s="19">
        <v>1</v>
      </c>
      <c r="Y5780" s="19"/>
      <c r="Z5780" s="19"/>
      <c r="AA5780" s="19"/>
    </row>
    <row r="5781" spans="1:27" s="1" customFormat="1" ht="14.1" customHeight="1" outlineLevel="2" x14ac:dyDescent="0.2">
      <c r="A5781" s="17"/>
      <c r="B5781" s="17"/>
      <c r="C5781" s="17"/>
      <c r="D5781" s="18"/>
      <c r="E5781" s="18"/>
      <c r="F5781" s="18"/>
      <c r="G5781" s="18"/>
      <c r="H5781" s="18"/>
      <c r="I5781" s="18"/>
      <c r="J5781" s="18"/>
      <c r="K5781" s="18"/>
      <c r="L5781" s="18"/>
      <c r="M5781" s="18"/>
      <c r="N5781" s="18"/>
      <c r="O5781" s="18"/>
      <c r="P5781" s="19"/>
      <c r="Q5781" s="19"/>
      <c r="R5781" s="19"/>
      <c r="S5781" s="19"/>
      <c r="T5781" s="19"/>
      <c r="U5781" s="19"/>
      <c r="V5781" s="19"/>
      <c r="W5781" s="19"/>
      <c r="X5781" s="19"/>
      <c r="Y5781" s="19"/>
      <c r="Z5781" s="19"/>
      <c r="AA5781" s="19"/>
    </row>
    <row r="5782" spans="1:27" s="1" customFormat="1" ht="11.1" customHeight="1" outlineLevel="2" x14ac:dyDescent="0.2">
      <c r="A5782" s="17">
        <v>8904</v>
      </c>
      <c r="B5782" s="17"/>
      <c r="C5782" s="17"/>
      <c r="D5782" s="18" t="s">
        <v>2874</v>
      </c>
      <c r="E5782" s="18"/>
      <c r="F5782" s="18"/>
      <c r="G5782" s="18"/>
      <c r="H5782" s="18"/>
      <c r="I5782" s="18"/>
      <c r="J5782" s="18"/>
      <c r="K5782" s="18"/>
      <c r="L5782" s="18"/>
      <c r="M5782" s="18"/>
      <c r="N5782" s="18"/>
      <c r="O5782" s="18"/>
      <c r="P5782" s="19">
        <v>390</v>
      </c>
      <c r="Q5782" s="19"/>
      <c r="R5782" s="19"/>
      <c r="S5782" s="19"/>
      <c r="T5782" s="19">
        <v>290</v>
      </c>
      <c r="U5782" s="19"/>
      <c r="V5782" s="19"/>
      <c r="W5782" s="19"/>
      <c r="X5782" s="19">
        <v>2</v>
      </c>
      <c r="Y5782" s="19"/>
      <c r="Z5782" s="19"/>
      <c r="AA5782" s="19"/>
    </row>
    <row r="5783" spans="1:27" s="1" customFormat="1" ht="11.1" customHeight="1" outlineLevel="2" x14ac:dyDescent="0.2">
      <c r="A5783" s="17"/>
      <c r="B5783" s="17"/>
      <c r="C5783" s="17"/>
      <c r="D5783" s="18"/>
      <c r="E5783" s="18"/>
      <c r="F5783" s="18"/>
      <c r="G5783" s="18"/>
      <c r="H5783" s="18"/>
      <c r="I5783" s="18"/>
      <c r="J5783" s="18"/>
      <c r="K5783" s="18"/>
      <c r="L5783" s="18"/>
      <c r="M5783" s="18"/>
      <c r="N5783" s="18"/>
      <c r="O5783" s="18"/>
      <c r="P5783" s="19"/>
      <c r="Q5783" s="19"/>
      <c r="R5783" s="19"/>
      <c r="S5783" s="19"/>
      <c r="T5783" s="19"/>
      <c r="U5783" s="19"/>
      <c r="V5783" s="19"/>
      <c r="W5783" s="19"/>
      <c r="X5783" s="19"/>
      <c r="Y5783" s="19"/>
      <c r="Z5783" s="19"/>
      <c r="AA5783" s="19"/>
    </row>
    <row r="5784" spans="1:27" s="1" customFormat="1" ht="11.1" customHeight="1" outlineLevel="2" x14ac:dyDescent="0.2">
      <c r="A5784" s="17">
        <v>10057</v>
      </c>
      <c r="B5784" s="17"/>
      <c r="C5784" s="17"/>
      <c r="D5784" s="18" t="s">
        <v>2875</v>
      </c>
      <c r="E5784" s="18"/>
      <c r="F5784" s="18"/>
      <c r="G5784" s="18"/>
      <c r="H5784" s="18"/>
      <c r="I5784" s="18"/>
      <c r="J5784" s="18"/>
      <c r="K5784" s="18"/>
      <c r="L5784" s="18"/>
      <c r="M5784" s="18"/>
      <c r="N5784" s="18"/>
      <c r="O5784" s="18"/>
      <c r="P5784" s="19">
        <v>230</v>
      </c>
      <c r="Q5784" s="19"/>
      <c r="R5784" s="19"/>
      <c r="S5784" s="19"/>
      <c r="T5784" s="19">
        <v>180</v>
      </c>
      <c r="U5784" s="19"/>
      <c r="V5784" s="19"/>
      <c r="W5784" s="19"/>
      <c r="X5784" s="19">
        <v>9</v>
      </c>
      <c r="Y5784" s="19"/>
      <c r="Z5784" s="19"/>
      <c r="AA5784" s="19"/>
    </row>
    <row r="5785" spans="1:27" s="1" customFormat="1" ht="11.1" customHeight="1" outlineLevel="2" x14ac:dyDescent="0.2">
      <c r="A5785" s="17"/>
      <c r="B5785" s="17"/>
      <c r="C5785" s="17"/>
      <c r="D5785" s="18"/>
      <c r="E5785" s="18"/>
      <c r="F5785" s="18"/>
      <c r="G5785" s="18"/>
      <c r="H5785" s="18"/>
      <c r="I5785" s="18"/>
      <c r="J5785" s="18"/>
      <c r="K5785" s="18"/>
      <c r="L5785" s="18"/>
      <c r="M5785" s="18"/>
      <c r="N5785" s="18"/>
      <c r="O5785" s="18"/>
      <c r="P5785" s="19"/>
      <c r="Q5785" s="19"/>
      <c r="R5785" s="19"/>
      <c r="S5785" s="19"/>
      <c r="T5785" s="19"/>
      <c r="U5785" s="19"/>
      <c r="V5785" s="19"/>
      <c r="W5785" s="19"/>
      <c r="X5785" s="19"/>
      <c r="Y5785" s="19"/>
      <c r="Z5785" s="19"/>
      <c r="AA5785" s="19"/>
    </row>
    <row r="5786" spans="1:27" s="1" customFormat="1" ht="11.1" customHeight="1" outlineLevel="2" x14ac:dyDescent="0.2">
      <c r="A5786" s="17">
        <v>11127</v>
      </c>
      <c r="B5786" s="17"/>
      <c r="C5786" s="17"/>
      <c r="D5786" s="18" t="s">
        <v>2876</v>
      </c>
      <c r="E5786" s="18"/>
      <c r="F5786" s="18"/>
      <c r="G5786" s="18"/>
      <c r="H5786" s="18"/>
      <c r="I5786" s="18"/>
      <c r="J5786" s="18"/>
      <c r="K5786" s="18"/>
      <c r="L5786" s="18"/>
      <c r="M5786" s="18"/>
      <c r="N5786" s="18"/>
      <c r="O5786" s="18"/>
      <c r="P5786" s="19">
        <v>200</v>
      </c>
      <c r="Q5786" s="19"/>
      <c r="R5786" s="19"/>
      <c r="S5786" s="19"/>
      <c r="T5786" s="19">
        <v>150</v>
      </c>
      <c r="U5786" s="19"/>
      <c r="V5786" s="19"/>
      <c r="W5786" s="19"/>
      <c r="X5786" s="19">
        <v>3</v>
      </c>
      <c r="Y5786" s="19"/>
      <c r="Z5786" s="19"/>
      <c r="AA5786" s="19"/>
    </row>
    <row r="5787" spans="1:27" s="1" customFormat="1" ht="11.1" customHeight="1" outlineLevel="2" x14ac:dyDescent="0.2">
      <c r="A5787" s="17"/>
      <c r="B5787" s="17"/>
      <c r="C5787" s="17"/>
      <c r="D5787" s="18"/>
      <c r="E5787" s="18"/>
      <c r="F5787" s="18"/>
      <c r="G5787" s="18"/>
      <c r="H5787" s="18"/>
      <c r="I5787" s="18"/>
      <c r="J5787" s="18"/>
      <c r="K5787" s="18"/>
      <c r="L5787" s="18"/>
      <c r="M5787" s="18"/>
      <c r="N5787" s="18"/>
      <c r="O5787" s="18"/>
      <c r="P5787" s="19"/>
      <c r="Q5787" s="19"/>
      <c r="R5787" s="19"/>
      <c r="S5787" s="19"/>
      <c r="T5787" s="19"/>
      <c r="U5787" s="19"/>
      <c r="V5787" s="19"/>
      <c r="W5787" s="19"/>
      <c r="X5787" s="19"/>
      <c r="Y5787" s="19"/>
      <c r="Z5787" s="19"/>
      <c r="AA5787" s="19"/>
    </row>
    <row r="5788" spans="1:27" s="1" customFormat="1" ht="11.1" customHeight="1" outlineLevel="2" x14ac:dyDescent="0.2">
      <c r="A5788" s="17">
        <v>14345</v>
      </c>
      <c r="B5788" s="17"/>
      <c r="C5788" s="17"/>
      <c r="D5788" s="18" t="s">
        <v>2877</v>
      </c>
      <c r="E5788" s="18"/>
      <c r="F5788" s="18"/>
      <c r="G5788" s="18"/>
      <c r="H5788" s="18"/>
      <c r="I5788" s="18"/>
      <c r="J5788" s="18"/>
      <c r="K5788" s="18"/>
      <c r="L5788" s="18"/>
      <c r="M5788" s="18"/>
      <c r="N5788" s="18"/>
      <c r="O5788" s="18"/>
      <c r="P5788" s="19">
        <v>200</v>
      </c>
      <c r="Q5788" s="19"/>
      <c r="R5788" s="19"/>
      <c r="S5788" s="19"/>
      <c r="T5788" s="19">
        <v>155</v>
      </c>
      <c r="U5788" s="19"/>
      <c r="V5788" s="19"/>
      <c r="W5788" s="19"/>
      <c r="X5788" s="19">
        <v>7</v>
      </c>
      <c r="Y5788" s="19"/>
      <c r="Z5788" s="19"/>
      <c r="AA5788" s="19"/>
    </row>
    <row r="5789" spans="1:27" s="1" customFormat="1" ht="11.1" customHeight="1" outlineLevel="2" x14ac:dyDescent="0.2">
      <c r="A5789" s="17"/>
      <c r="B5789" s="17"/>
      <c r="C5789" s="17"/>
      <c r="D5789" s="18"/>
      <c r="E5789" s="18"/>
      <c r="F5789" s="18"/>
      <c r="G5789" s="18"/>
      <c r="H5789" s="18"/>
      <c r="I5789" s="18"/>
      <c r="J5789" s="18"/>
      <c r="K5789" s="18"/>
      <c r="L5789" s="18"/>
      <c r="M5789" s="18"/>
      <c r="N5789" s="18"/>
      <c r="O5789" s="18"/>
      <c r="P5789" s="19"/>
      <c r="Q5789" s="19"/>
      <c r="R5789" s="19"/>
      <c r="S5789" s="19"/>
      <c r="T5789" s="19"/>
      <c r="U5789" s="19"/>
      <c r="V5789" s="19"/>
      <c r="W5789" s="19"/>
      <c r="X5789" s="19"/>
      <c r="Y5789" s="19"/>
      <c r="Z5789" s="19"/>
      <c r="AA5789" s="19"/>
    </row>
    <row r="5790" spans="1:27" s="1" customFormat="1" ht="11.1" customHeight="1" outlineLevel="2" x14ac:dyDescent="0.2">
      <c r="A5790" s="17">
        <v>14344</v>
      </c>
      <c r="B5790" s="17"/>
      <c r="C5790" s="17"/>
      <c r="D5790" s="18" t="s">
        <v>2878</v>
      </c>
      <c r="E5790" s="18"/>
      <c r="F5790" s="18"/>
      <c r="G5790" s="18"/>
      <c r="H5790" s="18"/>
      <c r="I5790" s="18"/>
      <c r="J5790" s="18"/>
      <c r="K5790" s="18"/>
      <c r="L5790" s="18"/>
      <c r="M5790" s="18"/>
      <c r="N5790" s="18"/>
      <c r="O5790" s="18"/>
      <c r="P5790" s="19">
        <v>180</v>
      </c>
      <c r="Q5790" s="19"/>
      <c r="R5790" s="19"/>
      <c r="S5790" s="19"/>
      <c r="T5790" s="19">
        <v>135</v>
      </c>
      <c r="U5790" s="19"/>
      <c r="V5790" s="19"/>
      <c r="W5790" s="19"/>
      <c r="X5790" s="19">
        <v>8</v>
      </c>
      <c r="Y5790" s="19"/>
      <c r="Z5790" s="19"/>
      <c r="AA5790" s="19"/>
    </row>
    <row r="5791" spans="1:27" s="1" customFormat="1" ht="11.1" customHeight="1" outlineLevel="2" x14ac:dyDescent="0.2">
      <c r="A5791" s="17"/>
      <c r="B5791" s="17"/>
      <c r="C5791" s="17"/>
      <c r="D5791" s="18"/>
      <c r="E5791" s="18"/>
      <c r="F5791" s="18"/>
      <c r="G5791" s="18"/>
      <c r="H5791" s="18"/>
      <c r="I5791" s="18"/>
      <c r="J5791" s="18"/>
      <c r="K5791" s="18"/>
      <c r="L5791" s="18"/>
      <c r="M5791" s="18"/>
      <c r="N5791" s="18"/>
      <c r="O5791" s="18"/>
      <c r="P5791" s="19"/>
      <c r="Q5791" s="19"/>
      <c r="R5791" s="19"/>
      <c r="S5791" s="19"/>
      <c r="T5791" s="19"/>
      <c r="U5791" s="19"/>
      <c r="V5791" s="19"/>
      <c r="W5791" s="19"/>
      <c r="X5791" s="19"/>
      <c r="Y5791" s="19"/>
      <c r="Z5791" s="19"/>
      <c r="AA5791" s="19"/>
    </row>
    <row r="5792" spans="1:27" s="1" customFormat="1" ht="11.1" customHeight="1" outlineLevel="2" x14ac:dyDescent="0.2">
      <c r="A5792" s="17">
        <v>15665</v>
      </c>
      <c r="B5792" s="17"/>
      <c r="C5792" s="17"/>
      <c r="D5792" s="18" t="s">
        <v>2879</v>
      </c>
      <c r="E5792" s="18"/>
      <c r="F5792" s="18"/>
      <c r="G5792" s="18"/>
      <c r="H5792" s="18"/>
      <c r="I5792" s="18"/>
      <c r="J5792" s="18"/>
      <c r="K5792" s="18"/>
      <c r="L5792" s="18"/>
      <c r="M5792" s="18"/>
      <c r="N5792" s="18"/>
      <c r="O5792" s="18"/>
      <c r="P5792" s="19">
        <v>290</v>
      </c>
      <c r="Q5792" s="19"/>
      <c r="R5792" s="19"/>
      <c r="S5792" s="19"/>
      <c r="T5792" s="19">
        <v>200</v>
      </c>
      <c r="U5792" s="19"/>
      <c r="V5792" s="19"/>
      <c r="W5792" s="19"/>
      <c r="X5792" s="19">
        <v>9</v>
      </c>
      <c r="Y5792" s="19"/>
      <c r="Z5792" s="19"/>
      <c r="AA5792" s="19"/>
    </row>
    <row r="5793" spans="1:27" s="1" customFormat="1" ht="11.1" customHeight="1" outlineLevel="2" x14ac:dyDescent="0.2">
      <c r="A5793" s="17"/>
      <c r="B5793" s="17"/>
      <c r="C5793" s="17"/>
      <c r="D5793" s="18"/>
      <c r="E5793" s="18"/>
      <c r="F5793" s="18"/>
      <c r="G5793" s="18"/>
      <c r="H5793" s="18"/>
      <c r="I5793" s="18"/>
      <c r="J5793" s="18"/>
      <c r="K5793" s="18"/>
      <c r="L5793" s="18"/>
      <c r="M5793" s="18"/>
      <c r="N5793" s="18"/>
      <c r="O5793" s="18"/>
      <c r="P5793" s="19"/>
      <c r="Q5793" s="19"/>
      <c r="R5793" s="19"/>
      <c r="S5793" s="19"/>
      <c r="T5793" s="19"/>
      <c r="U5793" s="19"/>
      <c r="V5793" s="19"/>
      <c r="W5793" s="19"/>
      <c r="X5793" s="19"/>
      <c r="Y5793" s="19"/>
      <c r="Z5793" s="19"/>
      <c r="AA5793" s="19"/>
    </row>
    <row r="5794" spans="1:27" s="1" customFormat="1" ht="14.1" customHeight="1" outlineLevel="2" x14ac:dyDescent="0.2">
      <c r="A5794" s="17">
        <v>16615</v>
      </c>
      <c r="B5794" s="17"/>
      <c r="C5794" s="17"/>
      <c r="D5794" s="18" t="s">
        <v>2880</v>
      </c>
      <c r="E5794" s="18"/>
      <c r="F5794" s="18"/>
      <c r="G5794" s="18"/>
      <c r="H5794" s="18"/>
      <c r="I5794" s="18"/>
      <c r="J5794" s="18"/>
      <c r="K5794" s="18"/>
      <c r="L5794" s="18"/>
      <c r="M5794" s="18"/>
      <c r="N5794" s="18"/>
      <c r="O5794" s="18"/>
      <c r="P5794" s="19">
        <v>500</v>
      </c>
      <c r="Q5794" s="19"/>
      <c r="R5794" s="19"/>
      <c r="S5794" s="19"/>
      <c r="T5794" s="19">
        <v>400</v>
      </c>
      <c r="U5794" s="19"/>
      <c r="V5794" s="19"/>
      <c r="W5794" s="19"/>
      <c r="X5794" s="19">
        <v>1</v>
      </c>
      <c r="Y5794" s="19"/>
      <c r="Z5794" s="19"/>
      <c r="AA5794" s="19"/>
    </row>
    <row r="5795" spans="1:27" s="1" customFormat="1" ht="14.1" customHeight="1" outlineLevel="2" x14ac:dyDescent="0.2">
      <c r="A5795" s="17"/>
      <c r="B5795" s="17"/>
      <c r="C5795" s="17"/>
      <c r="D5795" s="18"/>
      <c r="E5795" s="18"/>
      <c r="F5795" s="18"/>
      <c r="G5795" s="18"/>
      <c r="H5795" s="18"/>
      <c r="I5795" s="18"/>
      <c r="J5795" s="18"/>
      <c r="K5795" s="18"/>
      <c r="L5795" s="18"/>
      <c r="M5795" s="18"/>
      <c r="N5795" s="18"/>
      <c r="O5795" s="18"/>
      <c r="P5795" s="19"/>
      <c r="Q5795" s="19"/>
      <c r="R5795" s="19"/>
      <c r="S5795" s="19"/>
      <c r="T5795" s="19"/>
      <c r="U5795" s="19"/>
      <c r="V5795" s="19"/>
      <c r="W5795" s="19"/>
      <c r="X5795" s="19"/>
      <c r="Y5795" s="19"/>
      <c r="Z5795" s="19"/>
      <c r="AA5795" s="19"/>
    </row>
    <row r="5796" spans="1:27" s="1" customFormat="1" ht="11.1" customHeight="1" outlineLevel="2" x14ac:dyDescent="0.2">
      <c r="A5796" s="17">
        <v>13556</v>
      </c>
      <c r="B5796" s="17"/>
      <c r="C5796" s="17"/>
      <c r="D5796" s="18" t="s">
        <v>2881</v>
      </c>
      <c r="E5796" s="18"/>
      <c r="F5796" s="18"/>
      <c r="G5796" s="18"/>
      <c r="H5796" s="18"/>
      <c r="I5796" s="18"/>
      <c r="J5796" s="18"/>
      <c r="K5796" s="18"/>
      <c r="L5796" s="18"/>
      <c r="M5796" s="18"/>
      <c r="N5796" s="18"/>
      <c r="O5796" s="18"/>
      <c r="P5796" s="19">
        <v>290</v>
      </c>
      <c r="Q5796" s="19"/>
      <c r="R5796" s="19"/>
      <c r="S5796" s="19"/>
      <c r="T5796" s="19">
        <v>200</v>
      </c>
      <c r="U5796" s="19"/>
      <c r="V5796" s="19"/>
      <c r="W5796" s="19"/>
      <c r="X5796" s="19">
        <v>7</v>
      </c>
      <c r="Y5796" s="19"/>
      <c r="Z5796" s="19"/>
      <c r="AA5796" s="19"/>
    </row>
    <row r="5797" spans="1:27" s="1" customFormat="1" ht="11.1" customHeight="1" outlineLevel="2" x14ac:dyDescent="0.2">
      <c r="A5797" s="17"/>
      <c r="B5797" s="17"/>
      <c r="C5797" s="17"/>
      <c r="D5797" s="18"/>
      <c r="E5797" s="18"/>
      <c r="F5797" s="18"/>
      <c r="G5797" s="18"/>
      <c r="H5797" s="18"/>
      <c r="I5797" s="18"/>
      <c r="J5797" s="18"/>
      <c r="K5797" s="18"/>
      <c r="L5797" s="18"/>
      <c r="M5797" s="18"/>
      <c r="N5797" s="18"/>
      <c r="O5797" s="18"/>
      <c r="P5797" s="19"/>
      <c r="Q5797" s="19"/>
      <c r="R5797" s="19"/>
      <c r="S5797" s="19"/>
      <c r="T5797" s="19"/>
      <c r="U5797" s="19"/>
      <c r="V5797" s="19"/>
      <c r="W5797" s="19"/>
      <c r="X5797" s="19"/>
      <c r="Y5797" s="19"/>
      <c r="Z5797" s="19"/>
      <c r="AA5797" s="19"/>
    </row>
    <row r="5798" spans="1:27" s="1" customFormat="1" ht="14.1" customHeight="1" outlineLevel="2" x14ac:dyDescent="0.2">
      <c r="A5798" s="17">
        <v>15767</v>
      </c>
      <c r="B5798" s="17"/>
      <c r="C5798" s="17"/>
      <c r="D5798" s="18" t="s">
        <v>2882</v>
      </c>
      <c r="E5798" s="18"/>
      <c r="F5798" s="18"/>
      <c r="G5798" s="18"/>
      <c r="H5798" s="18"/>
      <c r="I5798" s="18"/>
      <c r="J5798" s="18"/>
      <c r="K5798" s="18"/>
      <c r="L5798" s="18"/>
      <c r="M5798" s="18"/>
      <c r="N5798" s="18"/>
      <c r="O5798" s="18"/>
      <c r="P5798" s="19">
        <v>500</v>
      </c>
      <c r="Q5798" s="19"/>
      <c r="R5798" s="19"/>
      <c r="S5798" s="19"/>
      <c r="T5798" s="19">
        <v>400</v>
      </c>
      <c r="U5798" s="19"/>
      <c r="V5798" s="19"/>
      <c r="W5798" s="19"/>
      <c r="X5798" s="19">
        <v>2</v>
      </c>
      <c r="Y5798" s="19"/>
      <c r="Z5798" s="19"/>
      <c r="AA5798" s="19"/>
    </row>
    <row r="5799" spans="1:27" s="1" customFormat="1" ht="14.1" customHeight="1" outlineLevel="2" x14ac:dyDescent="0.2">
      <c r="A5799" s="17"/>
      <c r="B5799" s="17"/>
      <c r="C5799" s="17"/>
      <c r="D5799" s="18"/>
      <c r="E5799" s="18"/>
      <c r="F5799" s="18"/>
      <c r="G5799" s="18"/>
      <c r="H5799" s="18"/>
      <c r="I5799" s="18"/>
      <c r="J5799" s="18"/>
      <c r="K5799" s="18"/>
      <c r="L5799" s="18"/>
      <c r="M5799" s="18"/>
      <c r="N5799" s="18"/>
      <c r="O5799" s="18"/>
      <c r="P5799" s="19"/>
      <c r="Q5799" s="19"/>
      <c r="R5799" s="19"/>
      <c r="S5799" s="19"/>
      <c r="T5799" s="19"/>
      <c r="U5799" s="19"/>
      <c r="V5799" s="19"/>
      <c r="W5799" s="19"/>
      <c r="X5799" s="19"/>
      <c r="Y5799" s="19"/>
      <c r="Z5799" s="19"/>
      <c r="AA5799" s="19"/>
    </row>
    <row r="5800" spans="1:27" s="1" customFormat="1" ht="14.1" customHeight="1" outlineLevel="2" x14ac:dyDescent="0.2">
      <c r="A5800" s="17">
        <v>17255</v>
      </c>
      <c r="B5800" s="17"/>
      <c r="C5800" s="17"/>
      <c r="D5800" s="18" t="s">
        <v>2883</v>
      </c>
      <c r="E5800" s="18"/>
      <c r="F5800" s="18"/>
      <c r="G5800" s="18"/>
      <c r="H5800" s="18"/>
      <c r="I5800" s="18"/>
      <c r="J5800" s="18"/>
      <c r="K5800" s="18"/>
      <c r="L5800" s="18"/>
      <c r="M5800" s="18"/>
      <c r="N5800" s="18"/>
      <c r="O5800" s="18"/>
      <c r="P5800" s="19">
        <v>290</v>
      </c>
      <c r="Q5800" s="19"/>
      <c r="R5800" s="19"/>
      <c r="S5800" s="19"/>
      <c r="T5800" s="19">
        <v>230</v>
      </c>
      <c r="U5800" s="19"/>
      <c r="V5800" s="19"/>
      <c r="W5800" s="19"/>
      <c r="X5800" s="19">
        <v>25</v>
      </c>
      <c r="Y5800" s="19"/>
      <c r="Z5800" s="19"/>
      <c r="AA5800" s="19"/>
    </row>
    <row r="5801" spans="1:27" s="1" customFormat="1" ht="14.1" customHeight="1" outlineLevel="2" x14ac:dyDescent="0.2">
      <c r="A5801" s="17"/>
      <c r="B5801" s="17"/>
      <c r="C5801" s="17"/>
      <c r="D5801" s="18"/>
      <c r="E5801" s="18"/>
      <c r="F5801" s="18"/>
      <c r="G5801" s="18"/>
      <c r="H5801" s="18"/>
      <c r="I5801" s="18"/>
      <c r="J5801" s="18"/>
      <c r="K5801" s="18"/>
      <c r="L5801" s="18"/>
      <c r="M5801" s="18"/>
      <c r="N5801" s="18"/>
      <c r="O5801" s="18"/>
      <c r="P5801" s="19"/>
      <c r="Q5801" s="19"/>
      <c r="R5801" s="19"/>
      <c r="S5801" s="19"/>
      <c r="T5801" s="19"/>
      <c r="U5801" s="19"/>
      <c r="V5801" s="19"/>
      <c r="W5801" s="19"/>
      <c r="X5801" s="19"/>
      <c r="Y5801" s="19"/>
      <c r="Z5801" s="19"/>
      <c r="AA5801" s="19"/>
    </row>
    <row r="5802" spans="1:27" s="1" customFormat="1" ht="11.1" customHeight="1" outlineLevel="2" x14ac:dyDescent="0.2">
      <c r="A5802" s="17">
        <v>17254</v>
      </c>
      <c r="B5802" s="17"/>
      <c r="C5802" s="17"/>
      <c r="D5802" s="18" t="s">
        <v>2884</v>
      </c>
      <c r="E5802" s="18"/>
      <c r="F5802" s="18"/>
      <c r="G5802" s="18"/>
      <c r="H5802" s="18"/>
      <c r="I5802" s="18"/>
      <c r="J5802" s="18"/>
      <c r="K5802" s="18"/>
      <c r="L5802" s="18"/>
      <c r="M5802" s="18"/>
      <c r="N5802" s="18"/>
      <c r="O5802" s="18"/>
      <c r="P5802" s="19">
        <v>290</v>
      </c>
      <c r="Q5802" s="19"/>
      <c r="R5802" s="19"/>
      <c r="S5802" s="19"/>
      <c r="T5802" s="19">
        <v>230</v>
      </c>
      <c r="U5802" s="19"/>
      <c r="V5802" s="19"/>
      <c r="W5802" s="19"/>
      <c r="X5802" s="19">
        <v>25</v>
      </c>
      <c r="Y5802" s="19"/>
      <c r="Z5802" s="19"/>
      <c r="AA5802" s="19"/>
    </row>
    <row r="5803" spans="1:27" s="1" customFormat="1" ht="11.1" customHeight="1" outlineLevel="2" x14ac:dyDescent="0.2">
      <c r="A5803" s="17"/>
      <c r="B5803" s="17"/>
      <c r="C5803" s="17"/>
      <c r="D5803" s="18"/>
      <c r="E5803" s="18"/>
      <c r="F5803" s="18"/>
      <c r="G5803" s="18"/>
      <c r="H5803" s="18"/>
      <c r="I5803" s="18"/>
      <c r="J5803" s="18"/>
      <c r="K5803" s="18"/>
      <c r="L5803" s="18"/>
      <c r="M5803" s="18"/>
      <c r="N5803" s="18"/>
      <c r="O5803" s="18"/>
      <c r="P5803" s="19"/>
      <c r="Q5803" s="19"/>
      <c r="R5803" s="19"/>
      <c r="S5803" s="19"/>
      <c r="T5803" s="19"/>
      <c r="U5803" s="19"/>
      <c r="V5803" s="19"/>
      <c r="W5803" s="19"/>
      <c r="X5803" s="19"/>
      <c r="Y5803" s="19"/>
      <c r="Z5803" s="19"/>
      <c r="AA5803" s="19"/>
    </row>
    <row r="5804" spans="1:27" s="1" customFormat="1" ht="11.1" customHeight="1" outlineLevel="2" x14ac:dyDescent="0.2">
      <c r="A5804" s="17">
        <v>13557</v>
      </c>
      <c r="B5804" s="17"/>
      <c r="C5804" s="17"/>
      <c r="D5804" s="18" t="s">
        <v>2885</v>
      </c>
      <c r="E5804" s="18"/>
      <c r="F5804" s="18"/>
      <c r="G5804" s="18"/>
      <c r="H5804" s="18"/>
      <c r="I5804" s="18"/>
      <c r="J5804" s="18"/>
      <c r="K5804" s="18"/>
      <c r="L5804" s="18"/>
      <c r="M5804" s="18"/>
      <c r="N5804" s="18"/>
      <c r="O5804" s="18"/>
      <c r="P5804" s="19">
        <v>290</v>
      </c>
      <c r="Q5804" s="19"/>
      <c r="R5804" s="19"/>
      <c r="S5804" s="19"/>
      <c r="T5804" s="19">
        <v>230</v>
      </c>
      <c r="U5804" s="19"/>
      <c r="V5804" s="19"/>
      <c r="W5804" s="19"/>
      <c r="X5804" s="19">
        <v>27</v>
      </c>
      <c r="Y5804" s="19"/>
      <c r="Z5804" s="19"/>
      <c r="AA5804" s="19"/>
    </row>
    <row r="5805" spans="1:27" s="1" customFormat="1" ht="11.1" customHeight="1" outlineLevel="2" x14ac:dyDescent="0.2">
      <c r="A5805" s="17"/>
      <c r="B5805" s="17"/>
      <c r="C5805" s="17"/>
      <c r="D5805" s="18"/>
      <c r="E5805" s="18"/>
      <c r="F5805" s="18"/>
      <c r="G5805" s="18"/>
      <c r="H5805" s="18"/>
      <c r="I5805" s="18"/>
      <c r="J5805" s="18"/>
      <c r="K5805" s="18"/>
      <c r="L5805" s="18"/>
      <c r="M5805" s="18"/>
      <c r="N5805" s="18"/>
      <c r="O5805" s="18"/>
      <c r="P5805" s="19"/>
      <c r="Q5805" s="19"/>
      <c r="R5805" s="19"/>
      <c r="S5805" s="19"/>
      <c r="T5805" s="19"/>
      <c r="U5805" s="19"/>
      <c r="V5805" s="19"/>
      <c r="W5805" s="19"/>
      <c r="X5805" s="19"/>
      <c r="Y5805" s="19"/>
      <c r="Z5805" s="19"/>
      <c r="AA5805" s="19"/>
    </row>
    <row r="5806" spans="1:27" s="1" customFormat="1" ht="11.1" customHeight="1" outlineLevel="2" x14ac:dyDescent="0.2">
      <c r="A5806" s="17">
        <v>17795</v>
      </c>
      <c r="B5806" s="17"/>
      <c r="C5806" s="17"/>
      <c r="D5806" s="18" t="s">
        <v>2886</v>
      </c>
      <c r="E5806" s="18"/>
      <c r="F5806" s="18"/>
      <c r="G5806" s="18"/>
      <c r="H5806" s="18"/>
      <c r="I5806" s="18"/>
      <c r="J5806" s="18"/>
      <c r="K5806" s="18"/>
      <c r="L5806" s="18"/>
      <c r="M5806" s="18"/>
      <c r="N5806" s="18"/>
      <c r="O5806" s="18"/>
      <c r="P5806" s="19">
        <v>290</v>
      </c>
      <c r="Q5806" s="19"/>
      <c r="R5806" s="19"/>
      <c r="S5806" s="19"/>
      <c r="T5806" s="19">
        <v>230</v>
      </c>
      <c r="U5806" s="19"/>
      <c r="V5806" s="19"/>
      <c r="W5806" s="19"/>
      <c r="X5806" s="19">
        <v>20</v>
      </c>
      <c r="Y5806" s="19"/>
      <c r="Z5806" s="19"/>
      <c r="AA5806" s="19"/>
    </row>
    <row r="5807" spans="1:27" s="1" customFormat="1" ht="11.1" customHeight="1" outlineLevel="2" x14ac:dyDescent="0.2">
      <c r="A5807" s="17"/>
      <c r="B5807" s="17"/>
      <c r="C5807" s="17"/>
      <c r="D5807" s="18"/>
      <c r="E5807" s="18"/>
      <c r="F5807" s="18"/>
      <c r="G5807" s="18"/>
      <c r="H5807" s="18"/>
      <c r="I5807" s="18"/>
      <c r="J5807" s="18"/>
      <c r="K5807" s="18"/>
      <c r="L5807" s="18"/>
      <c r="M5807" s="18"/>
      <c r="N5807" s="18"/>
      <c r="O5807" s="18"/>
      <c r="P5807" s="19"/>
      <c r="Q5807" s="19"/>
      <c r="R5807" s="19"/>
      <c r="S5807" s="19"/>
      <c r="T5807" s="19"/>
      <c r="U5807" s="19"/>
      <c r="V5807" s="19"/>
      <c r="W5807" s="19"/>
      <c r="X5807" s="19"/>
      <c r="Y5807" s="19"/>
      <c r="Z5807" s="19"/>
      <c r="AA5807" s="19"/>
    </row>
    <row r="5808" spans="1:27" s="1" customFormat="1" ht="14.1" customHeight="1" outlineLevel="2" x14ac:dyDescent="0.2">
      <c r="A5808" s="17">
        <v>17253</v>
      </c>
      <c r="B5808" s="17"/>
      <c r="C5808" s="17"/>
      <c r="D5808" s="18" t="s">
        <v>2887</v>
      </c>
      <c r="E5808" s="18"/>
      <c r="F5808" s="18"/>
      <c r="G5808" s="18"/>
      <c r="H5808" s="18"/>
      <c r="I5808" s="18"/>
      <c r="J5808" s="18"/>
      <c r="K5808" s="18"/>
      <c r="L5808" s="18"/>
      <c r="M5808" s="18"/>
      <c r="N5808" s="18"/>
      <c r="O5808" s="18"/>
      <c r="P5808" s="19">
        <v>290</v>
      </c>
      <c r="Q5808" s="19"/>
      <c r="R5808" s="19"/>
      <c r="S5808" s="19"/>
      <c r="T5808" s="19">
        <v>230</v>
      </c>
      <c r="U5808" s="19"/>
      <c r="V5808" s="19"/>
      <c r="W5808" s="19"/>
      <c r="X5808" s="19">
        <v>21</v>
      </c>
      <c r="Y5808" s="19"/>
      <c r="Z5808" s="19"/>
      <c r="AA5808" s="19"/>
    </row>
    <row r="5809" spans="1:27" s="1" customFormat="1" ht="14.1" customHeight="1" outlineLevel="2" x14ac:dyDescent="0.2">
      <c r="A5809" s="17"/>
      <c r="B5809" s="17"/>
      <c r="C5809" s="17"/>
      <c r="D5809" s="18"/>
      <c r="E5809" s="18"/>
      <c r="F5809" s="18"/>
      <c r="G5809" s="18"/>
      <c r="H5809" s="18"/>
      <c r="I5809" s="18"/>
      <c r="J5809" s="18"/>
      <c r="K5809" s="18"/>
      <c r="L5809" s="18"/>
      <c r="M5809" s="18"/>
      <c r="N5809" s="18"/>
      <c r="O5809" s="18"/>
      <c r="P5809" s="19"/>
      <c r="Q5809" s="19"/>
      <c r="R5809" s="19"/>
      <c r="S5809" s="19"/>
      <c r="T5809" s="19"/>
      <c r="U5809" s="19"/>
      <c r="V5809" s="19"/>
      <c r="W5809" s="19"/>
      <c r="X5809" s="19"/>
      <c r="Y5809" s="19"/>
      <c r="Z5809" s="19"/>
      <c r="AA5809" s="19"/>
    </row>
    <row r="5810" spans="1:27" s="1" customFormat="1" ht="11.1" customHeight="1" outlineLevel="2" x14ac:dyDescent="0.2">
      <c r="A5810" s="17">
        <v>13558</v>
      </c>
      <c r="B5810" s="17"/>
      <c r="C5810" s="17"/>
      <c r="D5810" s="18" t="s">
        <v>2888</v>
      </c>
      <c r="E5810" s="18"/>
      <c r="F5810" s="18"/>
      <c r="G5810" s="18"/>
      <c r="H5810" s="18"/>
      <c r="I5810" s="18"/>
      <c r="J5810" s="18"/>
      <c r="K5810" s="18"/>
      <c r="L5810" s="18"/>
      <c r="M5810" s="18"/>
      <c r="N5810" s="18"/>
      <c r="O5810" s="18"/>
      <c r="P5810" s="19">
        <v>290</v>
      </c>
      <c r="Q5810" s="19"/>
      <c r="R5810" s="19"/>
      <c r="S5810" s="19"/>
      <c r="T5810" s="19">
        <v>230</v>
      </c>
      <c r="U5810" s="19"/>
      <c r="V5810" s="19"/>
      <c r="W5810" s="19"/>
      <c r="X5810" s="19">
        <v>7</v>
      </c>
      <c r="Y5810" s="19"/>
      <c r="Z5810" s="19"/>
      <c r="AA5810" s="19"/>
    </row>
    <row r="5811" spans="1:27" s="1" customFormat="1" ht="11.1" customHeight="1" outlineLevel="2" x14ac:dyDescent="0.2">
      <c r="A5811" s="17"/>
      <c r="B5811" s="17"/>
      <c r="C5811" s="17"/>
      <c r="D5811" s="18"/>
      <c r="E5811" s="18"/>
      <c r="F5811" s="18"/>
      <c r="G5811" s="18"/>
      <c r="H5811" s="18"/>
      <c r="I5811" s="18"/>
      <c r="J5811" s="18"/>
      <c r="K5811" s="18"/>
      <c r="L5811" s="18"/>
      <c r="M5811" s="18"/>
      <c r="N5811" s="18"/>
      <c r="O5811" s="18"/>
      <c r="P5811" s="19"/>
      <c r="Q5811" s="19"/>
      <c r="R5811" s="19"/>
      <c r="S5811" s="19"/>
      <c r="T5811" s="19"/>
      <c r="U5811" s="19"/>
      <c r="V5811" s="19"/>
      <c r="W5811" s="19"/>
      <c r="X5811" s="19"/>
      <c r="Y5811" s="19"/>
      <c r="Z5811" s="19"/>
      <c r="AA5811" s="19"/>
    </row>
    <row r="5812" spans="1:27" s="1" customFormat="1" ht="14.1" customHeight="1" outlineLevel="2" x14ac:dyDescent="0.2">
      <c r="A5812" s="17">
        <v>17352</v>
      </c>
      <c r="B5812" s="17"/>
      <c r="C5812" s="17"/>
      <c r="D5812" s="18" t="s">
        <v>2889</v>
      </c>
      <c r="E5812" s="18"/>
      <c r="F5812" s="18"/>
      <c r="G5812" s="18"/>
      <c r="H5812" s="18"/>
      <c r="I5812" s="18"/>
      <c r="J5812" s="18"/>
      <c r="K5812" s="18"/>
      <c r="L5812" s="18"/>
      <c r="M5812" s="18"/>
      <c r="N5812" s="18"/>
      <c r="O5812" s="18"/>
      <c r="P5812" s="19">
        <v>350</v>
      </c>
      <c r="Q5812" s="19"/>
      <c r="R5812" s="19"/>
      <c r="S5812" s="19"/>
      <c r="T5812" s="19">
        <v>250</v>
      </c>
      <c r="U5812" s="19"/>
      <c r="V5812" s="19"/>
      <c r="W5812" s="19"/>
      <c r="X5812" s="19">
        <v>5</v>
      </c>
      <c r="Y5812" s="19"/>
      <c r="Z5812" s="19"/>
      <c r="AA5812" s="19"/>
    </row>
    <row r="5813" spans="1:27" s="1" customFormat="1" ht="14.1" customHeight="1" outlineLevel="2" x14ac:dyDescent="0.2">
      <c r="A5813" s="17"/>
      <c r="B5813" s="17"/>
      <c r="C5813" s="17"/>
      <c r="D5813" s="18"/>
      <c r="E5813" s="18"/>
      <c r="F5813" s="18"/>
      <c r="G5813" s="18"/>
      <c r="H5813" s="18"/>
      <c r="I5813" s="18"/>
      <c r="J5813" s="18"/>
      <c r="K5813" s="18"/>
      <c r="L5813" s="18"/>
      <c r="M5813" s="18"/>
      <c r="N5813" s="18"/>
      <c r="O5813" s="18"/>
      <c r="P5813" s="19"/>
      <c r="Q5813" s="19"/>
      <c r="R5813" s="19"/>
      <c r="S5813" s="19"/>
      <c r="T5813" s="19"/>
      <c r="U5813" s="19"/>
      <c r="V5813" s="19"/>
      <c r="W5813" s="19"/>
      <c r="X5813" s="19"/>
      <c r="Y5813" s="19"/>
      <c r="Z5813" s="19"/>
      <c r="AA5813" s="19"/>
    </row>
    <row r="5814" spans="1:27" s="1" customFormat="1" ht="14.1" customHeight="1" outlineLevel="2" x14ac:dyDescent="0.2">
      <c r="A5814" s="17">
        <v>17354</v>
      </c>
      <c r="B5814" s="17"/>
      <c r="C5814" s="17"/>
      <c r="D5814" s="18" t="s">
        <v>2890</v>
      </c>
      <c r="E5814" s="18"/>
      <c r="F5814" s="18"/>
      <c r="G5814" s="18"/>
      <c r="H5814" s="18"/>
      <c r="I5814" s="18"/>
      <c r="J5814" s="18"/>
      <c r="K5814" s="18"/>
      <c r="L5814" s="18"/>
      <c r="M5814" s="18"/>
      <c r="N5814" s="18"/>
      <c r="O5814" s="18"/>
      <c r="P5814" s="19">
        <v>350</v>
      </c>
      <c r="Q5814" s="19"/>
      <c r="R5814" s="19"/>
      <c r="S5814" s="19"/>
      <c r="T5814" s="19">
        <v>250</v>
      </c>
      <c r="U5814" s="19"/>
      <c r="V5814" s="19"/>
      <c r="W5814" s="19"/>
      <c r="X5814" s="19">
        <v>5</v>
      </c>
      <c r="Y5814" s="19"/>
      <c r="Z5814" s="19"/>
      <c r="AA5814" s="19"/>
    </row>
    <row r="5815" spans="1:27" s="1" customFormat="1" ht="14.1" customHeight="1" outlineLevel="2" x14ac:dyDescent="0.2">
      <c r="A5815" s="17"/>
      <c r="B5815" s="17"/>
      <c r="C5815" s="17"/>
      <c r="D5815" s="18"/>
      <c r="E5815" s="18"/>
      <c r="F5815" s="18"/>
      <c r="G5815" s="18"/>
      <c r="H5815" s="18"/>
      <c r="I5815" s="18"/>
      <c r="J5815" s="18"/>
      <c r="K5815" s="18"/>
      <c r="L5815" s="18"/>
      <c r="M5815" s="18"/>
      <c r="N5815" s="18"/>
      <c r="O5815" s="18"/>
      <c r="P5815" s="19"/>
      <c r="Q5815" s="19"/>
      <c r="R5815" s="19"/>
      <c r="S5815" s="19"/>
      <c r="T5815" s="19"/>
      <c r="U5815" s="19"/>
      <c r="V5815" s="19"/>
      <c r="W5815" s="19"/>
      <c r="X5815" s="19"/>
      <c r="Y5815" s="19"/>
      <c r="Z5815" s="19"/>
      <c r="AA5815" s="19"/>
    </row>
    <row r="5816" spans="1:27" s="1" customFormat="1" ht="14.1" customHeight="1" outlineLevel="2" x14ac:dyDescent="0.2">
      <c r="A5816" s="17">
        <v>17355</v>
      </c>
      <c r="B5816" s="17"/>
      <c r="C5816" s="17"/>
      <c r="D5816" s="18" t="s">
        <v>2891</v>
      </c>
      <c r="E5816" s="18"/>
      <c r="F5816" s="18"/>
      <c r="G5816" s="18"/>
      <c r="H5816" s="18"/>
      <c r="I5816" s="18"/>
      <c r="J5816" s="18"/>
      <c r="K5816" s="18"/>
      <c r="L5816" s="18"/>
      <c r="M5816" s="18"/>
      <c r="N5816" s="18"/>
      <c r="O5816" s="18"/>
      <c r="P5816" s="19">
        <v>350</v>
      </c>
      <c r="Q5816" s="19"/>
      <c r="R5816" s="19"/>
      <c r="S5816" s="19"/>
      <c r="T5816" s="19">
        <v>250</v>
      </c>
      <c r="U5816" s="19"/>
      <c r="V5816" s="19"/>
      <c r="W5816" s="19"/>
      <c r="X5816" s="19">
        <v>5</v>
      </c>
      <c r="Y5816" s="19"/>
      <c r="Z5816" s="19"/>
      <c r="AA5816" s="19"/>
    </row>
    <row r="5817" spans="1:27" s="1" customFormat="1" ht="14.1" customHeight="1" outlineLevel="2" x14ac:dyDescent="0.2">
      <c r="A5817" s="17"/>
      <c r="B5817" s="17"/>
      <c r="C5817" s="17"/>
      <c r="D5817" s="18"/>
      <c r="E5817" s="18"/>
      <c r="F5817" s="18"/>
      <c r="G5817" s="18"/>
      <c r="H5817" s="18"/>
      <c r="I5817" s="18"/>
      <c r="J5817" s="18"/>
      <c r="K5817" s="18"/>
      <c r="L5817" s="18"/>
      <c r="M5817" s="18"/>
      <c r="N5817" s="18"/>
      <c r="O5817" s="18"/>
      <c r="P5817" s="19"/>
      <c r="Q5817" s="19"/>
      <c r="R5817" s="19"/>
      <c r="S5817" s="19"/>
      <c r="T5817" s="19"/>
      <c r="U5817" s="19"/>
      <c r="V5817" s="19"/>
      <c r="W5817" s="19"/>
      <c r="X5817" s="19"/>
      <c r="Y5817" s="19"/>
      <c r="Z5817" s="19"/>
      <c r="AA5817" s="19"/>
    </row>
    <row r="5818" spans="1:27" s="1" customFormat="1" ht="14.1" customHeight="1" outlineLevel="2" x14ac:dyDescent="0.2">
      <c r="A5818" s="17">
        <v>17353</v>
      </c>
      <c r="B5818" s="17"/>
      <c r="C5818" s="17"/>
      <c r="D5818" s="18" t="s">
        <v>2892</v>
      </c>
      <c r="E5818" s="18"/>
      <c r="F5818" s="18"/>
      <c r="G5818" s="18"/>
      <c r="H5818" s="18"/>
      <c r="I5818" s="18"/>
      <c r="J5818" s="18"/>
      <c r="K5818" s="18"/>
      <c r="L5818" s="18"/>
      <c r="M5818" s="18"/>
      <c r="N5818" s="18"/>
      <c r="O5818" s="18"/>
      <c r="P5818" s="19">
        <v>350</v>
      </c>
      <c r="Q5818" s="19"/>
      <c r="R5818" s="19"/>
      <c r="S5818" s="19"/>
      <c r="T5818" s="19">
        <v>250</v>
      </c>
      <c r="U5818" s="19"/>
      <c r="V5818" s="19"/>
      <c r="W5818" s="19"/>
      <c r="X5818" s="19">
        <v>5</v>
      </c>
      <c r="Y5818" s="19"/>
      <c r="Z5818" s="19"/>
      <c r="AA5818" s="19"/>
    </row>
    <row r="5819" spans="1:27" s="1" customFormat="1" ht="14.1" customHeight="1" outlineLevel="2" x14ac:dyDescent="0.2">
      <c r="A5819" s="17"/>
      <c r="B5819" s="17"/>
      <c r="C5819" s="17"/>
      <c r="D5819" s="18"/>
      <c r="E5819" s="18"/>
      <c r="F5819" s="18"/>
      <c r="G5819" s="18"/>
      <c r="H5819" s="18"/>
      <c r="I5819" s="18"/>
      <c r="J5819" s="18"/>
      <c r="K5819" s="18"/>
      <c r="L5819" s="18"/>
      <c r="M5819" s="18"/>
      <c r="N5819" s="18"/>
      <c r="O5819" s="18"/>
      <c r="P5819" s="19"/>
      <c r="Q5819" s="19"/>
      <c r="R5819" s="19"/>
      <c r="S5819" s="19"/>
      <c r="T5819" s="19"/>
      <c r="U5819" s="19"/>
      <c r="V5819" s="19"/>
      <c r="W5819" s="19"/>
      <c r="X5819" s="19"/>
      <c r="Y5819" s="19"/>
      <c r="Z5819" s="19"/>
      <c r="AA5819" s="19"/>
    </row>
    <row r="5820" spans="1:27" s="1" customFormat="1" ht="14.1" customHeight="1" outlineLevel="2" x14ac:dyDescent="0.2">
      <c r="A5820" s="17">
        <v>16649</v>
      </c>
      <c r="B5820" s="17"/>
      <c r="C5820" s="17"/>
      <c r="D5820" s="18" t="s">
        <v>2893</v>
      </c>
      <c r="E5820" s="18"/>
      <c r="F5820" s="18"/>
      <c r="G5820" s="18"/>
      <c r="H5820" s="18"/>
      <c r="I5820" s="18"/>
      <c r="J5820" s="18"/>
      <c r="K5820" s="18"/>
      <c r="L5820" s="18"/>
      <c r="M5820" s="18"/>
      <c r="N5820" s="18"/>
      <c r="O5820" s="18"/>
      <c r="P5820" s="19">
        <v>600</v>
      </c>
      <c r="Q5820" s="19"/>
      <c r="R5820" s="19"/>
      <c r="S5820" s="19"/>
      <c r="T5820" s="19">
        <v>500</v>
      </c>
      <c r="U5820" s="19"/>
      <c r="V5820" s="19"/>
      <c r="W5820" s="19"/>
      <c r="X5820" s="19">
        <v>1</v>
      </c>
      <c r="Y5820" s="19"/>
      <c r="Z5820" s="19"/>
      <c r="AA5820" s="19"/>
    </row>
    <row r="5821" spans="1:27" s="1" customFormat="1" ht="14.1" customHeight="1" outlineLevel="2" x14ac:dyDescent="0.2">
      <c r="A5821" s="17"/>
      <c r="B5821" s="17"/>
      <c r="C5821" s="17"/>
      <c r="D5821" s="18"/>
      <c r="E5821" s="18"/>
      <c r="F5821" s="18"/>
      <c r="G5821" s="18"/>
      <c r="H5821" s="18"/>
      <c r="I5821" s="18"/>
      <c r="J5821" s="18"/>
      <c r="K5821" s="18"/>
      <c r="L5821" s="18"/>
      <c r="M5821" s="18"/>
      <c r="N5821" s="18"/>
      <c r="O5821" s="18"/>
      <c r="P5821" s="19"/>
      <c r="Q5821" s="19"/>
      <c r="R5821" s="19"/>
      <c r="S5821" s="19"/>
      <c r="T5821" s="19"/>
      <c r="U5821" s="19"/>
      <c r="V5821" s="19"/>
      <c r="W5821" s="19"/>
      <c r="X5821" s="19"/>
      <c r="Y5821" s="19"/>
      <c r="Z5821" s="19"/>
      <c r="AA5821" s="19"/>
    </row>
    <row r="5822" spans="1:27" s="1" customFormat="1" ht="14.1" customHeight="1" outlineLevel="2" x14ac:dyDescent="0.2">
      <c r="A5822" s="17">
        <v>18199</v>
      </c>
      <c r="B5822" s="17"/>
      <c r="C5822" s="17"/>
      <c r="D5822" s="18" t="s">
        <v>2894</v>
      </c>
      <c r="E5822" s="18"/>
      <c r="F5822" s="18"/>
      <c r="G5822" s="18"/>
      <c r="H5822" s="18"/>
      <c r="I5822" s="18"/>
      <c r="J5822" s="18"/>
      <c r="K5822" s="18"/>
      <c r="L5822" s="18"/>
      <c r="M5822" s="18"/>
      <c r="N5822" s="18"/>
      <c r="O5822" s="18"/>
      <c r="P5822" s="19">
        <v>200</v>
      </c>
      <c r="Q5822" s="19"/>
      <c r="R5822" s="19"/>
      <c r="S5822" s="19"/>
      <c r="T5822" s="19">
        <v>150</v>
      </c>
      <c r="U5822" s="19"/>
      <c r="V5822" s="19"/>
      <c r="W5822" s="19"/>
      <c r="X5822" s="19">
        <v>1</v>
      </c>
      <c r="Y5822" s="19"/>
      <c r="Z5822" s="19"/>
      <c r="AA5822" s="19"/>
    </row>
    <row r="5823" spans="1:27" s="1" customFormat="1" ht="14.1" customHeight="1" outlineLevel="2" x14ac:dyDescent="0.2">
      <c r="A5823" s="17"/>
      <c r="B5823" s="17"/>
      <c r="C5823" s="17"/>
      <c r="D5823" s="18"/>
      <c r="E5823" s="18"/>
      <c r="F5823" s="18"/>
      <c r="G5823" s="18"/>
      <c r="H5823" s="18"/>
      <c r="I5823" s="18"/>
      <c r="J5823" s="18"/>
      <c r="K5823" s="18"/>
      <c r="L5823" s="18"/>
      <c r="M5823" s="18"/>
      <c r="N5823" s="18"/>
      <c r="O5823" s="18"/>
      <c r="P5823" s="19"/>
      <c r="Q5823" s="19"/>
      <c r="R5823" s="19"/>
      <c r="S5823" s="19"/>
      <c r="T5823" s="19"/>
      <c r="U5823" s="19"/>
      <c r="V5823" s="19"/>
      <c r="W5823" s="19"/>
      <c r="X5823" s="19"/>
      <c r="Y5823" s="19"/>
      <c r="Z5823" s="19"/>
      <c r="AA5823" s="19"/>
    </row>
    <row r="5824" spans="1:27" s="1" customFormat="1" ht="14.1" customHeight="1" outlineLevel="2" x14ac:dyDescent="0.2">
      <c r="A5824" s="17">
        <v>16813</v>
      </c>
      <c r="B5824" s="17"/>
      <c r="C5824" s="17"/>
      <c r="D5824" s="18" t="s">
        <v>2895</v>
      </c>
      <c r="E5824" s="18"/>
      <c r="F5824" s="18"/>
      <c r="G5824" s="18"/>
      <c r="H5824" s="18"/>
      <c r="I5824" s="18"/>
      <c r="J5824" s="18"/>
      <c r="K5824" s="18"/>
      <c r="L5824" s="18"/>
      <c r="M5824" s="18"/>
      <c r="N5824" s="18"/>
      <c r="O5824" s="18"/>
      <c r="P5824" s="19">
        <v>90</v>
      </c>
      <c r="Q5824" s="19"/>
      <c r="R5824" s="19"/>
      <c r="S5824" s="19"/>
      <c r="T5824" s="19">
        <v>50</v>
      </c>
      <c r="U5824" s="19"/>
      <c r="V5824" s="19"/>
      <c r="W5824" s="19"/>
      <c r="X5824" s="19">
        <v>1</v>
      </c>
      <c r="Y5824" s="19"/>
      <c r="Z5824" s="19"/>
      <c r="AA5824" s="19"/>
    </row>
    <row r="5825" spans="1:27" s="1" customFormat="1" ht="14.1" customHeight="1" outlineLevel="2" x14ac:dyDescent="0.2">
      <c r="A5825" s="17"/>
      <c r="B5825" s="17"/>
      <c r="C5825" s="17"/>
      <c r="D5825" s="18"/>
      <c r="E5825" s="18"/>
      <c r="F5825" s="18"/>
      <c r="G5825" s="18"/>
      <c r="H5825" s="18"/>
      <c r="I5825" s="18"/>
      <c r="J5825" s="18"/>
      <c r="K5825" s="18"/>
      <c r="L5825" s="18"/>
      <c r="M5825" s="18"/>
      <c r="N5825" s="18"/>
      <c r="O5825" s="18"/>
      <c r="P5825" s="19"/>
      <c r="Q5825" s="19"/>
      <c r="R5825" s="19"/>
      <c r="S5825" s="19"/>
      <c r="T5825" s="19"/>
      <c r="U5825" s="19"/>
      <c r="V5825" s="19"/>
      <c r="W5825" s="19"/>
      <c r="X5825" s="19"/>
      <c r="Y5825" s="19"/>
      <c r="Z5825" s="19"/>
      <c r="AA5825" s="19"/>
    </row>
    <row r="5826" spans="1:27" s="1" customFormat="1" ht="14.1" customHeight="1" outlineLevel="2" x14ac:dyDescent="0.2">
      <c r="A5826" s="17">
        <v>12685</v>
      </c>
      <c r="B5826" s="17"/>
      <c r="C5826" s="17"/>
      <c r="D5826" s="18" t="s">
        <v>2896</v>
      </c>
      <c r="E5826" s="18"/>
      <c r="F5826" s="18"/>
      <c r="G5826" s="18"/>
      <c r="H5826" s="18"/>
      <c r="I5826" s="18"/>
      <c r="J5826" s="18"/>
      <c r="K5826" s="18"/>
      <c r="L5826" s="18"/>
      <c r="M5826" s="18"/>
      <c r="N5826" s="18"/>
      <c r="O5826" s="18"/>
      <c r="P5826" s="19">
        <v>80</v>
      </c>
      <c r="Q5826" s="19"/>
      <c r="R5826" s="19"/>
      <c r="S5826" s="19"/>
      <c r="T5826" s="19">
        <v>50</v>
      </c>
      <c r="U5826" s="19"/>
      <c r="V5826" s="19"/>
      <c r="W5826" s="19"/>
      <c r="X5826" s="19">
        <v>1</v>
      </c>
      <c r="Y5826" s="19"/>
      <c r="Z5826" s="19"/>
      <c r="AA5826" s="19"/>
    </row>
    <row r="5827" spans="1:27" s="1" customFormat="1" ht="14.1" customHeight="1" outlineLevel="2" x14ac:dyDescent="0.2">
      <c r="A5827" s="17"/>
      <c r="B5827" s="17"/>
      <c r="C5827" s="17"/>
      <c r="D5827" s="18"/>
      <c r="E5827" s="18"/>
      <c r="F5827" s="18"/>
      <c r="G5827" s="18"/>
      <c r="H5827" s="18"/>
      <c r="I5827" s="18"/>
      <c r="J5827" s="18"/>
      <c r="K5827" s="18"/>
      <c r="L5827" s="18"/>
      <c r="M5827" s="18"/>
      <c r="N5827" s="18"/>
      <c r="O5827" s="18"/>
      <c r="P5827" s="19"/>
      <c r="Q5827" s="19"/>
      <c r="R5827" s="19"/>
      <c r="S5827" s="19"/>
      <c r="T5827" s="19"/>
      <c r="U5827" s="19"/>
      <c r="V5827" s="19"/>
      <c r="W5827" s="19"/>
      <c r="X5827" s="19"/>
      <c r="Y5827" s="19"/>
      <c r="Z5827" s="19"/>
      <c r="AA5827" s="19"/>
    </row>
    <row r="5828" spans="1:27" s="1" customFormat="1" ht="11.1" customHeight="1" outlineLevel="2" x14ac:dyDescent="0.2">
      <c r="A5828" s="17">
        <v>12830</v>
      </c>
      <c r="B5828" s="17"/>
      <c r="C5828" s="17"/>
      <c r="D5828" s="18" t="s">
        <v>2897</v>
      </c>
      <c r="E5828" s="18"/>
      <c r="F5828" s="18"/>
      <c r="G5828" s="18"/>
      <c r="H5828" s="18"/>
      <c r="I5828" s="18"/>
      <c r="J5828" s="18"/>
      <c r="K5828" s="18"/>
      <c r="L5828" s="18"/>
      <c r="M5828" s="18"/>
      <c r="N5828" s="18"/>
      <c r="O5828" s="18"/>
      <c r="P5828" s="19">
        <v>75</v>
      </c>
      <c r="Q5828" s="19"/>
      <c r="R5828" s="19"/>
      <c r="S5828" s="19"/>
      <c r="T5828" s="19">
        <v>50</v>
      </c>
      <c r="U5828" s="19"/>
      <c r="V5828" s="19"/>
      <c r="W5828" s="19"/>
      <c r="X5828" s="19">
        <v>1</v>
      </c>
      <c r="Y5828" s="19"/>
      <c r="Z5828" s="19"/>
      <c r="AA5828" s="19"/>
    </row>
    <row r="5829" spans="1:27" s="1" customFormat="1" ht="11.1" customHeight="1" outlineLevel="2" x14ac:dyDescent="0.2">
      <c r="A5829" s="17"/>
      <c r="B5829" s="17"/>
      <c r="C5829" s="17"/>
      <c r="D5829" s="18"/>
      <c r="E5829" s="18"/>
      <c r="F5829" s="18"/>
      <c r="G5829" s="18"/>
      <c r="H5829" s="18"/>
      <c r="I5829" s="18"/>
      <c r="J5829" s="18"/>
      <c r="K5829" s="18"/>
      <c r="L5829" s="18"/>
      <c r="M5829" s="18"/>
      <c r="N5829" s="18"/>
      <c r="O5829" s="18"/>
      <c r="P5829" s="19"/>
      <c r="Q5829" s="19"/>
      <c r="R5829" s="19"/>
      <c r="S5829" s="19"/>
      <c r="T5829" s="19"/>
      <c r="U5829" s="19"/>
      <c r="V5829" s="19"/>
      <c r="W5829" s="19"/>
      <c r="X5829" s="19"/>
      <c r="Y5829" s="19"/>
      <c r="Z5829" s="19"/>
      <c r="AA5829" s="19"/>
    </row>
    <row r="5830" spans="1:27" s="1" customFormat="1" ht="14.1" customHeight="1" outlineLevel="2" x14ac:dyDescent="0.2">
      <c r="A5830" s="17">
        <v>17536</v>
      </c>
      <c r="B5830" s="17"/>
      <c r="C5830" s="17"/>
      <c r="D5830" s="18" t="s">
        <v>2898</v>
      </c>
      <c r="E5830" s="18"/>
      <c r="F5830" s="18"/>
      <c r="G5830" s="18"/>
      <c r="H5830" s="18"/>
      <c r="I5830" s="18"/>
      <c r="J5830" s="18"/>
      <c r="K5830" s="18"/>
      <c r="L5830" s="18"/>
      <c r="M5830" s="18"/>
      <c r="N5830" s="18"/>
      <c r="O5830" s="18"/>
      <c r="P5830" s="19">
        <v>150</v>
      </c>
      <c r="Q5830" s="19"/>
      <c r="R5830" s="19"/>
      <c r="S5830" s="19"/>
      <c r="T5830" s="19">
        <v>70</v>
      </c>
      <c r="U5830" s="19"/>
      <c r="V5830" s="19"/>
      <c r="W5830" s="19"/>
      <c r="X5830" s="19">
        <v>1</v>
      </c>
      <c r="Y5830" s="19"/>
      <c r="Z5830" s="19"/>
      <c r="AA5830" s="19"/>
    </row>
    <row r="5831" spans="1:27" s="1" customFormat="1" ht="14.1" customHeight="1" outlineLevel="2" x14ac:dyDescent="0.2">
      <c r="A5831" s="17"/>
      <c r="B5831" s="17"/>
      <c r="C5831" s="17"/>
      <c r="D5831" s="18"/>
      <c r="E5831" s="18"/>
      <c r="F5831" s="18"/>
      <c r="G5831" s="18"/>
      <c r="H5831" s="18"/>
      <c r="I5831" s="18"/>
      <c r="J5831" s="18"/>
      <c r="K5831" s="18"/>
      <c r="L5831" s="18"/>
      <c r="M5831" s="18"/>
      <c r="N5831" s="18"/>
      <c r="O5831" s="18"/>
      <c r="P5831" s="19"/>
      <c r="Q5831" s="19"/>
      <c r="R5831" s="19"/>
      <c r="S5831" s="19"/>
      <c r="T5831" s="19"/>
      <c r="U5831" s="19"/>
      <c r="V5831" s="19"/>
      <c r="W5831" s="19"/>
      <c r="X5831" s="19"/>
      <c r="Y5831" s="19"/>
      <c r="Z5831" s="19"/>
      <c r="AA5831" s="19"/>
    </row>
    <row r="5832" spans="1:27" s="1" customFormat="1" ht="11.1" customHeight="1" outlineLevel="2" x14ac:dyDescent="0.2">
      <c r="A5832" s="17">
        <v>15208</v>
      </c>
      <c r="B5832" s="17"/>
      <c r="C5832" s="17"/>
      <c r="D5832" s="18" t="s">
        <v>2899</v>
      </c>
      <c r="E5832" s="18"/>
      <c r="F5832" s="18"/>
      <c r="G5832" s="18"/>
      <c r="H5832" s="18"/>
      <c r="I5832" s="18"/>
      <c r="J5832" s="18"/>
      <c r="K5832" s="18"/>
      <c r="L5832" s="18"/>
      <c r="M5832" s="18"/>
      <c r="N5832" s="18"/>
      <c r="O5832" s="18"/>
      <c r="P5832" s="19">
        <v>140</v>
      </c>
      <c r="Q5832" s="19"/>
      <c r="R5832" s="19"/>
      <c r="S5832" s="19"/>
      <c r="T5832" s="19">
        <v>100</v>
      </c>
      <c r="U5832" s="19"/>
      <c r="V5832" s="19"/>
      <c r="W5832" s="19"/>
      <c r="X5832" s="19">
        <v>1</v>
      </c>
      <c r="Y5832" s="19"/>
      <c r="Z5832" s="19"/>
      <c r="AA5832" s="19"/>
    </row>
    <row r="5833" spans="1:27" s="1" customFormat="1" ht="11.1" customHeight="1" outlineLevel="2" x14ac:dyDescent="0.2">
      <c r="A5833" s="17"/>
      <c r="B5833" s="17"/>
      <c r="C5833" s="17"/>
      <c r="D5833" s="18"/>
      <c r="E5833" s="18"/>
      <c r="F5833" s="18"/>
      <c r="G5833" s="18"/>
      <c r="H5833" s="18"/>
      <c r="I5833" s="18"/>
      <c r="J5833" s="18"/>
      <c r="K5833" s="18"/>
      <c r="L5833" s="18"/>
      <c r="M5833" s="18"/>
      <c r="N5833" s="18"/>
      <c r="O5833" s="18"/>
      <c r="P5833" s="19"/>
      <c r="Q5833" s="19"/>
      <c r="R5833" s="19"/>
      <c r="S5833" s="19"/>
      <c r="T5833" s="19"/>
      <c r="U5833" s="19"/>
      <c r="V5833" s="19"/>
      <c r="W5833" s="19"/>
      <c r="X5833" s="19"/>
      <c r="Y5833" s="19"/>
      <c r="Z5833" s="19"/>
      <c r="AA5833" s="19"/>
    </row>
    <row r="5834" spans="1:27" s="1" customFormat="1" ht="11.1" customHeight="1" outlineLevel="2" x14ac:dyDescent="0.2">
      <c r="A5834" s="17">
        <v>16119</v>
      </c>
      <c r="B5834" s="17"/>
      <c r="C5834" s="17"/>
      <c r="D5834" s="18" t="s">
        <v>2900</v>
      </c>
      <c r="E5834" s="18"/>
      <c r="F5834" s="18"/>
      <c r="G5834" s="18"/>
      <c r="H5834" s="18"/>
      <c r="I5834" s="18"/>
      <c r="J5834" s="18"/>
      <c r="K5834" s="18"/>
      <c r="L5834" s="18"/>
      <c r="M5834" s="18"/>
      <c r="N5834" s="18"/>
      <c r="O5834" s="18"/>
      <c r="P5834" s="19">
        <v>250</v>
      </c>
      <c r="Q5834" s="19"/>
      <c r="R5834" s="19"/>
      <c r="S5834" s="19"/>
      <c r="T5834" s="19">
        <v>200</v>
      </c>
      <c r="U5834" s="19"/>
      <c r="V5834" s="19"/>
      <c r="W5834" s="19"/>
      <c r="X5834" s="19">
        <v>1</v>
      </c>
      <c r="Y5834" s="19"/>
      <c r="Z5834" s="19"/>
      <c r="AA5834" s="19"/>
    </row>
    <row r="5835" spans="1:27" s="1" customFormat="1" ht="11.1" customHeight="1" outlineLevel="2" x14ac:dyDescent="0.2">
      <c r="A5835" s="17"/>
      <c r="B5835" s="17"/>
      <c r="C5835" s="17"/>
      <c r="D5835" s="18"/>
      <c r="E5835" s="18"/>
      <c r="F5835" s="18"/>
      <c r="G5835" s="18"/>
      <c r="H5835" s="18"/>
      <c r="I5835" s="18"/>
      <c r="J5835" s="18"/>
      <c r="K5835" s="18"/>
      <c r="L5835" s="18"/>
      <c r="M5835" s="18"/>
      <c r="N5835" s="18"/>
      <c r="O5835" s="18"/>
      <c r="P5835" s="19"/>
      <c r="Q5835" s="19"/>
      <c r="R5835" s="19"/>
      <c r="S5835" s="19"/>
      <c r="T5835" s="19"/>
      <c r="U5835" s="19"/>
      <c r="V5835" s="19"/>
      <c r="W5835" s="19"/>
      <c r="X5835" s="19"/>
      <c r="Y5835" s="19"/>
      <c r="Z5835" s="19"/>
      <c r="AA5835" s="19"/>
    </row>
    <row r="5836" spans="1:27" s="1" customFormat="1" ht="11.1" customHeight="1" outlineLevel="2" x14ac:dyDescent="0.2">
      <c r="A5836" s="17">
        <v>16695</v>
      </c>
      <c r="B5836" s="17"/>
      <c r="C5836" s="17"/>
      <c r="D5836" s="18" t="s">
        <v>2901</v>
      </c>
      <c r="E5836" s="18"/>
      <c r="F5836" s="18"/>
      <c r="G5836" s="18"/>
      <c r="H5836" s="18"/>
      <c r="I5836" s="18"/>
      <c r="J5836" s="18"/>
      <c r="K5836" s="18"/>
      <c r="L5836" s="18"/>
      <c r="M5836" s="18"/>
      <c r="N5836" s="18"/>
      <c r="O5836" s="18"/>
      <c r="P5836" s="19">
        <v>200</v>
      </c>
      <c r="Q5836" s="19"/>
      <c r="R5836" s="19"/>
      <c r="S5836" s="19"/>
      <c r="T5836" s="19">
        <v>100</v>
      </c>
      <c r="U5836" s="19"/>
      <c r="V5836" s="19"/>
      <c r="W5836" s="19"/>
      <c r="X5836" s="19">
        <v>1</v>
      </c>
      <c r="Y5836" s="19"/>
      <c r="Z5836" s="19"/>
      <c r="AA5836" s="19"/>
    </row>
    <row r="5837" spans="1:27" s="1" customFormat="1" ht="11.1" customHeight="1" outlineLevel="2" x14ac:dyDescent="0.2">
      <c r="A5837" s="17"/>
      <c r="B5837" s="17"/>
      <c r="C5837" s="17"/>
      <c r="D5837" s="18"/>
      <c r="E5837" s="18"/>
      <c r="F5837" s="18"/>
      <c r="G5837" s="18"/>
      <c r="H5837" s="18"/>
      <c r="I5837" s="18"/>
      <c r="J5837" s="18"/>
      <c r="K5837" s="18"/>
      <c r="L5837" s="18"/>
      <c r="M5837" s="18"/>
      <c r="N5837" s="18"/>
      <c r="O5837" s="18"/>
      <c r="P5837" s="19"/>
      <c r="Q5837" s="19"/>
      <c r="R5837" s="19"/>
      <c r="S5837" s="19"/>
      <c r="T5837" s="19"/>
      <c r="U5837" s="19"/>
      <c r="V5837" s="19"/>
      <c r="W5837" s="19"/>
      <c r="X5837" s="19"/>
      <c r="Y5837" s="19"/>
      <c r="Z5837" s="19"/>
      <c r="AA5837" s="19"/>
    </row>
    <row r="5838" spans="1:27" s="1" customFormat="1" ht="11.1" customHeight="1" outlineLevel="2" x14ac:dyDescent="0.2">
      <c r="A5838" s="17">
        <v>15116</v>
      </c>
      <c r="B5838" s="17"/>
      <c r="C5838" s="17"/>
      <c r="D5838" s="18" t="s">
        <v>2902</v>
      </c>
      <c r="E5838" s="18"/>
      <c r="F5838" s="18"/>
      <c r="G5838" s="18"/>
      <c r="H5838" s="18"/>
      <c r="I5838" s="18"/>
      <c r="J5838" s="18"/>
      <c r="K5838" s="18"/>
      <c r="L5838" s="18"/>
      <c r="M5838" s="18"/>
      <c r="N5838" s="18"/>
      <c r="O5838" s="18"/>
      <c r="P5838" s="19">
        <v>140</v>
      </c>
      <c r="Q5838" s="19"/>
      <c r="R5838" s="19"/>
      <c r="S5838" s="19"/>
      <c r="T5838" s="19">
        <v>100</v>
      </c>
      <c r="U5838" s="19"/>
      <c r="V5838" s="19"/>
      <c r="W5838" s="19"/>
      <c r="X5838" s="19">
        <v>2</v>
      </c>
      <c r="Y5838" s="19"/>
      <c r="Z5838" s="19"/>
      <c r="AA5838" s="19"/>
    </row>
    <row r="5839" spans="1:27" s="1" customFormat="1" ht="11.1" customHeight="1" outlineLevel="2" x14ac:dyDescent="0.2">
      <c r="A5839" s="17"/>
      <c r="B5839" s="17"/>
      <c r="C5839" s="17"/>
      <c r="D5839" s="18"/>
      <c r="E5839" s="18"/>
      <c r="F5839" s="18"/>
      <c r="G5839" s="18"/>
      <c r="H5839" s="18"/>
      <c r="I5839" s="18"/>
      <c r="J5839" s="18"/>
      <c r="K5839" s="18"/>
      <c r="L5839" s="18"/>
      <c r="M5839" s="18"/>
      <c r="N5839" s="18"/>
      <c r="O5839" s="18"/>
      <c r="P5839" s="19"/>
      <c r="Q5839" s="19"/>
      <c r="R5839" s="19"/>
      <c r="S5839" s="19"/>
      <c r="T5839" s="19"/>
      <c r="U5839" s="19"/>
      <c r="V5839" s="19"/>
      <c r="W5839" s="19"/>
      <c r="X5839" s="19"/>
      <c r="Y5839" s="19"/>
      <c r="Z5839" s="19"/>
      <c r="AA5839" s="19"/>
    </row>
    <row r="5840" spans="1:27" s="1" customFormat="1" ht="14.1" customHeight="1" outlineLevel="2" x14ac:dyDescent="0.2">
      <c r="A5840" s="17">
        <v>17026</v>
      </c>
      <c r="B5840" s="17"/>
      <c r="C5840" s="17"/>
      <c r="D5840" s="18" t="s">
        <v>2903</v>
      </c>
      <c r="E5840" s="18"/>
      <c r="F5840" s="18"/>
      <c r="G5840" s="18"/>
      <c r="H5840" s="18"/>
      <c r="I5840" s="18"/>
      <c r="J5840" s="18"/>
      <c r="K5840" s="18"/>
      <c r="L5840" s="18"/>
      <c r="M5840" s="18"/>
      <c r="N5840" s="18"/>
      <c r="O5840" s="18"/>
      <c r="P5840" s="19">
        <v>150</v>
      </c>
      <c r="Q5840" s="19"/>
      <c r="R5840" s="19"/>
      <c r="S5840" s="19"/>
      <c r="T5840" s="19">
        <v>100</v>
      </c>
      <c r="U5840" s="19"/>
      <c r="V5840" s="19"/>
      <c r="W5840" s="19"/>
      <c r="X5840" s="19">
        <v>1</v>
      </c>
      <c r="Y5840" s="19"/>
      <c r="Z5840" s="19"/>
      <c r="AA5840" s="19"/>
    </row>
    <row r="5841" spans="1:27" s="1" customFormat="1" ht="14.1" customHeight="1" outlineLevel="2" x14ac:dyDescent="0.2">
      <c r="A5841" s="17"/>
      <c r="B5841" s="17"/>
      <c r="C5841" s="17"/>
      <c r="D5841" s="18"/>
      <c r="E5841" s="18"/>
      <c r="F5841" s="18"/>
      <c r="G5841" s="18"/>
      <c r="H5841" s="18"/>
      <c r="I5841" s="18"/>
      <c r="J5841" s="18"/>
      <c r="K5841" s="18"/>
      <c r="L5841" s="18"/>
      <c r="M5841" s="18"/>
      <c r="N5841" s="18"/>
      <c r="O5841" s="18"/>
      <c r="P5841" s="19"/>
      <c r="Q5841" s="19"/>
      <c r="R5841" s="19"/>
      <c r="S5841" s="19"/>
      <c r="T5841" s="19"/>
      <c r="U5841" s="19"/>
      <c r="V5841" s="19"/>
      <c r="W5841" s="19"/>
      <c r="X5841" s="19"/>
      <c r="Y5841" s="19"/>
      <c r="Z5841" s="19"/>
      <c r="AA5841" s="19"/>
    </row>
    <row r="5842" spans="1:27" s="1" customFormat="1" ht="14.1" customHeight="1" outlineLevel="2" x14ac:dyDescent="0.2">
      <c r="A5842" s="17">
        <v>18068</v>
      </c>
      <c r="B5842" s="17"/>
      <c r="C5842" s="17"/>
      <c r="D5842" s="18" t="s">
        <v>2904</v>
      </c>
      <c r="E5842" s="18"/>
      <c r="F5842" s="18"/>
      <c r="G5842" s="18"/>
      <c r="H5842" s="18"/>
      <c r="I5842" s="18"/>
      <c r="J5842" s="18"/>
      <c r="K5842" s="18"/>
      <c r="L5842" s="18"/>
      <c r="M5842" s="18"/>
      <c r="N5842" s="18"/>
      <c r="O5842" s="18"/>
      <c r="P5842" s="19">
        <v>150</v>
      </c>
      <c r="Q5842" s="19"/>
      <c r="R5842" s="19"/>
      <c r="S5842" s="19"/>
      <c r="T5842" s="19">
        <v>100</v>
      </c>
      <c r="U5842" s="19"/>
      <c r="V5842" s="19"/>
      <c r="W5842" s="19"/>
      <c r="X5842" s="19">
        <v>1</v>
      </c>
      <c r="Y5842" s="19"/>
      <c r="Z5842" s="19"/>
      <c r="AA5842" s="19"/>
    </row>
    <row r="5843" spans="1:27" s="1" customFormat="1" ht="14.1" customHeight="1" outlineLevel="2" x14ac:dyDescent="0.2">
      <c r="A5843" s="17"/>
      <c r="B5843" s="17"/>
      <c r="C5843" s="17"/>
      <c r="D5843" s="18"/>
      <c r="E5843" s="18"/>
      <c r="F5843" s="18"/>
      <c r="G5843" s="18"/>
      <c r="H5843" s="18"/>
      <c r="I5843" s="18"/>
      <c r="J5843" s="18"/>
      <c r="K5843" s="18"/>
      <c r="L5843" s="18"/>
      <c r="M5843" s="18"/>
      <c r="N5843" s="18"/>
      <c r="O5843" s="18"/>
      <c r="P5843" s="19"/>
      <c r="Q5843" s="19"/>
      <c r="R5843" s="19"/>
      <c r="S5843" s="19"/>
      <c r="T5843" s="19"/>
      <c r="U5843" s="19"/>
      <c r="V5843" s="19"/>
      <c r="W5843" s="19"/>
      <c r="X5843" s="19"/>
      <c r="Y5843" s="19"/>
      <c r="Z5843" s="19"/>
      <c r="AA5843" s="19"/>
    </row>
    <row r="5844" spans="1:27" s="1" customFormat="1" ht="14.1" customHeight="1" outlineLevel="2" x14ac:dyDescent="0.2">
      <c r="A5844" s="17">
        <v>17906</v>
      </c>
      <c r="B5844" s="17"/>
      <c r="C5844" s="17"/>
      <c r="D5844" s="18" t="s">
        <v>2905</v>
      </c>
      <c r="E5844" s="18"/>
      <c r="F5844" s="18"/>
      <c r="G5844" s="18"/>
      <c r="H5844" s="18"/>
      <c r="I5844" s="18"/>
      <c r="J5844" s="18"/>
      <c r="K5844" s="18"/>
      <c r="L5844" s="18"/>
      <c r="M5844" s="18"/>
      <c r="N5844" s="18"/>
      <c r="O5844" s="18"/>
      <c r="P5844" s="19">
        <v>150</v>
      </c>
      <c r="Q5844" s="19"/>
      <c r="R5844" s="19"/>
      <c r="S5844" s="19"/>
      <c r="T5844" s="19">
        <v>100</v>
      </c>
      <c r="U5844" s="19"/>
      <c r="V5844" s="19"/>
      <c r="W5844" s="19"/>
      <c r="X5844" s="19">
        <v>1</v>
      </c>
      <c r="Y5844" s="19"/>
      <c r="Z5844" s="19"/>
      <c r="AA5844" s="19"/>
    </row>
    <row r="5845" spans="1:27" s="1" customFormat="1" ht="14.1" customHeight="1" outlineLevel="2" x14ac:dyDescent="0.2">
      <c r="A5845" s="17"/>
      <c r="B5845" s="17"/>
      <c r="C5845" s="17"/>
      <c r="D5845" s="18"/>
      <c r="E5845" s="18"/>
      <c r="F5845" s="18"/>
      <c r="G5845" s="18"/>
      <c r="H5845" s="18"/>
      <c r="I5845" s="18"/>
      <c r="J5845" s="18"/>
      <c r="K5845" s="18"/>
      <c r="L5845" s="18"/>
      <c r="M5845" s="18"/>
      <c r="N5845" s="18"/>
      <c r="O5845" s="18"/>
      <c r="P5845" s="19"/>
      <c r="Q5845" s="19"/>
      <c r="R5845" s="19"/>
      <c r="S5845" s="19"/>
      <c r="T5845" s="19"/>
      <c r="U5845" s="19"/>
      <c r="V5845" s="19"/>
      <c r="W5845" s="19"/>
      <c r="X5845" s="19"/>
      <c r="Y5845" s="19"/>
      <c r="Z5845" s="19"/>
      <c r="AA5845" s="19"/>
    </row>
    <row r="5846" spans="1:27" s="1" customFormat="1" ht="14.1" customHeight="1" outlineLevel="2" x14ac:dyDescent="0.2">
      <c r="A5846" s="17">
        <v>13572</v>
      </c>
      <c r="B5846" s="17"/>
      <c r="C5846" s="17"/>
      <c r="D5846" s="18" t="s">
        <v>2906</v>
      </c>
      <c r="E5846" s="18"/>
      <c r="F5846" s="18"/>
      <c r="G5846" s="18"/>
      <c r="H5846" s="18"/>
      <c r="I5846" s="18"/>
      <c r="J5846" s="18"/>
      <c r="K5846" s="18"/>
      <c r="L5846" s="18"/>
      <c r="M5846" s="18"/>
      <c r="N5846" s="18"/>
      <c r="O5846" s="18"/>
      <c r="P5846" s="19">
        <v>50</v>
      </c>
      <c r="Q5846" s="19"/>
      <c r="R5846" s="19"/>
      <c r="S5846" s="19"/>
      <c r="T5846" s="19">
        <v>30</v>
      </c>
      <c r="U5846" s="19"/>
      <c r="V5846" s="19"/>
      <c r="W5846" s="19"/>
      <c r="X5846" s="19">
        <v>40</v>
      </c>
      <c r="Y5846" s="19"/>
      <c r="Z5846" s="19"/>
      <c r="AA5846" s="19"/>
    </row>
    <row r="5847" spans="1:27" s="1" customFormat="1" ht="14.1" customHeight="1" outlineLevel="2" x14ac:dyDescent="0.2">
      <c r="A5847" s="17"/>
      <c r="B5847" s="17"/>
      <c r="C5847" s="17"/>
      <c r="D5847" s="18"/>
      <c r="E5847" s="18"/>
      <c r="F5847" s="18"/>
      <c r="G5847" s="18"/>
      <c r="H5847" s="18"/>
      <c r="I5847" s="18"/>
      <c r="J5847" s="18"/>
      <c r="K5847" s="18"/>
      <c r="L5847" s="18"/>
      <c r="M5847" s="18"/>
      <c r="N5847" s="18"/>
      <c r="O5847" s="18"/>
      <c r="P5847" s="19"/>
      <c r="Q5847" s="19"/>
      <c r="R5847" s="19"/>
      <c r="S5847" s="19"/>
      <c r="T5847" s="19"/>
      <c r="U5847" s="19"/>
      <c r="V5847" s="19"/>
      <c r="W5847" s="19"/>
      <c r="X5847" s="19"/>
      <c r="Y5847" s="19"/>
      <c r="Z5847" s="19"/>
      <c r="AA5847" s="19"/>
    </row>
    <row r="5848" spans="1:27" s="1" customFormat="1" ht="14.1" customHeight="1" outlineLevel="2" x14ac:dyDescent="0.2">
      <c r="A5848" s="17">
        <v>13573</v>
      </c>
      <c r="B5848" s="17"/>
      <c r="C5848" s="17"/>
      <c r="D5848" s="18" t="s">
        <v>2907</v>
      </c>
      <c r="E5848" s="18"/>
      <c r="F5848" s="18"/>
      <c r="G5848" s="18"/>
      <c r="H5848" s="18"/>
      <c r="I5848" s="18"/>
      <c r="J5848" s="18"/>
      <c r="K5848" s="18"/>
      <c r="L5848" s="18"/>
      <c r="M5848" s="18"/>
      <c r="N5848" s="18"/>
      <c r="O5848" s="18"/>
      <c r="P5848" s="19">
        <v>110</v>
      </c>
      <c r="Q5848" s="19"/>
      <c r="R5848" s="19"/>
      <c r="S5848" s="19"/>
      <c r="T5848" s="19">
        <v>70</v>
      </c>
      <c r="U5848" s="19"/>
      <c r="V5848" s="19"/>
      <c r="W5848" s="19"/>
      <c r="X5848" s="19">
        <v>39</v>
      </c>
      <c r="Y5848" s="19"/>
      <c r="Z5848" s="19"/>
      <c r="AA5848" s="19"/>
    </row>
    <row r="5849" spans="1:27" s="1" customFormat="1" ht="14.1" customHeight="1" outlineLevel="2" x14ac:dyDescent="0.2">
      <c r="A5849" s="17"/>
      <c r="B5849" s="17"/>
      <c r="C5849" s="17"/>
      <c r="D5849" s="18"/>
      <c r="E5849" s="18"/>
      <c r="F5849" s="18"/>
      <c r="G5849" s="18"/>
      <c r="H5849" s="18"/>
      <c r="I5849" s="18"/>
      <c r="J5849" s="18"/>
      <c r="K5849" s="18"/>
      <c r="L5849" s="18"/>
      <c r="M5849" s="18"/>
      <c r="N5849" s="18"/>
      <c r="O5849" s="18"/>
      <c r="P5849" s="19"/>
      <c r="Q5849" s="19"/>
      <c r="R5849" s="19"/>
      <c r="S5849" s="19"/>
      <c r="T5849" s="19"/>
      <c r="U5849" s="19"/>
      <c r="V5849" s="19"/>
      <c r="W5849" s="19"/>
      <c r="X5849" s="19"/>
      <c r="Y5849" s="19"/>
      <c r="Z5849" s="19"/>
      <c r="AA5849" s="19"/>
    </row>
    <row r="5850" spans="1:27" s="1" customFormat="1" ht="14.1" customHeight="1" outlineLevel="2" x14ac:dyDescent="0.2">
      <c r="A5850" s="17">
        <v>17377</v>
      </c>
      <c r="B5850" s="17"/>
      <c r="C5850" s="17"/>
      <c r="D5850" s="18" t="s">
        <v>2908</v>
      </c>
      <c r="E5850" s="18"/>
      <c r="F5850" s="18"/>
      <c r="G5850" s="18"/>
      <c r="H5850" s="18"/>
      <c r="I5850" s="18"/>
      <c r="J5850" s="18"/>
      <c r="K5850" s="18"/>
      <c r="L5850" s="18"/>
      <c r="M5850" s="18"/>
      <c r="N5850" s="18"/>
      <c r="O5850" s="18"/>
      <c r="P5850" s="19">
        <v>150</v>
      </c>
      <c r="Q5850" s="19"/>
      <c r="R5850" s="19"/>
      <c r="S5850" s="19"/>
      <c r="T5850" s="19">
        <v>70</v>
      </c>
      <c r="U5850" s="19"/>
      <c r="V5850" s="19"/>
      <c r="W5850" s="19"/>
      <c r="X5850" s="19">
        <v>1</v>
      </c>
      <c r="Y5850" s="19"/>
      <c r="Z5850" s="19"/>
      <c r="AA5850" s="19"/>
    </row>
    <row r="5851" spans="1:27" s="1" customFormat="1" ht="14.1" customHeight="1" outlineLevel="2" x14ac:dyDescent="0.2">
      <c r="A5851" s="17"/>
      <c r="B5851" s="17"/>
      <c r="C5851" s="17"/>
      <c r="D5851" s="18"/>
      <c r="E5851" s="18"/>
      <c r="F5851" s="18"/>
      <c r="G5851" s="18"/>
      <c r="H5851" s="18"/>
      <c r="I5851" s="18"/>
      <c r="J5851" s="18"/>
      <c r="K5851" s="18"/>
      <c r="L5851" s="18"/>
      <c r="M5851" s="18"/>
      <c r="N5851" s="18"/>
      <c r="O5851" s="18"/>
      <c r="P5851" s="19"/>
      <c r="Q5851" s="19"/>
      <c r="R5851" s="19"/>
      <c r="S5851" s="19"/>
      <c r="T5851" s="19"/>
      <c r="U5851" s="19"/>
      <c r="V5851" s="19"/>
      <c r="W5851" s="19"/>
      <c r="X5851" s="19"/>
      <c r="Y5851" s="19"/>
      <c r="Z5851" s="19"/>
      <c r="AA5851" s="19"/>
    </row>
    <row r="5852" spans="1:27" s="1" customFormat="1" ht="14.1" customHeight="1" outlineLevel="2" x14ac:dyDescent="0.2">
      <c r="A5852" s="17">
        <v>12746</v>
      </c>
      <c r="B5852" s="17"/>
      <c r="C5852" s="17"/>
      <c r="D5852" s="18" t="s">
        <v>2909</v>
      </c>
      <c r="E5852" s="18"/>
      <c r="F5852" s="18"/>
      <c r="G5852" s="18"/>
      <c r="H5852" s="18"/>
      <c r="I5852" s="18"/>
      <c r="J5852" s="18"/>
      <c r="K5852" s="18"/>
      <c r="L5852" s="18"/>
      <c r="M5852" s="18"/>
      <c r="N5852" s="18"/>
      <c r="O5852" s="18"/>
      <c r="P5852" s="19">
        <v>50</v>
      </c>
      <c r="Q5852" s="19"/>
      <c r="R5852" s="19"/>
      <c r="S5852" s="19"/>
      <c r="T5852" s="19">
        <v>30</v>
      </c>
      <c r="U5852" s="19"/>
      <c r="V5852" s="19"/>
      <c r="W5852" s="19"/>
      <c r="X5852" s="19">
        <v>39</v>
      </c>
      <c r="Y5852" s="19"/>
      <c r="Z5852" s="19"/>
      <c r="AA5852" s="19"/>
    </row>
    <row r="5853" spans="1:27" s="1" customFormat="1" ht="14.1" customHeight="1" outlineLevel="2" x14ac:dyDescent="0.2">
      <c r="A5853" s="17"/>
      <c r="B5853" s="17"/>
      <c r="C5853" s="17"/>
      <c r="D5853" s="18"/>
      <c r="E5853" s="18"/>
      <c r="F5853" s="18"/>
      <c r="G5853" s="18"/>
      <c r="H5853" s="18"/>
      <c r="I5853" s="18"/>
      <c r="J5853" s="18"/>
      <c r="K5853" s="18"/>
      <c r="L5853" s="18"/>
      <c r="M5853" s="18"/>
      <c r="N5853" s="18"/>
      <c r="O5853" s="18"/>
      <c r="P5853" s="19"/>
      <c r="Q5853" s="19"/>
      <c r="R5853" s="19"/>
      <c r="S5853" s="19"/>
      <c r="T5853" s="19"/>
      <c r="U5853" s="19"/>
      <c r="V5853" s="19"/>
      <c r="W5853" s="19"/>
      <c r="X5853" s="19"/>
      <c r="Y5853" s="19"/>
      <c r="Z5853" s="19"/>
      <c r="AA5853" s="19"/>
    </row>
    <row r="5854" spans="1:27" s="1" customFormat="1" ht="14.1" customHeight="1" outlineLevel="2" x14ac:dyDescent="0.2">
      <c r="A5854" s="17">
        <v>12081</v>
      </c>
      <c r="B5854" s="17"/>
      <c r="C5854" s="17"/>
      <c r="D5854" s="18" t="s">
        <v>2910</v>
      </c>
      <c r="E5854" s="18"/>
      <c r="F5854" s="18"/>
      <c r="G5854" s="18"/>
      <c r="H5854" s="18"/>
      <c r="I5854" s="18"/>
      <c r="J5854" s="18"/>
      <c r="K5854" s="18"/>
      <c r="L5854" s="18"/>
      <c r="M5854" s="18"/>
      <c r="N5854" s="18"/>
      <c r="O5854" s="18"/>
      <c r="P5854" s="19">
        <v>120</v>
      </c>
      <c r="Q5854" s="19"/>
      <c r="R5854" s="19"/>
      <c r="S5854" s="19"/>
      <c r="T5854" s="19">
        <v>80</v>
      </c>
      <c r="U5854" s="19"/>
      <c r="V5854" s="19"/>
      <c r="W5854" s="19"/>
      <c r="X5854" s="19">
        <v>1</v>
      </c>
      <c r="Y5854" s="19"/>
      <c r="Z5854" s="19"/>
      <c r="AA5854" s="19"/>
    </row>
    <row r="5855" spans="1:27" s="1" customFormat="1" ht="14.1" customHeight="1" outlineLevel="2" x14ac:dyDescent="0.2">
      <c r="A5855" s="17"/>
      <c r="B5855" s="17"/>
      <c r="C5855" s="17"/>
      <c r="D5855" s="18"/>
      <c r="E5855" s="18"/>
      <c r="F5855" s="18"/>
      <c r="G5855" s="18"/>
      <c r="H5855" s="18"/>
      <c r="I5855" s="18"/>
      <c r="J5855" s="18"/>
      <c r="K5855" s="18"/>
      <c r="L5855" s="18"/>
      <c r="M5855" s="18"/>
      <c r="N5855" s="18"/>
      <c r="O5855" s="18"/>
      <c r="P5855" s="19"/>
      <c r="Q5855" s="19"/>
      <c r="R5855" s="19"/>
      <c r="S5855" s="19"/>
      <c r="T5855" s="19"/>
      <c r="U5855" s="19"/>
      <c r="V5855" s="19"/>
      <c r="W5855" s="19"/>
      <c r="X5855" s="19"/>
      <c r="Y5855" s="19"/>
      <c r="Z5855" s="19"/>
      <c r="AA5855" s="19"/>
    </row>
    <row r="5856" spans="1:27" s="1" customFormat="1" ht="14.1" customHeight="1" outlineLevel="2" x14ac:dyDescent="0.2">
      <c r="A5856" s="17">
        <v>13574</v>
      </c>
      <c r="B5856" s="17"/>
      <c r="C5856" s="17"/>
      <c r="D5856" s="18" t="s">
        <v>2911</v>
      </c>
      <c r="E5856" s="18"/>
      <c r="F5856" s="18"/>
      <c r="G5856" s="18"/>
      <c r="H5856" s="18"/>
      <c r="I5856" s="18"/>
      <c r="J5856" s="18"/>
      <c r="K5856" s="18"/>
      <c r="L5856" s="18"/>
      <c r="M5856" s="18"/>
      <c r="N5856" s="18"/>
      <c r="O5856" s="18"/>
      <c r="P5856" s="19">
        <v>50</v>
      </c>
      <c r="Q5856" s="19"/>
      <c r="R5856" s="19"/>
      <c r="S5856" s="19"/>
      <c r="T5856" s="19">
        <v>30</v>
      </c>
      <c r="U5856" s="19"/>
      <c r="V5856" s="19"/>
      <c r="W5856" s="19"/>
      <c r="X5856" s="19">
        <v>39</v>
      </c>
      <c r="Y5856" s="19"/>
      <c r="Z5856" s="19"/>
      <c r="AA5856" s="19"/>
    </row>
    <row r="5857" spans="1:27" s="1" customFormat="1" ht="14.1" customHeight="1" outlineLevel="2" x14ac:dyDescent="0.2">
      <c r="A5857" s="17"/>
      <c r="B5857" s="17"/>
      <c r="C5857" s="17"/>
      <c r="D5857" s="18"/>
      <c r="E5857" s="18"/>
      <c r="F5857" s="18"/>
      <c r="G5857" s="18"/>
      <c r="H5857" s="18"/>
      <c r="I5857" s="18"/>
      <c r="J5857" s="18"/>
      <c r="K5857" s="18"/>
      <c r="L5857" s="18"/>
      <c r="M5857" s="18"/>
      <c r="N5857" s="18"/>
      <c r="O5857" s="18"/>
      <c r="P5857" s="19"/>
      <c r="Q5857" s="19"/>
      <c r="R5857" s="19"/>
      <c r="S5857" s="19"/>
      <c r="T5857" s="19"/>
      <c r="U5857" s="19"/>
      <c r="V5857" s="19"/>
      <c r="W5857" s="19"/>
      <c r="X5857" s="19"/>
      <c r="Y5857" s="19"/>
      <c r="Z5857" s="19"/>
      <c r="AA5857" s="19"/>
    </row>
    <row r="5858" spans="1:27" s="1" customFormat="1" ht="14.1" customHeight="1" outlineLevel="2" x14ac:dyDescent="0.2">
      <c r="A5858" s="17">
        <v>13575</v>
      </c>
      <c r="B5858" s="17"/>
      <c r="C5858" s="17"/>
      <c r="D5858" s="18" t="s">
        <v>2912</v>
      </c>
      <c r="E5858" s="18"/>
      <c r="F5858" s="18"/>
      <c r="G5858" s="18"/>
      <c r="H5858" s="18"/>
      <c r="I5858" s="18"/>
      <c r="J5858" s="18"/>
      <c r="K5858" s="18"/>
      <c r="L5858" s="18"/>
      <c r="M5858" s="18"/>
      <c r="N5858" s="18"/>
      <c r="O5858" s="18"/>
      <c r="P5858" s="19">
        <v>20</v>
      </c>
      <c r="Q5858" s="19"/>
      <c r="R5858" s="19"/>
      <c r="S5858" s="19"/>
      <c r="T5858" s="19">
        <v>30</v>
      </c>
      <c r="U5858" s="19"/>
      <c r="V5858" s="19"/>
      <c r="W5858" s="19"/>
      <c r="X5858" s="19">
        <v>60</v>
      </c>
      <c r="Y5858" s="19"/>
      <c r="Z5858" s="19"/>
      <c r="AA5858" s="19"/>
    </row>
    <row r="5859" spans="1:27" s="1" customFormat="1" ht="14.1" customHeight="1" outlineLevel="2" x14ac:dyDescent="0.2">
      <c r="A5859" s="17"/>
      <c r="B5859" s="17"/>
      <c r="C5859" s="17"/>
      <c r="D5859" s="18"/>
      <c r="E5859" s="18"/>
      <c r="F5859" s="18"/>
      <c r="G5859" s="18"/>
      <c r="H5859" s="18"/>
      <c r="I5859" s="18"/>
      <c r="J5859" s="18"/>
      <c r="K5859" s="18"/>
      <c r="L5859" s="18"/>
      <c r="M5859" s="18"/>
      <c r="N5859" s="18"/>
      <c r="O5859" s="18"/>
      <c r="P5859" s="19"/>
      <c r="Q5859" s="19"/>
      <c r="R5859" s="19"/>
      <c r="S5859" s="19"/>
      <c r="T5859" s="19"/>
      <c r="U5859" s="19"/>
      <c r="V5859" s="19"/>
      <c r="W5859" s="19"/>
      <c r="X5859" s="19"/>
      <c r="Y5859" s="19"/>
      <c r="Z5859" s="19"/>
      <c r="AA5859" s="19"/>
    </row>
    <row r="5860" spans="1:27" s="1" customFormat="1" ht="14.1" customHeight="1" outlineLevel="2" x14ac:dyDescent="0.2">
      <c r="A5860" s="17">
        <v>17947</v>
      </c>
      <c r="B5860" s="17"/>
      <c r="C5860" s="17"/>
      <c r="D5860" s="18" t="s">
        <v>2913</v>
      </c>
      <c r="E5860" s="18"/>
      <c r="F5860" s="18"/>
      <c r="G5860" s="18"/>
      <c r="H5860" s="18"/>
      <c r="I5860" s="18"/>
      <c r="J5860" s="18"/>
      <c r="K5860" s="18"/>
      <c r="L5860" s="18"/>
      <c r="M5860" s="18"/>
      <c r="N5860" s="18"/>
      <c r="O5860" s="18"/>
      <c r="P5860" s="19">
        <v>150</v>
      </c>
      <c r="Q5860" s="19"/>
      <c r="R5860" s="19"/>
      <c r="S5860" s="19"/>
      <c r="T5860" s="19">
        <v>100</v>
      </c>
      <c r="U5860" s="19"/>
      <c r="V5860" s="19"/>
      <c r="W5860" s="19"/>
      <c r="X5860" s="19">
        <v>1</v>
      </c>
      <c r="Y5860" s="19"/>
      <c r="Z5860" s="19"/>
      <c r="AA5860" s="19"/>
    </row>
    <row r="5861" spans="1:27" s="1" customFormat="1" ht="14.1" customHeight="1" outlineLevel="2" x14ac:dyDescent="0.2">
      <c r="A5861" s="17"/>
      <c r="B5861" s="17"/>
      <c r="C5861" s="17"/>
      <c r="D5861" s="18"/>
      <c r="E5861" s="18"/>
      <c r="F5861" s="18"/>
      <c r="G5861" s="18"/>
      <c r="H5861" s="18"/>
      <c r="I5861" s="18"/>
      <c r="J5861" s="18"/>
      <c r="K5861" s="18"/>
      <c r="L5861" s="18"/>
      <c r="M5861" s="18"/>
      <c r="N5861" s="18"/>
      <c r="O5861" s="18"/>
      <c r="P5861" s="19"/>
      <c r="Q5861" s="19"/>
      <c r="R5861" s="19"/>
      <c r="S5861" s="19"/>
      <c r="T5861" s="19"/>
      <c r="U5861" s="19"/>
      <c r="V5861" s="19"/>
      <c r="W5861" s="19"/>
      <c r="X5861" s="19"/>
      <c r="Y5861" s="19"/>
      <c r="Z5861" s="19"/>
      <c r="AA5861" s="19"/>
    </row>
    <row r="5862" spans="1:27" s="1" customFormat="1" ht="14.1" customHeight="1" outlineLevel="2" x14ac:dyDescent="0.2">
      <c r="A5862" s="17">
        <v>12870</v>
      </c>
      <c r="B5862" s="17"/>
      <c r="C5862" s="17"/>
      <c r="D5862" s="18" t="s">
        <v>2914</v>
      </c>
      <c r="E5862" s="18"/>
      <c r="F5862" s="18"/>
      <c r="G5862" s="18"/>
      <c r="H5862" s="18"/>
      <c r="I5862" s="18"/>
      <c r="J5862" s="18"/>
      <c r="K5862" s="18"/>
      <c r="L5862" s="18"/>
      <c r="M5862" s="18"/>
      <c r="N5862" s="18"/>
      <c r="O5862" s="18"/>
      <c r="P5862" s="19">
        <v>120</v>
      </c>
      <c r="Q5862" s="19"/>
      <c r="R5862" s="19"/>
      <c r="S5862" s="19"/>
      <c r="T5862" s="19">
        <v>90</v>
      </c>
      <c r="U5862" s="19"/>
      <c r="V5862" s="19"/>
      <c r="W5862" s="19"/>
      <c r="X5862" s="19">
        <v>1</v>
      </c>
      <c r="Y5862" s="19"/>
      <c r="Z5862" s="19"/>
      <c r="AA5862" s="19"/>
    </row>
    <row r="5863" spans="1:27" s="1" customFormat="1" ht="14.1" customHeight="1" outlineLevel="2" x14ac:dyDescent="0.2">
      <c r="A5863" s="17"/>
      <c r="B5863" s="17"/>
      <c r="C5863" s="17"/>
      <c r="D5863" s="18"/>
      <c r="E5863" s="18"/>
      <c r="F5863" s="18"/>
      <c r="G5863" s="18"/>
      <c r="H5863" s="18"/>
      <c r="I5863" s="18"/>
      <c r="J5863" s="18"/>
      <c r="K5863" s="18"/>
      <c r="L5863" s="18"/>
      <c r="M5863" s="18"/>
      <c r="N5863" s="18"/>
      <c r="O5863" s="18"/>
      <c r="P5863" s="19"/>
      <c r="Q5863" s="19"/>
      <c r="R5863" s="19"/>
      <c r="S5863" s="19"/>
      <c r="T5863" s="19"/>
      <c r="U5863" s="19"/>
      <c r="V5863" s="19"/>
      <c r="W5863" s="19"/>
      <c r="X5863" s="19"/>
      <c r="Y5863" s="19"/>
      <c r="Z5863" s="19"/>
      <c r="AA5863" s="19"/>
    </row>
    <row r="5864" spans="1:27" s="1" customFormat="1" ht="14.1" customHeight="1" outlineLevel="2" x14ac:dyDescent="0.2">
      <c r="A5864" s="17">
        <v>14372</v>
      </c>
      <c r="B5864" s="17"/>
      <c r="C5864" s="17"/>
      <c r="D5864" s="18" t="s">
        <v>2915</v>
      </c>
      <c r="E5864" s="18"/>
      <c r="F5864" s="18"/>
      <c r="G5864" s="18"/>
      <c r="H5864" s="18"/>
      <c r="I5864" s="18"/>
      <c r="J5864" s="18"/>
      <c r="K5864" s="18"/>
      <c r="L5864" s="18"/>
      <c r="M5864" s="18"/>
      <c r="N5864" s="18"/>
      <c r="O5864" s="18"/>
      <c r="P5864" s="19">
        <v>50</v>
      </c>
      <c r="Q5864" s="19"/>
      <c r="R5864" s="19"/>
      <c r="S5864" s="19"/>
      <c r="T5864" s="19">
        <v>30</v>
      </c>
      <c r="U5864" s="19"/>
      <c r="V5864" s="19"/>
      <c r="W5864" s="19"/>
      <c r="X5864" s="19">
        <v>17</v>
      </c>
      <c r="Y5864" s="19"/>
      <c r="Z5864" s="19"/>
      <c r="AA5864" s="19"/>
    </row>
    <row r="5865" spans="1:27" s="1" customFormat="1" ht="14.1" customHeight="1" outlineLevel="2" x14ac:dyDescent="0.2">
      <c r="A5865" s="17"/>
      <c r="B5865" s="17"/>
      <c r="C5865" s="17"/>
      <c r="D5865" s="18"/>
      <c r="E5865" s="18"/>
      <c r="F5865" s="18"/>
      <c r="G5865" s="18"/>
      <c r="H5865" s="18"/>
      <c r="I5865" s="18"/>
      <c r="J5865" s="18"/>
      <c r="K5865" s="18"/>
      <c r="L5865" s="18"/>
      <c r="M5865" s="18"/>
      <c r="N5865" s="18"/>
      <c r="O5865" s="18"/>
      <c r="P5865" s="19"/>
      <c r="Q5865" s="19"/>
      <c r="R5865" s="19"/>
      <c r="S5865" s="19"/>
      <c r="T5865" s="19"/>
      <c r="U5865" s="19"/>
      <c r="V5865" s="19"/>
      <c r="W5865" s="19"/>
      <c r="X5865" s="19"/>
      <c r="Y5865" s="19"/>
      <c r="Z5865" s="19"/>
      <c r="AA5865" s="19"/>
    </row>
    <row r="5866" spans="1:27" s="1" customFormat="1" ht="14.1" customHeight="1" outlineLevel="2" x14ac:dyDescent="0.2">
      <c r="A5866" s="17">
        <v>12855</v>
      </c>
      <c r="B5866" s="17"/>
      <c r="C5866" s="17"/>
      <c r="D5866" s="18" t="s">
        <v>2916</v>
      </c>
      <c r="E5866" s="18"/>
      <c r="F5866" s="18"/>
      <c r="G5866" s="18"/>
      <c r="H5866" s="18"/>
      <c r="I5866" s="18"/>
      <c r="J5866" s="18"/>
      <c r="K5866" s="18"/>
      <c r="L5866" s="18"/>
      <c r="M5866" s="18"/>
      <c r="N5866" s="18"/>
      <c r="O5866" s="18"/>
      <c r="P5866" s="19">
        <v>50</v>
      </c>
      <c r="Q5866" s="19"/>
      <c r="R5866" s="19"/>
      <c r="S5866" s="19"/>
      <c r="T5866" s="19">
        <v>30</v>
      </c>
      <c r="U5866" s="19"/>
      <c r="V5866" s="19"/>
      <c r="W5866" s="19"/>
      <c r="X5866" s="19">
        <v>121</v>
      </c>
      <c r="Y5866" s="19"/>
      <c r="Z5866" s="19"/>
      <c r="AA5866" s="19"/>
    </row>
    <row r="5867" spans="1:27" s="1" customFormat="1" ht="14.1" customHeight="1" outlineLevel="2" x14ac:dyDescent="0.2">
      <c r="A5867" s="17"/>
      <c r="B5867" s="17"/>
      <c r="C5867" s="17"/>
      <c r="D5867" s="18"/>
      <c r="E5867" s="18"/>
      <c r="F5867" s="18"/>
      <c r="G5867" s="18"/>
      <c r="H5867" s="18"/>
      <c r="I5867" s="18"/>
      <c r="J5867" s="18"/>
      <c r="K5867" s="18"/>
      <c r="L5867" s="18"/>
      <c r="M5867" s="18"/>
      <c r="N5867" s="18"/>
      <c r="O5867" s="18"/>
      <c r="P5867" s="19"/>
      <c r="Q5867" s="19"/>
      <c r="R5867" s="19"/>
      <c r="S5867" s="19"/>
      <c r="T5867" s="19"/>
      <c r="U5867" s="19"/>
      <c r="V5867" s="19"/>
      <c r="W5867" s="19"/>
      <c r="X5867" s="19"/>
      <c r="Y5867" s="19"/>
      <c r="Z5867" s="19"/>
      <c r="AA5867" s="19"/>
    </row>
    <row r="5868" spans="1:27" s="1" customFormat="1" ht="14.1" customHeight="1" outlineLevel="2" x14ac:dyDescent="0.2">
      <c r="A5868" s="17">
        <v>16967</v>
      </c>
      <c r="B5868" s="17"/>
      <c r="C5868" s="17"/>
      <c r="D5868" s="18" t="s">
        <v>2917</v>
      </c>
      <c r="E5868" s="18"/>
      <c r="F5868" s="18"/>
      <c r="G5868" s="18"/>
      <c r="H5868" s="18"/>
      <c r="I5868" s="18"/>
      <c r="J5868" s="18"/>
      <c r="K5868" s="18"/>
      <c r="L5868" s="18"/>
      <c r="M5868" s="18"/>
      <c r="N5868" s="18"/>
      <c r="O5868" s="18"/>
      <c r="P5868" s="19">
        <v>200</v>
      </c>
      <c r="Q5868" s="19"/>
      <c r="R5868" s="19"/>
      <c r="S5868" s="19"/>
      <c r="T5868" s="19">
        <v>120</v>
      </c>
      <c r="U5868" s="19"/>
      <c r="V5868" s="19"/>
      <c r="W5868" s="19"/>
      <c r="X5868" s="19">
        <v>1</v>
      </c>
      <c r="Y5868" s="19"/>
      <c r="Z5868" s="19"/>
      <c r="AA5868" s="19"/>
    </row>
    <row r="5869" spans="1:27" s="1" customFormat="1" ht="14.1" customHeight="1" outlineLevel="2" x14ac:dyDescent="0.2">
      <c r="A5869" s="17"/>
      <c r="B5869" s="17"/>
      <c r="C5869" s="17"/>
      <c r="D5869" s="18"/>
      <c r="E5869" s="18"/>
      <c r="F5869" s="18"/>
      <c r="G5869" s="18"/>
      <c r="H5869" s="18"/>
      <c r="I5869" s="18"/>
      <c r="J5869" s="18"/>
      <c r="K5869" s="18"/>
      <c r="L5869" s="18"/>
      <c r="M5869" s="18"/>
      <c r="N5869" s="18"/>
      <c r="O5869" s="18"/>
      <c r="P5869" s="19"/>
      <c r="Q5869" s="19"/>
      <c r="R5869" s="19"/>
      <c r="S5869" s="19"/>
      <c r="T5869" s="19"/>
      <c r="U5869" s="19"/>
      <c r="V5869" s="19"/>
      <c r="W5869" s="19"/>
      <c r="X5869" s="19"/>
      <c r="Y5869" s="19"/>
      <c r="Z5869" s="19"/>
      <c r="AA5869" s="19"/>
    </row>
    <row r="5870" spans="1:27" s="1" customFormat="1" ht="14.1" customHeight="1" outlineLevel="2" x14ac:dyDescent="0.2">
      <c r="A5870" s="17">
        <v>16192</v>
      </c>
      <c r="B5870" s="17"/>
      <c r="C5870" s="17"/>
      <c r="D5870" s="18" t="s">
        <v>2918</v>
      </c>
      <c r="E5870" s="18"/>
      <c r="F5870" s="18"/>
      <c r="G5870" s="18"/>
      <c r="H5870" s="18"/>
      <c r="I5870" s="18"/>
      <c r="J5870" s="18"/>
      <c r="K5870" s="18"/>
      <c r="L5870" s="18"/>
      <c r="M5870" s="18"/>
      <c r="N5870" s="18"/>
      <c r="O5870" s="18"/>
      <c r="P5870" s="19">
        <v>200</v>
      </c>
      <c r="Q5870" s="19"/>
      <c r="R5870" s="19"/>
      <c r="S5870" s="19"/>
      <c r="T5870" s="19">
        <v>150</v>
      </c>
      <c r="U5870" s="19"/>
      <c r="V5870" s="19"/>
      <c r="W5870" s="19"/>
      <c r="X5870" s="19">
        <v>1</v>
      </c>
      <c r="Y5870" s="19"/>
      <c r="Z5870" s="19"/>
      <c r="AA5870" s="19"/>
    </row>
    <row r="5871" spans="1:27" s="1" customFormat="1" ht="14.1" customHeight="1" outlineLevel="2" x14ac:dyDescent="0.2">
      <c r="A5871" s="17"/>
      <c r="B5871" s="17"/>
      <c r="C5871" s="17"/>
      <c r="D5871" s="18"/>
      <c r="E5871" s="18"/>
      <c r="F5871" s="18"/>
      <c r="G5871" s="18"/>
      <c r="H5871" s="18"/>
      <c r="I5871" s="18"/>
      <c r="J5871" s="18"/>
      <c r="K5871" s="18"/>
      <c r="L5871" s="18"/>
      <c r="M5871" s="18"/>
      <c r="N5871" s="18"/>
      <c r="O5871" s="18"/>
      <c r="P5871" s="19"/>
      <c r="Q5871" s="19"/>
      <c r="R5871" s="19"/>
      <c r="S5871" s="19"/>
      <c r="T5871" s="19"/>
      <c r="U5871" s="19"/>
      <c r="V5871" s="19"/>
      <c r="W5871" s="19"/>
      <c r="X5871" s="19"/>
      <c r="Y5871" s="19"/>
      <c r="Z5871" s="19"/>
      <c r="AA5871" s="19"/>
    </row>
    <row r="5872" spans="1:27" s="1" customFormat="1" ht="14.1" customHeight="1" outlineLevel="2" x14ac:dyDescent="0.2">
      <c r="A5872" s="17">
        <v>15563</v>
      </c>
      <c r="B5872" s="17"/>
      <c r="C5872" s="17"/>
      <c r="D5872" s="18" t="s">
        <v>2919</v>
      </c>
      <c r="E5872" s="18"/>
      <c r="F5872" s="18"/>
      <c r="G5872" s="18"/>
      <c r="H5872" s="18"/>
      <c r="I5872" s="18"/>
      <c r="J5872" s="18"/>
      <c r="K5872" s="18"/>
      <c r="L5872" s="18"/>
      <c r="M5872" s="18"/>
      <c r="N5872" s="18"/>
      <c r="O5872" s="18"/>
      <c r="P5872" s="19">
        <v>160</v>
      </c>
      <c r="Q5872" s="19"/>
      <c r="R5872" s="19"/>
      <c r="S5872" s="19"/>
      <c r="T5872" s="19">
        <v>120</v>
      </c>
      <c r="U5872" s="19"/>
      <c r="V5872" s="19"/>
      <c r="W5872" s="19"/>
      <c r="X5872" s="19">
        <v>1</v>
      </c>
      <c r="Y5872" s="19"/>
      <c r="Z5872" s="19"/>
      <c r="AA5872" s="19"/>
    </row>
    <row r="5873" spans="1:27" s="1" customFormat="1" ht="14.1" customHeight="1" outlineLevel="2" x14ac:dyDescent="0.2">
      <c r="A5873" s="17"/>
      <c r="B5873" s="17"/>
      <c r="C5873" s="17"/>
      <c r="D5873" s="18"/>
      <c r="E5873" s="18"/>
      <c r="F5873" s="18"/>
      <c r="G5873" s="18"/>
      <c r="H5873" s="18"/>
      <c r="I5873" s="18"/>
      <c r="J5873" s="18"/>
      <c r="K5873" s="18"/>
      <c r="L5873" s="18"/>
      <c r="M5873" s="18"/>
      <c r="N5873" s="18"/>
      <c r="O5873" s="18"/>
      <c r="P5873" s="19"/>
      <c r="Q5873" s="19"/>
      <c r="R5873" s="19"/>
      <c r="S5873" s="19"/>
      <c r="T5873" s="19"/>
      <c r="U5873" s="19"/>
      <c r="V5873" s="19"/>
      <c r="W5873" s="19"/>
      <c r="X5873" s="19"/>
      <c r="Y5873" s="19"/>
      <c r="Z5873" s="19"/>
      <c r="AA5873" s="19"/>
    </row>
    <row r="5874" spans="1:27" s="1" customFormat="1" ht="14.1" customHeight="1" outlineLevel="2" x14ac:dyDescent="0.2">
      <c r="A5874" s="17">
        <v>18048</v>
      </c>
      <c r="B5874" s="17"/>
      <c r="C5874" s="17"/>
      <c r="D5874" s="18" t="s">
        <v>2920</v>
      </c>
      <c r="E5874" s="18"/>
      <c r="F5874" s="18"/>
      <c r="G5874" s="18"/>
      <c r="H5874" s="18"/>
      <c r="I5874" s="18"/>
      <c r="J5874" s="18"/>
      <c r="K5874" s="18"/>
      <c r="L5874" s="18"/>
      <c r="M5874" s="18"/>
      <c r="N5874" s="18"/>
      <c r="O5874" s="18"/>
      <c r="P5874" s="19">
        <v>200</v>
      </c>
      <c r="Q5874" s="19"/>
      <c r="R5874" s="19"/>
      <c r="S5874" s="19"/>
      <c r="T5874" s="19">
        <v>150</v>
      </c>
      <c r="U5874" s="19"/>
      <c r="V5874" s="19"/>
      <c r="W5874" s="19"/>
      <c r="X5874" s="19">
        <v>1</v>
      </c>
      <c r="Y5874" s="19"/>
      <c r="Z5874" s="19"/>
      <c r="AA5874" s="19"/>
    </row>
    <row r="5875" spans="1:27" s="1" customFormat="1" ht="14.1" customHeight="1" outlineLevel="2" x14ac:dyDescent="0.2">
      <c r="A5875" s="17"/>
      <c r="B5875" s="17"/>
      <c r="C5875" s="17"/>
      <c r="D5875" s="18"/>
      <c r="E5875" s="18"/>
      <c r="F5875" s="18"/>
      <c r="G5875" s="18"/>
      <c r="H5875" s="18"/>
      <c r="I5875" s="18"/>
      <c r="J5875" s="18"/>
      <c r="K5875" s="18"/>
      <c r="L5875" s="18"/>
      <c r="M5875" s="18"/>
      <c r="N5875" s="18"/>
      <c r="O5875" s="18"/>
      <c r="P5875" s="19"/>
      <c r="Q5875" s="19"/>
      <c r="R5875" s="19"/>
      <c r="S5875" s="19"/>
      <c r="T5875" s="19"/>
      <c r="U5875" s="19"/>
      <c r="V5875" s="19"/>
      <c r="W5875" s="19"/>
      <c r="X5875" s="19"/>
      <c r="Y5875" s="19"/>
      <c r="Z5875" s="19"/>
      <c r="AA5875" s="19"/>
    </row>
    <row r="5876" spans="1:27" s="1" customFormat="1" ht="14.1" customHeight="1" outlineLevel="2" x14ac:dyDescent="0.2">
      <c r="A5876" s="17">
        <v>16713</v>
      </c>
      <c r="B5876" s="17"/>
      <c r="C5876" s="17"/>
      <c r="D5876" s="18" t="s">
        <v>2921</v>
      </c>
      <c r="E5876" s="18"/>
      <c r="F5876" s="18"/>
      <c r="G5876" s="18"/>
      <c r="H5876" s="18"/>
      <c r="I5876" s="18"/>
      <c r="J5876" s="18"/>
      <c r="K5876" s="18"/>
      <c r="L5876" s="18"/>
      <c r="M5876" s="18"/>
      <c r="N5876" s="18"/>
      <c r="O5876" s="18"/>
      <c r="P5876" s="19">
        <v>150</v>
      </c>
      <c r="Q5876" s="19"/>
      <c r="R5876" s="19"/>
      <c r="S5876" s="19"/>
      <c r="T5876" s="19">
        <v>100</v>
      </c>
      <c r="U5876" s="19"/>
      <c r="V5876" s="19"/>
      <c r="W5876" s="19"/>
      <c r="X5876" s="19">
        <v>1</v>
      </c>
      <c r="Y5876" s="19"/>
      <c r="Z5876" s="19"/>
      <c r="AA5876" s="19"/>
    </row>
    <row r="5877" spans="1:27" s="1" customFormat="1" ht="14.1" customHeight="1" outlineLevel="2" x14ac:dyDescent="0.2">
      <c r="A5877" s="17"/>
      <c r="B5877" s="17"/>
      <c r="C5877" s="17"/>
      <c r="D5877" s="18"/>
      <c r="E5877" s="18"/>
      <c r="F5877" s="18"/>
      <c r="G5877" s="18"/>
      <c r="H5877" s="18"/>
      <c r="I5877" s="18"/>
      <c r="J5877" s="18"/>
      <c r="K5877" s="18"/>
      <c r="L5877" s="18"/>
      <c r="M5877" s="18"/>
      <c r="N5877" s="18"/>
      <c r="O5877" s="18"/>
      <c r="P5877" s="19"/>
      <c r="Q5877" s="19"/>
      <c r="R5877" s="19"/>
      <c r="S5877" s="19"/>
      <c r="T5877" s="19"/>
      <c r="U5877" s="19"/>
      <c r="V5877" s="19"/>
      <c r="W5877" s="19"/>
      <c r="X5877" s="19"/>
      <c r="Y5877" s="19"/>
      <c r="Z5877" s="19"/>
      <c r="AA5877" s="19"/>
    </row>
    <row r="5878" spans="1:27" s="1" customFormat="1" ht="14.1" customHeight="1" outlineLevel="2" x14ac:dyDescent="0.2">
      <c r="A5878" s="17">
        <v>17367</v>
      </c>
      <c r="B5878" s="17"/>
      <c r="C5878" s="17"/>
      <c r="D5878" s="18" t="s">
        <v>2922</v>
      </c>
      <c r="E5878" s="18"/>
      <c r="F5878" s="18"/>
      <c r="G5878" s="18"/>
      <c r="H5878" s="18"/>
      <c r="I5878" s="18"/>
      <c r="J5878" s="18"/>
      <c r="K5878" s="18"/>
      <c r="L5878" s="18"/>
      <c r="M5878" s="18"/>
      <c r="N5878" s="18"/>
      <c r="O5878" s="18"/>
      <c r="P5878" s="19">
        <v>150</v>
      </c>
      <c r="Q5878" s="19"/>
      <c r="R5878" s="19"/>
      <c r="S5878" s="19"/>
      <c r="T5878" s="19">
        <v>70</v>
      </c>
      <c r="U5878" s="19"/>
      <c r="V5878" s="19"/>
      <c r="W5878" s="19"/>
      <c r="X5878" s="19">
        <v>1</v>
      </c>
      <c r="Y5878" s="19"/>
      <c r="Z5878" s="19"/>
      <c r="AA5878" s="19"/>
    </row>
    <row r="5879" spans="1:27" s="1" customFormat="1" ht="14.1" customHeight="1" outlineLevel="2" x14ac:dyDescent="0.2">
      <c r="A5879" s="17"/>
      <c r="B5879" s="17"/>
      <c r="C5879" s="17"/>
      <c r="D5879" s="18"/>
      <c r="E5879" s="18"/>
      <c r="F5879" s="18"/>
      <c r="G5879" s="18"/>
      <c r="H5879" s="18"/>
      <c r="I5879" s="18"/>
      <c r="J5879" s="18"/>
      <c r="K5879" s="18"/>
      <c r="L5879" s="18"/>
      <c r="M5879" s="18"/>
      <c r="N5879" s="18"/>
      <c r="O5879" s="18"/>
      <c r="P5879" s="19"/>
      <c r="Q5879" s="19"/>
      <c r="R5879" s="19"/>
      <c r="S5879" s="19"/>
      <c r="T5879" s="19"/>
      <c r="U5879" s="19"/>
      <c r="V5879" s="19"/>
      <c r="W5879" s="19"/>
      <c r="X5879" s="19"/>
      <c r="Y5879" s="19"/>
      <c r="Z5879" s="19"/>
      <c r="AA5879" s="19"/>
    </row>
    <row r="5880" spans="1:27" s="1" customFormat="1" ht="14.1" customHeight="1" outlineLevel="2" x14ac:dyDescent="0.2">
      <c r="A5880" s="17">
        <v>12076</v>
      </c>
      <c r="B5880" s="17"/>
      <c r="C5880" s="17"/>
      <c r="D5880" s="18" t="s">
        <v>2923</v>
      </c>
      <c r="E5880" s="18"/>
      <c r="F5880" s="18"/>
      <c r="G5880" s="18"/>
      <c r="H5880" s="18"/>
      <c r="I5880" s="18"/>
      <c r="J5880" s="18"/>
      <c r="K5880" s="18"/>
      <c r="L5880" s="18"/>
      <c r="M5880" s="18"/>
      <c r="N5880" s="18"/>
      <c r="O5880" s="18"/>
      <c r="P5880" s="19">
        <v>50</v>
      </c>
      <c r="Q5880" s="19"/>
      <c r="R5880" s="19"/>
      <c r="S5880" s="19"/>
      <c r="T5880" s="19">
        <v>30</v>
      </c>
      <c r="U5880" s="19"/>
      <c r="V5880" s="19"/>
      <c r="W5880" s="19"/>
      <c r="X5880" s="19">
        <v>51</v>
      </c>
      <c r="Y5880" s="19"/>
      <c r="Z5880" s="19"/>
      <c r="AA5880" s="19"/>
    </row>
    <row r="5881" spans="1:27" s="1" customFormat="1" ht="14.1" customHeight="1" outlineLevel="2" x14ac:dyDescent="0.2">
      <c r="A5881" s="17"/>
      <c r="B5881" s="17"/>
      <c r="C5881" s="17"/>
      <c r="D5881" s="18"/>
      <c r="E5881" s="18"/>
      <c r="F5881" s="18"/>
      <c r="G5881" s="18"/>
      <c r="H5881" s="18"/>
      <c r="I5881" s="18"/>
      <c r="J5881" s="18"/>
      <c r="K5881" s="18"/>
      <c r="L5881" s="18"/>
      <c r="M5881" s="18"/>
      <c r="N5881" s="18"/>
      <c r="O5881" s="18"/>
      <c r="P5881" s="19"/>
      <c r="Q5881" s="19"/>
      <c r="R5881" s="19"/>
      <c r="S5881" s="19"/>
      <c r="T5881" s="19"/>
      <c r="U5881" s="19"/>
      <c r="V5881" s="19"/>
      <c r="W5881" s="19"/>
      <c r="X5881" s="19"/>
      <c r="Y5881" s="19"/>
      <c r="Z5881" s="19"/>
      <c r="AA5881" s="19"/>
    </row>
    <row r="5882" spans="1:27" s="1" customFormat="1" ht="14.1" customHeight="1" outlineLevel="2" x14ac:dyDescent="0.2">
      <c r="A5882" s="17">
        <v>13576</v>
      </c>
      <c r="B5882" s="17"/>
      <c r="C5882" s="17"/>
      <c r="D5882" s="18" t="s">
        <v>2924</v>
      </c>
      <c r="E5882" s="18"/>
      <c r="F5882" s="18"/>
      <c r="G5882" s="18"/>
      <c r="H5882" s="18"/>
      <c r="I5882" s="18"/>
      <c r="J5882" s="18"/>
      <c r="K5882" s="18"/>
      <c r="L5882" s="18"/>
      <c r="M5882" s="18"/>
      <c r="N5882" s="18"/>
      <c r="O5882" s="18"/>
      <c r="P5882" s="19">
        <v>50</v>
      </c>
      <c r="Q5882" s="19"/>
      <c r="R5882" s="19"/>
      <c r="S5882" s="19"/>
      <c r="T5882" s="19">
        <v>30</v>
      </c>
      <c r="U5882" s="19"/>
      <c r="V5882" s="19"/>
      <c r="W5882" s="19"/>
      <c r="X5882" s="19">
        <v>48</v>
      </c>
      <c r="Y5882" s="19"/>
      <c r="Z5882" s="19"/>
      <c r="AA5882" s="19"/>
    </row>
    <row r="5883" spans="1:27" s="1" customFormat="1" ht="14.1" customHeight="1" outlineLevel="2" x14ac:dyDescent="0.2">
      <c r="A5883" s="17"/>
      <c r="B5883" s="17"/>
      <c r="C5883" s="17"/>
      <c r="D5883" s="18"/>
      <c r="E5883" s="18"/>
      <c r="F5883" s="18"/>
      <c r="G5883" s="18"/>
      <c r="H5883" s="18"/>
      <c r="I5883" s="18"/>
      <c r="J5883" s="18"/>
      <c r="K5883" s="18"/>
      <c r="L5883" s="18"/>
      <c r="M5883" s="18"/>
      <c r="N5883" s="18"/>
      <c r="O5883" s="18"/>
      <c r="P5883" s="19"/>
      <c r="Q5883" s="19"/>
      <c r="R5883" s="19"/>
      <c r="S5883" s="19"/>
      <c r="T5883" s="19"/>
      <c r="U5883" s="19"/>
      <c r="V5883" s="19"/>
      <c r="W5883" s="19"/>
      <c r="X5883" s="19"/>
      <c r="Y5883" s="19"/>
      <c r="Z5883" s="19"/>
      <c r="AA5883" s="19"/>
    </row>
    <row r="5884" spans="1:27" s="1" customFormat="1" ht="14.1" customHeight="1" outlineLevel="2" x14ac:dyDescent="0.2">
      <c r="A5884" s="17">
        <v>12712</v>
      </c>
      <c r="B5884" s="17"/>
      <c r="C5884" s="17"/>
      <c r="D5884" s="18" t="s">
        <v>2925</v>
      </c>
      <c r="E5884" s="18"/>
      <c r="F5884" s="18"/>
      <c r="G5884" s="18"/>
      <c r="H5884" s="18"/>
      <c r="I5884" s="18"/>
      <c r="J5884" s="18"/>
      <c r="K5884" s="18"/>
      <c r="L5884" s="18"/>
      <c r="M5884" s="18"/>
      <c r="N5884" s="18"/>
      <c r="O5884" s="18"/>
      <c r="P5884" s="19">
        <v>150</v>
      </c>
      <c r="Q5884" s="19"/>
      <c r="R5884" s="19"/>
      <c r="S5884" s="19"/>
      <c r="T5884" s="19">
        <v>120</v>
      </c>
      <c r="U5884" s="19"/>
      <c r="V5884" s="19"/>
      <c r="W5884" s="19"/>
      <c r="X5884" s="19">
        <v>2</v>
      </c>
      <c r="Y5884" s="19"/>
      <c r="Z5884" s="19"/>
      <c r="AA5884" s="19"/>
    </row>
    <row r="5885" spans="1:27" s="1" customFormat="1" ht="14.1" customHeight="1" outlineLevel="2" x14ac:dyDescent="0.2">
      <c r="A5885" s="17"/>
      <c r="B5885" s="17"/>
      <c r="C5885" s="17"/>
      <c r="D5885" s="18"/>
      <c r="E5885" s="18"/>
      <c r="F5885" s="18"/>
      <c r="G5885" s="18"/>
      <c r="H5885" s="18"/>
      <c r="I5885" s="18"/>
      <c r="J5885" s="18"/>
      <c r="K5885" s="18"/>
      <c r="L5885" s="18"/>
      <c r="M5885" s="18"/>
      <c r="N5885" s="18"/>
      <c r="O5885" s="18"/>
      <c r="P5885" s="19"/>
      <c r="Q5885" s="19"/>
      <c r="R5885" s="19"/>
      <c r="S5885" s="19"/>
      <c r="T5885" s="19"/>
      <c r="U5885" s="19"/>
      <c r="V5885" s="19"/>
      <c r="W5885" s="19"/>
      <c r="X5885" s="19"/>
      <c r="Y5885" s="19"/>
      <c r="Z5885" s="19"/>
      <c r="AA5885" s="19"/>
    </row>
    <row r="5886" spans="1:27" s="1" customFormat="1" ht="14.1" customHeight="1" outlineLevel="2" x14ac:dyDescent="0.2">
      <c r="A5886" s="17">
        <v>16723</v>
      </c>
      <c r="B5886" s="17"/>
      <c r="C5886" s="17"/>
      <c r="D5886" s="18" t="s">
        <v>2926</v>
      </c>
      <c r="E5886" s="18"/>
      <c r="F5886" s="18"/>
      <c r="G5886" s="18"/>
      <c r="H5886" s="18"/>
      <c r="I5886" s="18"/>
      <c r="J5886" s="18"/>
      <c r="K5886" s="18"/>
      <c r="L5886" s="18"/>
      <c r="M5886" s="18"/>
      <c r="N5886" s="18"/>
      <c r="O5886" s="18"/>
      <c r="P5886" s="19">
        <v>200</v>
      </c>
      <c r="Q5886" s="19"/>
      <c r="R5886" s="19"/>
      <c r="S5886" s="19"/>
      <c r="T5886" s="19">
        <v>100</v>
      </c>
      <c r="U5886" s="19"/>
      <c r="V5886" s="19"/>
      <c r="W5886" s="19"/>
      <c r="X5886" s="19">
        <v>1</v>
      </c>
      <c r="Y5886" s="19"/>
      <c r="Z5886" s="19"/>
      <c r="AA5886" s="19"/>
    </row>
    <row r="5887" spans="1:27" s="1" customFormat="1" ht="14.1" customHeight="1" outlineLevel="2" x14ac:dyDescent="0.2">
      <c r="A5887" s="17"/>
      <c r="B5887" s="17"/>
      <c r="C5887" s="17"/>
      <c r="D5887" s="18"/>
      <c r="E5887" s="18"/>
      <c r="F5887" s="18"/>
      <c r="G5887" s="18"/>
      <c r="H5887" s="18"/>
      <c r="I5887" s="18"/>
      <c r="J5887" s="18"/>
      <c r="K5887" s="18"/>
      <c r="L5887" s="18"/>
      <c r="M5887" s="18"/>
      <c r="N5887" s="18"/>
      <c r="O5887" s="18"/>
      <c r="P5887" s="19"/>
      <c r="Q5887" s="19"/>
      <c r="R5887" s="19"/>
      <c r="S5887" s="19"/>
      <c r="T5887" s="19"/>
      <c r="U5887" s="19"/>
      <c r="V5887" s="19"/>
      <c r="W5887" s="19"/>
      <c r="X5887" s="19"/>
      <c r="Y5887" s="19"/>
      <c r="Z5887" s="19"/>
      <c r="AA5887" s="19"/>
    </row>
    <row r="5888" spans="1:27" s="1" customFormat="1" ht="14.1" customHeight="1" outlineLevel="2" x14ac:dyDescent="0.2">
      <c r="A5888" s="17">
        <v>16664</v>
      </c>
      <c r="B5888" s="17"/>
      <c r="C5888" s="17"/>
      <c r="D5888" s="18" t="s">
        <v>2927</v>
      </c>
      <c r="E5888" s="18"/>
      <c r="F5888" s="18"/>
      <c r="G5888" s="18"/>
      <c r="H5888" s="18"/>
      <c r="I5888" s="18"/>
      <c r="J5888" s="18"/>
      <c r="K5888" s="18"/>
      <c r="L5888" s="18"/>
      <c r="M5888" s="18"/>
      <c r="N5888" s="18"/>
      <c r="O5888" s="18"/>
      <c r="P5888" s="19">
        <v>200</v>
      </c>
      <c r="Q5888" s="19"/>
      <c r="R5888" s="19"/>
      <c r="S5888" s="19"/>
      <c r="T5888" s="19">
        <v>100</v>
      </c>
      <c r="U5888" s="19"/>
      <c r="V5888" s="19"/>
      <c r="W5888" s="19"/>
      <c r="X5888" s="19">
        <v>1</v>
      </c>
      <c r="Y5888" s="19"/>
      <c r="Z5888" s="19"/>
      <c r="AA5888" s="19"/>
    </row>
    <row r="5889" spans="1:27" s="1" customFormat="1" ht="14.1" customHeight="1" outlineLevel="2" x14ac:dyDescent="0.2">
      <c r="A5889" s="17"/>
      <c r="B5889" s="17"/>
      <c r="C5889" s="17"/>
      <c r="D5889" s="18"/>
      <c r="E5889" s="18"/>
      <c r="F5889" s="18"/>
      <c r="G5889" s="18"/>
      <c r="H5889" s="18"/>
      <c r="I5889" s="18"/>
      <c r="J5889" s="18"/>
      <c r="K5889" s="18"/>
      <c r="L5889" s="18"/>
      <c r="M5889" s="18"/>
      <c r="N5889" s="18"/>
      <c r="O5889" s="18"/>
      <c r="P5889" s="19"/>
      <c r="Q5889" s="19"/>
      <c r="R5889" s="19"/>
      <c r="S5889" s="19"/>
      <c r="T5889" s="19"/>
      <c r="U5889" s="19"/>
      <c r="V5889" s="19"/>
      <c r="W5889" s="19"/>
      <c r="X5889" s="19"/>
      <c r="Y5889" s="19"/>
      <c r="Z5889" s="19"/>
      <c r="AA5889" s="19"/>
    </row>
    <row r="5890" spans="1:27" s="1" customFormat="1" ht="14.1" customHeight="1" outlineLevel="2" x14ac:dyDescent="0.2">
      <c r="A5890" s="17">
        <v>16622</v>
      </c>
      <c r="B5890" s="17"/>
      <c r="C5890" s="17"/>
      <c r="D5890" s="18" t="s">
        <v>2928</v>
      </c>
      <c r="E5890" s="18"/>
      <c r="F5890" s="18"/>
      <c r="G5890" s="18"/>
      <c r="H5890" s="18"/>
      <c r="I5890" s="18"/>
      <c r="J5890" s="18"/>
      <c r="K5890" s="18"/>
      <c r="L5890" s="18"/>
      <c r="M5890" s="18"/>
      <c r="N5890" s="18"/>
      <c r="O5890" s="18"/>
      <c r="P5890" s="19">
        <v>200</v>
      </c>
      <c r="Q5890" s="19"/>
      <c r="R5890" s="19"/>
      <c r="S5890" s="19"/>
      <c r="T5890" s="19">
        <v>100</v>
      </c>
      <c r="U5890" s="19"/>
      <c r="V5890" s="19"/>
      <c r="W5890" s="19"/>
      <c r="X5890" s="19">
        <v>1</v>
      </c>
      <c r="Y5890" s="19"/>
      <c r="Z5890" s="19"/>
      <c r="AA5890" s="19"/>
    </row>
    <row r="5891" spans="1:27" s="1" customFormat="1" ht="14.1" customHeight="1" outlineLevel="2" x14ac:dyDescent="0.2">
      <c r="A5891" s="17"/>
      <c r="B5891" s="17"/>
      <c r="C5891" s="17"/>
      <c r="D5891" s="18"/>
      <c r="E5891" s="18"/>
      <c r="F5891" s="18"/>
      <c r="G5891" s="18"/>
      <c r="H5891" s="18"/>
      <c r="I5891" s="18"/>
      <c r="J5891" s="18"/>
      <c r="K5891" s="18"/>
      <c r="L5891" s="18"/>
      <c r="M5891" s="18"/>
      <c r="N5891" s="18"/>
      <c r="O5891" s="18"/>
      <c r="P5891" s="19"/>
      <c r="Q5891" s="19"/>
      <c r="R5891" s="19"/>
      <c r="S5891" s="19"/>
      <c r="T5891" s="19"/>
      <c r="U5891" s="19"/>
      <c r="V5891" s="19"/>
      <c r="W5891" s="19"/>
      <c r="X5891" s="19"/>
      <c r="Y5891" s="19"/>
      <c r="Z5891" s="19"/>
      <c r="AA5891" s="19"/>
    </row>
    <row r="5892" spans="1:27" s="1" customFormat="1" ht="14.1" customHeight="1" outlineLevel="2" x14ac:dyDescent="0.2">
      <c r="A5892" s="17">
        <v>17580</v>
      </c>
      <c r="B5892" s="17"/>
      <c r="C5892" s="17"/>
      <c r="D5892" s="18" t="s">
        <v>2929</v>
      </c>
      <c r="E5892" s="18"/>
      <c r="F5892" s="18"/>
      <c r="G5892" s="18"/>
      <c r="H5892" s="18"/>
      <c r="I5892" s="18"/>
      <c r="J5892" s="18"/>
      <c r="K5892" s="18"/>
      <c r="L5892" s="18"/>
      <c r="M5892" s="18"/>
      <c r="N5892" s="18"/>
      <c r="O5892" s="18"/>
      <c r="P5892" s="19">
        <v>200</v>
      </c>
      <c r="Q5892" s="19"/>
      <c r="R5892" s="19"/>
      <c r="S5892" s="19"/>
      <c r="T5892" s="19">
        <v>100</v>
      </c>
      <c r="U5892" s="19"/>
      <c r="V5892" s="19"/>
      <c r="W5892" s="19"/>
      <c r="X5892" s="19">
        <v>1</v>
      </c>
      <c r="Y5892" s="19"/>
      <c r="Z5892" s="19"/>
      <c r="AA5892" s="19"/>
    </row>
    <row r="5893" spans="1:27" s="1" customFormat="1" ht="14.1" customHeight="1" outlineLevel="2" x14ac:dyDescent="0.2">
      <c r="A5893" s="17"/>
      <c r="B5893" s="17"/>
      <c r="C5893" s="17"/>
      <c r="D5893" s="18"/>
      <c r="E5893" s="18"/>
      <c r="F5893" s="18"/>
      <c r="G5893" s="18"/>
      <c r="H5893" s="18"/>
      <c r="I5893" s="18"/>
      <c r="J5893" s="18"/>
      <c r="K5893" s="18"/>
      <c r="L5893" s="18"/>
      <c r="M5893" s="18"/>
      <c r="N5893" s="18"/>
      <c r="O5893" s="18"/>
      <c r="P5893" s="19"/>
      <c r="Q5893" s="19"/>
      <c r="R5893" s="19"/>
      <c r="S5893" s="19"/>
      <c r="T5893" s="19"/>
      <c r="U5893" s="19"/>
      <c r="V5893" s="19"/>
      <c r="W5893" s="19"/>
      <c r="X5893" s="19"/>
      <c r="Y5893" s="19"/>
      <c r="Z5893" s="19"/>
      <c r="AA5893" s="19"/>
    </row>
    <row r="5894" spans="1:27" s="1" customFormat="1" ht="14.1" customHeight="1" outlineLevel="2" x14ac:dyDescent="0.2">
      <c r="A5894" s="17">
        <v>13577</v>
      </c>
      <c r="B5894" s="17"/>
      <c r="C5894" s="17"/>
      <c r="D5894" s="18" t="s">
        <v>2930</v>
      </c>
      <c r="E5894" s="18"/>
      <c r="F5894" s="18"/>
      <c r="G5894" s="18"/>
      <c r="H5894" s="18"/>
      <c r="I5894" s="18"/>
      <c r="J5894" s="18"/>
      <c r="K5894" s="18"/>
      <c r="L5894" s="18"/>
      <c r="M5894" s="18"/>
      <c r="N5894" s="18"/>
      <c r="O5894" s="18"/>
      <c r="P5894" s="19">
        <v>50</v>
      </c>
      <c r="Q5894" s="19"/>
      <c r="R5894" s="19"/>
      <c r="S5894" s="19"/>
      <c r="T5894" s="19">
        <v>30</v>
      </c>
      <c r="U5894" s="19"/>
      <c r="V5894" s="19"/>
      <c r="W5894" s="19"/>
      <c r="X5894" s="19">
        <v>39</v>
      </c>
      <c r="Y5894" s="19"/>
      <c r="Z5894" s="19"/>
      <c r="AA5894" s="19"/>
    </row>
    <row r="5895" spans="1:27" s="1" customFormat="1" ht="14.1" customHeight="1" outlineLevel="2" x14ac:dyDescent="0.2">
      <c r="A5895" s="17"/>
      <c r="B5895" s="17"/>
      <c r="C5895" s="17"/>
      <c r="D5895" s="18"/>
      <c r="E5895" s="18"/>
      <c r="F5895" s="18"/>
      <c r="G5895" s="18"/>
      <c r="H5895" s="18"/>
      <c r="I5895" s="18"/>
      <c r="J5895" s="18"/>
      <c r="K5895" s="18"/>
      <c r="L5895" s="18"/>
      <c r="M5895" s="18"/>
      <c r="N5895" s="18"/>
      <c r="O5895" s="18"/>
      <c r="P5895" s="19"/>
      <c r="Q5895" s="19"/>
      <c r="R5895" s="19"/>
      <c r="S5895" s="19"/>
      <c r="T5895" s="19"/>
      <c r="U5895" s="19"/>
      <c r="V5895" s="19"/>
      <c r="W5895" s="19"/>
      <c r="X5895" s="19"/>
      <c r="Y5895" s="19"/>
      <c r="Z5895" s="19"/>
      <c r="AA5895" s="19"/>
    </row>
    <row r="5896" spans="1:27" s="1" customFormat="1" ht="14.1" customHeight="1" outlineLevel="2" x14ac:dyDescent="0.2">
      <c r="A5896" s="17">
        <v>16621</v>
      </c>
      <c r="B5896" s="17"/>
      <c r="C5896" s="17"/>
      <c r="D5896" s="18" t="s">
        <v>2931</v>
      </c>
      <c r="E5896" s="18"/>
      <c r="F5896" s="18"/>
      <c r="G5896" s="18"/>
      <c r="H5896" s="18"/>
      <c r="I5896" s="18"/>
      <c r="J5896" s="18"/>
      <c r="K5896" s="18"/>
      <c r="L5896" s="18"/>
      <c r="M5896" s="18"/>
      <c r="N5896" s="18"/>
      <c r="O5896" s="18"/>
      <c r="P5896" s="19">
        <v>200</v>
      </c>
      <c r="Q5896" s="19"/>
      <c r="R5896" s="19"/>
      <c r="S5896" s="19"/>
      <c r="T5896" s="19">
        <v>100</v>
      </c>
      <c r="U5896" s="19"/>
      <c r="V5896" s="19"/>
      <c r="W5896" s="19"/>
      <c r="X5896" s="19">
        <v>1</v>
      </c>
      <c r="Y5896" s="19"/>
      <c r="Z5896" s="19"/>
      <c r="AA5896" s="19"/>
    </row>
    <row r="5897" spans="1:27" s="1" customFormat="1" ht="14.1" customHeight="1" outlineLevel="2" x14ac:dyDescent="0.2">
      <c r="A5897" s="17"/>
      <c r="B5897" s="17"/>
      <c r="C5897" s="17"/>
      <c r="D5897" s="18"/>
      <c r="E5897" s="18"/>
      <c r="F5897" s="18"/>
      <c r="G5897" s="18"/>
      <c r="H5897" s="18"/>
      <c r="I5897" s="18"/>
      <c r="J5897" s="18"/>
      <c r="K5897" s="18"/>
      <c r="L5897" s="18"/>
      <c r="M5897" s="18"/>
      <c r="N5897" s="18"/>
      <c r="O5897" s="18"/>
      <c r="P5897" s="19"/>
      <c r="Q5897" s="19"/>
      <c r="R5897" s="19"/>
      <c r="S5897" s="19"/>
      <c r="T5897" s="19"/>
      <c r="U5897" s="19"/>
      <c r="V5897" s="19"/>
      <c r="W5897" s="19"/>
      <c r="X5897" s="19"/>
      <c r="Y5897" s="19"/>
      <c r="Z5897" s="19"/>
      <c r="AA5897" s="19"/>
    </row>
    <row r="5898" spans="1:27" s="1" customFormat="1" ht="14.1" customHeight="1" outlineLevel="2" x14ac:dyDescent="0.2">
      <c r="A5898" s="17">
        <v>10329</v>
      </c>
      <c r="B5898" s="17"/>
      <c r="C5898" s="17"/>
      <c r="D5898" s="18" t="s">
        <v>2932</v>
      </c>
      <c r="E5898" s="18"/>
      <c r="F5898" s="18"/>
      <c r="G5898" s="18"/>
      <c r="H5898" s="18"/>
      <c r="I5898" s="18"/>
      <c r="J5898" s="18"/>
      <c r="K5898" s="18"/>
      <c r="L5898" s="18"/>
      <c r="M5898" s="18"/>
      <c r="N5898" s="18"/>
      <c r="O5898" s="18"/>
      <c r="P5898" s="19">
        <v>50</v>
      </c>
      <c r="Q5898" s="19"/>
      <c r="R5898" s="19"/>
      <c r="S5898" s="19"/>
      <c r="T5898" s="19">
        <v>30</v>
      </c>
      <c r="U5898" s="19"/>
      <c r="V5898" s="19"/>
      <c r="W5898" s="19"/>
      <c r="X5898" s="19">
        <v>36</v>
      </c>
      <c r="Y5898" s="19"/>
      <c r="Z5898" s="19"/>
      <c r="AA5898" s="19"/>
    </row>
    <row r="5899" spans="1:27" s="1" customFormat="1" ht="14.1" customHeight="1" outlineLevel="2" x14ac:dyDescent="0.2">
      <c r="A5899" s="17"/>
      <c r="B5899" s="17"/>
      <c r="C5899" s="17"/>
      <c r="D5899" s="18"/>
      <c r="E5899" s="18"/>
      <c r="F5899" s="18"/>
      <c r="G5899" s="18"/>
      <c r="H5899" s="18"/>
      <c r="I5899" s="18"/>
      <c r="J5899" s="18"/>
      <c r="K5899" s="18"/>
      <c r="L5899" s="18"/>
      <c r="M5899" s="18"/>
      <c r="N5899" s="18"/>
      <c r="O5899" s="18"/>
      <c r="P5899" s="19"/>
      <c r="Q5899" s="19"/>
      <c r="R5899" s="19"/>
      <c r="S5899" s="19"/>
      <c r="T5899" s="19"/>
      <c r="U5899" s="19"/>
      <c r="V5899" s="19"/>
      <c r="W5899" s="19"/>
      <c r="X5899" s="19"/>
      <c r="Y5899" s="19"/>
      <c r="Z5899" s="19"/>
      <c r="AA5899" s="19"/>
    </row>
    <row r="5900" spans="1:27" s="1" customFormat="1" ht="14.1" customHeight="1" outlineLevel="2" x14ac:dyDescent="0.2">
      <c r="A5900" s="17">
        <v>13578</v>
      </c>
      <c r="B5900" s="17"/>
      <c r="C5900" s="17"/>
      <c r="D5900" s="18" t="s">
        <v>2933</v>
      </c>
      <c r="E5900" s="18"/>
      <c r="F5900" s="18"/>
      <c r="G5900" s="18"/>
      <c r="H5900" s="18"/>
      <c r="I5900" s="18"/>
      <c r="J5900" s="18"/>
      <c r="K5900" s="18"/>
      <c r="L5900" s="18"/>
      <c r="M5900" s="18"/>
      <c r="N5900" s="18"/>
      <c r="O5900" s="18"/>
      <c r="P5900" s="19">
        <v>110</v>
      </c>
      <c r="Q5900" s="19"/>
      <c r="R5900" s="19"/>
      <c r="S5900" s="19"/>
      <c r="T5900" s="19">
        <v>70</v>
      </c>
      <c r="U5900" s="19"/>
      <c r="V5900" s="19"/>
      <c r="W5900" s="19"/>
      <c r="X5900" s="19">
        <v>36</v>
      </c>
      <c r="Y5900" s="19"/>
      <c r="Z5900" s="19"/>
      <c r="AA5900" s="19"/>
    </row>
    <row r="5901" spans="1:27" s="1" customFormat="1" ht="14.1" customHeight="1" outlineLevel="2" x14ac:dyDescent="0.2">
      <c r="A5901" s="17"/>
      <c r="B5901" s="17"/>
      <c r="C5901" s="17"/>
      <c r="D5901" s="18"/>
      <c r="E5901" s="18"/>
      <c r="F5901" s="18"/>
      <c r="G5901" s="18"/>
      <c r="H5901" s="18"/>
      <c r="I5901" s="18"/>
      <c r="J5901" s="18"/>
      <c r="K5901" s="18"/>
      <c r="L5901" s="18"/>
      <c r="M5901" s="18"/>
      <c r="N5901" s="18"/>
      <c r="O5901" s="18"/>
      <c r="P5901" s="19"/>
      <c r="Q5901" s="19"/>
      <c r="R5901" s="19"/>
      <c r="S5901" s="19"/>
      <c r="T5901" s="19"/>
      <c r="U5901" s="19"/>
      <c r="V5901" s="19"/>
      <c r="W5901" s="19"/>
      <c r="X5901" s="19"/>
      <c r="Y5901" s="19"/>
      <c r="Z5901" s="19"/>
      <c r="AA5901" s="19"/>
    </row>
    <row r="5902" spans="1:27" s="1" customFormat="1" ht="14.1" customHeight="1" outlineLevel="2" x14ac:dyDescent="0.2">
      <c r="A5902" s="17">
        <v>14374</v>
      </c>
      <c r="B5902" s="17"/>
      <c r="C5902" s="17"/>
      <c r="D5902" s="18" t="s">
        <v>2934</v>
      </c>
      <c r="E5902" s="18"/>
      <c r="F5902" s="18"/>
      <c r="G5902" s="18"/>
      <c r="H5902" s="18"/>
      <c r="I5902" s="18"/>
      <c r="J5902" s="18"/>
      <c r="K5902" s="18"/>
      <c r="L5902" s="18"/>
      <c r="M5902" s="18"/>
      <c r="N5902" s="18"/>
      <c r="O5902" s="18"/>
      <c r="P5902" s="19">
        <v>50</v>
      </c>
      <c r="Q5902" s="19"/>
      <c r="R5902" s="19"/>
      <c r="S5902" s="19"/>
      <c r="T5902" s="19">
        <v>30</v>
      </c>
      <c r="U5902" s="19"/>
      <c r="V5902" s="19"/>
      <c r="W5902" s="19"/>
      <c r="X5902" s="19">
        <v>19</v>
      </c>
      <c r="Y5902" s="19"/>
      <c r="Z5902" s="19"/>
      <c r="AA5902" s="19"/>
    </row>
    <row r="5903" spans="1:27" s="1" customFormat="1" ht="14.1" customHeight="1" outlineLevel="2" x14ac:dyDescent="0.2">
      <c r="A5903" s="17"/>
      <c r="B5903" s="17"/>
      <c r="C5903" s="17"/>
      <c r="D5903" s="18"/>
      <c r="E5903" s="18"/>
      <c r="F5903" s="18"/>
      <c r="G5903" s="18"/>
      <c r="H5903" s="18"/>
      <c r="I5903" s="18"/>
      <c r="J5903" s="18"/>
      <c r="K5903" s="18"/>
      <c r="L5903" s="18"/>
      <c r="M5903" s="18"/>
      <c r="N5903" s="18"/>
      <c r="O5903" s="18"/>
      <c r="P5903" s="19"/>
      <c r="Q5903" s="19"/>
      <c r="R5903" s="19"/>
      <c r="S5903" s="19"/>
      <c r="T5903" s="19"/>
      <c r="U5903" s="19"/>
      <c r="V5903" s="19"/>
      <c r="W5903" s="19"/>
      <c r="X5903" s="19"/>
      <c r="Y5903" s="19"/>
      <c r="Z5903" s="19"/>
      <c r="AA5903" s="19"/>
    </row>
    <row r="5904" spans="1:27" s="1" customFormat="1" ht="14.1" customHeight="1" outlineLevel="2" x14ac:dyDescent="0.2">
      <c r="A5904" s="17">
        <v>16740</v>
      </c>
      <c r="B5904" s="17"/>
      <c r="C5904" s="17"/>
      <c r="D5904" s="18" t="s">
        <v>2935</v>
      </c>
      <c r="E5904" s="18"/>
      <c r="F5904" s="18"/>
      <c r="G5904" s="18"/>
      <c r="H5904" s="18"/>
      <c r="I5904" s="18"/>
      <c r="J5904" s="18"/>
      <c r="K5904" s="18"/>
      <c r="L5904" s="18"/>
      <c r="M5904" s="18"/>
      <c r="N5904" s="18"/>
      <c r="O5904" s="18"/>
      <c r="P5904" s="19">
        <v>200</v>
      </c>
      <c r="Q5904" s="19"/>
      <c r="R5904" s="19"/>
      <c r="S5904" s="19"/>
      <c r="T5904" s="19">
        <v>100</v>
      </c>
      <c r="U5904" s="19"/>
      <c r="V5904" s="19"/>
      <c r="W5904" s="19"/>
      <c r="X5904" s="19">
        <v>1</v>
      </c>
      <c r="Y5904" s="19"/>
      <c r="Z5904" s="19"/>
      <c r="AA5904" s="19"/>
    </row>
    <row r="5905" spans="1:27" s="1" customFormat="1" ht="14.1" customHeight="1" outlineLevel="2" x14ac:dyDescent="0.2">
      <c r="A5905" s="17"/>
      <c r="B5905" s="17"/>
      <c r="C5905" s="17"/>
      <c r="D5905" s="18"/>
      <c r="E5905" s="18"/>
      <c r="F5905" s="18"/>
      <c r="G5905" s="18"/>
      <c r="H5905" s="18"/>
      <c r="I5905" s="18"/>
      <c r="J5905" s="18"/>
      <c r="K5905" s="18"/>
      <c r="L5905" s="18"/>
      <c r="M5905" s="18"/>
      <c r="N5905" s="18"/>
      <c r="O5905" s="18"/>
      <c r="P5905" s="19"/>
      <c r="Q5905" s="19"/>
      <c r="R5905" s="19"/>
      <c r="S5905" s="19"/>
      <c r="T5905" s="19"/>
      <c r="U5905" s="19"/>
      <c r="V5905" s="19"/>
      <c r="W5905" s="19"/>
      <c r="X5905" s="19"/>
      <c r="Y5905" s="19"/>
      <c r="Z5905" s="19"/>
      <c r="AA5905" s="19"/>
    </row>
    <row r="5906" spans="1:27" s="1" customFormat="1" ht="14.1" customHeight="1" outlineLevel="2" x14ac:dyDescent="0.2">
      <c r="A5906" s="17">
        <v>16656</v>
      </c>
      <c r="B5906" s="17"/>
      <c r="C5906" s="17"/>
      <c r="D5906" s="18" t="s">
        <v>2936</v>
      </c>
      <c r="E5906" s="18"/>
      <c r="F5906" s="18"/>
      <c r="G5906" s="18"/>
      <c r="H5906" s="18"/>
      <c r="I5906" s="18"/>
      <c r="J5906" s="18"/>
      <c r="K5906" s="18"/>
      <c r="L5906" s="18"/>
      <c r="M5906" s="18"/>
      <c r="N5906" s="18"/>
      <c r="O5906" s="18"/>
      <c r="P5906" s="19">
        <v>200</v>
      </c>
      <c r="Q5906" s="19"/>
      <c r="R5906" s="19"/>
      <c r="S5906" s="19"/>
      <c r="T5906" s="19">
        <v>100</v>
      </c>
      <c r="U5906" s="19"/>
      <c r="V5906" s="19"/>
      <c r="W5906" s="19"/>
      <c r="X5906" s="19">
        <v>1</v>
      </c>
      <c r="Y5906" s="19"/>
      <c r="Z5906" s="19"/>
      <c r="AA5906" s="19"/>
    </row>
    <row r="5907" spans="1:27" s="1" customFormat="1" ht="14.1" customHeight="1" outlineLevel="2" x14ac:dyDescent="0.2">
      <c r="A5907" s="17"/>
      <c r="B5907" s="17"/>
      <c r="C5907" s="17"/>
      <c r="D5907" s="18"/>
      <c r="E5907" s="18"/>
      <c r="F5907" s="18"/>
      <c r="G5907" s="18"/>
      <c r="H5907" s="18"/>
      <c r="I5907" s="18"/>
      <c r="J5907" s="18"/>
      <c r="K5907" s="18"/>
      <c r="L5907" s="18"/>
      <c r="M5907" s="18"/>
      <c r="N5907" s="18"/>
      <c r="O5907" s="18"/>
      <c r="P5907" s="19"/>
      <c r="Q5907" s="19"/>
      <c r="R5907" s="19"/>
      <c r="S5907" s="19"/>
      <c r="T5907" s="19"/>
      <c r="U5907" s="19"/>
      <c r="V5907" s="19"/>
      <c r="W5907" s="19"/>
      <c r="X5907" s="19"/>
      <c r="Y5907" s="19"/>
      <c r="Z5907" s="19"/>
      <c r="AA5907" s="19"/>
    </row>
    <row r="5908" spans="1:27" s="1" customFormat="1" ht="14.1" customHeight="1" outlineLevel="2" x14ac:dyDescent="0.2">
      <c r="A5908" s="17">
        <v>16890</v>
      </c>
      <c r="B5908" s="17"/>
      <c r="C5908" s="17"/>
      <c r="D5908" s="18" t="s">
        <v>2937</v>
      </c>
      <c r="E5908" s="18"/>
      <c r="F5908" s="18"/>
      <c r="G5908" s="18"/>
      <c r="H5908" s="18"/>
      <c r="I5908" s="18"/>
      <c r="J5908" s="18"/>
      <c r="K5908" s="18"/>
      <c r="L5908" s="18"/>
      <c r="M5908" s="18"/>
      <c r="N5908" s="18"/>
      <c r="O5908" s="18"/>
      <c r="P5908" s="19">
        <v>300</v>
      </c>
      <c r="Q5908" s="19"/>
      <c r="R5908" s="19"/>
      <c r="S5908" s="19"/>
      <c r="T5908" s="19">
        <v>100</v>
      </c>
      <c r="U5908" s="19"/>
      <c r="V5908" s="19"/>
      <c r="W5908" s="19"/>
      <c r="X5908" s="19">
        <v>1</v>
      </c>
      <c r="Y5908" s="19"/>
      <c r="Z5908" s="19"/>
      <c r="AA5908" s="19"/>
    </row>
    <row r="5909" spans="1:27" s="1" customFormat="1" ht="14.1" customHeight="1" outlineLevel="2" x14ac:dyDescent="0.2">
      <c r="A5909" s="17"/>
      <c r="B5909" s="17"/>
      <c r="C5909" s="17"/>
      <c r="D5909" s="18"/>
      <c r="E5909" s="18"/>
      <c r="F5909" s="18"/>
      <c r="G5909" s="18"/>
      <c r="H5909" s="18"/>
      <c r="I5909" s="18"/>
      <c r="J5909" s="18"/>
      <c r="K5909" s="18"/>
      <c r="L5909" s="18"/>
      <c r="M5909" s="18"/>
      <c r="N5909" s="18"/>
      <c r="O5909" s="18"/>
      <c r="P5909" s="19"/>
      <c r="Q5909" s="19"/>
      <c r="R5909" s="19"/>
      <c r="S5909" s="19"/>
      <c r="T5909" s="19"/>
      <c r="U5909" s="19"/>
      <c r="V5909" s="19"/>
      <c r="W5909" s="19"/>
      <c r="X5909" s="19"/>
      <c r="Y5909" s="19"/>
      <c r="Z5909" s="19"/>
      <c r="AA5909" s="19"/>
    </row>
    <row r="5910" spans="1:27" s="1" customFormat="1" ht="11.1" customHeight="1" outlineLevel="2" x14ac:dyDescent="0.2">
      <c r="A5910" s="17">
        <v>12715</v>
      </c>
      <c r="B5910" s="17"/>
      <c r="C5910" s="17"/>
      <c r="D5910" s="18" t="s">
        <v>2938</v>
      </c>
      <c r="E5910" s="18"/>
      <c r="F5910" s="18"/>
      <c r="G5910" s="18"/>
      <c r="H5910" s="18"/>
      <c r="I5910" s="18"/>
      <c r="J5910" s="18"/>
      <c r="K5910" s="18"/>
      <c r="L5910" s="18"/>
      <c r="M5910" s="18"/>
      <c r="N5910" s="18"/>
      <c r="O5910" s="18"/>
      <c r="P5910" s="19">
        <v>110</v>
      </c>
      <c r="Q5910" s="19"/>
      <c r="R5910" s="19"/>
      <c r="S5910" s="19"/>
      <c r="T5910" s="19">
        <v>70</v>
      </c>
      <c r="U5910" s="19"/>
      <c r="V5910" s="19"/>
      <c r="W5910" s="19"/>
      <c r="X5910" s="19">
        <v>1</v>
      </c>
      <c r="Y5910" s="19"/>
      <c r="Z5910" s="19"/>
      <c r="AA5910" s="19"/>
    </row>
    <row r="5911" spans="1:27" s="1" customFormat="1" ht="11.1" customHeight="1" outlineLevel="2" x14ac:dyDescent="0.2">
      <c r="A5911" s="17"/>
      <c r="B5911" s="17"/>
      <c r="C5911" s="17"/>
      <c r="D5911" s="18"/>
      <c r="E5911" s="18"/>
      <c r="F5911" s="18"/>
      <c r="G5911" s="18"/>
      <c r="H5911" s="18"/>
      <c r="I5911" s="18"/>
      <c r="J5911" s="18"/>
      <c r="K5911" s="18"/>
      <c r="L5911" s="18"/>
      <c r="M5911" s="18"/>
      <c r="N5911" s="18"/>
      <c r="O5911" s="18"/>
      <c r="P5911" s="19"/>
      <c r="Q5911" s="19"/>
      <c r="R5911" s="19"/>
      <c r="S5911" s="19"/>
      <c r="T5911" s="19"/>
      <c r="U5911" s="19"/>
      <c r="V5911" s="19"/>
      <c r="W5911" s="19"/>
      <c r="X5911" s="19"/>
      <c r="Y5911" s="19"/>
      <c r="Z5911" s="19"/>
      <c r="AA5911" s="19"/>
    </row>
    <row r="5912" spans="1:27" s="1" customFormat="1" ht="11.1" customHeight="1" outlineLevel="2" x14ac:dyDescent="0.2">
      <c r="A5912" s="17">
        <v>12714</v>
      </c>
      <c r="B5912" s="17"/>
      <c r="C5912" s="17"/>
      <c r="D5912" s="18" t="s">
        <v>2939</v>
      </c>
      <c r="E5912" s="18"/>
      <c r="F5912" s="18"/>
      <c r="G5912" s="18"/>
      <c r="H5912" s="18"/>
      <c r="I5912" s="18"/>
      <c r="J5912" s="18"/>
      <c r="K5912" s="18"/>
      <c r="L5912" s="18"/>
      <c r="M5912" s="18"/>
      <c r="N5912" s="18"/>
      <c r="O5912" s="18"/>
      <c r="P5912" s="19">
        <v>110</v>
      </c>
      <c r="Q5912" s="19"/>
      <c r="R5912" s="19"/>
      <c r="S5912" s="19"/>
      <c r="T5912" s="19">
        <v>70</v>
      </c>
      <c r="U5912" s="19"/>
      <c r="V5912" s="19"/>
      <c r="W5912" s="19"/>
      <c r="X5912" s="19">
        <v>1</v>
      </c>
      <c r="Y5912" s="19"/>
      <c r="Z5912" s="19"/>
      <c r="AA5912" s="19"/>
    </row>
    <row r="5913" spans="1:27" s="1" customFormat="1" ht="11.1" customHeight="1" outlineLevel="2" x14ac:dyDescent="0.2">
      <c r="A5913" s="17"/>
      <c r="B5913" s="17"/>
      <c r="C5913" s="17"/>
      <c r="D5913" s="18"/>
      <c r="E5913" s="18"/>
      <c r="F5913" s="18"/>
      <c r="G5913" s="18"/>
      <c r="H5913" s="18"/>
      <c r="I5913" s="18"/>
      <c r="J5913" s="18"/>
      <c r="K5913" s="18"/>
      <c r="L5913" s="18"/>
      <c r="M5913" s="18"/>
      <c r="N5913" s="18"/>
      <c r="O5913" s="18"/>
      <c r="P5913" s="19"/>
      <c r="Q5913" s="19"/>
      <c r="R5913" s="19"/>
      <c r="S5913" s="19"/>
      <c r="T5913" s="19"/>
      <c r="U5913" s="19"/>
      <c r="V5913" s="19"/>
      <c r="W5913" s="19"/>
      <c r="X5913" s="19"/>
      <c r="Y5913" s="19"/>
      <c r="Z5913" s="19"/>
      <c r="AA5913" s="19"/>
    </row>
    <row r="5914" spans="1:27" s="1" customFormat="1" ht="14.1" customHeight="1" outlineLevel="2" x14ac:dyDescent="0.2">
      <c r="A5914" s="17">
        <v>17027</v>
      </c>
      <c r="B5914" s="17"/>
      <c r="C5914" s="17"/>
      <c r="D5914" s="18" t="s">
        <v>2940</v>
      </c>
      <c r="E5914" s="18"/>
      <c r="F5914" s="18"/>
      <c r="G5914" s="18"/>
      <c r="H5914" s="18"/>
      <c r="I5914" s="18"/>
      <c r="J5914" s="18"/>
      <c r="K5914" s="18"/>
      <c r="L5914" s="18"/>
      <c r="M5914" s="18"/>
      <c r="N5914" s="18"/>
      <c r="O5914" s="18"/>
      <c r="P5914" s="19">
        <v>200</v>
      </c>
      <c r="Q5914" s="19"/>
      <c r="R5914" s="19"/>
      <c r="S5914" s="19"/>
      <c r="T5914" s="19">
        <v>100</v>
      </c>
      <c r="U5914" s="19"/>
      <c r="V5914" s="19"/>
      <c r="W5914" s="19"/>
      <c r="X5914" s="19">
        <v>2</v>
      </c>
      <c r="Y5914" s="19"/>
      <c r="Z5914" s="19"/>
      <c r="AA5914" s="19"/>
    </row>
    <row r="5915" spans="1:27" s="1" customFormat="1" ht="14.1" customHeight="1" outlineLevel="2" x14ac:dyDescent="0.2">
      <c r="A5915" s="17"/>
      <c r="B5915" s="17"/>
      <c r="C5915" s="17"/>
      <c r="D5915" s="18"/>
      <c r="E5915" s="18"/>
      <c r="F5915" s="18"/>
      <c r="G5915" s="18"/>
      <c r="H5915" s="18"/>
      <c r="I5915" s="18"/>
      <c r="J5915" s="18"/>
      <c r="K5915" s="18"/>
      <c r="L5915" s="18"/>
      <c r="M5915" s="18"/>
      <c r="N5915" s="18"/>
      <c r="O5915" s="18"/>
      <c r="P5915" s="19"/>
      <c r="Q5915" s="19"/>
      <c r="R5915" s="19"/>
      <c r="S5915" s="19"/>
      <c r="T5915" s="19"/>
      <c r="U5915" s="19"/>
      <c r="V5915" s="19"/>
      <c r="W5915" s="19"/>
      <c r="X5915" s="19"/>
      <c r="Y5915" s="19"/>
      <c r="Z5915" s="19"/>
      <c r="AA5915" s="19"/>
    </row>
    <row r="5916" spans="1:27" s="1" customFormat="1" ht="14.1" customHeight="1" outlineLevel="2" x14ac:dyDescent="0.2">
      <c r="A5916" s="17">
        <v>12850</v>
      </c>
      <c r="B5916" s="17"/>
      <c r="C5916" s="17"/>
      <c r="D5916" s="18" t="s">
        <v>2941</v>
      </c>
      <c r="E5916" s="18"/>
      <c r="F5916" s="18"/>
      <c r="G5916" s="18"/>
      <c r="H5916" s="18"/>
      <c r="I5916" s="18"/>
      <c r="J5916" s="18"/>
      <c r="K5916" s="18"/>
      <c r="L5916" s="18"/>
      <c r="M5916" s="18"/>
      <c r="N5916" s="18"/>
      <c r="O5916" s="18"/>
      <c r="P5916" s="19">
        <v>200</v>
      </c>
      <c r="Q5916" s="19"/>
      <c r="R5916" s="19"/>
      <c r="S5916" s="19"/>
      <c r="T5916" s="19">
        <v>100</v>
      </c>
      <c r="U5916" s="19"/>
      <c r="V5916" s="19"/>
      <c r="W5916" s="19"/>
      <c r="X5916" s="19">
        <v>1</v>
      </c>
      <c r="Y5916" s="19"/>
      <c r="Z5916" s="19"/>
      <c r="AA5916" s="19"/>
    </row>
    <row r="5917" spans="1:27" s="1" customFormat="1" ht="14.1" customHeight="1" outlineLevel="2" x14ac:dyDescent="0.2">
      <c r="A5917" s="17"/>
      <c r="B5917" s="17"/>
      <c r="C5917" s="17"/>
      <c r="D5917" s="18"/>
      <c r="E5917" s="18"/>
      <c r="F5917" s="18"/>
      <c r="G5917" s="18"/>
      <c r="H5917" s="18"/>
      <c r="I5917" s="18"/>
      <c r="J5917" s="18"/>
      <c r="K5917" s="18"/>
      <c r="L5917" s="18"/>
      <c r="M5917" s="18"/>
      <c r="N5917" s="18"/>
      <c r="O5917" s="18"/>
      <c r="P5917" s="19"/>
      <c r="Q5917" s="19"/>
      <c r="R5917" s="19"/>
      <c r="S5917" s="19"/>
      <c r="T5917" s="19"/>
      <c r="U5917" s="19"/>
      <c r="V5917" s="19"/>
      <c r="W5917" s="19"/>
      <c r="X5917" s="19"/>
      <c r="Y5917" s="19"/>
      <c r="Z5917" s="19"/>
      <c r="AA5917" s="19"/>
    </row>
    <row r="5918" spans="1:27" s="1" customFormat="1" ht="14.1" customHeight="1" outlineLevel="2" x14ac:dyDescent="0.2">
      <c r="A5918" s="17">
        <v>15205</v>
      </c>
      <c r="B5918" s="17"/>
      <c r="C5918" s="17"/>
      <c r="D5918" s="18" t="s">
        <v>2942</v>
      </c>
      <c r="E5918" s="18"/>
      <c r="F5918" s="18"/>
      <c r="G5918" s="18"/>
      <c r="H5918" s="18"/>
      <c r="I5918" s="18"/>
      <c r="J5918" s="18"/>
      <c r="K5918" s="18"/>
      <c r="L5918" s="18"/>
      <c r="M5918" s="18"/>
      <c r="N5918" s="18"/>
      <c r="O5918" s="18"/>
      <c r="P5918" s="20">
        <v>1100</v>
      </c>
      <c r="Q5918" s="20"/>
      <c r="R5918" s="20"/>
      <c r="S5918" s="20"/>
      <c r="T5918" s="20">
        <v>1000</v>
      </c>
      <c r="U5918" s="20"/>
      <c r="V5918" s="20"/>
      <c r="W5918" s="20"/>
      <c r="X5918" s="19">
        <v>1</v>
      </c>
      <c r="Y5918" s="19"/>
      <c r="Z5918" s="19"/>
      <c r="AA5918" s="19"/>
    </row>
    <row r="5919" spans="1:27" s="1" customFormat="1" ht="14.1" customHeight="1" outlineLevel="2" x14ac:dyDescent="0.2">
      <c r="A5919" s="17"/>
      <c r="B5919" s="17"/>
      <c r="C5919" s="17"/>
      <c r="D5919" s="18"/>
      <c r="E5919" s="18"/>
      <c r="F5919" s="18"/>
      <c r="G5919" s="18"/>
      <c r="H5919" s="18"/>
      <c r="I5919" s="18"/>
      <c r="J5919" s="18"/>
      <c r="K5919" s="18"/>
      <c r="L5919" s="18"/>
      <c r="M5919" s="18"/>
      <c r="N5919" s="18"/>
      <c r="O5919" s="18"/>
      <c r="P5919" s="20"/>
      <c r="Q5919" s="20"/>
      <c r="R5919" s="20"/>
      <c r="S5919" s="20"/>
      <c r="T5919" s="20"/>
      <c r="U5919" s="20"/>
      <c r="V5919" s="20"/>
      <c r="W5919" s="20"/>
      <c r="X5919" s="19"/>
      <c r="Y5919" s="19"/>
      <c r="Z5919" s="19"/>
      <c r="AA5919" s="19"/>
    </row>
    <row r="5920" spans="1:27" s="1" customFormat="1" ht="11.1" customHeight="1" outlineLevel="2" x14ac:dyDescent="0.2">
      <c r="A5920" s="17">
        <v>9569</v>
      </c>
      <c r="B5920" s="17"/>
      <c r="C5920" s="17"/>
      <c r="D5920" s="18" t="s">
        <v>2943</v>
      </c>
      <c r="E5920" s="18"/>
      <c r="F5920" s="18"/>
      <c r="G5920" s="18"/>
      <c r="H5920" s="18"/>
      <c r="I5920" s="18"/>
      <c r="J5920" s="18"/>
      <c r="K5920" s="18"/>
      <c r="L5920" s="18"/>
      <c r="M5920" s="18"/>
      <c r="N5920" s="18"/>
      <c r="O5920" s="18"/>
      <c r="P5920" s="19">
        <v>240</v>
      </c>
      <c r="Q5920" s="19"/>
      <c r="R5920" s="19"/>
      <c r="S5920" s="19"/>
      <c r="T5920" s="19">
        <v>165</v>
      </c>
      <c r="U5920" s="19"/>
      <c r="V5920" s="19"/>
      <c r="W5920" s="19"/>
      <c r="X5920" s="19">
        <v>2</v>
      </c>
      <c r="Y5920" s="19"/>
      <c r="Z5920" s="19"/>
      <c r="AA5920" s="19"/>
    </row>
    <row r="5921" spans="1:27" s="1" customFormat="1" ht="11.1" customHeight="1" outlineLevel="2" x14ac:dyDescent="0.2">
      <c r="A5921" s="17"/>
      <c r="B5921" s="17"/>
      <c r="C5921" s="17"/>
      <c r="D5921" s="18"/>
      <c r="E5921" s="18"/>
      <c r="F5921" s="18"/>
      <c r="G5921" s="18"/>
      <c r="H5921" s="18"/>
      <c r="I5921" s="18"/>
      <c r="J5921" s="18"/>
      <c r="K5921" s="18"/>
      <c r="L5921" s="18"/>
      <c r="M5921" s="18"/>
      <c r="N5921" s="18"/>
      <c r="O5921" s="18"/>
      <c r="P5921" s="19"/>
      <c r="Q5921" s="19"/>
      <c r="R5921" s="19"/>
      <c r="S5921" s="19"/>
      <c r="T5921" s="19"/>
      <c r="U5921" s="19"/>
      <c r="V5921" s="19"/>
      <c r="W5921" s="19"/>
      <c r="X5921" s="19"/>
      <c r="Y5921" s="19"/>
      <c r="Z5921" s="19"/>
      <c r="AA5921" s="19"/>
    </row>
    <row r="5922" spans="1:27" s="1" customFormat="1" ht="11.1" customHeight="1" outlineLevel="2" x14ac:dyDescent="0.2">
      <c r="A5922" s="17">
        <v>9570</v>
      </c>
      <c r="B5922" s="17"/>
      <c r="C5922" s="17"/>
      <c r="D5922" s="18" t="s">
        <v>2944</v>
      </c>
      <c r="E5922" s="18"/>
      <c r="F5922" s="18"/>
      <c r="G5922" s="18"/>
      <c r="H5922" s="18"/>
      <c r="I5922" s="18"/>
      <c r="J5922" s="18"/>
      <c r="K5922" s="18"/>
      <c r="L5922" s="18"/>
      <c r="M5922" s="18"/>
      <c r="N5922" s="18"/>
      <c r="O5922" s="18"/>
      <c r="P5922" s="19">
        <v>240</v>
      </c>
      <c r="Q5922" s="19"/>
      <c r="R5922" s="19"/>
      <c r="S5922" s="19"/>
      <c r="T5922" s="19">
        <v>160</v>
      </c>
      <c r="U5922" s="19"/>
      <c r="V5922" s="19"/>
      <c r="W5922" s="19"/>
      <c r="X5922" s="19">
        <v>2</v>
      </c>
      <c r="Y5922" s="19"/>
      <c r="Z5922" s="19"/>
      <c r="AA5922" s="19"/>
    </row>
    <row r="5923" spans="1:27" s="1" customFormat="1" ht="11.1" customHeight="1" outlineLevel="2" x14ac:dyDescent="0.2">
      <c r="A5923" s="17"/>
      <c r="B5923" s="17"/>
      <c r="C5923" s="17"/>
      <c r="D5923" s="18"/>
      <c r="E5923" s="18"/>
      <c r="F5923" s="18"/>
      <c r="G5923" s="18"/>
      <c r="H5923" s="18"/>
      <c r="I5923" s="18"/>
      <c r="J5923" s="18"/>
      <c r="K5923" s="18"/>
      <c r="L5923" s="18"/>
      <c r="M5923" s="18"/>
      <c r="N5923" s="18"/>
      <c r="O5923" s="18"/>
      <c r="P5923" s="19"/>
      <c r="Q5923" s="19"/>
      <c r="R5923" s="19"/>
      <c r="S5923" s="19"/>
      <c r="T5923" s="19"/>
      <c r="U5923" s="19"/>
      <c r="V5923" s="19"/>
      <c r="W5923" s="19"/>
      <c r="X5923" s="19"/>
      <c r="Y5923" s="19"/>
      <c r="Z5923" s="19"/>
      <c r="AA5923" s="19"/>
    </row>
    <row r="5924" spans="1:27" s="1" customFormat="1" ht="11.1" customHeight="1" outlineLevel="2" x14ac:dyDescent="0.2">
      <c r="A5924" s="17">
        <v>9575</v>
      </c>
      <c r="B5924" s="17"/>
      <c r="C5924" s="17"/>
      <c r="D5924" s="18" t="s">
        <v>2945</v>
      </c>
      <c r="E5924" s="18"/>
      <c r="F5924" s="18"/>
      <c r="G5924" s="18"/>
      <c r="H5924" s="18"/>
      <c r="I5924" s="18"/>
      <c r="J5924" s="18"/>
      <c r="K5924" s="18"/>
      <c r="L5924" s="18"/>
      <c r="M5924" s="18"/>
      <c r="N5924" s="18"/>
      <c r="O5924" s="18"/>
      <c r="P5924" s="19">
        <v>250</v>
      </c>
      <c r="Q5924" s="19"/>
      <c r="R5924" s="19"/>
      <c r="S5924" s="19"/>
      <c r="T5924" s="19">
        <v>160</v>
      </c>
      <c r="U5924" s="19"/>
      <c r="V5924" s="19"/>
      <c r="W5924" s="19"/>
      <c r="X5924" s="19">
        <v>4</v>
      </c>
      <c r="Y5924" s="19"/>
      <c r="Z5924" s="19"/>
      <c r="AA5924" s="19"/>
    </row>
    <row r="5925" spans="1:27" s="1" customFormat="1" ht="11.1" customHeight="1" outlineLevel="2" x14ac:dyDescent="0.2">
      <c r="A5925" s="17"/>
      <c r="B5925" s="17"/>
      <c r="C5925" s="17"/>
      <c r="D5925" s="18"/>
      <c r="E5925" s="18"/>
      <c r="F5925" s="18"/>
      <c r="G5925" s="18"/>
      <c r="H5925" s="18"/>
      <c r="I5925" s="18"/>
      <c r="J5925" s="18"/>
      <c r="K5925" s="18"/>
      <c r="L5925" s="18"/>
      <c r="M5925" s="18"/>
      <c r="N5925" s="18"/>
      <c r="O5925" s="18"/>
      <c r="P5925" s="19"/>
      <c r="Q5925" s="19"/>
      <c r="R5925" s="19"/>
      <c r="S5925" s="19"/>
      <c r="T5925" s="19"/>
      <c r="U5925" s="19"/>
      <c r="V5925" s="19"/>
      <c r="W5925" s="19"/>
      <c r="X5925" s="19"/>
      <c r="Y5925" s="19"/>
      <c r="Z5925" s="19"/>
      <c r="AA5925" s="19"/>
    </row>
    <row r="5926" spans="1:27" s="1" customFormat="1" ht="11.1" customHeight="1" outlineLevel="2" x14ac:dyDescent="0.2">
      <c r="A5926" s="17">
        <v>9571</v>
      </c>
      <c r="B5926" s="17"/>
      <c r="C5926" s="17"/>
      <c r="D5926" s="18" t="s">
        <v>2946</v>
      </c>
      <c r="E5926" s="18"/>
      <c r="F5926" s="18"/>
      <c r="G5926" s="18"/>
      <c r="H5926" s="18"/>
      <c r="I5926" s="18"/>
      <c r="J5926" s="18"/>
      <c r="K5926" s="18"/>
      <c r="L5926" s="18"/>
      <c r="M5926" s="18"/>
      <c r="N5926" s="18"/>
      <c r="O5926" s="18"/>
      <c r="P5926" s="19">
        <v>240</v>
      </c>
      <c r="Q5926" s="19"/>
      <c r="R5926" s="19"/>
      <c r="S5926" s="19"/>
      <c r="T5926" s="19">
        <v>160</v>
      </c>
      <c r="U5926" s="19"/>
      <c r="V5926" s="19"/>
      <c r="W5926" s="19"/>
      <c r="X5926" s="19">
        <v>1</v>
      </c>
      <c r="Y5926" s="19"/>
      <c r="Z5926" s="19"/>
      <c r="AA5926" s="19"/>
    </row>
    <row r="5927" spans="1:27" s="1" customFormat="1" ht="11.1" customHeight="1" outlineLevel="2" x14ac:dyDescent="0.2">
      <c r="A5927" s="17"/>
      <c r="B5927" s="17"/>
      <c r="C5927" s="17"/>
      <c r="D5927" s="18"/>
      <c r="E5927" s="18"/>
      <c r="F5927" s="18"/>
      <c r="G5927" s="18"/>
      <c r="H5927" s="18"/>
      <c r="I5927" s="18"/>
      <c r="J5927" s="18"/>
      <c r="K5927" s="18"/>
      <c r="L5927" s="18"/>
      <c r="M5927" s="18"/>
      <c r="N5927" s="18"/>
      <c r="O5927" s="18"/>
      <c r="P5927" s="19"/>
      <c r="Q5927" s="19"/>
      <c r="R5927" s="19"/>
      <c r="S5927" s="19"/>
      <c r="T5927" s="19"/>
      <c r="U5927" s="19"/>
      <c r="V5927" s="19"/>
      <c r="W5927" s="19"/>
      <c r="X5927" s="19"/>
      <c r="Y5927" s="19"/>
      <c r="Z5927" s="19"/>
      <c r="AA5927" s="19"/>
    </row>
    <row r="5928" spans="1:27" s="1" customFormat="1" ht="11.1" customHeight="1" outlineLevel="2" x14ac:dyDescent="0.2">
      <c r="A5928" s="17">
        <v>9572</v>
      </c>
      <c r="B5928" s="17"/>
      <c r="C5928" s="17"/>
      <c r="D5928" s="18" t="s">
        <v>2947</v>
      </c>
      <c r="E5928" s="18"/>
      <c r="F5928" s="18"/>
      <c r="G5928" s="18"/>
      <c r="H5928" s="18"/>
      <c r="I5928" s="18"/>
      <c r="J5928" s="18"/>
      <c r="K5928" s="18"/>
      <c r="L5928" s="18"/>
      <c r="M5928" s="18"/>
      <c r="N5928" s="18"/>
      <c r="O5928" s="18"/>
      <c r="P5928" s="19">
        <v>240</v>
      </c>
      <c r="Q5928" s="19"/>
      <c r="R5928" s="19"/>
      <c r="S5928" s="19"/>
      <c r="T5928" s="19">
        <v>140</v>
      </c>
      <c r="U5928" s="19"/>
      <c r="V5928" s="19"/>
      <c r="W5928" s="19"/>
      <c r="X5928" s="19">
        <v>1</v>
      </c>
      <c r="Y5928" s="19"/>
      <c r="Z5928" s="19"/>
      <c r="AA5928" s="19"/>
    </row>
    <row r="5929" spans="1:27" s="1" customFormat="1" ht="11.1" customHeight="1" outlineLevel="2" x14ac:dyDescent="0.2">
      <c r="A5929" s="17"/>
      <c r="B5929" s="17"/>
      <c r="C5929" s="17"/>
      <c r="D5929" s="18"/>
      <c r="E5929" s="18"/>
      <c r="F5929" s="18"/>
      <c r="G5929" s="18"/>
      <c r="H5929" s="18"/>
      <c r="I5929" s="18"/>
      <c r="J5929" s="18"/>
      <c r="K5929" s="18"/>
      <c r="L5929" s="18"/>
      <c r="M5929" s="18"/>
      <c r="N5929" s="18"/>
      <c r="O5929" s="18"/>
      <c r="P5929" s="19"/>
      <c r="Q5929" s="19"/>
      <c r="R5929" s="19"/>
      <c r="S5929" s="19"/>
      <c r="T5929" s="19"/>
      <c r="U5929" s="19"/>
      <c r="V5929" s="19"/>
      <c r="W5929" s="19"/>
      <c r="X5929" s="19"/>
      <c r="Y5929" s="19"/>
      <c r="Z5929" s="19"/>
      <c r="AA5929" s="19"/>
    </row>
    <row r="5930" spans="1:27" s="1" customFormat="1" ht="11.1" customHeight="1" outlineLevel="2" x14ac:dyDescent="0.2">
      <c r="A5930" s="17">
        <v>9580</v>
      </c>
      <c r="B5930" s="17"/>
      <c r="C5930" s="17"/>
      <c r="D5930" s="18" t="s">
        <v>2948</v>
      </c>
      <c r="E5930" s="18"/>
      <c r="F5930" s="18"/>
      <c r="G5930" s="18"/>
      <c r="H5930" s="18"/>
      <c r="I5930" s="18"/>
      <c r="J5930" s="18"/>
      <c r="K5930" s="18"/>
      <c r="L5930" s="18"/>
      <c r="M5930" s="18"/>
      <c r="N5930" s="18"/>
      <c r="O5930" s="18"/>
      <c r="P5930" s="19">
        <v>220</v>
      </c>
      <c r="Q5930" s="19"/>
      <c r="R5930" s="19"/>
      <c r="S5930" s="19"/>
      <c r="T5930" s="19">
        <v>130</v>
      </c>
      <c r="U5930" s="19"/>
      <c r="V5930" s="19"/>
      <c r="W5930" s="19"/>
      <c r="X5930" s="19">
        <v>2</v>
      </c>
      <c r="Y5930" s="19"/>
      <c r="Z5930" s="19"/>
      <c r="AA5930" s="19"/>
    </row>
    <row r="5931" spans="1:27" s="1" customFormat="1" ht="11.1" customHeight="1" outlineLevel="2" x14ac:dyDescent="0.2">
      <c r="A5931" s="17"/>
      <c r="B5931" s="17"/>
      <c r="C5931" s="17"/>
      <c r="D5931" s="18"/>
      <c r="E5931" s="18"/>
      <c r="F5931" s="18"/>
      <c r="G5931" s="18"/>
      <c r="H5931" s="18"/>
      <c r="I5931" s="18"/>
      <c r="J5931" s="18"/>
      <c r="K5931" s="18"/>
      <c r="L5931" s="18"/>
      <c r="M5931" s="18"/>
      <c r="N5931" s="18"/>
      <c r="O5931" s="18"/>
      <c r="P5931" s="19"/>
      <c r="Q5931" s="19"/>
      <c r="R5931" s="19"/>
      <c r="S5931" s="19"/>
      <c r="T5931" s="19"/>
      <c r="U5931" s="19"/>
      <c r="V5931" s="19"/>
      <c r="W5931" s="19"/>
      <c r="X5931" s="19"/>
      <c r="Y5931" s="19"/>
      <c r="Z5931" s="19"/>
      <c r="AA5931" s="19"/>
    </row>
    <row r="5932" spans="1:27" s="1" customFormat="1" ht="14.1" customHeight="1" outlineLevel="2" x14ac:dyDescent="0.2">
      <c r="A5932" s="17">
        <v>12684</v>
      </c>
      <c r="B5932" s="17"/>
      <c r="C5932" s="17"/>
      <c r="D5932" s="18" t="s">
        <v>2949</v>
      </c>
      <c r="E5932" s="18"/>
      <c r="F5932" s="18"/>
      <c r="G5932" s="18"/>
      <c r="H5932" s="18"/>
      <c r="I5932" s="18"/>
      <c r="J5932" s="18"/>
      <c r="K5932" s="18"/>
      <c r="L5932" s="18"/>
      <c r="M5932" s="18"/>
      <c r="N5932" s="18"/>
      <c r="O5932" s="18"/>
      <c r="P5932" s="19">
        <v>150</v>
      </c>
      <c r="Q5932" s="19"/>
      <c r="R5932" s="19"/>
      <c r="S5932" s="19"/>
      <c r="T5932" s="19">
        <v>100</v>
      </c>
      <c r="U5932" s="19"/>
      <c r="V5932" s="19"/>
      <c r="W5932" s="19"/>
      <c r="X5932" s="19">
        <v>1</v>
      </c>
      <c r="Y5932" s="19"/>
      <c r="Z5932" s="19"/>
      <c r="AA5932" s="19"/>
    </row>
    <row r="5933" spans="1:27" s="1" customFormat="1" ht="14.1" customHeight="1" outlineLevel="2" x14ac:dyDescent="0.2">
      <c r="A5933" s="17"/>
      <c r="B5933" s="17"/>
      <c r="C5933" s="17"/>
      <c r="D5933" s="18"/>
      <c r="E5933" s="18"/>
      <c r="F5933" s="18"/>
      <c r="G5933" s="18"/>
      <c r="H5933" s="18"/>
      <c r="I5933" s="18"/>
      <c r="J5933" s="18"/>
      <c r="K5933" s="18"/>
      <c r="L5933" s="18"/>
      <c r="M5933" s="18"/>
      <c r="N5933" s="18"/>
      <c r="O5933" s="18"/>
      <c r="P5933" s="19"/>
      <c r="Q5933" s="19"/>
      <c r="R5933" s="19"/>
      <c r="S5933" s="19"/>
      <c r="T5933" s="19"/>
      <c r="U5933" s="19"/>
      <c r="V5933" s="19"/>
      <c r="W5933" s="19"/>
      <c r="X5933" s="19"/>
      <c r="Y5933" s="19"/>
      <c r="Z5933" s="19"/>
      <c r="AA5933" s="19"/>
    </row>
    <row r="5934" spans="1:27" s="1" customFormat="1" ht="11.1" customHeight="1" outlineLevel="2" x14ac:dyDescent="0.2">
      <c r="A5934" s="17">
        <v>9581</v>
      </c>
      <c r="B5934" s="17"/>
      <c r="C5934" s="17"/>
      <c r="D5934" s="18" t="s">
        <v>2950</v>
      </c>
      <c r="E5934" s="18"/>
      <c r="F5934" s="18"/>
      <c r="G5934" s="18"/>
      <c r="H5934" s="18"/>
      <c r="I5934" s="18"/>
      <c r="J5934" s="18"/>
      <c r="K5934" s="18"/>
      <c r="L5934" s="18"/>
      <c r="M5934" s="18"/>
      <c r="N5934" s="18"/>
      <c r="O5934" s="18"/>
      <c r="P5934" s="19">
        <v>220</v>
      </c>
      <c r="Q5934" s="19"/>
      <c r="R5934" s="19"/>
      <c r="S5934" s="19"/>
      <c r="T5934" s="19">
        <v>130</v>
      </c>
      <c r="U5934" s="19"/>
      <c r="V5934" s="19"/>
      <c r="W5934" s="19"/>
      <c r="X5934" s="19">
        <v>2</v>
      </c>
      <c r="Y5934" s="19"/>
      <c r="Z5934" s="19"/>
      <c r="AA5934" s="19"/>
    </row>
    <row r="5935" spans="1:27" s="1" customFormat="1" ht="11.1" customHeight="1" outlineLevel="2" x14ac:dyDescent="0.2">
      <c r="A5935" s="17"/>
      <c r="B5935" s="17"/>
      <c r="C5935" s="17"/>
      <c r="D5935" s="18"/>
      <c r="E5935" s="18"/>
      <c r="F5935" s="18"/>
      <c r="G5935" s="18"/>
      <c r="H5935" s="18"/>
      <c r="I5935" s="18"/>
      <c r="J5935" s="18"/>
      <c r="K5935" s="18"/>
      <c r="L5935" s="18"/>
      <c r="M5935" s="18"/>
      <c r="N5935" s="18"/>
      <c r="O5935" s="18"/>
      <c r="P5935" s="19"/>
      <c r="Q5935" s="19"/>
      <c r="R5935" s="19"/>
      <c r="S5935" s="19"/>
      <c r="T5935" s="19"/>
      <c r="U5935" s="19"/>
      <c r="V5935" s="19"/>
      <c r="W5935" s="19"/>
      <c r="X5935" s="19"/>
      <c r="Y5935" s="19"/>
      <c r="Z5935" s="19"/>
      <c r="AA5935" s="19"/>
    </row>
    <row r="5936" spans="1:27" s="1" customFormat="1" ht="14.1" customHeight="1" outlineLevel="2" x14ac:dyDescent="0.2">
      <c r="A5936" s="17">
        <v>9582</v>
      </c>
      <c r="B5936" s="17"/>
      <c r="C5936" s="17"/>
      <c r="D5936" s="18" t="s">
        <v>2951</v>
      </c>
      <c r="E5936" s="18"/>
      <c r="F5936" s="18"/>
      <c r="G5936" s="18"/>
      <c r="H5936" s="18"/>
      <c r="I5936" s="18"/>
      <c r="J5936" s="18"/>
      <c r="K5936" s="18"/>
      <c r="L5936" s="18"/>
      <c r="M5936" s="18"/>
      <c r="N5936" s="18"/>
      <c r="O5936" s="18"/>
      <c r="P5936" s="19">
        <v>270</v>
      </c>
      <c r="Q5936" s="19"/>
      <c r="R5936" s="19"/>
      <c r="S5936" s="19"/>
      <c r="T5936" s="19">
        <v>190</v>
      </c>
      <c r="U5936" s="19"/>
      <c r="V5936" s="19"/>
      <c r="W5936" s="19"/>
      <c r="X5936" s="19">
        <v>1</v>
      </c>
      <c r="Y5936" s="19"/>
      <c r="Z5936" s="19"/>
      <c r="AA5936" s="19"/>
    </row>
    <row r="5937" spans="1:27" s="1" customFormat="1" ht="14.1" customHeight="1" outlineLevel="2" x14ac:dyDescent="0.2">
      <c r="A5937" s="17"/>
      <c r="B5937" s="17"/>
      <c r="C5937" s="17"/>
      <c r="D5937" s="18"/>
      <c r="E5937" s="18"/>
      <c r="F5937" s="18"/>
      <c r="G5937" s="18"/>
      <c r="H5937" s="18"/>
      <c r="I5937" s="18"/>
      <c r="J5937" s="18"/>
      <c r="K5937" s="18"/>
      <c r="L5937" s="18"/>
      <c r="M5937" s="18"/>
      <c r="N5937" s="18"/>
      <c r="O5937" s="18"/>
      <c r="P5937" s="19"/>
      <c r="Q5937" s="19"/>
      <c r="R5937" s="19"/>
      <c r="S5937" s="19"/>
      <c r="T5937" s="19"/>
      <c r="U5937" s="19"/>
      <c r="V5937" s="19"/>
      <c r="W5937" s="19"/>
      <c r="X5937" s="19"/>
      <c r="Y5937" s="19"/>
      <c r="Z5937" s="19"/>
      <c r="AA5937" s="19"/>
    </row>
    <row r="5938" spans="1:27" s="1" customFormat="1" ht="14.1" customHeight="1" outlineLevel="2" x14ac:dyDescent="0.2">
      <c r="A5938" s="17">
        <v>12834</v>
      </c>
      <c r="B5938" s="17"/>
      <c r="C5938" s="17"/>
      <c r="D5938" s="18" t="s">
        <v>2952</v>
      </c>
      <c r="E5938" s="18"/>
      <c r="F5938" s="18"/>
      <c r="G5938" s="18"/>
      <c r="H5938" s="18"/>
      <c r="I5938" s="18"/>
      <c r="J5938" s="18"/>
      <c r="K5938" s="18"/>
      <c r="L5938" s="18"/>
      <c r="M5938" s="18"/>
      <c r="N5938" s="18"/>
      <c r="O5938" s="18"/>
      <c r="P5938" s="19">
        <v>220</v>
      </c>
      <c r="Q5938" s="19"/>
      <c r="R5938" s="19"/>
      <c r="S5938" s="19"/>
      <c r="T5938" s="19">
        <v>190</v>
      </c>
      <c r="U5938" s="19"/>
      <c r="V5938" s="19"/>
      <c r="W5938" s="19"/>
      <c r="X5938" s="19">
        <v>1</v>
      </c>
      <c r="Y5938" s="19"/>
      <c r="Z5938" s="19"/>
      <c r="AA5938" s="19"/>
    </row>
    <row r="5939" spans="1:27" s="1" customFormat="1" ht="14.1" customHeight="1" outlineLevel="2" x14ac:dyDescent="0.2">
      <c r="A5939" s="17"/>
      <c r="B5939" s="17"/>
      <c r="C5939" s="17"/>
      <c r="D5939" s="18"/>
      <c r="E5939" s="18"/>
      <c r="F5939" s="18"/>
      <c r="G5939" s="18"/>
      <c r="H5939" s="18"/>
      <c r="I5939" s="18"/>
      <c r="J5939" s="18"/>
      <c r="K5939" s="18"/>
      <c r="L5939" s="18"/>
      <c r="M5939" s="18"/>
      <c r="N5939" s="18"/>
      <c r="O5939" s="18"/>
      <c r="P5939" s="19"/>
      <c r="Q5939" s="19"/>
      <c r="R5939" s="19"/>
      <c r="S5939" s="19"/>
      <c r="T5939" s="19"/>
      <c r="U5939" s="19"/>
      <c r="V5939" s="19"/>
      <c r="W5939" s="19"/>
      <c r="X5939" s="19"/>
      <c r="Y5939" s="19"/>
      <c r="Z5939" s="19"/>
      <c r="AA5939" s="19"/>
    </row>
    <row r="5940" spans="1:27" s="1" customFormat="1" ht="14.1" customHeight="1" outlineLevel="2" x14ac:dyDescent="0.2">
      <c r="A5940" s="17">
        <v>12849</v>
      </c>
      <c r="B5940" s="17"/>
      <c r="C5940" s="17"/>
      <c r="D5940" s="18" t="s">
        <v>2953</v>
      </c>
      <c r="E5940" s="18"/>
      <c r="F5940" s="18"/>
      <c r="G5940" s="18"/>
      <c r="H5940" s="18"/>
      <c r="I5940" s="18"/>
      <c r="J5940" s="18"/>
      <c r="K5940" s="18"/>
      <c r="L5940" s="18"/>
      <c r="M5940" s="18"/>
      <c r="N5940" s="18"/>
      <c r="O5940" s="18"/>
      <c r="P5940" s="19">
        <v>230</v>
      </c>
      <c r="Q5940" s="19"/>
      <c r="R5940" s="19"/>
      <c r="S5940" s="19"/>
      <c r="T5940" s="19">
        <v>170</v>
      </c>
      <c r="U5940" s="19"/>
      <c r="V5940" s="19"/>
      <c r="W5940" s="19"/>
      <c r="X5940" s="19">
        <v>4</v>
      </c>
      <c r="Y5940" s="19"/>
      <c r="Z5940" s="19"/>
      <c r="AA5940" s="19"/>
    </row>
    <row r="5941" spans="1:27" s="1" customFormat="1" ht="14.1" customHeight="1" outlineLevel="2" x14ac:dyDescent="0.2">
      <c r="A5941" s="17"/>
      <c r="B5941" s="17"/>
      <c r="C5941" s="17"/>
      <c r="D5941" s="18"/>
      <c r="E5941" s="18"/>
      <c r="F5941" s="18"/>
      <c r="G5941" s="18"/>
      <c r="H5941" s="18"/>
      <c r="I5941" s="18"/>
      <c r="J5941" s="18"/>
      <c r="K5941" s="18"/>
      <c r="L5941" s="18"/>
      <c r="M5941" s="18"/>
      <c r="N5941" s="18"/>
      <c r="O5941" s="18"/>
      <c r="P5941" s="19"/>
      <c r="Q5941" s="19"/>
      <c r="R5941" s="19"/>
      <c r="S5941" s="19"/>
      <c r="T5941" s="19"/>
      <c r="U5941" s="19"/>
      <c r="V5941" s="19"/>
      <c r="W5941" s="19"/>
      <c r="X5941" s="19"/>
      <c r="Y5941" s="19"/>
      <c r="Z5941" s="19"/>
      <c r="AA5941" s="19"/>
    </row>
    <row r="5942" spans="1:27" s="1" customFormat="1" ht="14.1" customHeight="1" outlineLevel="2" x14ac:dyDescent="0.2">
      <c r="A5942" s="17">
        <v>14346</v>
      </c>
      <c r="B5942" s="17"/>
      <c r="C5942" s="17"/>
      <c r="D5942" s="18" t="s">
        <v>2954</v>
      </c>
      <c r="E5942" s="18"/>
      <c r="F5942" s="18"/>
      <c r="G5942" s="18"/>
      <c r="H5942" s="18"/>
      <c r="I5942" s="18"/>
      <c r="J5942" s="18"/>
      <c r="K5942" s="18"/>
      <c r="L5942" s="18"/>
      <c r="M5942" s="18"/>
      <c r="N5942" s="18"/>
      <c r="O5942" s="18"/>
      <c r="P5942" s="19">
        <v>140</v>
      </c>
      <c r="Q5942" s="19"/>
      <c r="R5942" s="19"/>
      <c r="S5942" s="19"/>
      <c r="T5942" s="19">
        <v>100</v>
      </c>
      <c r="U5942" s="19"/>
      <c r="V5942" s="19"/>
      <c r="W5942" s="19"/>
      <c r="X5942" s="19">
        <v>5</v>
      </c>
      <c r="Y5942" s="19"/>
      <c r="Z5942" s="19"/>
      <c r="AA5942" s="19"/>
    </row>
    <row r="5943" spans="1:27" s="1" customFormat="1" ht="14.1" customHeight="1" outlineLevel="2" x14ac:dyDescent="0.2">
      <c r="A5943" s="17"/>
      <c r="B5943" s="17"/>
      <c r="C5943" s="17"/>
      <c r="D5943" s="18"/>
      <c r="E5943" s="18"/>
      <c r="F5943" s="18"/>
      <c r="G5943" s="18"/>
      <c r="H5943" s="18"/>
      <c r="I5943" s="18"/>
      <c r="J5943" s="18"/>
      <c r="K5943" s="18"/>
      <c r="L5943" s="18"/>
      <c r="M5943" s="18"/>
      <c r="N5943" s="18"/>
      <c r="O5943" s="18"/>
      <c r="P5943" s="19"/>
      <c r="Q5943" s="19"/>
      <c r="R5943" s="19"/>
      <c r="S5943" s="19"/>
      <c r="T5943" s="19"/>
      <c r="U5943" s="19"/>
      <c r="V5943" s="19"/>
      <c r="W5943" s="19"/>
      <c r="X5943" s="19"/>
      <c r="Y5943" s="19"/>
      <c r="Z5943" s="19"/>
      <c r="AA5943" s="19"/>
    </row>
    <row r="5944" spans="1:27" s="1" customFormat="1" ht="11.1" customHeight="1" outlineLevel="2" x14ac:dyDescent="0.2">
      <c r="A5944" s="17">
        <v>16097</v>
      </c>
      <c r="B5944" s="17"/>
      <c r="C5944" s="17"/>
      <c r="D5944" s="18" t="s">
        <v>2955</v>
      </c>
      <c r="E5944" s="18"/>
      <c r="F5944" s="18"/>
      <c r="G5944" s="18"/>
      <c r="H5944" s="18"/>
      <c r="I5944" s="18"/>
      <c r="J5944" s="18"/>
      <c r="K5944" s="18"/>
      <c r="L5944" s="18"/>
      <c r="M5944" s="18"/>
      <c r="N5944" s="18"/>
      <c r="O5944" s="18"/>
      <c r="P5944" s="19">
        <v>250</v>
      </c>
      <c r="Q5944" s="19"/>
      <c r="R5944" s="19"/>
      <c r="S5944" s="19"/>
      <c r="T5944" s="19">
        <v>200</v>
      </c>
      <c r="U5944" s="19"/>
      <c r="V5944" s="19"/>
      <c r="W5944" s="19"/>
      <c r="X5944" s="19">
        <v>4</v>
      </c>
      <c r="Y5944" s="19"/>
      <c r="Z5944" s="19"/>
      <c r="AA5944" s="19"/>
    </row>
    <row r="5945" spans="1:27" s="1" customFormat="1" ht="11.1" customHeight="1" outlineLevel="2" x14ac:dyDescent="0.2">
      <c r="A5945" s="17"/>
      <c r="B5945" s="17"/>
      <c r="C5945" s="17"/>
      <c r="D5945" s="18"/>
      <c r="E5945" s="18"/>
      <c r="F5945" s="18"/>
      <c r="G5945" s="18"/>
      <c r="H5945" s="18"/>
      <c r="I5945" s="18"/>
      <c r="J5945" s="18"/>
      <c r="K5945" s="18"/>
      <c r="L5945" s="18"/>
      <c r="M5945" s="18"/>
      <c r="N5945" s="18"/>
      <c r="O5945" s="18"/>
      <c r="P5945" s="19"/>
      <c r="Q5945" s="19"/>
      <c r="R5945" s="19"/>
      <c r="S5945" s="19"/>
      <c r="T5945" s="19"/>
      <c r="U5945" s="19"/>
      <c r="V5945" s="19"/>
      <c r="W5945" s="19"/>
      <c r="X5945" s="19"/>
      <c r="Y5945" s="19"/>
      <c r="Z5945" s="19"/>
      <c r="AA5945" s="19"/>
    </row>
    <row r="5946" spans="1:27" s="1" customFormat="1" ht="11.1" customHeight="1" outlineLevel="2" x14ac:dyDescent="0.2">
      <c r="A5946" s="17">
        <v>16098</v>
      </c>
      <c r="B5946" s="17"/>
      <c r="C5946" s="17"/>
      <c r="D5946" s="18" t="s">
        <v>2956</v>
      </c>
      <c r="E5946" s="18"/>
      <c r="F5946" s="18"/>
      <c r="G5946" s="18"/>
      <c r="H5946" s="18"/>
      <c r="I5946" s="18"/>
      <c r="J5946" s="18"/>
      <c r="K5946" s="18"/>
      <c r="L5946" s="18"/>
      <c r="M5946" s="18"/>
      <c r="N5946" s="18"/>
      <c r="O5946" s="18"/>
      <c r="P5946" s="19">
        <v>250</v>
      </c>
      <c r="Q5946" s="19"/>
      <c r="R5946" s="19"/>
      <c r="S5946" s="19"/>
      <c r="T5946" s="19">
        <v>200</v>
      </c>
      <c r="U5946" s="19"/>
      <c r="V5946" s="19"/>
      <c r="W5946" s="19"/>
      <c r="X5946" s="19">
        <v>4</v>
      </c>
      <c r="Y5946" s="19"/>
      <c r="Z5946" s="19"/>
      <c r="AA5946" s="19"/>
    </row>
    <row r="5947" spans="1:27" s="1" customFormat="1" ht="11.1" customHeight="1" outlineLevel="2" x14ac:dyDescent="0.2">
      <c r="A5947" s="17"/>
      <c r="B5947" s="17"/>
      <c r="C5947" s="17"/>
      <c r="D5947" s="18"/>
      <c r="E5947" s="18"/>
      <c r="F5947" s="18"/>
      <c r="G5947" s="18"/>
      <c r="H5947" s="18"/>
      <c r="I5947" s="18"/>
      <c r="J5947" s="18"/>
      <c r="K5947" s="18"/>
      <c r="L5947" s="18"/>
      <c r="M5947" s="18"/>
      <c r="N5947" s="18"/>
      <c r="O5947" s="18"/>
      <c r="P5947" s="19"/>
      <c r="Q5947" s="19"/>
      <c r="R5947" s="19"/>
      <c r="S5947" s="19"/>
      <c r="T5947" s="19"/>
      <c r="U5947" s="19"/>
      <c r="V5947" s="19"/>
      <c r="W5947" s="19"/>
      <c r="X5947" s="19"/>
      <c r="Y5947" s="19"/>
      <c r="Z5947" s="19"/>
      <c r="AA5947" s="19"/>
    </row>
    <row r="5948" spans="1:27" s="1" customFormat="1" ht="11.1" customHeight="1" outlineLevel="2" x14ac:dyDescent="0.2">
      <c r="A5948" s="17">
        <v>9577</v>
      </c>
      <c r="B5948" s="17"/>
      <c r="C5948" s="17"/>
      <c r="D5948" s="18" t="s">
        <v>2957</v>
      </c>
      <c r="E5948" s="18"/>
      <c r="F5948" s="18"/>
      <c r="G5948" s="18"/>
      <c r="H5948" s="18"/>
      <c r="I5948" s="18"/>
      <c r="J5948" s="18"/>
      <c r="K5948" s="18"/>
      <c r="L5948" s="18"/>
      <c r="M5948" s="18"/>
      <c r="N5948" s="18"/>
      <c r="O5948" s="18"/>
      <c r="P5948" s="19">
        <v>270</v>
      </c>
      <c r="Q5948" s="19"/>
      <c r="R5948" s="19"/>
      <c r="S5948" s="19"/>
      <c r="T5948" s="19">
        <v>215</v>
      </c>
      <c r="U5948" s="19"/>
      <c r="V5948" s="19"/>
      <c r="W5948" s="19"/>
      <c r="X5948" s="19">
        <v>3</v>
      </c>
      <c r="Y5948" s="19"/>
      <c r="Z5948" s="19"/>
      <c r="AA5948" s="19"/>
    </row>
    <row r="5949" spans="1:27" s="1" customFormat="1" ht="11.1" customHeight="1" outlineLevel="2" x14ac:dyDescent="0.2">
      <c r="A5949" s="17"/>
      <c r="B5949" s="17"/>
      <c r="C5949" s="17"/>
      <c r="D5949" s="18"/>
      <c r="E5949" s="18"/>
      <c r="F5949" s="18"/>
      <c r="G5949" s="18"/>
      <c r="H5949" s="18"/>
      <c r="I5949" s="18"/>
      <c r="J5949" s="18"/>
      <c r="K5949" s="18"/>
      <c r="L5949" s="18"/>
      <c r="M5949" s="18"/>
      <c r="N5949" s="18"/>
      <c r="O5949" s="18"/>
      <c r="P5949" s="19"/>
      <c r="Q5949" s="19"/>
      <c r="R5949" s="19"/>
      <c r="S5949" s="19"/>
      <c r="T5949" s="19"/>
      <c r="U5949" s="19"/>
      <c r="V5949" s="19"/>
      <c r="W5949" s="19"/>
      <c r="X5949" s="19"/>
      <c r="Y5949" s="19"/>
      <c r="Z5949" s="19"/>
      <c r="AA5949" s="19"/>
    </row>
    <row r="5950" spans="1:27" s="1" customFormat="1" ht="14.1" customHeight="1" outlineLevel="2" x14ac:dyDescent="0.2">
      <c r="A5950" s="17">
        <v>9578</v>
      </c>
      <c r="B5950" s="17"/>
      <c r="C5950" s="17"/>
      <c r="D5950" s="18" t="s">
        <v>2958</v>
      </c>
      <c r="E5950" s="18"/>
      <c r="F5950" s="18"/>
      <c r="G5950" s="18"/>
      <c r="H5950" s="18"/>
      <c r="I5950" s="18"/>
      <c r="J5950" s="18"/>
      <c r="K5950" s="18"/>
      <c r="L5950" s="18"/>
      <c r="M5950" s="18"/>
      <c r="N5950" s="18"/>
      <c r="O5950" s="18"/>
      <c r="P5950" s="19">
        <v>290</v>
      </c>
      <c r="Q5950" s="19"/>
      <c r="R5950" s="19"/>
      <c r="S5950" s="19"/>
      <c r="T5950" s="19">
        <v>225</v>
      </c>
      <c r="U5950" s="19"/>
      <c r="V5950" s="19"/>
      <c r="W5950" s="19"/>
      <c r="X5950" s="19">
        <v>1</v>
      </c>
      <c r="Y5950" s="19"/>
      <c r="Z5950" s="19"/>
      <c r="AA5950" s="19"/>
    </row>
    <row r="5951" spans="1:27" s="1" customFormat="1" ht="14.1" customHeight="1" outlineLevel="2" x14ac:dyDescent="0.2">
      <c r="A5951" s="17"/>
      <c r="B5951" s="17"/>
      <c r="C5951" s="17"/>
      <c r="D5951" s="18"/>
      <c r="E5951" s="18"/>
      <c r="F5951" s="18"/>
      <c r="G5951" s="18"/>
      <c r="H5951" s="18"/>
      <c r="I5951" s="18"/>
      <c r="J5951" s="18"/>
      <c r="K5951" s="18"/>
      <c r="L5951" s="18"/>
      <c r="M5951" s="18"/>
      <c r="N5951" s="18"/>
      <c r="O5951" s="18"/>
      <c r="P5951" s="19"/>
      <c r="Q5951" s="19"/>
      <c r="R5951" s="19"/>
      <c r="S5951" s="19"/>
      <c r="T5951" s="19"/>
      <c r="U5951" s="19"/>
      <c r="V5951" s="19"/>
      <c r="W5951" s="19"/>
      <c r="X5951" s="19"/>
      <c r="Y5951" s="19"/>
      <c r="Z5951" s="19"/>
      <c r="AA5951" s="19"/>
    </row>
    <row r="5952" spans="1:27" s="1" customFormat="1" ht="11.1" customHeight="1" outlineLevel="2" x14ac:dyDescent="0.2">
      <c r="A5952" s="17">
        <v>11129</v>
      </c>
      <c r="B5952" s="17"/>
      <c r="C5952" s="17"/>
      <c r="D5952" s="18" t="s">
        <v>2959</v>
      </c>
      <c r="E5952" s="18"/>
      <c r="F5952" s="18"/>
      <c r="G5952" s="18"/>
      <c r="H5952" s="18"/>
      <c r="I5952" s="18"/>
      <c r="J5952" s="18"/>
      <c r="K5952" s="18"/>
      <c r="L5952" s="18"/>
      <c r="M5952" s="18"/>
      <c r="N5952" s="18"/>
      <c r="O5952" s="18"/>
      <c r="P5952" s="19">
        <v>400</v>
      </c>
      <c r="Q5952" s="19"/>
      <c r="R5952" s="19"/>
      <c r="S5952" s="19"/>
      <c r="T5952" s="19">
        <v>350</v>
      </c>
      <c r="U5952" s="19"/>
      <c r="V5952" s="19"/>
      <c r="W5952" s="19"/>
      <c r="X5952" s="19">
        <v>1</v>
      </c>
      <c r="Y5952" s="19"/>
      <c r="Z5952" s="19"/>
      <c r="AA5952" s="19"/>
    </row>
    <row r="5953" spans="1:27" s="1" customFormat="1" ht="11.1" customHeight="1" outlineLevel="2" x14ac:dyDescent="0.2">
      <c r="A5953" s="17"/>
      <c r="B5953" s="17"/>
      <c r="C5953" s="17"/>
      <c r="D5953" s="18"/>
      <c r="E5953" s="18"/>
      <c r="F5953" s="18"/>
      <c r="G5953" s="18"/>
      <c r="H5953" s="18"/>
      <c r="I5953" s="18"/>
      <c r="J5953" s="18"/>
      <c r="K5953" s="18"/>
      <c r="L5953" s="18"/>
      <c r="M5953" s="18"/>
      <c r="N5953" s="18"/>
      <c r="O5953" s="18"/>
      <c r="P5953" s="19"/>
      <c r="Q5953" s="19"/>
      <c r="R5953" s="19"/>
      <c r="S5953" s="19"/>
      <c r="T5953" s="19"/>
      <c r="U5953" s="19"/>
      <c r="V5953" s="19"/>
      <c r="W5953" s="19"/>
      <c r="X5953" s="19"/>
      <c r="Y5953" s="19"/>
      <c r="Z5953" s="19"/>
      <c r="AA5953" s="19"/>
    </row>
    <row r="5954" spans="1:27" s="1" customFormat="1" ht="11.1" customHeight="1" outlineLevel="2" x14ac:dyDescent="0.2">
      <c r="A5954" s="17">
        <v>9583</v>
      </c>
      <c r="B5954" s="17"/>
      <c r="C5954" s="17"/>
      <c r="D5954" s="18" t="s">
        <v>2960</v>
      </c>
      <c r="E5954" s="18"/>
      <c r="F5954" s="18"/>
      <c r="G5954" s="18"/>
      <c r="H5954" s="18"/>
      <c r="I5954" s="18"/>
      <c r="J5954" s="18"/>
      <c r="K5954" s="18"/>
      <c r="L5954" s="18"/>
      <c r="M5954" s="18"/>
      <c r="N5954" s="18"/>
      <c r="O5954" s="18"/>
      <c r="P5954" s="19">
        <v>210</v>
      </c>
      <c r="Q5954" s="19"/>
      <c r="R5954" s="19"/>
      <c r="S5954" s="19"/>
      <c r="T5954" s="19">
        <v>140</v>
      </c>
      <c r="U5954" s="19"/>
      <c r="V5954" s="19"/>
      <c r="W5954" s="19"/>
      <c r="X5954" s="19">
        <v>1</v>
      </c>
      <c r="Y5954" s="19"/>
      <c r="Z5954" s="19"/>
      <c r="AA5954" s="19"/>
    </row>
    <row r="5955" spans="1:27" s="1" customFormat="1" ht="11.1" customHeight="1" outlineLevel="2" x14ac:dyDescent="0.2">
      <c r="A5955" s="17"/>
      <c r="B5955" s="17"/>
      <c r="C5955" s="17"/>
      <c r="D5955" s="18"/>
      <c r="E5955" s="18"/>
      <c r="F5955" s="18"/>
      <c r="G5955" s="18"/>
      <c r="H5955" s="18"/>
      <c r="I5955" s="18"/>
      <c r="J5955" s="18"/>
      <c r="K5955" s="18"/>
      <c r="L5955" s="18"/>
      <c r="M5955" s="18"/>
      <c r="N5955" s="18"/>
      <c r="O5955" s="18"/>
      <c r="P5955" s="19"/>
      <c r="Q5955" s="19"/>
      <c r="R5955" s="19"/>
      <c r="S5955" s="19"/>
      <c r="T5955" s="19"/>
      <c r="U5955" s="19"/>
      <c r="V5955" s="19"/>
      <c r="W5955" s="19"/>
      <c r="X5955" s="19"/>
      <c r="Y5955" s="19"/>
      <c r="Z5955" s="19"/>
      <c r="AA5955" s="19"/>
    </row>
    <row r="5956" spans="1:27" s="1" customFormat="1" ht="14.1" customHeight="1" outlineLevel="2" x14ac:dyDescent="0.2">
      <c r="A5956" s="17">
        <v>12717</v>
      </c>
      <c r="B5956" s="17"/>
      <c r="C5956" s="17"/>
      <c r="D5956" s="18" t="s">
        <v>2961</v>
      </c>
      <c r="E5956" s="18"/>
      <c r="F5956" s="18"/>
      <c r="G5956" s="18"/>
      <c r="H5956" s="18"/>
      <c r="I5956" s="18"/>
      <c r="J5956" s="18"/>
      <c r="K5956" s="18"/>
      <c r="L5956" s="18"/>
      <c r="M5956" s="18"/>
      <c r="N5956" s="18"/>
      <c r="O5956" s="18"/>
      <c r="P5956" s="19">
        <v>240</v>
      </c>
      <c r="Q5956" s="19"/>
      <c r="R5956" s="19"/>
      <c r="S5956" s="19"/>
      <c r="T5956" s="19">
        <v>180</v>
      </c>
      <c r="U5956" s="19"/>
      <c r="V5956" s="19"/>
      <c r="W5956" s="19"/>
      <c r="X5956" s="19">
        <v>2</v>
      </c>
      <c r="Y5956" s="19"/>
      <c r="Z5956" s="19"/>
      <c r="AA5956" s="19"/>
    </row>
    <row r="5957" spans="1:27" s="1" customFormat="1" ht="14.1" customHeight="1" outlineLevel="2" x14ac:dyDescent="0.2">
      <c r="A5957" s="17"/>
      <c r="B5957" s="17"/>
      <c r="C5957" s="17"/>
      <c r="D5957" s="18"/>
      <c r="E5957" s="18"/>
      <c r="F5957" s="18"/>
      <c r="G5957" s="18"/>
      <c r="H5957" s="18"/>
      <c r="I5957" s="18"/>
      <c r="J5957" s="18"/>
      <c r="K5957" s="18"/>
      <c r="L5957" s="18"/>
      <c r="M5957" s="18"/>
      <c r="N5957" s="18"/>
      <c r="O5957" s="18"/>
      <c r="P5957" s="19"/>
      <c r="Q5957" s="19"/>
      <c r="R5957" s="19"/>
      <c r="S5957" s="19"/>
      <c r="T5957" s="19"/>
      <c r="U5957" s="19"/>
      <c r="V5957" s="19"/>
      <c r="W5957" s="19"/>
      <c r="X5957" s="19"/>
      <c r="Y5957" s="19"/>
      <c r="Z5957" s="19"/>
      <c r="AA5957" s="19"/>
    </row>
    <row r="5958" spans="1:27" s="1" customFormat="1" ht="14.1" customHeight="1" outlineLevel="2" x14ac:dyDescent="0.2">
      <c r="A5958" s="17">
        <v>18101</v>
      </c>
      <c r="B5958" s="17"/>
      <c r="C5958" s="17"/>
      <c r="D5958" s="18" t="s">
        <v>2962</v>
      </c>
      <c r="E5958" s="18"/>
      <c r="F5958" s="18"/>
      <c r="G5958" s="18"/>
      <c r="H5958" s="18"/>
      <c r="I5958" s="18"/>
      <c r="J5958" s="18"/>
      <c r="K5958" s="18"/>
      <c r="L5958" s="18"/>
      <c r="M5958" s="18"/>
      <c r="N5958" s="18"/>
      <c r="O5958" s="18"/>
      <c r="P5958" s="19">
        <v>400</v>
      </c>
      <c r="Q5958" s="19"/>
      <c r="R5958" s="19"/>
      <c r="S5958" s="19"/>
      <c r="T5958" s="19">
        <v>300</v>
      </c>
      <c r="U5958" s="19"/>
      <c r="V5958" s="19"/>
      <c r="W5958" s="19"/>
      <c r="X5958" s="19">
        <v>1</v>
      </c>
      <c r="Y5958" s="19"/>
      <c r="Z5958" s="19"/>
      <c r="AA5958" s="19"/>
    </row>
    <row r="5959" spans="1:27" s="1" customFormat="1" ht="14.1" customHeight="1" outlineLevel="2" x14ac:dyDescent="0.2">
      <c r="A5959" s="17"/>
      <c r="B5959" s="17"/>
      <c r="C5959" s="17"/>
      <c r="D5959" s="18"/>
      <c r="E5959" s="18"/>
      <c r="F5959" s="18"/>
      <c r="G5959" s="18"/>
      <c r="H5959" s="18"/>
      <c r="I5959" s="18"/>
      <c r="J5959" s="18"/>
      <c r="K5959" s="18"/>
      <c r="L5959" s="18"/>
      <c r="M5959" s="18"/>
      <c r="N5959" s="18"/>
      <c r="O5959" s="18"/>
      <c r="P5959" s="19"/>
      <c r="Q5959" s="19"/>
      <c r="R5959" s="19"/>
      <c r="S5959" s="19"/>
      <c r="T5959" s="19"/>
      <c r="U5959" s="19"/>
      <c r="V5959" s="19"/>
      <c r="W5959" s="19"/>
      <c r="X5959" s="19"/>
      <c r="Y5959" s="19"/>
      <c r="Z5959" s="19"/>
      <c r="AA5959" s="19"/>
    </row>
    <row r="5960" spans="1:27" s="1" customFormat="1" ht="14.1" customHeight="1" outlineLevel="2" x14ac:dyDescent="0.2">
      <c r="A5960" s="17">
        <v>17578</v>
      </c>
      <c r="B5960" s="17"/>
      <c r="C5960" s="17"/>
      <c r="D5960" s="18" t="s">
        <v>2963</v>
      </c>
      <c r="E5960" s="18"/>
      <c r="F5960" s="18"/>
      <c r="G5960" s="18"/>
      <c r="H5960" s="18"/>
      <c r="I5960" s="18"/>
      <c r="J5960" s="18"/>
      <c r="K5960" s="18"/>
      <c r="L5960" s="18"/>
      <c r="M5960" s="18"/>
      <c r="N5960" s="18"/>
      <c r="O5960" s="18"/>
      <c r="P5960" s="19">
        <v>600</v>
      </c>
      <c r="Q5960" s="19"/>
      <c r="R5960" s="19"/>
      <c r="S5960" s="19"/>
      <c r="T5960" s="19">
        <v>500</v>
      </c>
      <c r="U5960" s="19"/>
      <c r="V5960" s="19"/>
      <c r="W5960" s="19"/>
      <c r="X5960" s="19">
        <v>1</v>
      </c>
      <c r="Y5960" s="19"/>
      <c r="Z5960" s="19"/>
      <c r="AA5960" s="19"/>
    </row>
    <row r="5961" spans="1:27" s="1" customFormat="1" ht="14.1" customHeight="1" outlineLevel="2" x14ac:dyDescent="0.2">
      <c r="A5961" s="17"/>
      <c r="B5961" s="17"/>
      <c r="C5961" s="17"/>
      <c r="D5961" s="18"/>
      <c r="E5961" s="18"/>
      <c r="F5961" s="18"/>
      <c r="G5961" s="18"/>
      <c r="H5961" s="18"/>
      <c r="I5961" s="18"/>
      <c r="J5961" s="18"/>
      <c r="K5961" s="18"/>
      <c r="L5961" s="18"/>
      <c r="M5961" s="18"/>
      <c r="N5961" s="18"/>
      <c r="O5961" s="18"/>
      <c r="P5961" s="19"/>
      <c r="Q5961" s="19"/>
      <c r="R5961" s="19"/>
      <c r="S5961" s="19"/>
      <c r="T5961" s="19"/>
      <c r="U5961" s="19"/>
      <c r="V5961" s="19"/>
      <c r="W5961" s="19"/>
      <c r="X5961" s="19"/>
      <c r="Y5961" s="19"/>
      <c r="Z5961" s="19"/>
      <c r="AA5961" s="19"/>
    </row>
    <row r="5962" spans="1:27" s="1" customFormat="1" ht="14.1" customHeight="1" outlineLevel="2" x14ac:dyDescent="0.2">
      <c r="A5962" s="17">
        <v>12080</v>
      </c>
      <c r="B5962" s="17"/>
      <c r="C5962" s="17"/>
      <c r="D5962" s="18" t="s">
        <v>2964</v>
      </c>
      <c r="E5962" s="18"/>
      <c r="F5962" s="18"/>
      <c r="G5962" s="18"/>
      <c r="H5962" s="18"/>
      <c r="I5962" s="18"/>
      <c r="J5962" s="18"/>
      <c r="K5962" s="18"/>
      <c r="L5962" s="18"/>
      <c r="M5962" s="18"/>
      <c r="N5962" s="18"/>
      <c r="O5962" s="18"/>
      <c r="P5962" s="19">
        <v>310</v>
      </c>
      <c r="Q5962" s="19"/>
      <c r="R5962" s="19"/>
      <c r="S5962" s="19"/>
      <c r="T5962" s="19">
        <v>250</v>
      </c>
      <c r="U5962" s="19"/>
      <c r="V5962" s="19"/>
      <c r="W5962" s="19"/>
      <c r="X5962" s="19">
        <v>1</v>
      </c>
      <c r="Y5962" s="19"/>
      <c r="Z5962" s="19"/>
      <c r="AA5962" s="19"/>
    </row>
    <row r="5963" spans="1:27" s="1" customFormat="1" ht="14.1" customHeight="1" outlineLevel="2" x14ac:dyDescent="0.2">
      <c r="A5963" s="17"/>
      <c r="B5963" s="17"/>
      <c r="C5963" s="17"/>
      <c r="D5963" s="18"/>
      <c r="E5963" s="18"/>
      <c r="F5963" s="18"/>
      <c r="G5963" s="18"/>
      <c r="H5963" s="18"/>
      <c r="I5963" s="18"/>
      <c r="J5963" s="18"/>
      <c r="K5963" s="18"/>
      <c r="L5963" s="18"/>
      <c r="M5963" s="18"/>
      <c r="N5963" s="18"/>
      <c r="O5963" s="18"/>
      <c r="P5963" s="19"/>
      <c r="Q5963" s="19"/>
      <c r="R5963" s="19"/>
      <c r="S5963" s="19"/>
      <c r="T5963" s="19"/>
      <c r="U5963" s="19"/>
      <c r="V5963" s="19"/>
      <c r="W5963" s="19"/>
      <c r="X5963" s="19"/>
      <c r="Y5963" s="19"/>
      <c r="Z5963" s="19"/>
      <c r="AA5963" s="19"/>
    </row>
    <row r="5964" spans="1:27" s="1" customFormat="1" ht="14.1" customHeight="1" outlineLevel="2" x14ac:dyDescent="0.2">
      <c r="A5964" s="17">
        <v>15813</v>
      </c>
      <c r="B5964" s="17"/>
      <c r="C5964" s="17"/>
      <c r="D5964" s="18" t="s">
        <v>2965</v>
      </c>
      <c r="E5964" s="18"/>
      <c r="F5964" s="18"/>
      <c r="G5964" s="18"/>
      <c r="H5964" s="18"/>
      <c r="I5964" s="18"/>
      <c r="J5964" s="18"/>
      <c r="K5964" s="18"/>
      <c r="L5964" s="18"/>
      <c r="M5964" s="18"/>
      <c r="N5964" s="18"/>
      <c r="O5964" s="18"/>
      <c r="P5964" s="19">
        <v>350</v>
      </c>
      <c r="Q5964" s="19"/>
      <c r="R5964" s="19"/>
      <c r="S5964" s="19"/>
      <c r="T5964" s="19">
        <v>250</v>
      </c>
      <c r="U5964" s="19"/>
      <c r="V5964" s="19"/>
      <c r="W5964" s="19"/>
      <c r="X5964" s="19">
        <v>2</v>
      </c>
      <c r="Y5964" s="19"/>
      <c r="Z5964" s="19"/>
      <c r="AA5964" s="19"/>
    </row>
    <row r="5965" spans="1:27" s="1" customFormat="1" ht="14.1" customHeight="1" outlineLevel="2" x14ac:dyDescent="0.2">
      <c r="A5965" s="17"/>
      <c r="B5965" s="17"/>
      <c r="C5965" s="17"/>
      <c r="D5965" s="18"/>
      <c r="E5965" s="18"/>
      <c r="F5965" s="18"/>
      <c r="G5965" s="18"/>
      <c r="H5965" s="18"/>
      <c r="I5965" s="18"/>
      <c r="J5965" s="18"/>
      <c r="K5965" s="18"/>
      <c r="L5965" s="18"/>
      <c r="M5965" s="18"/>
      <c r="N5965" s="18"/>
      <c r="O5965" s="18"/>
      <c r="P5965" s="19"/>
      <c r="Q5965" s="19"/>
      <c r="R5965" s="19"/>
      <c r="S5965" s="19"/>
      <c r="T5965" s="19"/>
      <c r="U5965" s="19"/>
      <c r="V5965" s="19"/>
      <c r="W5965" s="19"/>
      <c r="X5965" s="19"/>
      <c r="Y5965" s="19"/>
      <c r="Z5965" s="19"/>
      <c r="AA5965" s="19"/>
    </row>
    <row r="5966" spans="1:27" s="1" customFormat="1" ht="14.1" customHeight="1" outlineLevel="2" x14ac:dyDescent="0.2">
      <c r="A5966" s="17">
        <v>15206</v>
      </c>
      <c r="B5966" s="17"/>
      <c r="C5966" s="17"/>
      <c r="D5966" s="18" t="s">
        <v>2966</v>
      </c>
      <c r="E5966" s="18"/>
      <c r="F5966" s="18"/>
      <c r="G5966" s="18"/>
      <c r="H5966" s="18"/>
      <c r="I5966" s="18"/>
      <c r="J5966" s="18"/>
      <c r="K5966" s="18"/>
      <c r="L5966" s="18"/>
      <c r="M5966" s="18"/>
      <c r="N5966" s="18"/>
      <c r="O5966" s="18"/>
      <c r="P5966" s="19">
        <v>260</v>
      </c>
      <c r="Q5966" s="19"/>
      <c r="R5966" s="19"/>
      <c r="S5966" s="19"/>
      <c r="T5966" s="19">
        <v>200</v>
      </c>
      <c r="U5966" s="19"/>
      <c r="V5966" s="19"/>
      <c r="W5966" s="19"/>
      <c r="X5966" s="19">
        <v>1</v>
      </c>
      <c r="Y5966" s="19"/>
      <c r="Z5966" s="19"/>
      <c r="AA5966" s="19"/>
    </row>
    <row r="5967" spans="1:27" s="1" customFormat="1" ht="14.1" customHeight="1" outlineLevel="2" x14ac:dyDescent="0.2">
      <c r="A5967" s="17"/>
      <c r="B5967" s="17"/>
      <c r="C5967" s="17"/>
      <c r="D5967" s="18"/>
      <c r="E5967" s="18"/>
      <c r="F5967" s="18"/>
      <c r="G5967" s="18"/>
      <c r="H5967" s="18"/>
      <c r="I5967" s="18"/>
      <c r="J5967" s="18"/>
      <c r="K5967" s="18"/>
      <c r="L5967" s="18"/>
      <c r="M5967" s="18"/>
      <c r="N5967" s="18"/>
      <c r="O5967" s="18"/>
      <c r="P5967" s="19"/>
      <c r="Q5967" s="19"/>
      <c r="R5967" s="19"/>
      <c r="S5967" s="19"/>
      <c r="T5967" s="19"/>
      <c r="U5967" s="19"/>
      <c r="V5967" s="19"/>
      <c r="W5967" s="19"/>
      <c r="X5967" s="19"/>
      <c r="Y5967" s="19"/>
      <c r="Z5967" s="19"/>
      <c r="AA5967" s="19"/>
    </row>
    <row r="5968" spans="1:27" s="1" customFormat="1" ht="14.1" customHeight="1" outlineLevel="2" x14ac:dyDescent="0.2">
      <c r="A5968" s="17">
        <v>17823</v>
      </c>
      <c r="B5968" s="17"/>
      <c r="C5968" s="17"/>
      <c r="D5968" s="18" t="s">
        <v>2967</v>
      </c>
      <c r="E5968" s="18"/>
      <c r="F5968" s="18"/>
      <c r="G5968" s="18"/>
      <c r="H5968" s="18"/>
      <c r="I5968" s="18"/>
      <c r="J5968" s="18"/>
      <c r="K5968" s="18"/>
      <c r="L5968" s="18"/>
      <c r="M5968" s="18"/>
      <c r="N5968" s="18"/>
      <c r="O5968" s="18"/>
      <c r="P5968" s="19">
        <v>800</v>
      </c>
      <c r="Q5968" s="19"/>
      <c r="R5968" s="19"/>
      <c r="S5968" s="19"/>
      <c r="T5968" s="19">
        <v>700</v>
      </c>
      <c r="U5968" s="19"/>
      <c r="V5968" s="19"/>
      <c r="W5968" s="19"/>
      <c r="X5968" s="19">
        <v>1</v>
      </c>
      <c r="Y5968" s="19"/>
      <c r="Z5968" s="19"/>
      <c r="AA5968" s="19"/>
    </row>
    <row r="5969" spans="1:27" s="1" customFormat="1" ht="14.1" customHeight="1" outlineLevel="2" x14ac:dyDescent="0.2">
      <c r="A5969" s="17"/>
      <c r="B5969" s="17"/>
      <c r="C5969" s="17"/>
      <c r="D5969" s="18"/>
      <c r="E5969" s="18"/>
      <c r="F5969" s="18"/>
      <c r="G5969" s="18"/>
      <c r="H5969" s="18"/>
      <c r="I5969" s="18"/>
      <c r="J5969" s="18"/>
      <c r="K5969" s="18"/>
      <c r="L5969" s="18"/>
      <c r="M5969" s="18"/>
      <c r="N5969" s="18"/>
      <c r="O5969" s="18"/>
      <c r="P5969" s="19"/>
      <c r="Q5969" s="19"/>
      <c r="R5969" s="19"/>
      <c r="S5969" s="19"/>
      <c r="T5969" s="19"/>
      <c r="U5969" s="19"/>
      <c r="V5969" s="19"/>
      <c r="W5969" s="19"/>
      <c r="X5969" s="19"/>
      <c r="Y5969" s="19"/>
      <c r="Z5969" s="19"/>
      <c r="AA5969" s="19"/>
    </row>
    <row r="5970" spans="1:27" s="1" customFormat="1" ht="14.1" customHeight="1" outlineLevel="2" x14ac:dyDescent="0.2">
      <c r="A5970" s="17">
        <v>15113</v>
      </c>
      <c r="B5970" s="17"/>
      <c r="C5970" s="17"/>
      <c r="D5970" s="18" t="s">
        <v>2968</v>
      </c>
      <c r="E5970" s="18"/>
      <c r="F5970" s="18"/>
      <c r="G5970" s="18"/>
      <c r="H5970" s="18"/>
      <c r="I5970" s="18"/>
      <c r="J5970" s="18"/>
      <c r="K5970" s="18"/>
      <c r="L5970" s="18"/>
      <c r="M5970" s="18"/>
      <c r="N5970" s="18"/>
      <c r="O5970" s="18"/>
      <c r="P5970" s="19">
        <v>300</v>
      </c>
      <c r="Q5970" s="19"/>
      <c r="R5970" s="19"/>
      <c r="S5970" s="19"/>
      <c r="T5970" s="19">
        <v>200</v>
      </c>
      <c r="U5970" s="19"/>
      <c r="V5970" s="19"/>
      <c r="W5970" s="19"/>
      <c r="X5970" s="19">
        <v>2</v>
      </c>
      <c r="Y5970" s="19"/>
      <c r="Z5970" s="19"/>
      <c r="AA5970" s="19"/>
    </row>
    <row r="5971" spans="1:27" s="1" customFormat="1" ht="14.1" customHeight="1" outlineLevel="2" x14ac:dyDescent="0.2">
      <c r="A5971" s="17"/>
      <c r="B5971" s="17"/>
      <c r="C5971" s="17"/>
      <c r="D5971" s="18"/>
      <c r="E5971" s="18"/>
      <c r="F5971" s="18"/>
      <c r="G5971" s="18"/>
      <c r="H5971" s="18"/>
      <c r="I5971" s="18"/>
      <c r="J5971" s="18"/>
      <c r="K5971" s="18"/>
      <c r="L5971" s="18"/>
      <c r="M5971" s="18"/>
      <c r="N5971" s="18"/>
      <c r="O5971" s="18"/>
      <c r="P5971" s="19"/>
      <c r="Q5971" s="19"/>
      <c r="R5971" s="19"/>
      <c r="S5971" s="19"/>
      <c r="T5971" s="19"/>
      <c r="U5971" s="19"/>
      <c r="V5971" s="19"/>
      <c r="W5971" s="19"/>
      <c r="X5971" s="19"/>
      <c r="Y5971" s="19"/>
      <c r="Z5971" s="19"/>
      <c r="AA5971" s="19"/>
    </row>
    <row r="5972" spans="1:27" s="1" customFormat="1" ht="11.1" customHeight="1" outlineLevel="2" x14ac:dyDescent="0.2">
      <c r="A5972" s="17">
        <v>12747</v>
      </c>
      <c r="B5972" s="17"/>
      <c r="C5972" s="17"/>
      <c r="D5972" s="18" t="s">
        <v>2969</v>
      </c>
      <c r="E5972" s="18"/>
      <c r="F5972" s="18"/>
      <c r="G5972" s="18"/>
      <c r="H5972" s="18"/>
      <c r="I5972" s="18"/>
      <c r="J5972" s="18"/>
      <c r="K5972" s="18"/>
      <c r="L5972" s="18"/>
      <c r="M5972" s="18"/>
      <c r="N5972" s="18"/>
      <c r="O5972" s="18"/>
      <c r="P5972" s="19">
        <v>120</v>
      </c>
      <c r="Q5972" s="19"/>
      <c r="R5972" s="19"/>
      <c r="S5972" s="19"/>
      <c r="T5972" s="19">
        <v>90</v>
      </c>
      <c r="U5972" s="19"/>
      <c r="V5972" s="19"/>
      <c r="W5972" s="19"/>
      <c r="X5972" s="19">
        <v>4</v>
      </c>
      <c r="Y5972" s="19"/>
      <c r="Z5972" s="19"/>
      <c r="AA5972" s="19"/>
    </row>
    <row r="5973" spans="1:27" s="1" customFormat="1" ht="11.1" customHeight="1" outlineLevel="2" x14ac:dyDescent="0.2">
      <c r="A5973" s="17"/>
      <c r="B5973" s="17"/>
      <c r="C5973" s="17"/>
      <c r="D5973" s="18"/>
      <c r="E5973" s="18"/>
      <c r="F5973" s="18"/>
      <c r="G5973" s="18"/>
      <c r="H5973" s="18"/>
      <c r="I5973" s="18"/>
      <c r="J5973" s="18"/>
      <c r="K5973" s="18"/>
      <c r="L5973" s="18"/>
      <c r="M5973" s="18"/>
      <c r="N5973" s="18"/>
      <c r="O5973" s="18"/>
      <c r="P5973" s="19"/>
      <c r="Q5973" s="19"/>
      <c r="R5973" s="19"/>
      <c r="S5973" s="19"/>
      <c r="T5973" s="19"/>
      <c r="U5973" s="19"/>
      <c r="V5973" s="19"/>
      <c r="W5973" s="19"/>
      <c r="X5973" s="19"/>
      <c r="Y5973" s="19"/>
      <c r="Z5973" s="19"/>
      <c r="AA5973" s="19"/>
    </row>
    <row r="5974" spans="1:27" s="1" customFormat="1" ht="14.1" customHeight="1" outlineLevel="2" x14ac:dyDescent="0.2">
      <c r="A5974" s="17">
        <v>17492</v>
      </c>
      <c r="B5974" s="17"/>
      <c r="C5974" s="17"/>
      <c r="D5974" s="18" t="s">
        <v>2970</v>
      </c>
      <c r="E5974" s="18"/>
      <c r="F5974" s="18"/>
      <c r="G5974" s="18"/>
      <c r="H5974" s="18"/>
      <c r="I5974" s="18"/>
      <c r="J5974" s="18"/>
      <c r="K5974" s="18"/>
      <c r="L5974" s="18"/>
      <c r="M5974" s="18"/>
      <c r="N5974" s="18"/>
      <c r="O5974" s="18"/>
      <c r="P5974" s="19">
        <v>400</v>
      </c>
      <c r="Q5974" s="19"/>
      <c r="R5974" s="19"/>
      <c r="S5974" s="19"/>
      <c r="T5974" s="19">
        <v>300</v>
      </c>
      <c r="U5974" s="19"/>
      <c r="V5974" s="19"/>
      <c r="W5974" s="19"/>
      <c r="X5974" s="19">
        <v>1</v>
      </c>
      <c r="Y5974" s="19"/>
      <c r="Z5974" s="19"/>
      <c r="AA5974" s="19"/>
    </row>
    <row r="5975" spans="1:27" s="1" customFormat="1" ht="14.1" customHeight="1" outlineLevel="2" x14ac:dyDescent="0.2">
      <c r="A5975" s="17"/>
      <c r="B5975" s="17"/>
      <c r="C5975" s="17"/>
      <c r="D5975" s="18"/>
      <c r="E5975" s="18"/>
      <c r="F5975" s="18"/>
      <c r="G5975" s="18"/>
      <c r="H5975" s="18"/>
      <c r="I5975" s="18"/>
      <c r="J5975" s="18"/>
      <c r="K5975" s="18"/>
      <c r="L5975" s="18"/>
      <c r="M5975" s="18"/>
      <c r="N5975" s="18"/>
      <c r="O5975" s="18"/>
      <c r="P5975" s="19"/>
      <c r="Q5975" s="19"/>
      <c r="R5975" s="19"/>
      <c r="S5975" s="19"/>
      <c r="T5975" s="19"/>
      <c r="U5975" s="19"/>
      <c r="V5975" s="19"/>
      <c r="W5975" s="19"/>
      <c r="X5975" s="19"/>
      <c r="Y5975" s="19"/>
      <c r="Z5975" s="19"/>
      <c r="AA5975" s="19"/>
    </row>
    <row r="5976" spans="1:27" s="1" customFormat="1" ht="14.1" customHeight="1" outlineLevel="2" x14ac:dyDescent="0.2">
      <c r="A5976" s="17">
        <v>16968</v>
      </c>
      <c r="B5976" s="17"/>
      <c r="C5976" s="17"/>
      <c r="D5976" s="18" t="s">
        <v>2971</v>
      </c>
      <c r="E5976" s="18"/>
      <c r="F5976" s="18"/>
      <c r="G5976" s="18"/>
      <c r="H5976" s="18"/>
      <c r="I5976" s="18"/>
      <c r="J5976" s="18"/>
      <c r="K5976" s="18"/>
      <c r="L5976" s="18"/>
      <c r="M5976" s="18"/>
      <c r="N5976" s="18"/>
      <c r="O5976" s="18"/>
      <c r="P5976" s="20">
        <v>1200</v>
      </c>
      <c r="Q5976" s="20"/>
      <c r="R5976" s="20"/>
      <c r="S5976" s="20"/>
      <c r="T5976" s="19">
        <v>900</v>
      </c>
      <c r="U5976" s="19"/>
      <c r="V5976" s="19"/>
      <c r="W5976" s="19"/>
      <c r="X5976" s="19">
        <v>1</v>
      </c>
      <c r="Y5976" s="19"/>
      <c r="Z5976" s="19"/>
      <c r="AA5976" s="19"/>
    </row>
    <row r="5977" spans="1:27" s="1" customFormat="1" ht="14.1" customHeight="1" outlineLevel="2" x14ac:dyDescent="0.2">
      <c r="A5977" s="17"/>
      <c r="B5977" s="17"/>
      <c r="C5977" s="17"/>
      <c r="D5977" s="18"/>
      <c r="E5977" s="18"/>
      <c r="F5977" s="18"/>
      <c r="G5977" s="18"/>
      <c r="H5977" s="18"/>
      <c r="I5977" s="18"/>
      <c r="J5977" s="18"/>
      <c r="K5977" s="18"/>
      <c r="L5977" s="18"/>
      <c r="M5977" s="18"/>
      <c r="N5977" s="18"/>
      <c r="O5977" s="18"/>
      <c r="P5977" s="20"/>
      <c r="Q5977" s="20"/>
      <c r="R5977" s="20"/>
      <c r="S5977" s="20"/>
      <c r="T5977" s="19"/>
      <c r="U5977" s="19"/>
      <c r="V5977" s="19"/>
      <c r="W5977" s="19"/>
      <c r="X5977" s="19"/>
      <c r="Y5977" s="19"/>
      <c r="Z5977" s="19"/>
      <c r="AA5977" s="19"/>
    </row>
    <row r="5978" spans="1:27" s="1" customFormat="1" ht="14.1" customHeight="1" outlineLevel="2" x14ac:dyDescent="0.2">
      <c r="A5978" s="17">
        <v>16196</v>
      </c>
      <c r="B5978" s="17"/>
      <c r="C5978" s="17"/>
      <c r="D5978" s="18" t="s">
        <v>2972</v>
      </c>
      <c r="E5978" s="18"/>
      <c r="F5978" s="18"/>
      <c r="G5978" s="18"/>
      <c r="H5978" s="18"/>
      <c r="I5978" s="18"/>
      <c r="J5978" s="18"/>
      <c r="K5978" s="18"/>
      <c r="L5978" s="18"/>
      <c r="M5978" s="18"/>
      <c r="N5978" s="18"/>
      <c r="O5978" s="18"/>
      <c r="P5978" s="19">
        <v>800</v>
      </c>
      <c r="Q5978" s="19"/>
      <c r="R5978" s="19"/>
      <c r="S5978" s="19"/>
      <c r="T5978" s="19">
        <v>600</v>
      </c>
      <c r="U5978" s="19"/>
      <c r="V5978" s="19"/>
      <c r="W5978" s="19"/>
      <c r="X5978" s="19">
        <v>1</v>
      </c>
      <c r="Y5978" s="19"/>
      <c r="Z5978" s="19"/>
      <c r="AA5978" s="19"/>
    </row>
    <row r="5979" spans="1:27" s="1" customFormat="1" ht="14.1" customHeight="1" outlineLevel="2" x14ac:dyDescent="0.2">
      <c r="A5979" s="17"/>
      <c r="B5979" s="17"/>
      <c r="C5979" s="17"/>
      <c r="D5979" s="18"/>
      <c r="E5979" s="18"/>
      <c r="F5979" s="18"/>
      <c r="G5979" s="18"/>
      <c r="H5979" s="18"/>
      <c r="I5979" s="18"/>
      <c r="J5979" s="18"/>
      <c r="K5979" s="18"/>
      <c r="L5979" s="18"/>
      <c r="M5979" s="18"/>
      <c r="N5979" s="18"/>
      <c r="O5979" s="18"/>
      <c r="P5979" s="19"/>
      <c r="Q5979" s="19"/>
      <c r="R5979" s="19"/>
      <c r="S5979" s="19"/>
      <c r="T5979" s="19"/>
      <c r="U5979" s="19"/>
      <c r="V5979" s="19"/>
      <c r="W5979" s="19"/>
      <c r="X5979" s="19"/>
      <c r="Y5979" s="19"/>
      <c r="Z5979" s="19"/>
      <c r="AA5979" s="19"/>
    </row>
    <row r="5980" spans="1:27" s="1" customFormat="1" ht="14.1" customHeight="1" outlineLevel="2" x14ac:dyDescent="0.2">
      <c r="A5980" s="17">
        <v>18139</v>
      </c>
      <c r="B5980" s="17"/>
      <c r="C5980" s="17"/>
      <c r="D5980" s="18" t="s">
        <v>2973</v>
      </c>
      <c r="E5980" s="18"/>
      <c r="F5980" s="18"/>
      <c r="G5980" s="18"/>
      <c r="H5980" s="18"/>
      <c r="I5980" s="18"/>
      <c r="J5980" s="18"/>
      <c r="K5980" s="18"/>
      <c r="L5980" s="18"/>
      <c r="M5980" s="18"/>
      <c r="N5980" s="18"/>
      <c r="O5980" s="18"/>
      <c r="P5980" s="19">
        <v>550</v>
      </c>
      <c r="Q5980" s="19"/>
      <c r="R5980" s="19"/>
      <c r="S5980" s="19"/>
      <c r="T5980" s="19">
        <v>450</v>
      </c>
      <c r="U5980" s="19"/>
      <c r="V5980" s="19"/>
      <c r="W5980" s="19"/>
      <c r="X5980" s="19">
        <v>1</v>
      </c>
      <c r="Y5980" s="19"/>
      <c r="Z5980" s="19"/>
      <c r="AA5980" s="19"/>
    </row>
    <row r="5981" spans="1:27" s="1" customFormat="1" ht="14.1" customHeight="1" outlineLevel="2" x14ac:dyDescent="0.2">
      <c r="A5981" s="17"/>
      <c r="B5981" s="17"/>
      <c r="C5981" s="17"/>
      <c r="D5981" s="18"/>
      <c r="E5981" s="18"/>
      <c r="F5981" s="18"/>
      <c r="G5981" s="18"/>
      <c r="H5981" s="18"/>
      <c r="I5981" s="18"/>
      <c r="J5981" s="18"/>
      <c r="K5981" s="18"/>
      <c r="L5981" s="18"/>
      <c r="M5981" s="18"/>
      <c r="N5981" s="18"/>
      <c r="O5981" s="18"/>
      <c r="P5981" s="19"/>
      <c r="Q5981" s="19"/>
      <c r="R5981" s="19"/>
      <c r="S5981" s="19"/>
      <c r="T5981" s="19"/>
      <c r="U5981" s="19"/>
      <c r="V5981" s="19"/>
      <c r="W5981" s="19"/>
      <c r="X5981" s="19"/>
      <c r="Y5981" s="19"/>
      <c r="Z5981" s="19"/>
      <c r="AA5981" s="19"/>
    </row>
    <row r="5982" spans="1:27" s="1" customFormat="1" ht="11.1" customHeight="1" outlineLevel="2" x14ac:dyDescent="0.2">
      <c r="A5982" s="17">
        <v>16650</v>
      </c>
      <c r="B5982" s="17"/>
      <c r="C5982" s="17"/>
      <c r="D5982" s="18" t="s">
        <v>2974</v>
      </c>
      <c r="E5982" s="18"/>
      <c r="F5982" s="18"/>
      <c r="G5982" s="18"/>
      <c r="H5982" s="18"/>
      <c r="I5982" s="18"/>
      <c r="J5982" s="18"/>
      <c r="K5982" s="18"/>
      <c r="L5982" s="18"/>
      <c r="M5982" s="18"/>
      <c r="N5982" s="18"/>
      <c r="O5982" s="18"/>
      <c r="P5982" s="19">
        <v>750</v>
      </c>
      <c r="Q5982" s="19"/>
      <c r="R5982" s="19"/>
      <c r="S5982" s="19"/>
      <c r="T5982" s="19">
        <v>650</v>
      </c>
      <c r="U5982" s="19"/>
      <c r="V5982" s="19"/>
      <c r="W5982" s="19"/>
      <c r="X5982" s="19">
        <v>1</v>
      </c>
      <c r="Y5982" s="19"/>
      <c r="Z5982" s="19"/>
      <c r="AA5982" s="19"/>
    </row>
    <row r="5983" spans="1:27" s="1" customFormat="1" ht="11.1" customHeight="1" outlineLevel="2" x14ac:dyDescent="0.2">
      <c r="A5983" s="17"/>
      <c r="B5983" s="17"/>
      <c r="C5983" s="17"/>
      <c r="D5983" s="18"/>
      <c r="E5983" s="18"/>
      <c r="F5983" s="18"/>
      <c r="G5983" s="18"/>
      <c r="H5983" s="18"/>
      <c r="I5983" s="18"/>
      <c r="J5983" s="18"/>
      <c r="K5983" s="18"/>
      <c r="L5983" s="18"/>
      <c r="M5983" s="18"/>
      <c r="N5983" s="18"/>
      <c r="O5983" s="18"/>
      <c r="P5983" s="19"/>
      <c r="Q5983" s="19"/>
      <c r="R5983" s="19"/>
      <c r="S5983" s="19"/>
      <c r="T5983" s="19"/>
      <c r="U5983" s="19"/>
      <c r="V5983" s="19"/>
      <c r="W5983" s="19"/>
      <c r="X5983" s="19"/>
      <c r="Y5983" s="19"/>
      <c r="Z5983" s="19"/>
      <c r="AA5983" s="19"/>
    </row>
    <row r="5984" spans="1:27" s="1" customFormat="1" ht="14.1" customHeight="1" outlineLevel="2" x14ac:dyDescent="0.2">
      <c r="A5984" s="17">
        <v>16879</v>
      </c>
      <c r="B5984" s="17"/>
      <c r="C5984" s="17"/>
      <c r="D5984" s="18" t="s">
        <v>2975</v>
      </c>
      <c r="E5984" s="18"/>
      <c r="F5984" s="18"/>
      <c r="G5984" s="18"/>
      <c r="H5984" s="18"/>
      <c r="I5984" s="18"/>
      <c r="J5984" s="18"/>
      <c r="K5984" s="18"/>
      <c r="L5984" s="18"/>
      <c r="M5984" s="18"/>
      <c r="N5984" s="18"/>
      <c r="O5984" s="18"/>
      <c r="P5984" s="20">
        <v>1000</v>
      </c>
      <c r="Q5984" s="20"/>
      <c r="R5984" s="20"/>
      <c r="S5984" s="20"/>
      <c r="T5984" s="19">
        <v>800</v>
      </c>
      <c r="U5984" s="19"/>
      <c r="V5984" s="19"/>
      <c r="W5984" s="19"/>
      <c r="X5984" s="19">
        <v>1</v>
      </c>
      <c r="Y5984" s="19"/>
      <c r="Z5984" s="19"/>
      <c r="AA5984" s="19"/>
    </row>
    <row r="5985" spans="1:27" s="1" customFormat="1" ht="14.1" customHeight="1" outlineLevel="2" x14ac:dyDescent="0.2">
      <c r="A5985" s="17"/>
      <c r="B5985" s="17"/>
      <c r="C5985" s="17"/>
      <c r="D5985" s="18"/>
      <c r="E5985" s="18"/>
      <c r="F5985" s="18"/>
      <c r="G5985" s="18"/>
      <c r="H5985" s="18"/>
      <c r="I5985" s="18"/>
      <c r="J5985" s="18"/>
      <c r="K5985" s="18"/>
      <c r="L5985" s="18"/>
      <c r="M5985" s="18"/>
      <c r="N5985" s="18"/>
      <c r="O5985" s="18"/>
      <c r="P5985" s="20"/>
      <c r="Q5985" s="20"/>
      <c r="R5985" s="20"/>
      <c r="S5985" s="20"/>
      <c r="T5985" s="19"/>
      <c r="U5985" s="19"/>
      <c r="V5985" s="19"/>
      <c r="W5985" s="19"/>
      <c r="X5985" s="19"/>
      <c r="Y5985" s="19"/>
      <c r="Z5985" s="19"/>
      <c r="AA5985" s="19"/>
    </row>
    <row r="5986" spans="1:27" s="1" customFormat="1" ht="14.1" customHeight="1" outlineLevel="2" x14ac:dyDescent="0.2">
      <c r="A5986" s="17">
        <v>18045</v>
      </c>
      <c r="B5986" s="17"/>
      <c r="C5986" s="17"/>
      <c r="D5986" s="18" t="s">
        <v>2976</v>
      </c>
      <c r="E5986" s="18"/>
      <c r="F5986" s="18"/>
      <c r="G5986" s="18"/>
      <c r="H5986" s="18"/>
      <c r="I5986" s="18"/>
      <c r="J5986" s="18"/>
      <c r="K5986" s="18"/>
      <c r="L5986" s="18"/>
      <c r="M5986" s="18"/>
      <c r="N5986" s="18"/>
      <c r="O5986" s="18"/>
      <c r="P5986" s="19">
        <v>900</v>
      </c>
      <c r="Q5986" s="19"/>
      <c r="R5986" s="19"/>
      <c r="S5986" s="19"/>
      <c r="T5986" s="19">
        <v>800</v>
      </c>
      <c r="U5986" s="19"/>
      <c r="V5986" s="19"/>
      <c r="W5986" s="19"/>
      <c r="X5986" s="19">
        <v>1</v>
      </c>
      <c r="Y5986" s="19"/>
      <c r="Z5986" s="19"/>
      <c r="AA5986" s="19"/>
    </row>
    <row r="5987" spans="1:27" s="1" customFormat="1" ht="14.1" customHeight="1" outlineLevel="2" x14ac:dyDescent="0.2">
      <c r="A5987" s="17"/>
      <c r="B5987" s="17"/>
      <c r="C5987" s="17"/>
      <c r="D5987" s="18"/>
      <c r="E5987" s="18"/>
      <c r="F5987" s="18"/>
      <c r="G5987" s="18"/>
      <c r="H5987" s="18"/>
      <c r="I5987" s="18"/>
      <c r="J5987" s="18"/>
      <c r="K5987" s="18"/>
      <c r="L5987" s="18"/>
      <c r="M5987" s="18"/>
      <c r="N5987" s="18"/>
      <c r="O5987" s="18"/>
      <c r="P5987" s="19"/>
      <c r="Q5987" s="19"/>
      <c r="R5987" s="19"/>
      <c r="S5987" s="19"/>
      <c r="T5987" s="19"/>
      <c r="U5987" s="19"/>
      <c r="V5987" s="19"/>
      <c r="W5987" s="19"/>
      <c r="X5987" s="19"/>
      <c r="Y5987" s="19"/>
      <c r="Z5987" s="19"/>
      <c r="AA5987" s="19"/>
    </row>
    <row r="5988" spans="1:27" s="1" customFormat="1" ht="11.1" customHeight="1" outlineLevel="2" x14ac:dyDescent="0.2">
      <c r="A5988" s="17">
        <v>12716</v>
      </c>
      <c r="B5988" s="17"/>
      <c r="C5988" s="17"/>
      <c r="D5988" s="18" t="s">
        <v>2977</v>
      </c>
      <c r="E5988" s="18"/>
      <c r="F5988" s="18"/>
      <c r="G5988" s="18"/>
      <c r="H5988" s="18"/>
      <c r="I5988" s="18"/>
      <c r="J5988" s="18"/>
      <c r="K5988" s="18"/>
      <c r="L5988" s="18"/>
      <c r="M5988" s="18"/>
      <c r="N5988" s="18"/>
      <c r="O5988" s="18"/>
      <c r="P5988" s="19">
        <v>150</v>
      </c>
      <c r="Q5988" s="19"/>
      <c r="R5988" s="19"/>
      <c r="S5988" s="19"/>
      <c r="T5988" s="19">
        <v>90</v>
      </c>
      <c r="U5988" s="19"/>
      <c r="V5988" s="19"/>
      <c r="W5988" s="19"/>
      <c r="X5988" s="19">
        <v>2</v>
      </c>
      <c r="Y5988" s="19"/>
      <c r="Z5988" s="19"/>
      <c r="AA5988" s="19"/>
    </row>
    <row r="5989" spans="1:27" s="1" customFormat="1" ht="11.1" customHeight="1" outlineLevel="2" x14ac:dyDescent="0.2">
      <c r="A5989" s="17"/>
      <c r="B5989" s="17"/>
      <c r="C5989" s="17"/>
      <c r="D5989" s="18"/>
      <c r="E5989" s="18"/>
      <c r="F5989" s="18"/>
      <c r="G5989" s="18"/>
      <c r="H5989" s="18"/>
      <c r="I5989" s="18"/>
      <c r="J5989" s="18"/>
      <c r="K5989" s="18"/>
      <c r="L5989" s="18"/>
      <c r="M5989" s="18"/>
      <c r="N5989" s="18"/>
      <c r="O5989" s="18"/>
      <c r="P5989" s="19"/>
      <c r="Q5989" s="19"/>
      <c r="R5989" s="19"/>
      <c r="S5989" s="19"/>
      <c r="T5989" s="19"/>
      <c r="U5989" s="19"/>
      <c r="V5989" s="19"/>
      <c r="W5989" s="19"/>
      <c r="X5989" s="19"/>
      <c r="Y5989" s="19"/>
      <c r="Z5989" s="19"/>
      <c r="AA5989" s="19"/>
    </row>
    <row r="5990" spans="1:27" s="1" customFormat="1" ht="14.1" customHeight="1" outlineLevel="2" x14ac:dyDescent="0.2">
      <c r="A5990" s="17">
        <v>16665</v>
      </c>
      <c r="B5990" s="17"/>
      <c r="C5990" s="17"/>
      <c r="D5990" s="18" t="s">
        <v>2978</v>
      </c>
      <c r="E5990" s="18"/>
      <c r="F5990" s="18"/>
      <c r="G5990" s="18"/>
      <c r="H5990" s="18"/>
      <c r="I5990" s="18"/>
      <c r="J5990" s="18"/>
      <c r="K5990" s="18"/>
      <c r="L5990" s="18"/>
      <c r="M5990" s="18"/>
      <c r="N5990" s="18"/>
      <c r="O5990" s="18"/>
      <c r="P5990" s="19">
        <v>400</v>
      </c>
      <c r="Q5990" s="19"/>
      <c r="R5990" s="19"/>
      <c r="S5990" s="19"/>
      <c r="T5990" s="19">
        <v>300</v>
      </c>
      <c r="U5990" s="19"/>
      <c r="V5990" s="19"/>
      <c r="W5990" s="19"/>
      <c r="X5990" s="19">
        <v>1</v>
      </c>
      <c r="Y5990" s="19"/>
      <c r="Z5990" s="19"/>
      <c r="AA5990" s="19"/>
    </row>
    <row r="5991" spans="1:27" s="1" customFormat="1" ht="14.1" customHeight="1" outlineLevel="2" x14ac:dyDescent="0.2">
      <c r="A5991" s="17"/>
      <c r="B5991" s="17"/>
      <c r="C5991" s="17"/>
      <c r="D5991" s="18"/>
      <c r="E5991" s="18"/>
      <c r="F5991" s="18"/>
      <c r="G5991" s="18"/>
      <c r="H5991" s="18"/>
      <c r="I5991" s="18"/>
      <c r="J5991" s="18"/>
      <c r="K5991" s="18"/>
      <c r="L5991" s="18"/>
      <c r="M5991" s="18"/>
      <c r="N5991" s="18"/>
      <c r="O5991" s="18"/>
      <c r="P5991" s="19"/>
      <c r="Q5991" s="19"/>
      <c r="R5991" s="19"/>
      <c r="S5991" s="19"/>
      <c r="T5991" s="19"/>
      <c r="U5991" s="19"/>
      <c r="V5991" s="19"/>
      <c r="W5991" s="19"/>
      <c r="X5991" s="19"/>
      <c r="Y5991" s="19"/>
      <c r="Z5991" s="19"/>
      <c r="AA5991" s="19"/>
    </row>
    <row r="5992" spans="1:27" s="1" customFormat="1" ht="14.1" customHeight="1" outlineLevel="2" x14ac:dyDescent="0.2">
      <c r="A5992" s="17">
        <v>16625</v>
      </c>
      <c r="B5992" s="17"/>
      <c r="C5992" s="17"/>
      <c r="D5992" s="18" t="s">
        <v>2979</v>
      </c>
      <c r="E5992" s="18"/>
      <c r="F5992" s="18"/>
      <c r="G5992" s="18"/>
      <c r="H5992" s="18"/>
      <c r="I5992" s="18"/>
      <c r="J5992" s="18"/>
      <c r="K5992" s="18"/>
      <c r="L5992" s="18"/>
      <c r="M5992" s="18"/>
      <c r="N5992" s="18"/>
      <c r="O5992" s="18"/>
      <c r="P5992" s="19">
        <v>600</v>
      </c>
      <c r="Q5992" s="19"/>
      <c r="R5992" s="19"/>
      <c r="S5992" s="19"/>
      <c r="T5992" s="19">
        <v>500</v>
      </c>
      <c r="U5992" s="19"/>
      <c r="V5992" s="19"/>
      <c r="W5992" s="19"/>
      <c r="X5992" s="19">
        <v>2</v>
      </c>
      <c r="Y5992" s="19"/>
      <c r="Z5992" s="19"/>
      <c r="AA5992" s="19"/>
    </row>
    <row r="5993" spans="1:27" s="1" customFormat="1" ht="14.1" customHeight="1" outlineLevel="2" x14ac:dyDescent="0.2">
      <c r="A5993" s="17"/>
      <c r="B5993" s="17"/>
      <c r="C5993" s="17"/>
      <c r="D5993" s="18"/>
      <c r="E5993" s="18"/>
      <c r="F5993" s="18"/>
      <c r="G5993" s="18"/>
      <c r="H5993" s="18"/>
      <c r="I5993" s="18"/>
      <c r="J5993" s="18"/>
      <c r="K5993" s="18"/>
      <c r="L5993" s="18"/>
      <c r="M5993" s="18"/>
      <c r="N5993" s="18"/>
      <c r="O5993" s="18"/>
      <c r="P5993" s="19"/>
      <c r="Q5993" s="19"/>
      <c r="R5993" s="19"/>
      <c r="S5993" s="19"/>
      <c r="T5993" s="19"/>
      <c r="U5993" s="19"/>
      <c r="V5993" s="19"/>
      <c r="W5993" s="19"/>
      <c r="X5993" s="19"/>
      <c r="Y5993" s="19"/>
      <c r="Z5993" s="19"/>
      <c r="AA5993" s="19"/>
    </row>
    <row r="5994" spans="1:27" s="1" customFormat="1" ht="14.1" customHeight="1" outlineLevel="2" x14ac:dyDescent="0.2">
      <c r="A5994" s="17">
        <v>16744</v>
      </c>
      <c r="B5994" s="17"/>
      <c r="C5994" s="17"/>
      <c r="D5994" s="18" t="s">
        <v>2980</v>
      </c>
      <c r="E5994" s="18"/>
      <c r="F5994" s="18"/>
      <c r="G5994" s="18"/>
      <c r="H5994" s="18"/>
      <c r="I5994" s="18"/>
      <c r="J5994" s="18"/>
      <c r="K5994" s="18"/>
      <c r="L5994" s="18"/>
      <c r="M5994" s="18"/>
      <c r="N5994" s="18"/>
      <c r="O5994" s="18"/>
      <c r="P5994" s="19">
        <v>150</v>
      </c>
      <c r="Q5994" s="19"/>
      <c r="R5994" s="19"/>
      <c r="S5994" s="19"/>
      <c r="T5994" s="19">
        <v>100</v>
      </c>
      <c r="U5994" s="19"/>
      <c r="V5994" s="19"/>
      <c r="W5994" s="19"/>
      <c r="X5994" s="19">
        <v>1</v>
      </c>
      <c r="Y5994" s="19"/>
      <c r="Z5994" s="19"/>
      <c r="AA5994" s="19"/>
    </row>
    <row r="5995" spans="1:27" s="1" customFormat="1" ht="14.1" customHeight="1" outlineLevel="2" x14ac:dyDescent="0.2">
      <c r="A5995" s="17"/>
      <c r="B5995" s="17"/>
      <c r="C5995" s="17"/>
      <c r="D5995" s="18"/>
      <c r="E5995" s="18"/>
      <c r="F5995" s="18"/>
      <c r="G5995" s="18"/>
      <c r="H5995" s="18"/>
      <c r="I5995" s="18"/>
      <c r="J5995" s="18"/>
      <c r="K5995" s="18"/>
      <c r="L5995" s="18"/>
      <c r="M5995" s="18"/>
      <c r="N5995" s="18"/>
      <c r="O5995" s="18"/>
      <c r="P5995" s="19"/>
      <c r="Q5995" s="19"/>
      <c r="R5995" s="19"/>
      <c r="S5995" s="19"/>
      <c r="T5995" s="19"/>
      <c r="U5995" s="19"/>
      <c r="V5995" s="19"/>
      <c r="W5995" s="19"/>
      <c r="X5995" s="19"/>
      <c r="Y5995" s="19"/>
      <c r="Z5995" s="19"/>
      <c r="AA5995" s="19"/>
    </row>
    <row r="5996" spans="1:27" s="1" customFormat="1" ht="14.1" customHeight="1" outlineLevel="2" x14ac:dyDescent="0.2">
      <c r="A5996" s="17">
        <v>15785</v>
      </c>
      <c r="B5996" s="17"/>
      <c r="C5996" s="17"/>
      <c r="D5996" s="18" t="s">
        <v>2981</v>
      </c>
      <c r="E5996" s="18"/>
      <c r="F5996" s="18"/>
      <c r="G5996" s="18"/>
      <c r="H5996" s="18"/>
      <c r="I5996" s="18"/>
      <c r="J5996" s="18"/>
      <c r="K5996" s="18"/>
      <c r="L5996" s="18"/>
      <c r="M5996" s="18"/>
      <c r="N5996" s="18"/>
      <c r="O5996" s="18"/>
      <c r="P5996" s="19">
        <v>530</v>
      </c>
      <c r="Q5996" s="19"/>
      <c r="R5996" s="19"/>
      <c r="S5996" s="19"/>
      <c r="T5996" s="19">
        <v>450</v>
      </c>
      <c r="U5996" s="19"/>
      <c r="V5996" s="19"/>
      <c r="W5996" s="19"/>
      <c r="X5996" s="19">
        <v>1</v>
      </c>
      <c r="Y5996" s="19"/>
      <c r="Z5996" s="19"/>
      <c r="AA5996" s="19"/>
    </row>
    <row r="5997" spans="1:27" s="1" customFormat="1" ht="14.1" customHeight="1" outlineLevel="2" x14ac:dyDescent="0.2">
      <c r="A5997" s="17"/>
      <c r="B5997" s="17"/>
      <c r="C5997" s="17"/>
      <c r="D5997" s="18"/>
      <c r="E5997" s="18"/>
      <c r="F5997" s="18"/>
      <c r="G5997" s="18"/>
      <c r="H5997" s="18"/>
      <c r="I5997" s="18"/>
      <c r="J5997" s="18"/>
      <c r="K5997" s="18"/>
      <c r="L5997" s="18"/>
      <c r="M5997" s="18"/>
      <c r="N5997" s="18"/>
      <c r="O5997" s="18"/>
      <c r="P5997" s="19"/>
      <c r="Q5997" s="19"/>
      <c r="R5997" s="19"/>
      <c r="S5997" s="19"/>
      <c r="T5997" s="19"/>
      <c r="U5997" s="19"/>
      <c r="V5997" s="19"/>
      <c r="W5997" s="19"/>
      <c r="X5997" s="19"/>
      <c r="Y5997" s="19"/>
      <c r="Z5997" s="19"/>
      <c r="AA5997" s="19"/>
    </row>
    <row r="5998" spans="1:27" s="1" customFormat="1" ht="14.1" customHeight="1" outlineLevel="2" x14ac:dyDescent="0.2">
      <c r="A5998" s="17">
        <v>12696</v>
      </c>
      <c r="B5998" s="17"/>
      <c r="C5998" s="17"/>
      <c r="D5998" s="18" t="s">
        <v>2982</v>
      </c>
      <c r="E5998" s="18"/>
      <c r="F5998" s="18"/>
      <c r="G5998" s="18"/>
      <c r="H5998" s="18"/>
      <c r="I5998" s="18"/>
      <c r="J5998" s="18"/>
      <c r="K5998" s="18"/>
      <c r="L5998" s="18"/>
      <c r="M5998" s="18"/>
      <c r="N5998" s="18"/>
      <c r="O5998" s="18"/>
      <c r="P5998" s="19">
        <v>360</v>
      </c>
      <c r="Q5998" s="19"/>
      <c r="R5998" s="19"/>
      <c r="S5998" s="19"/>
      <c r="T5998" s="19">
        <v>290</v>
      </c>
      <c r="U5998" s="19"/>
      <c r="V5998" s="19"/>
      <c r="W5998" s="19"/>
      <c r="X5998" s="19">
        <v>2</v>
      </c>
      <c r="Y5998" s="19"/>
      <c r="Z5998" s="19"/>
      <c r="AA5998" s="19"/>
    </row>
    <row r="5999" spans="1:27" s="1" customFormat="1" ht="14.1" customHeight="1" outlineLevel="2" x14ac:dyDescent="0.2">
      <c r="A5999" s="17"/>
      <c r="B5999" s="17"/>
      <c r="C5999" s="17"/>
      <c r="D5999" s="18"/>
      <c r="E5999" s="18"/>
      <c r="F5999" s="18"/>
      <c r="G5999" s="18"/>
      <c r="H5999" s="18"/>
      <c r="I5999" s="18"/>
      <c r="J5999" s="18"/>
      <c r="K5999" s="18"/>
      <c r="L5999" s="18"/>
      <c r="M5999" s="18"/>
      <c r="N5999" s="18"/>
      <c r="O5999" s="18"/>
      <c r="P5999" s="19"/>
      <c r="Q5999" s="19"/>
      <c r="R5999" s="19"/>
      <c r="S5999" s="19"/>
      <c r="T5999" s="19"/>
      <c r="U5999" s="19"/>
      <c r="V5999" s="19"/>
      <c r="W5999" s="19"/>
      <c r="X5999" s="19"/>
      <c r="Y5999" s="19"/>
      <c r="Z5999" s="19"/>
      <c r="AA5999" s="19"/>
    </row>
    <row r="6000" spans="1:27" s="1" customFormat="1" ht="14.1" customHeight="1" outlineLevel="2" x14ac:dyDescent="0.2">
      <c r="A6000" s="17">
        <v>12836</v>
      </c>
      <c r="B6000" s="17"/>
      <c r="C6000" s="17"/>
      <c r="D6000" s="18" t="s">
        <v>2983</v>
      </c>
      <c r="E6000" s="18"/>
      <c r="F6000" s="18"/>
      <c r="G6000" s="18"/>
      <c r="H6000" s="18"/>
      <c r="I6000" s="18"/>
      <c r="J6000" s="18"/>
      <c r="K6000" s="18"/>
      <c r="L6000" s="18"/>
      <c r="M6000" s="18"/>
      <c r="N6000" s="18"/>
      <c r="O6000" s="18"/>
      <c r="P6000" s="19">
        <v>220</v>
      </c>
      <c r="Q6000" s="19"/>
      <c r="R6000" s="19"/>
      <c r="S6000" s="19"/>
      <c r="T6000" s="19">
        <v>190</v>
      </c>
      <c r="U6000" s="19"/>
      <c r="V6000" s="19"/>
      <c r="W6000" s="19"/>
      <c r="X6000" s="19">
        <v>1</v>
      </c>
      <c r="Y6000" s="19"/>
      <c r="Z6000" s="19"/>
      <c r="AA6000" s="19"/>
    </row>
    <row r="6001" spans="1:27" s="1" customFormat="1" ht="14.1" customHeight="1" outlineLevel="2" x14ac:dyDescent="0.2">
      <c r="A6001" s="17"/>
      <c r="B6001" s="17"/>
      <c r="C6001" s="17"/>
      <c r="D6001" s="18"/>
      <c r="E6001" s="18"/>
      <c r="F6001" s="18"/>
      <c r="G6001" s="18"/>
      <c r="H6001" s="18"/>
      <c r="I6001" s="18"/>
      <c r="J6001" s="18"/>
      <c r="K6001" s="18"/>
      <c r="L6001" s="18"/>
      <c r="M6001" s="18"/>
      <c r="N6001" s="18"/>
      <c r="O6001" s="18"/>
      <c r="P6001" s="19"/>
      <c r="Q6001" s="19"/>
      <c r="R6001" s="19"/>
      <c r="S6001" s="19"/>
      <c r="T6001" s="19"/>
      <c r="U6001" s="19"/>
      <c r="V6001" s="19"/>
      <c r="W6001" s="19"/>
      <c r="X6001" s="19"/>
      <c r="Y6001" s="19"/>
      <c r="Z6001" s="19"/>
      <c r="AA6001" s="19"/>
    </row>
    <row r="6002" spans="1:27" s="1" customFormat="1" ht="14.1" customHeight="1" outlineLevel="2" x14ac:dyDescent="0.2">
      <c r="A6002" s="17">
        <v>12869</v>
      </c>
      <c r="B6002" s="17"/>
      <c r="C6002" s="17"/>
      <c r="D6002" s="18" t="s">
        <v>2984</v>
      </c>
      <c r="E6002" s="18"/>
      <c r="F6002" s="18"/>
      <c r="G6002" s="18"/>
      <c r="H6002" s="18"/>
      <c r="I6002" s="18"/>
      <c r="J6002" s="18"/>
      <c r="K6002" s="18"/>
      <c r="L6002" s="18"/>
      <c r="M6002" s="18"/>
      <c r="N6002" s="18"/>
      <c r="O6002" s="18"/>
      <c r="P6002" s="19">
        <v>350</v>
      </c>
      <c r="Q6002" s="19"/>
      <c r="R6002" s="19"/>
      <c r="S6002" s="19"/>
      <c r="T6002" s="19">
        <v>290</v>
      </c>
      <c r="U6002" s="19"/>
      <c r="V6002" s="19"/>
      <c r="W6002" s="19"/>
      <c r="X6002" s="19">
        <v>2</v>
      </c>
      <c r="Y6002" s="19"/>
      <c r="Z6002" s="19"/>
      <c r="AA6002" s="19"/>
    </row>
    <row r="6003" spans="1:27" s="1" customFormat="1" ht="14.1" customHeight="1" outlineLevel="2" x14ac:dyDescent="0.2">
      <c r="A6003" s="17"/>
      <c r="B6003" s="17"/>
      <c r="C6003" s="17"/>
      <c r="D6003" s="18"/>
      <c r="E6003" s="18"/>
      <c r="F6003" s="18"/>
      <c r="G6003" s="18"/>
      <c r="H6003" s="18"/>
      <c r="I6003" s="18"/>
      <c r="J6003" s="18"/>
      <c r="K6003" s="18"/>
      <c r="L6003" s="18"/>
      <c r="M6003" s="18"/>
      <c r="N6003" s="18"/>
      <c r="O6003" s="18"/>
      <c r="P6003" s="19"/>
      <c r="Q6003" s="19"/>
      <c r="R6003" s="19"/>
      <c r="S6003" s="19"/>
      <c r="T6003" s="19"/>
      <c r="U6003" s="19"/>
      <c r="V6003" s="19"/>
      <c r="W6003" s="19"/>
      <c r="X6003" s="19"/>
      <c r="Y6003" s="19"/>
      <c r="Z6003" s="19"/>
      <c r="AA6003" s="19"/>
    </row>
    <row r="6004" spans="1:27" s="1" customFormat="1" ht="14.1" customHeight="1" outlineLevel="2" x14ac:dyDescent="0.2">
      <c r="A6004" s="17">
        <v>16727</v>
      </c>
      <c r="B6004" s="17"/>
      <c r="C6004" s="17"/>
      <c r="D6004" s="18" t="s">
        <v>2985</v>
      </c>
      <c r="E6004" s="18"/>
      <c r="F6004" s="18"/>
      <c r="G6004" s="18"/>
      <c r="H6004" s="18"/>
      <c r="I6004" s="18"/>
      <c r="J6004" s="18"/>
      <c r="K6004" s="18"/>
      <c r="L6004" s="18"/>
      <c r="M6004" s="18"/>
      <c r="N6004" s="18"/>
      <c r="O6004" s="18"/>
      <c r="P6004" s="19">
        <v>400</v>
      </c>
      <c r="Q6004" s="19"/>
      <c r="R6004" s="19"/>
      <c r="S6004" s="19"/>
      <c r="T6004" s="19">
        <v>300</v>
      </c>
      <c r="U6004" s="19"/>
      <c r="V6004" s="19"/>
      <c r="W6004" s="19"/>
      <c r="X6004" s="19">
        <v>1</v>
      </c>
      <c r="Y6004" s="19"/>
      <c r="Z6004" s="19"/>
      <c r="AA6004" s="19"/>
    </row>
    <row r="6005" spans="1:27" s="1" customFormat="1" ht="14.1" customHeight="1" outlineLevel="2" x14ac:dyDescent="0.2">
      <c r="A6005" s="17"/>
      <c r="B6005" s="17"/>
      <c r="C6005" s="17"/>
      <c r="D6005" s="18"/>
      <c r="E6005" s="18"/>
      <c r="F6005" s="18"/>
      <c r="G6005" s="18"/>
      <c r="H6005" s="18"/>
      <c r="I6005" s="18"/>
      <c r="J6005" s="18"/>
      <c r="K6005" s="18"/>
      <c r="L6005" s="18"/>
      <c r="M6005" s="18"/>
      <c r="N6005" s="18"/>
      <c r="O6005" s="18"/>
      <c r="P6005" s="19"/>
      <c r="Q6005" s="19"/>
      <c r="R6005" s="19"/>
      <c r="S6005" s="19"/>
      <c r="T6005" s="19"/>
      <c r="U6005" s="19"/>
      <c r="V6005" s="19"/>
      <c r="W6005" s="19"/>
      <c r="X6005" s="19"/>
      <c r="Y6005" s="19"/>
      <c r="Z6005" s="19"/>
      <c r="AA6005" s="19"/>
    </row>
    <row r="6006" spans="1:27" s="1" customFormat="1" ht="14.1" customHeight="1" outlineLevel="2" x14ac:dyDescent="0.2">
      <c r="A6006" s="17">
        <v>13676</v>
      </c>
      <c r="B6006" s="17"/>
      <c r="C6006" s="17"/>
      <c r="D6006" s="18" t="s">
        <v>2986</v>
      </c>
      <c r="E6006" s="18"/>
      <c r="F6006" s="18"/>
      <c r="G6006" s="18"/>
      <c r="H6006" s="18"/>
      <c r="I6006" s="18"/>
      <c r="J6006" s="18"/>
      <c r="K6006" s="18"/>
      <c r="L6006" s="18"/>
      <c r="M6006" s="18"/>
      <c r="N6006" s="18"/>
      <c r="O6006" s="18"/>
      <c r="P6006" s="19">
        <v>130</v>
      </c>
      <c r="Q6006" s="19"/>
      <c r="R6006" s="19"/>
      <c r="S6006" s="19"/>
      <c r="T6006" s="19">
        <v>90</v>
      </c>
      <c r="U6006" s="19"/>
      <c r="V6006" s="19"/>
      <c r="W6006" s="19"/>
      <c r="X6006" s="19">
        <v>1</v>
      </c>
      <c r="Y6006" s="19"/>
      <c r="Z6006" s="19"/>
      <c r="AA6006" s="19"/>
    </row>
    <row r="6007" spans="1:27" s="1" customFormat="1" ht="14.1" customHeight="1" outlineLevel="2" x14ac:dyDescent="0.2">
      <c r="A6007" s="17"/>
      <c r="B6007" s="17"/>
      <c r="C6007" s="17"/>
      <c r="D6007" s="18"/>
      <c r="E6007" s="18"/>
      <c r="F6007" s="18"/>
      <c r="G6007" s="18"/>
      <c r="H6007" s="18"/>
      <c r="I6007" s="18"/>
      <c r="J6007" s="18"/>
      <c r="K6007" s="18"/>
      <c r="L6007" s="18"/>
      <c r="M6007" s="18"/>
      <c r="N6007" s="18"/>
      <c r="O6007" s="18"/>
      <c r="P6007" s="19"/>
      <c r="Q6007" s="19"/>
      <c r="R6007" s="19"/>
      <c r="S6007" s="19"/>
      <c r="T6007" s="19"/>
      <c r="U6007" s="19"/>
      <c r="V6007" s="19"/>
      <c r="W6007" s="19"/>
      <c r="X6007" s="19"/>
      <c r="Y6007" s="19"/>
      <c r="Z6007" s="19"/>
      <c r="AA6007" s="19"/>
    </row>
    <row r="6008" spans="1:27" s="1" customFormat="1" ht="14.1" customHeight="1" outlineLevel="2" x14ac:dyDescent="0.2">
      <c r="A6008" s="17">
        <v>15786</v>
      </c>
      <c r="B6008" s="17"/>
      <c r="C6008" s="17"/>
      <c r="D6008" s="18" t="s">
        <v>2987</v>
      </c>
      <c r="E6008" s="18"/>
      <c r="F6008" s="18"/>
      <c r="G6008" s="18"/>
      <c r="H6008" s="18"/>
      <c r="I6008" s="18"/>
      <c r="J6008" s="18"/>
      <c r="K6008" s="18"/>
      <c r="L6008" s="18"/>
      <c r="M6008" s="18"/>
      <c r="N6008" s="18"/>
      <c r="O6008" s="18"/>
      <c r="P6008" s="19">
        <v>360</v>
      </c>
      <c r="Q6008" s="19"/>
      <c r="R6008" s="19"/>
      <c r="S6008" s="19"/>
      <c r="T6008" s="19">
        <v>300</v>
      </c>
      <c r="U6008" s="19"/>
      <c r="V6008" s="19"/>
      <c r="W6008" s="19"/>
      <c r="X6008" s="19">
        <v>1</v>
      </c>
      <c r="Y6008" s="19"/>
      <c r="Z6008" s="19"/>
      <c r="AA6008" s="19"/>
    </row>
    <row r="6009" spans="1:27" s="1" customFormat="1" ht="14.1" customHeight="1" outlineLevel="2" x14ac:dyDescent="0.2">
      <c r="A6009" s="17"/>
      <c r="B6009" s="17"/>
      <c r="C6009" s="17"/>
      <c r="D6009" s="18"/>
      <c r="E6009" s="18"/>
      <c r="F6009" s="18"/>
      <c r="G6009" s="18"/>
      <c r="H6009" s="18"/>
      <c r="I6009" s="18"/>
      <c r="J6009" s="18"/>
      <c r="K6009" s="18"/>
      <c r="L6009" s="18"/>
      <c r="M6009" s="18"/>
      <c r="N6009" s="18"/>
      <c r="O6009" s="18"/>
      <c r="P6009" s="19"/>
      <c r="Q6009" s="19"/>
      <c r="R6009" s="19"/>
      <c r="S6009" s="19"/>
      <c r="T6009" s="19"/>
      <c r="U6009" s="19"/>
      <c r="V6009" s="19"/>
      <c r="W6009" s="19"/>
      <c r="X6009" s="19"/>
      <c r="Y6009" s="19"/>
      <c r="Z6009" s="19"/>
      <c r="AA6009" s="19"/>
    </row>
    <row r="6010" spans="1:27" s="1" customFormat="1" ht="14.1" customHeight="1" outlineLevel="2" x14ac:dyDescent="0.2">
      <c r="A6010" s="17">
        <v>15815</v>
      </c>
      <c r="B6010" s="17"/>
      <c r="C6010" s="17"/>
      <c r="D6010" s="18" t="s">
        <v>2988</v>
      </c>
      <c r="E6010" s="18"/>
      <c r="F6010" s="18"/>
      <c r="G6010" s="18"/>
      <c r="H6010" s="18"/>
      <c r="I6010" s="18"/>
      <c r="J6010" s="18"/>
      <c r="K6010" s="18"/>
      <c r="L6010" s="18"/>
      <c r="M6010" s="18"/>
      <c r="N6010" s="18"/>
      <c r="O6010" s="18"/>
      <c r="P6010" s="19">
        <v>300</v>
      </c>
      <c r="Q6010" s="19"/>
      <c r="R6010" s="19"/>
      <c r="S6010" s="19"/>
      <c r="T6010" s="19">
        <v>200</v>
      </c>
      <c r="U6010" s="19"/>
      <c r="V6010" s="19"/>
      <c r="W6010" s="19"/>
      <c r="X6010" s="19">
        <v>2</v>
      </c>
      <c r="Y6010" s="19"/>
      <c r="Z6010" s="19"/>
      <c r="AA6010" s="19"/>
    </row>
    <row r="6011" spans="1:27" s="1" customFormat="1" ht="14.1" customHeight="1" outlineLevel="2" x14ac:dyDescent="0.2">
      <c r="A6011" s="17"/>
      <c r="B6011" s="17"/>
      <c r="C6011" s="17"/>
      <c r="D6011" s="18"/>
      <c r="E6011" s="18"/>
      <c r="F6011" s="18"/>
      <c r="G6011" s="18"/>
      <c r="H6011" s="18"/>
      <c r="I6011" s="18"/>
      <c r="J6011" s="18"/>
      <c r="K6011" s="18"/>
      <c r="L6011" s="18"/>
      <c r="M6011" s="18"/>
      <c r="N6011" s="18"/>
      <c r="O6011" s="18"/>
      <c r="P6011" s="19"/>
      <c r="Q6011" s="19"/>
      <c r="R6011" s="19"/>
      <c r="S6011" s="19"/>
      <c r="T6011" s="19"/>
      <c r="U6011" s="19"/>
      <c r="V6011" s="19"/>
      <c r="W6011" s="19"/>
      <c r="X6011" s="19"/>
      <c r="Y6011" s="19"/>
      <c r="Z6011" s="19"/>
      <c r="AA6011" s="19"/>
    </row>
    <row r="6012" spans="1:27" s="1" customFormat="1" ht="14.1" customHeight="1" outlineLevel="2" x14ac:dyDescent="0.2">
      <c r="A6012" s="17">
        <v>17378</v>
      </c>
      <c r="B6012" s="17"/>
      <c r="C6012" s="17"/>
      <c r="D6012" s="18" t="s">
        <v>2989</v>
      </c>
      <c r="E6012" s="18"/>
      <c r="F6012" s="18"/>
      <c r="G6012" s="18"/>
      <c r="H6012" s="18"/>
      <c r="I6012" s="18"/>
      <c r="J6012" s="18"/>
      <c r="K6012" s="18"/>
      <c r="L6012" s="18"/>
      <c r="M6012" s="18"/>
      <c r="N6012" s="18"/>
      <c r="O6012" s="18"/>
      <c r="P6012" s="19">
        <v>70</v>
      </c>
      <c r="Q6012" s="19"/>
      <c r="R6012" s="19"/>
      <c r="S6012" s="19"/>
      <c r="T6012" s="19">
        <v>50</v>
      </c>
      <c r="U6012" s="19"/>
      <c r="V6012" s="19"/>
      <c r="W6012" s="19"/>
      <c r="X6012" s="19">
        <v>1</v>
      </c>
      <c r="Y6012" s="19"/>
      <c r="Z6012" s="19"/>
      <c r="AA6012" s="19"/>
    </row>
    <row r="6013" spans="1:27" s="1" customFormat="1" ht="14.1" customHeight="1" outlineLevel="2" x14ac:dyDescent="0.2">
      <c r="A6013" s="17"/>
      <c r="B6013" s="17"/>
      <c r="C6013" s="17"/>
      <c r="D6013" s="18"/>
      <c r="E6013" s="18"/>
      <c r="F6013" s="18"/>
      <c r="G6013" s="18"/>
      <c r="H6013" s="18"/>
      <c r="I6013" s="18"/>
      <c r="J6013" s="18"/>
      <c r="K6013" s="18"/>
      <c r="L6013" s="18"/>
      <c r="M6013" s="18"/>
      <c r="N6013" s="18"/>
      <c r="O6013" s="18"/>
      <c r="P6013" s="19"/>
      <c r="Q6013" s="19"/>
      <c r="R6013" s="19"/>
      <c r="S6013" s="19"/>
      <c r="T6013" s="19"/>
      <c r="U6013" s="19"/>
      <c r="V6013" s="19"/>
      <c r="W6013" s="19"/>
      <c r="X6013" s="19"/>
      <c r="Y6013" s="19"/>
      <c r="Z6013" s="19"/>
      <c r="AA6013" s="19"/>
    </row>
    <row r="6014" spans="1:27" s="1" customFormat="1" ht="14.1" customHeight="1" outlineLevel="2" x14ac:dyDescent="0.2">
      <c r="A6014" s="17">
        <v>12119</v>
      </c>
      <c r="B6014" s="17"/>
      <c r="C6014" s="17"/>
      <c r="D6014" s="18" t="s">
        <v>2990</v>
      </c>
      <c r="E6014" s="18"/>
      <c r="F6014" s="18"/>
      <c r="G6014" s="18"/>
      <c r="H6014" s="18"/>
      <c r="I6014" s="18"/>
      <c r="J6014" s="18"/>
      <c r="K6014" s="18"/>
      <c r="L6014" s="18"/>
      <c r="M6014" s="18"/>
      <c r="N6014" s="18"/>
      <c r="O6014" s="18"/>
      <c r="P6014" s="19">
        <v>70</v>
      </c>
      <c r="Q6014" s="19"/>
      <c r="R6014" s="19"/>
      <c r="S6014" s="19"/>
      <c r="T6014" s="19">
        <v>50</v>
      </c>
      <c r="U6014" s="19"/>
      <c r="V6014" s="19"/>
      <c r="W6014" s="19"/>
      <c r="X6014" s="19">
        <v>2</v>
      </c>
      <c r="Y6014" s="19"/>
      <c r="Z6014" s="19"/>
      <c r="AA6014" s="19"/>
    </row>
    <row r="6015" spans="1:27" s="1" customFormat="1" ht="14.1" customHeight="1" outlineLevel="2" x14ac:dyDescent="0.2">
      <c r="A6015" s="17"/>
      <c r="B6015" s="17"/>
      <c r="C6015" s="17"/>
      <c r="D6015" s="18"/>
      <c r="E6015" s="18"/>
      <c r="F6015" s="18"/>
      <c r="G6015" s="18"/>
      <c r="H6015" s="18"/>
      <c r="I6015" s="18"/>
      <c r="J6015" s="18"/>
      <c r="K6015" s="18"/>
      <c r="L6015" s="18"/>
      <c r="M6015" s="18"/>
      <c r="N6015" s="18"/>
      <c r="O6015" s="18"/>
      <c r="P6015" s="19"/>
      <c r="Q6015" s="19"/>
      <c r="R6015" s="19"/>
      <c r="S6015" s="19"/>
      <c r="T6015" s="19"/>
      <c r="U6015" s="19"/>
      <c r="V6015" s="19"/>
      <c r="W6015" s="19"/>
      <c r="X6015" s="19"/>
      <c r="Y6015" s="19"/>
      <c r="Z6015" s="19"/>
      <c r="AA6015" s="19"/>
    </row>
    <row r="6016" spans="1:27" s="1" customFormat="1" ht="11.1" customHeight="1" outlineLevel="1" x14ac:dyDescent="0.2">
      <c r="A6016" s="16" t="s">
        <v>2162</v>
      </c>
      <c r="B6016" s="16"/>
      <c r="C6016" s="16"/>
      <c r="D6016" s="16"/>
      <c r="E6016" s="16"/>
      <c r="F6016" s="16"/>
      <c r="G6016" s="16"/>
      <c r="H6016" s="16"/>
      <c r="I6016" s="16"/>
      <c r="J6016" s="16"/>
      <c r="K6016" s="16"/>
      <c r="L6016" s="16"/>
      <c r="M6016" s="16"/>
      <c r="N6016" s="16"/>
      <c r="O6016" s="16"/>
      <c r="P6016" s="16"/>
      <c r="Q6016" s="16"/>
      <c r="R6016" s="16"/>
      <c r="S6016" s="16"/>
      <c r="T6016" s="16"/>
      <c r="U6016" s="16"/>
      <c r="V6016" s="16"/>
      <c r="W6016" s="16"/>
      <c r="X6016" s="16"/>
      <c r="Y6016" s="16"/>
      <c r="Z6016" s="16"/>
      <c r="AA6016" s="16"/>
    </row>
    <row r="6017" spans="1:27" s="1" customFormat="1" ht="11.1" customHeight="1" outlineLevel="1" x14ac:dyDescent="0.2">
      <c r="A6017" s="16"/>
      <c r="B6017" s="16"/>
      <c r="C6017" s="16"/>
      <c r="D6017" s="16"/>
      <c r="E6017" s="16"/>
      <c r="F6017" s="16"/>
      <c r="G6017" s="16"/>
      <c r="H6017" s="16"/>
      <c r="I6017" s="16"/>
      <c r="J6017" s="16"/>
      <c r="K6017" s="16"/>
      <c r="L6017" s="16"/>
      <c r="M6017" s="16"/>
      <c r="N6017" s="16"/>
      <c r="O6017" s="16"/>
      <c r="P6017" s="16"/>
      <c r="Q6017" s="16"/>
      <c r="R6017" s="16"/>
      <c r="S6017" s="16"/>
      <c r="T6017" s="16"/>
      <c r="U6017" s="16"/>
      <c r="V6017" s="16"/>
      <c r="W6017" s="16"/>
      <c r="X6017" s="16"/>
      <c r="Y6017" s="16"/>
      <c r="Z6017" s="16"/>
      <c r="AA6017" s="16"/>
    </row>
    <row r="6018" spans="1:27" s="1" customFormat="1" ht="14.1" customHeight="1" outlineLevel="2" x14ac:dyDescent="0.2">
      <c r="A6018" s="17">
        <v>17593</v>
      </c>
      <c r="B6018" s="17"/>
      <c r="C6018" s="17"/>
      <c r="D6018" s="18" t="s">
        <v>2991</v>
      </c>
      <c r="E6018" s="18"/>
      <c r="F6018" s="18"/>
      <c r="G6018" s="18"/>
      <c r="H6018" s="18"/>
      <c r="I6018" s="18"/>
      <c r="J6018" s="18"/>
      <c r="K6018" s="18"/>
      <c r="L6018" s="18"/>
      <c r="M6018" s="18"/>
      <c r="N6018" s="18"/>
      <c r="O6018" s="18"/>
      <c r="P6018" s="19">
        <v>700</v>
      </c>
      <c r="Q6018" s="19"/>
      <c r="R6018" s="19"/>
      <c r="S6018" s="19"/>
      <c r="T6018" s="19">
        <v>600</v>
      </c>
      <c r="U6018" s="19"/>
      <c r="V6018" s="19"/>
      <c r="W6018" s="19"/>
      <c r="X6018" s="19">
        <v>1</v>
      </c>
      <c r="Y6018" s="19"/>
      <c r="Z6018" s="19"/>
      <c r="AA6018" s="19"/>
    </row>
    <row r="6019" spans="1:27" s="1" customFormat="1" ht="14.1" customHeight="1" outlineLevel="2" x14ac:dyDescent="0.2">
      <c r="A6019" s="17"/>
      <c r="B6019" s="17"/>
      <c r="C6019" s="17"/>
      <c r="D6019" s="18"/>
      <c r="E6019" s="18"/>
      <c r="F6019" s="18"/>
      <c r="G6019" s="18"/>
      <c r="H6019" s="18"/>
      <c r="I6019" s="18"/>
      <c r="J6019" s="18"/>
      <c r="K6019" s="18"/>
      <c r="L6019" s="18"/>
      <c r="M6019" s="18"/>
      <c r="N6019" s="18"/>
      <c r="O6019" s="18"/>
      <c r="P6019" s="19"/>
      <c r="Q6019" s="19"/>
      <c r="R6019" s="19"/>
      <c r="S6019" s="19"/>
      <c r="T6019" s="19"/>
      <c r="U6019" s="19"/>
      <c r="V6019" s="19"/>
      <c r="W6019" s="19"/>
      <c r="X6019" s="19"/>
      <c r="Y6019" s="19"/>
      <c r="Z6019" s="19"/>
      <c r="AA6019" s="19"/>
    </row>
    <row r="6020" spans="1:27" s="1" customFormat="1" ht="14.1" customHeight="1" outlineLevel="2" x14ac:dyDescent="0.2">
      <c r="A6020" s="17">
        <v>17600</v>
      </c>
      <c r="B6020" s="17"/>
      <c r="C6020" s="17"/>
      <c r="D6020" s="18" t="s">
        <v>2992</v>
      </c>
      <c r="E6020" s="18"/>
      <c r="F6020" s="18"/>
      <c r="G6020" s="18"/>
      <c r="H6020" s="18"/>
      <c r="I6020" s="18"/>
      <c r="J6020" s="18"/>
      <c r="K6020" s="18"/>
      <c r="L6020" s="18"/>
      <c r="M6020" s="18"/>
      <c r="N6020" s="18"/>
      <c r="O6020" s="18"/>
      <c r="P6020" s="19">
        <v>300</v>
      </c>
      <c r="Q6020" s="19"/>
      <c r="R6020" s="19"/>
      <c r="S6020" s="19"/>
      <c r="T6020" s="19">
        <v>200</v>
      </c>
      <c r="U6020" s="19"/>
      <c r="V6020" s="19"/>
      <c r="W6020" s="19"/>
      <c r="X6020" s="19">
        <v>1</v>
      </c>
      <c r="Y6020" s="19"/>
      <c r="Z6020" s="19"/>
      <c r="AA6020" s="19"/>
    </row>
    <row r="6021" spans="1:27" s="1" customFormat="1" ht="14.1" customHeight="1" outlineLevel="2" x14ac:dyDescent="0.2">
      <c r="A6021" s="17"/>
      <c r="B6021" s="17"/>
      <c r="C6021" s="17"/>
      <c r="D6021" s="18"/>
      <c r="E6021" s="18"/>
      <c r="F6021" s="18"/>
      <c r="G6021" s="18"/>
      <c r="H6021" s="18"/>
      <c r="I6021" s="18"/>
      <c r="J6021" s="18"/>
      <c r="K6021" s="18"/>
      <c r="L6021" s="18"/>
      <c r="M6021" s="18"/>
      <c r="N6021" s="18"/>
      <c r="O6021" s="18"/>
      <c r="P6021" s="19"/>
      <c r="Q6021" s="19"/>
      <c r="R6021" s="19"/>
      <c r="S6021" s="19"/>
      <c r="T6021" s="19"/>
      <c r="U6021" s="19"/>
      <c r="V6021" s="19"/>
      <c r="W6021" s="19"/>
      <c r="X6021" s="19"/>
      <c r="Y6021" s="19"/>
      <c r="Z6021" s="19"/>
      <c r="AA6021" s="19"/>
    </row>
    <row r="6022" spans="1:27" s="1" customFormat="1" ht="14.1" customHeight="1" outlineLevel="2" x14ac:dyDescent="0.2">
      <c r="A6022" s="17">
        <v>17591</v>
      </c>
      <c r="B6022" s="17"/>
      <c r="C6022" s="17"/>
      <c r="D6022" s="18" t="s">
        <v>2993</v>
      </c>
      <c r="E6022" s="18"/>
      <c r="F6022" s="18"/>
      <c r="G6022" s="18"/>
      <c r="H6022" s="18"/>
      <c r="I6022" s="18"/>
      <c r="J6022" s="18"/>
      <c r="K6022" s="18"/>
      <c r="L6022" s="18"/>
      <c r="M6022" s="18"/>
      <c r="N6022" s="18"/>
      <c r="O6022" s="18"/>
      <c r="P6022" s="19">
        <v>700</v>
      </c>
      <c r="Q6022" s="19"/>
      <c r="R6022" s="19"/>
      <c r="S6022" s="19"/>
      <c r="T6022" s="19">
        <v>600</v>
      </c>
      <c r="U6022" s="19"/>
      <c r="V6022" s="19"/>
      <c r="W6022" s="19"/>
      <c r="X6022" s="19">
        <v>1</v>
      </c>
      <c r="Y6022" s="19"/>
      <c r="Z6022" s="19"/>
      <c r="AA6022" s="19"/>
    </row>
    <row r="6023" spans="1:27" s="1" customFormat="1" ht="14.1" customHeight="1" outlineLevel="2" x14ac:dyDescent="0.2">
      <c r="A6023" s="17"/>
      <c r="B6023" s="17"/>
      <c r="C6023" s="17"/>
      <c r="D6023" s="18"/>
      <c r="E6023" s="18"/>
      <c r="F6023" s="18"/>
      <c r="G6023" s="18"/>
      <c r="H6023" s="18"/>
      <c r="I6023" s="18"/>
      <c r="J6023" s="18"/>
      <c r="K6023" s="18"/>
      <c r="L6023" s="18"/>
      <c r="M6023" s="18"/>
      <c r="N6023" s="18"/>
      <c r="O6023" s="18"/>
      <c r="P6023" s="19"/>
      <c r="Q6023" s="19"/>
      <c r="R6023" s="19"/>
      <c r="S6023" s="19"/>
      <c r="T6023" s="19"/>
      <c r="U6023" s="19"/>
      <c r="V6023" s="19"/>
      <c r="W6023" s="19"/>
      <c r="X6023" s="19"/>
      <c r="Y6023" s="19"/>
      <c r="Z6023" s="19"/>
      <c r="AA6023" s="19"/>
    </row>
    <row r="6024" spans="1:27" s="1" customFormat="1" ht="14.1" customHeight="1" outlineLevel="2" x14ac:dyDescent="0.2">
      <c r="A6024" s="17">
        <v>17592</v>
      </c>
      <c r="B6024" s="17"/>
      <c r="C6024" s="17"/>
      <c r="D6024" s="18" t="s">
        <v>2994</v>
      </c>
      <c r="E6024" s="18"/>
      <c r="F6024" s="18"/>
      <c r="G6024" s="18"/>
      <c r="H6024" s="18"/>
      <c r="I6024" s="18"/>
      <c r="J6024" s="18"/>
      <c r="K6024" s="18"/>
      <c r="L6024" s="18"/>
      <c r="M6024" s="18"/>
      <c r="N6024" s="18"/>
      <c r="O6024" s="18"/>
      <c r="P6024" s="19">
        <v>700</v>
      </c>
      <c r="Q6024" s="19"/>
      <c r="R6024" s="19"/>
      <c r="S6024" s="19"/>
      <c r="T6024" s="19">
        <v>600</v>
      </c>
      <c r="U6024" s="19"/>
      <c r="V6024" s="19"/>
      <c r="W6024" s="19"/>
      <c r="X6024" s="19">
        <v>1</v>
      </c>
      <c r="Y6024" s="19"/>
      <c r="Z6024" s="19"/>
      <c r="AA6024" s="19"/>
    </row>
    <row r="6025" spans="1:27" s="1" customFormat="1" ht="14.1" customHeight="1" outlineLevel="2" x14ac:dyDescent="0.2">
      <c r="A6025" s="17"/>
      <c r="B6025" s="17"/>
      <c r="C6025" s="17"/>
      <c r="D6025" s="18"/>
      <c r="E6025" s="18"/>
      <c r="F6025" s="18"/>
      <c r="G6025" s="18"/>
      <c r="H6025" s="18"/>
      <c r="I6025" s="18"/>
      <c r="J6025" s="18"/>
      <c r="K6025" s="18"/>
      <c r="L6025" s="18"/>
      <c r="M6025" s="18"/>
      <c r="N6025" s="18"/>
      <c r="O6025" s="18"/>
      <c r="P6025" s="19"/>
      <c r="Q6025" s="19"/>
      <c r="R6025" s="19"/>
      <c r="S6025" s="19"/>
      <c r="T6025" s="19"/>
      <c r="U6025" s="19"/>
      <c r="V6025" s="19"/>
      <c r="W6025" s="19"/>
      <c r="X6025" s="19"/>
      <c r="Y6025" s="19"/>
      <c r="Z6025" s="19"/>
      <c r="AA6025" s="19"/>
    </row>
    <row r="6026" spans="1:27" s="1" customFormat="1" ht="11.1" customHeight="1" outlineLevel="1" x14ac:dyDescent="0.2">
      <c r="A6026" s="16" t="s">
        <v>1408</v>
      </c>
      <c r="B6026" s="16"/>
      <c r="C6026" s="16"/>
      <c r="D6026" s="16"/>
      <c r="E6026" s="16"/>
      <c r="F6026" s="16"/>
      <c r="G6026" s="16"/>
      <c r="H6026" s="16"/>
      <c r="I6026" s="16"/>
      <c r="J6026" s="16"/>
      <c r="K6026" s="16"/>
      <c r="L6026" s="16"/>
      <c r="M6026" s="16"/>
      <c r="N6026" s="16"/>
      <c r="O6026" s="16"/>
      <c r="P6026" s="16"/>
      <c r="Q6026" s="16"/>
      <c r="R6026" s="16"/>
      <c r="S6026" s="16"/>
      <c r="T6026" s="16"/>
      <c r="U6026" s="16"/>
      <c r="V6026" s="16"/>
      <c r="W6026" s="16"/>
      <c r="X6026" s="16"/>
      <c r="Y6026" s="16"/>
      <c r="Z6026" s="16"/>
      <c r="AA6026" s="16"/>
    </row>
    <row r="6027" spans="1:27" s="1" customFormat="1" ht="11.1" customHeight="1" outlineLevel="1" x14ac:dyDescent="0.2">
      <c r="A6027" s="16"/>
      <c r="B6027" s="16"/>
      <c r="C6027" s="16"/>
      <c r="D6027" s="16"/>
      <c r="E6027" s="16"/>
      <c r="F6027" s="16"/>
      <c r="G6027" s="16"/>
      <c r="H6027" s="16"/>
      <c r="I6027" s="16"/>
      <c r="J6027" s="16"/>
      <c r="K6027" s="16"/>
      <c r="L6027" s="16"/>
      <c r="M6027" s="16"/>
      <c r="N6027" s="16"/>
      <c r="O6027" s="16"/>
      <c r="P6027" s="16"/>
      <c r="Q6027" s="16"/>
      <c r="R6027" s="16"/>
      <c r="S6027" s="16"/>
      <c r="T6027" s="16"/>
      <c r="U6027" s="16"/>
      <c r="V6027" s="16"/>
      <c r="W6027" s="16"/>
      <c r="X6027" s="16"/>
      <c r="Y6027" s="16"/>
      <c r="Z6027" s="16"/>
      <c r="AA6027" s="16"/>
    </row>
    <row r="6028" spans="1:27" s="1" customFormat="1" ht="14.1" customHeight="1" outlineLevel="2" x14ac:dyDescent="0.2">
      <c r="A6028" s="17">
        <v>16630</v>
      </c>
      <c r="B6028" s="17"/>
      <c r="C6028" s="17"/>
      <c r="D6028" s="18" t="s">
        <v>2995</v>
      </c>
      <c r="E6028" s="18"/>
      <c r="F6028" s="18"/>
      <c r="G6028" s="18"/>
      <c r="H6028" s="18"/>
      <c r="I6028" s="18"/>
      <c r="J6028" s="18"/>
      <c r="K6028" s="18"/>
      <c r="L6028" s="18"/>
      <c r="M6028" s="18"/>
      <c r="N6028" s="18"/>
      <c r="O6028" s="18"/>
      <c r="P6028" s="19">
        <v>400</v>
      </c>
      <c r="Q6028" s="19"/>
      <c r="R6028" s="19"/>
      <c r="S6028" s="19"/>
      <c r="T6028" s="19">
        <v>300</v>
      </c>
      <c r="U6028" s="19"/>
      <c r="V6028" s="19"/>
      <c r="W6028" s="19"/>
      <c r="X6028" s="19">
        <v>1</v>
      </c>
      <c r="Y6028" s="19"/>
      <c r="Z6028" s="19"/>
      <c r="AA6028" s="19"/>
    </row>
    <row r="6029" spans="1:27" s="1" customFormat="1" ht="14.1" customHeight="1" outlineLevel="2" x14ac:dyDescent="0.2">
      <c r="A6029" s="17"/>
      <c r="B6029" s="17"/>
      <c r="C6029" s="17"/>
      <c r="D6029" s="18"/>
      <c r="E6029" s="18"/>
      <c r="F6029" s="18"/>
      <c r="G6029" s="18"/>
      <c r="H6029" s="18"/>
      <c r="I6029" s="18"/>
      <c r="J6029" s="18"/>
      <c r="K6029" s="18"/>
      <c r="L6029" s="18"/>
      <c r="M6029" s="18"/>
      <c r="N6029" s="18"/>
      <c r="O6029" s="18"/>
      <c r="P6029" s="19"/>
      <c r="Q6029" s="19"/>
      <c r="R6029" s="19"/>
      <c r="S6029" s="19"/>
      <c r="T6029" s="19"/>
      <c r="U6029" s="19"/>
      <c r="V6029" s="19"/>
      <c r="W6029" s="19"/>
      <c r="X6029" s="19"/>
      <c r="Y6029" s="19"/>
      <c r="Z6029" s="19"/>
      <c r="AA6029" s="19"/>
    </row>
    <row r="6030" spans="1:27" s="1" customFormat="1" ht="14.1" customHeight="1" outlineLevel="2" x14ac:dyDescent="0.2">
      <c r="A6030" s="17">
        <v>12672</v>
      </c>
      <c r="B6030" s="17"/>
      <c r="C6030" s="17"/>
      <c r="D6030" s="18" t="s">
        <v>2996</v>
      </c>
      <c r="E6030" s="18"/>
      <c r="F6030" s="18"/>
      <c r="G6030" s="18"/>
      <c r="H6030" s="18"/>
      <c r="I6030" s="18"/>
      <c r="J6030" s="18"/>
      <c r="K6030" s="18"/>
      <c r="L6030" s="18"/>
      <c r="M6030" s="18"/>
      <c r="N6030" s="18"/>
      <c r="O6030" s="18"/>
      <c r="P6030" s="19">
        <v>240</v>
      </c>
      <c r="Q6030" s="19"/>
      <c r="R6030" s="19"/>
      <c r="S6030" s="19"/>
      <c r="T6030" s="19">
        <v>190</v>
      </c>
      <c r="U6030" s="19"/>
      <c r="V6030" s="19"/>
      <c r="W6030" s="19"/>
      <c r="X6030" s="19">
        <v>1</v>
      </c>
      <c r="Y6030" s="19"/>
      <c r="Z6030" s="19"/>
      <c r="AA6030" s="19"/>
    </row>
    <row r="6031" spans="1:27" s="1" customFormat="1" ht="14.1" customHeight="1" outlineLevel="2" x14ac:dyDescent="0.2">
      <c r="A6031" s="17"/>
      <c r="B6031" s="17"/>
      <c r="C6031" s="17"/>
      <c r="D6031" s="18"/>
      <c r="E6031" s="18"/>
      <c r="F6031" s="18"/>
      <c r="G6031" s="18"/>
      <c r="H6031" s="18"/>
      <c r="I6031" s="18"/>
      <c r="J6031" s="18"/>
      <c r="K6031" s="18"/>
      <c r="L6031" s="18"/>
      <c r="M6031" s="18"/>
      <c r="N6031" s="18"/>
      <c r="O6031" s="18"/>
      <c r="P6031" s="19"/>
      <c r="Q6031" s="19"/>
      <c r="R6031" s="19"/>
      <c r="S6031" s="19"/>
      <c r="T6031" s="19"/>
      <c r="U6031" s="19"/>
      <c r="V6031" s="19"/>
      <c r="W6031" s="19"/>
      <c r="X6031" s="19"/>
      <c r="Y6031" s="19"/>
      <c r="Z6031" s="19"/>
      <c r="AA6031" s="19"/>
    </row>
    <row r="6032" spans="1:27" s="1" customFormat="1" ht="11.1" customHeight="1" outlineLevel="2" x14ac:dyDescent="0.2">
      <c r="A6032" s="17">
        <v>11598</v>
      </c>
      <c r="B6032" s="17"/>
      <c r="C6032" s="17"/>
      <c r="D6032" s="18" t="s">
        <v>2997</v>
      </c>
      <c r="E6032" s="18"/>
      <c r="F6032" s="18"/>
      <c r="G6032" s="18"/>
      <c r="H6032" s="18"/>
      <c r="I6032" s="18"/>
      <c r="J6032" s="18"/>
      <c r="K6032" s="18"/>
      <c r="L6032" s="18"/>
      <c r="M6032" s="18"/>
      <c r="N6032" s="18"/>
      <c r="O6032" s="18"/>
      <c r="P6032" s="19">
        <v>180</v>
      </c>
      <c r="Q6032" s="19"/>
      <c r="R6032" s="19"/>
      <c r="S6032" s="19"/>
      <c r="T6032" s="19">
        <v>130</v>
      </c>
      <c r="U6032" s="19"/>
      <c r="V6032" s="19"/>
      <c r="W6032" s="19"/>
      <c r="X6032" s="19">
        <v>1</v>
      </c>
      <c r="Y6032" s="19"/>
      <c r="Z6032" s="19"/>
      <c r="AA6032" s="19"/>
    </row>
    <row r="6033" spans="1:27" s="1" customFormat="1" ht="11.1" customHeight="1" outlineLevel="2" x14ac:dyDescent="0.2">
      <c r="A6033" s="17"/>
      <c r="B6033" s="17"/>
      <c r="C6033" s="17"/>
      <c r="D6033" s="18"/>
      <c r="E6033" s="18"/>
      <c r="F6033" s="18"/>
      <c r="G6033" s="18"/>
      <c r="H6033" s="18"/>
      <c r="I6033" s="18"/>
      <c r="J6033" s="18"/>
      <c r="K6033" s="18"/>
      <c r="L6033" s="18"/>
      <c r="M6033" s="18"/>
      <c r="N6033" s="18"/>
      <c r="O6033" s="18"/>
      <c r="P6033" s="19"/>
      <c r="Q6033" s="19"/>
      <c r="R6033" s="19"/>
      <c r="S6033" s="19"/>
      <c r="T6033" s="19"/>
      <c r="U6033" s="19"/>
      <c r="V6033" s="19"/>
      <c r="W6033" s="19"/>
      <c r="X6033" s="19"/>
      <c r="Y6033" s="19"/>
      <c r="Z6033" s="19"/>
      <c r="AA6033" s="19"/>
    </row>
    <row r="6034" spans="1:27" s="1" customFormat="1" ht="11.1" customHeight="1" outlineLevel="2" x14ac:dyDescent="0.2">
      <c r="A6034" s="17">
        <v>8597</v>
      </c>
      <c r="B6034" s="17"/>
      <c r="C6034" s="17"/>
      <c r="D6034" s="18" t="s">
        <v>2998</v>
      </c>
      <c r="E6034" s="18"/>
      <c r="F6034" s="18"/>
      <c r="G6034" s="18"/>
      <c r="H6034" s="18"/>
      <c r="I6034" s="18"/>
      <c r="J6034" s="18"/>
      <c r="K6034" s="18"/>
      <c r="L6034" s="18"/>
      <c r="M6034" s="18"/>
      <c r="N6034" s="18"/>
      <c r="O6034" s="18"/>
      <c r="P6034" s="19">
        <v>120</v>
      </c>
      <c r="Q6034" s="19"/>
      <c r="R6034" s="19"/>
      <c r="S6034" s="19"/>
      <c r="T6034" s="19">
        <v>100</v>
      </c>
      <c r="U6034" s="19"/>
      <c r="V6034" s="19"/>
      <c r="W6034" s="19"/>
      <c r="X6034" s="19">
        <v>1</v>
      </c>
      <c r="Y6034" s="19"/>
      <c r="Z6034" s="19"/>
      <c r="AA6034" s="19"/>
    </row>
    <row r="6035" spans="1:27" s="1" customFormat="1" ht="11.1" customHeight="1" outlineLevel="2" x14ac:dyDescent="0.2">
      <c r="A6035" s="17"/>
      <c r="B6035" s="17"/>
      <c r="C6035" s="17"/>
      <c r="D6035" s="18"/>
      <c r="E6035" s="18"/>
      <c r="F6035" s="18"/>
      <c r="G6035" s="18"/>
      <c r="H6035" s="18"/>
      <c r="I6035" s="18"/>
      <c r="J6035" s="18"/>
      <c r="K6035" s="18"/>
      <c r="L6035" s="18"/>
      <c r="M6035" s="18"/>
      <c r="N6035" s="18"/>
      <c r="O6035" s="18"/>
      <c r="P6035" s="19"/>
      <c r="Q6035" s="19"/>
      <c r="R6035" s="19"/>
      <c r="S6035" s="19"/>
      <c r="T6035" s="19"/>
      <c r="U6035" s="19"/>
      <c r="V6035" s="19"/>
      <c r="W6035" s="19"/>
      <c r="X6035" s="19"/>
      <c r="Y6035" s="19"/>
      <c r="Z6035" s="19"/>
      <c r="AA6035" s="19"/>
    </row>
    <row r="6036" spans="1:27" s="1" customFormat="1" ht="11.1" customHeight="1" outlineLevel="2" x14ac:dyDescent="0.2">
      <c r="A6036" s="17">
        <v>12915</v>
      </c>
      <c r="B6036" s="17"/>
      <c r="C6036" s="17"/>
      <c r="D6036" s="18" t="s">
        <v>2999</v>
      </c>
      <c r="E6036" s="18"/>
      <c r="F6036" s="18"/>
      <c r="G6036" s="18"/>
      <c r="H6036" s="18"/>
      <c r="I6036" s="18"/>
      <c r="J6036" s="18"/>
      <c r="K6036" s="18"/>
      <c r="L6036" s="18"/>
      <c r="M6036" s="18"/>
      <c r="N6036" s="18"/>
      <c r="O6036" s="18"/>
      <c r="P6036" s="19">
        <v>250</v>
      </c>
      <c r="Q6036" s="19"/>
      <c r="R6036" s="19"/>
      <c r="S6036" s="19"/>
      <c r="T6036" s="19">
        <v>200</v>
      </c>
      <c r="U6036" s="19"/>
      <c r="V6036" s="19"/>
      <c r="W6036" s="19"/>
      <c r="X6036" s="19">
        <v>1</v>
      </c>
      <c r="Y6036" s="19"/>
      <c r="Z6036" s="19"/>
      <c r="AA6036" s="19"/>
    </row>
    <row r="6037" spans="1:27" s="1" customFormat="1" ht="11.1" customHeight="1" outlineLevel="2" x14ac:dyDescent="0.2">
      <c r="A6037" s="17"/>
      <c r="B6037" s="17"/>
      <c r="C6037" s="17"/>
      <c r="D6037" s="18"/>
      <c r="E6037" s="18"/>
      <c r="F6037" s="18"/>
      <c r="G6037" s="18"/>
      <c r="H6037" s="18"/>
      <c r="I6037" s="18"/>
      <c r="J6037" s="18"/>
      <c r="K6037" s="18"/>
      <c r="L6037" s="18"/>
      <c r="M6037" s="18"/>
      <c r="N6037" s="18"/>
      <c r="O6037" s="18"/>
      <c r="P6037" s="19"/>
      <c r="Q6037" s="19"/>
      <c r="R6037" s="19"/>
      <c r="S6037" s="19"/>
      <c r="T6037" s="19"/>
      <c r="U6037" s="19"/>
      <c r="V6037" s="19"/>
      <c r="W6037" s="19"/>
      <c r="X6037" s="19"/>
      <c r="Y6037" s="19"/>
      <c r="Z6037" s="19"/>
      <c r="AA6037" s="19"/>
    </row>
    <row r="6038" spans="1:27" s="1" customFormat="1" ht="14.1" customHeight="1" outlineLevel="2" x14ac:dyDescent="0.2">
      <c r="A6038" s="17">
        <v>12671</v>
      </c>
      <c r="B6038" s="17"/>
      <c r="C6038" s="17"/>
      <c r="D6038" s="18" t="s">
        <v>3000</v>
      </c>
      <c r="E6038" s="18"/>
      <c r="F6038" s="18"/>
      <c r="G6038" s="18"/>
      <c r="H6038" s="18"/>
      <c r="I6038" s="18"/>
      <c r="J6038" s="18"/>
      <c r="K6038" s="18"/>
      <c r="L6038" s="18"/>
      <c r="M6038" s="18"/>
      <c r="N6038" s="18"/>
      <c r="O6038" s="18"/>
      <c r="P6038" s="19">
        <v>240</v>
      </c>
      <c r="Q6038" s="19"/>
      <c r="R6038" s="19"/>
      <c r="S6038" s="19"/>
      <c r="T6038" s="19">
        <v>190</v>
      </c>
      <c r="U6038" s="19"/>
      <c r="V6038" s="19"/>
      <c r="W6038" s="19"/>
      <c r="X6038" s="19">
        <v>1</v>
      </c>
      <c r="Y6038" s="19"/>
      <c r="Z6038" s="19"/>
      <c r="AA6038" s="19"/>
    </row>
    <row r="6039" spans="1:27" s="1" customFormat="1" ht="14.1" customHeight="1" outlineLevel="2" x14ac:dyDescent="0.2">
      <c r="A6039" s="17"/>
      <c r="B6039" s="17"/>
      <c r="C6039" s="17"/>
      <c r="D6039" s="18"/>
      <c r="E6039" s="18"/>
      <c r="F6039" s="18"/>
      <c r="G6039" s="18"/>
      <c r="H6039" s="18"/>
      <c r="I6039" s="18"/>
      <c r="J6039" s="18"/>
      <c r="K6039" s="18"/>
      <c r="L6039" s="18"/>
      <c r="M6039" s="18"/>
      <c r="N6039" s="18"/>
      <c r="O6039" s="18"/>
      <c r="P6039" s="19"/>
      <c r="Q6039" s="19"/>
      <c r="R6039" s="19"/>
      <c r="S6039" s="19"/>
      <c r="T6039" s="19"/>
      <c r="U6039" s="19"/>
      <c r="V6039" s="19"/>
      <c r="W6039" s="19"/>
      <c r="X6039" s="19"/>
      <c r="Y6039" s="19"/>
      <c r="Z6039" s="19"/>
      <c r="AA6039" s="19"/>
    </row>
    <row r="6040" spans="1:27" s="1" customFormat="1" ht="14.1" customHeight="1" outlineLevel="2" x14ac:dyDescent="0.2">
      <c r="A6040" s="17">
        <v>12664</v>
      </c>
      <c r="B6040" s="17"/>
      <c r="C6040" s="17"/>
      <c r="D6040" s="18" t="s">
        <v>3001</v>
      </c>
      <c r="E6040" s="18"/>
      <c r="F6040" s="18"/>
      <c r="G6040" s="18"/>
      <c r="H6040" s="18"/>
      <c r="I6040" s="18"/>
      <c r="J6040" s="18"/>
      <c r="K6040" s="18"/>
      <c r="L6040" s="18"/>
      <c r="M6040" s="18"/>
      <c r="N6040" s="18"/>
      <c r="O6040" s="18"/>
      <c r="P6040" s="19">
        <v>230</v>
      </c>
      <c r="Q6040" s="19"/>
      <c r="R6040" s="19"/>
      <c r="S6040" s="19"/>
      <c r="T6040" s="19">
        <v>190</v>
      </c>
      <c r="U6040" s="19"/>
      <c r="V6040" s="19"/>
      <c r="W6040" s="19"/>
      <c r="X6040" s="19">
        <v>1</v>
      </c>
      <c r="Y6040" s="19"/>
      <c r="Z6040" s="19"/>
      <c r="AA6040" s="19"/>
    </row>
    <row r="6041" spans="1:27" s="1" customFormat="1" ht="14.1" customHeight="1" outlineLevel="2" x14ac:dyDescent="0.2">
      <c r="A6041" s="17"/>
      <c r="B6041" s="17"/>
      <c r="C6041" s="17"/>
      <c r="D6041" s="18"/>
      <c r="E6041" s="18"/>
      <c r="F6041" s="18"/>
      <c r="G6041" s="18"/>
      <c r="H6041" s="18"/>
      <c r="I6041" s="18"/>
      <c r="J6041" s="18"/>
      <c r="K6041" s="18"/>
      <c r="L6041" s="18"/>
      <c r="M6041" s="18"/>
      <c r="N6041" s="18"/>
      <c r="O6041" s="18"/>
      <c r="P6041" s="19"/>
      <c r="Q6041" s="19"/>
      <c r="R6041" s="19"/>
      <c r="S6041" s="19"/>
      <c r="T6041" s="19"/>
      <c r="U6041" s="19"/>
      <c r="V6041" s="19"/>
      <c r="W6041" s="19"/>
      <c r="X6041" s="19"/>
      <c r="Y6041" s="19"/>
      <c r="Z6041" s="19"/>
      <c r="AA6041" s="19"/>
    </row>
    <row r="6042" spans="1:27" s="1" customFormat="1" ht="11.1" customHeight="1" outlineLevel="2" x14ac:dyDescent="0.2">
      <c r="A6042" s="17">
        <v>16675</v>
      </c>
      <c r="B6042" s="17"/>
      <c r="C6042" s="17"/>
      <c r="D6042" s="18" t="s">
        <v>3002</v>
      </c>
      <c r="E6042" s="18"/>
      <c r="F6042" s="18"/>
      <c r="G6042" s="18"/>
      <c r="H6042" s="18"/>
      <c r="I6042" s="18"/>
      <c r="J6042" s="18"/>
      <c r="K6042" s="18"/>
      <c r="L6042" s="18"/>
      <c r="M6042" s="18"/>
      <c r="N6042" s="18"/>
      <c r="O6042" s="18"/>
      <c r="P6042" s="19">
        <v>250</v>
      </c>
      <c r="Q6042" s="19"/>
      <c r="R6042" s="19"/>
      <c r="S6042" s="19"/>
      <c r="T6042" s="19">
        <v>190</v>
      </c>
      <c r="U6042" s="19"/>
      <c r="V6042" s="19"/>
      <c r="W6042" s="19"/>
      <c r="X6042" s="19">
        <v>1</v>
      </c>
      <c r="Y6042" s="19"/>
      <c r="Z6042" s="19"/>
      <c r="AA6042" s="19"/>
    </row>
    <row r="6043" spans="1:27" s="1" customFormat="1" ht="11.1" customHeight="1" outlineLevel="2" x14ac:dyDescent="0.2">
      <c r="A6043" s="17"/>
      <c r="B6043" s="17"/>
      <c r="C6043" s="17"/>
      <c r="D6043" s="18"/>
      <c r="E6043" s="18"/>
      <c r="F6043" s="18"/>
      <c r="G6043" s="18"/>
      <c r="H6043" s="18"/>
      <c r="I6043" s="18"/>
      <c r="J6043" s="18"/>
      <c r="K6043" s="18"/>
      <c r="L6043" s="18"/>
      <c r="M6043" s="18"/>
      <c r="N6043" s="18"/>
      <c r="O6043" s="18"/>
      <c r="P6043" s="19"/>
      <c r="Q6043" s="19"/>
      <c r="R6043" s="19"/>
      <c r="S6043" s="19"/>
      <c r="T6043" s="19"/>
      <c r="U6043" s="19"/>
      <c r="V6043" s="19"/>
      <c r="W6043" s="19"/>
      <c r="X6043" s="19"/>
      <c r="Y6043" s="19"/>
      <c r="Z6043" s="19"/>
      <c r="AA6043" s="19"/>
    </row>
    <row r="6044" spans="1:27" s="1" customFormat="1" ht="14.1" customHeight="1" outlineLevel="2" x14ac:dyDescent="0.2">
      <c r="A6044" s="17">
        <v>16764</v>
      </c>
      <c r="B6044" s="17"/>
      <c r="C6044" s="17"/>
      <c r="D6044" s="18" t="s">
        <v>3003</v>
      </c>
      <c r="E6044" s="18"/>
      <c r="F6044" s="18"/>
      <c r="G6044" s="18"/>
      <c r="H6044" s="18"/>
      <c r="I6044" s="18"/>
      <c r="J6044" s="18"/>
      <c r="K6044" s="18"/>
      <c r="L6044" s="18"/>
      <c r="M6044" s="18"/>
      <c r="N6044" s="18"/>
      <c r="O6044" s="18"/>
      <c r="P6044" s="19">
        <v>500</v>
      </c>
      <c r="Q6044" s="19"/>
      <c r="R6044" s="19"/>
      <c r="S6044" s="19"/>
      <c r="T6044" s="19">
        <v>400</v>
      </c>
      <c r="U6044" s="19"/>
      <c r="V6044" s="19"/>
      <c r="W6044" s="19"/>
      <c r="X6044" s="19">
        <v>1</v>
      </c>
      <c r="Y6044" s="19"/>
      <c r="Z6044" s="19"/>
      <c r="AA6044" s="19"/>
    </row>
    <row r="6045" spans="1:27" s="1" customFormat="1" ht="14.1" customHeight="1" outlineLevel="2" x14ac:dyDescent="0.2">
      <c r="A6045" s="17"/>
      <c r="B6045" s="17"/>
      <c r="C6045" s="17"/>
      <c r="D6045" s="18"/>
      <c r="E6045" s="18"/>
      <c r="F6045" s="18"/>
      <c r="G6045" s="18"/>
      <c r="H6045" s="18"/>
      <c r="I6045" s="18"/>
      <c r="J6045" s="18"/>
      <c r="K6045" s="18"/>
      <c r="L6045" s="18"/>
      <c r="M6045" s="18"/>
      <c r="N6045" s="18"/>
      <c r="O6045" s="18"/>
      <c r="P6045" s="19"/>
      <c r="Q6045" s="19"/>
      <c r="R6045" s="19"/>
      <c r="S6045" s="19"/>
      <c r="T6045" s="19"/>
      <c r="U6045" s="19"/>
      <c r="V6045" s="19"/>
      <c r="W6045" s="19"/>
      <c r="X6045" s="19"/>
      <c r="Y6045" s="19"/>
      <c r="Z6045" s="19"/>
      <c r="AA6045" s="19"/>
    </row>
    <row r="6046" spans="1:27" s="1" customFormat="1" ht="11.1" customHeight="1" outlineLevel="2" x14ac:dyDescent="0.2">
      <c r="A6046" s="17">
        <v>12160</v>
      </c>
      <c r="B6046" s="17"/>
      <c r="C6046" s="17"/>
      <c r="D6046" s="18" t="s">
        <v>3004</v>
      </c>
      <c r="E6046" s="18"/>
      <c r="F6046" s="18"/>
      <c r="G6046" s="18"/>
      <c r="H6046" s="18"/>
      <c r="I6046" s="18"/>
      <c r="J6046" s="18"/>
      <c r="K6046" s="18"/>
      <c r="L6046" s="18"/>
      <c r="M6046" s="18"/>
      <c r="N6046" s="18"/>
      <c r="O6046" s="18"/>
      <c r="P6046" s="19">
        <v>190</v>
      </c>
      <c r="Q6046" s="19"/>
      <c r="R6046" s="19"/>
      <c r="S6046" s="19"/>
      <c r="T6046" s="19">
        <v>150</v>
      </c>
      <c r="U6046" s="19"/>
      <c r="V6046" s="19"/>
      <c r="W6046" s="19"/>
      <c r="X6046" s="19">
        <v>1</v>
      </c>
      <c r="Y6046" s="19"/>
      <c r="Z6046" s="19"/>
      <c r="AA6046" s="19"/>
    </row>
    <row r="6047" spans="1:27" s="1" customFormat="1" ht="11.1" customHeight="1" outlineLevel="2" x14ac:dyDescent="0.2">
      <c r="A6047" s="17"/>
      <c r="B6047" s="17"/>
      <c r="C6047" s="17"/>
      <c r="D6047" s="18"/>
      <c r="E6047" s="18"/>
      <c r="F6047" s="18"/>
      <c r="G6047" s="18"/>
      <c r="H6047" s="18"/>
      <c r="I6047" s="18"/>
      <c r="J6047" s="18"/>
      <c r="K6047" s="18"/>
      <c r="L6047" s="18"/>
      <c r="M6047" s="18"/>
      <c r="N6047" s="18"/>
      <c r="O6047" s="18"/>
      <c r="P6047" s="19"/>
      <c r="Q6047" s="19"/>
      <c r="R6047" s="19"/>
      <c r="S6047" s="19"/>
      <c r="T6047" s="19"/>
      <c r="U6047" s="19"/>
      <c r="V6047" s="19"/>
      <c r="W6047" s="19"/>
      <c r="X6047" s="19"/>
      <c r="Y6047" s="19"/>
      <c r="Z6047" s="19"/>
      <c r="AA6047" s="19"/>
    </row>
    <row r="6048" spans="1:27" s="1" customFormat="1" ht="11.1" customHeight="1" outlineLevel="2" x14ac:dyDescent="0.2">
      <c r="A6048" s="17">
        <v>16640</v>
      </c>
      <c r="B6048" s="17"/>
      <c r="C6048" s="17"/>
      <c r="D6048" s="18" t="s">
        <v>3005</v>
      </c>
      <c r="E6048" s="18"/>
      <c r="F6048" s="18"/>
      <c r="G6048" s="18"/>
      <c r="H6048" s="18"/>
      <c r="I6048" s="18"/>
      <c r="J6048" s="18"/>
      <c r="K6048" s="18"/>
      <c r="L6048" s="18"/>
      <c r="M6048" s="18"/>
      <c r="N6048" s="18"/>
      <c r="O6048" s="18"/>
      <c r="P6048" s="19">
        <v>250</v>
      </c>
      <c r="Q6048" s="19"/>
      <c r="R6048" s="19"/>
      <c r="S6048" s="19"/>
      <c r="T6048" s="19">
        <v>150</v>
      </c>
      <c r="U6048" s="19"/>
      <c r="V6048" s="19"/>
      <c r="W6048" s="19"/>
      <c r="X6048" s="19">
        <v>1</v>
      </c>
      <c r="Y6048" s="19"/>
      <c r="Z6048" s="19"/>
      <c r="AA6048" s="19"/>
    </row>
    <row r="6049" spans="1:27" s="1" customFormat="1" ht="11.1" customHeight="1" outlineLevel="2" x14ac:dyDescent="0.2">
      <c r="A6049" s="17"/>
      <c r="B6049" s="17"/>
      <c r="C6049" s="17"/>
      <c r="D6049" s="18"/>
      <c r="E6049" s="18"/>
      <c r="F6049" s="18"/>
      <c r="G6049" s="18"/>
      <c r="H6049" s="18"/>
      <c r="I6049" s="18"/>
      <c r="J6049" s="18"/>
      <c r="K6049" s="18"/>
      <c r="L6049" s="18"/>
      <c r="M6049" s="18"/>
      <c r="N6049" s="18"/>
      <c r="O6049" s="18"/>
      <c r="P6049" s="19"/>
      <c r="Q6049" s="19"/>
      <c r="R6049" s="19"/>
      <c r="S6049" s="19"/>
      <c r="T6049" s="19"/>
      <c r="U6049" s="19"/>
      <c r="V6049" s="19"/>
      <c r="W6049" s="19"/>
      <c r="X6049" s="19"/>
      <c r="Y6049" s="19"/>
      <c r="Z6049" s="19"/>
      <c r="AA6049" s="19"/>
    </row>
    <row r="6050" spans="1:27" s="1" customFormat="1" ht="14.1" customHeight="1" outlineLevel="2" x14ac:dyDescent="0.2">
      <c r="A6050" s="17">
        <v>16763</v>
      </c>
      <c r="B6050" s="17"/>
      <c r="C6050" s="17"/>
      <c r="D6050" s="18" t="s">
        <v>3006</v>
      </c>
      <c r="E6050" s="18"/>
      <c r="F6050" s="18"/>
      <c r="G6050" s="18"/>
      <c r="H6050" s="18"/>
      <c r="I6050" s="18"/>
      <c r="J6050" s="18"/>
      <c r="K6050" s="18"/>
      <c r="L6050" s="18"/>
      <c r="M6050" s="18"/>
      <c r="N6050" s="18"/>
      <c r="O6050" s="18"/>
      <c r="P6050" s="19">
        <v>250</v>
      </c>
      <c r="Q6050" s="19"/>
      <c r="R6050" s="19"/>
      <c r="S6050" s="19"/>
      <c r="T6050" s="19">
        <v>150</v>
      </c>
      <c r="U6050" s="19"/>
      <c r="V6050" s="19"/>
      <c r="W6050" s="19"/>
      <c r="X6050" s="19">
        <v>1</v>
      </c>
      <c r="Y6050" s="19"/>
      <c r="Z6050" s="19"/>
      <c r="AA6050" s="19"/>
    </row>
    <row r="6051" spans="1:27" s="1" customFormat="1" ht="14.1" customHeight="1" outlineLevel="2" x14ac:dyDescent="0.2">
      <c r="A6051" s="17"/>
      <c r="B6051" s="17"/>
      <c r="C6051" s="17"/>
      <c r="D6051" s="18"/>
      <c r="E6051" s="18"/>
      <c r="F6051" s="18"/>
      <c r="G6051" s="18"/>
      <c r="H6051" s="18"/>
      <c r="I6051" s="18"/>
      <c r="J6051" s="18"/>
      <c r="K6051" s="18"/>
      <c r="L6051" s="18"/>
      <c r="M6051" s="18"/>
      <c r="N6051" s="18"/>
      <c r="O6051" s="18"/>
      <c r="P6051" s="19"/>
      <c r="Q6051" s="19"/>
      <c r="R6051" s="19"/>
      <c r="S6051" s="19"/>
      <c r="T6051" s="19"/>
      <c r="U6051" s="19"/>
      <c r="V6051" s="19"/>
      <c r="W6051" s="19"/>
      <c r="X6051" s="19"/>
      <c r="Y6051" s="19"/>
      <c r="Z6051" s="19"/>
      <c r="AA6051" s="19"/>
    </row>
    <row r="6052" spans="1:27" s="1" customFormat="1" ht="11.1" customHeight="1" outlineLevel="2" x14ac:dyDescent="0.2">
      <c r="A6052" s="17">
        <v>16738</v>
      </c>
      <c r="B6052" s="17"/>
      <c r="C6052" s="17"/>
      <c r="D6052" s="18" t="s">
        <v>3007</v>
      </c>
      <c r="E6052" s="18"/>
      <c r="F6052" s="18"/>
      <c r="G6052" s="18"/>
      <c r="H6052" s="18"/>
      <c r="I6052" s="18"/>
      <c r="J6052" s="18"/>
      <c r="K6052" s="18"/>
      <c r="L6052" s="18"/>
      <c r="M6052" s="18"/>
      <c r="N6052" s="18"/>
      <c r="O6052" s="18"/>
      <c r="P6052" s="19">
        <v>350</v>
      </c>
      <c r="Q6052" s="19"/>
      <c r="R6052" s="19"/>
      <c r="S6052" s="19"/>
      <c r="T6052" s="19">
        <v>300</v>
      </c>
      <c r="U6052" s="19"/>
      <c r="V6052" s="19"/>
      <c r="W6052" s="19"/>
      <c r="X6052" s="19">
        <v>1</v>
      </c>
      <c r="Y6052" s="19"/>
      <c r="Z6052" s="19"/>
      <c r="AA6052" s="19"/>
    </row>
    <row r="6053" spans="1:27" s="1" customFormat="1" ht="11.1" customHeight="1" outlineLevel="2" x14ac:dyDescent="0.2">
      <c r="A6053" s="17"/>
      <c r="B6053" s="17"/>
      <c r="C6053" s="17"/>
      <c r="D6053" s="18"/>
      <c r="E6053" s="18"/>
      <c r="F6053" s="18"/>
      <c r="G6053" s="18"/>
      <c r="H6053" s="18"/>
      <c r="I6053" s="18"/>
      <c r="J6053" s="18"/>
      <c r="K6053" s="18"/>
      <c r="L6053" s="18"/>
      <c r="M6053" s="18"/>
      <c r="N6053" s="18"/>
      <c r="O6053" s="18"/>
      <c r="P6053" s="19"/>
      <c r="Q6053" s="19"/>
      <c r="R6053" s="19"/>
      <c r="S6053" s="19"/>
      <c r="T6053" s="19"/>
      <c r="U6053" s="19"/>
      <c r="V6053" s="19"/>
      <c r="W6053" s="19"/>
      <c r="X6053" s="19"/>
      <c r="Y6053" s="19"/>
      <c r="Z6053" s="19"/>
      <c r="AA6053" s="19"/>
    </row>
    <row r="6054" spans="1:27" s="1" customFormat="1" ht="11.1" customHeight="1" outlineLevel="2" x14ac:dyDescent="0.2">
      <c r="A6054" s="17">
        <v>12673</v>
      </c>
      <c r="B6054" s="17"/>
      <c r="C6054" s="17"/>
      <c r="D6054" s="18" t="s">
        <v>3008</v>
      </c>
      <c r="E6054" s="18"/>
      <c r="F6054" s="18"/>
      <c r="G6054" s="18"/>
      <c r="H6054" s="18"/>
      <c r="I6054" s="18"/>
      <c r="J6054" s="18"/>
      <c r="K6054" s="18"/>
      <c r="L6054" s="18"/>
      <c r="M6054" s="18"/>
      <c r="N6054" s="18"/>
      <c r="O6054" s="18"/>
      <c r="P6054" s="19">
        <v>240</v>
      </c>
      <c r="Q6054" s="19"/>
      <c r="R6054" s="19"/>
      <c r="S6054" s="19"/>
      <c r="T6054" s="19">
        <v>190</v>
      </c>
      <c r="U6054" s="19"/>
      <c r="V6054" s="19"/>
      <c r="W6054" s="19"/>
      <c r="X6054" s="19">
        <v>1</v>
      </c>
      <c r="Y6054" s="19"/>
      <c r="Z6054" s="19"/>
      <c r="AA6054" s="19"/>
    </row>
    <row r="6055" spans="1:27" s="1" customFormat="1" ht="11.1" customHeight="1" outlineLevel="2" x14ac:dyDescent="0.2">
      <c r="A6055" s="17"/>
      <c r="B6055" s="17"/>
      <c r="C6055" s="17"/>
      <c r="D6055" s="18"/>
      <c r="E6055" s="18"/>
      <c r="F6055" s="18"/>
      <c r="G6055" s="18"/>
      <c r="H6055" s="18"/>
      <c r="I6055" s="18"/>
      <c r="J6055" s="18"/>
      <c r="K6055" s="18"/>
      <c r="L6055" s="18"/>
      <c r="M6055" s="18"/>
      <c r="N6055" s="18"/>
      <c r="O6055" s="18"/>
      <c r="P6055" s="19"/>
      <c r="Q6055" s="19"/>
      <c r="R6055" s="19"/>
      <c r="S6055" s="19"/>
      <c r="T6055" s="19"/>
      <c r="U6055" s="19"/>
      <c r="V6055" s="19"/>
      <c r="W6055" s="19"/>
      <c r="X6055" s="19"/>
      <c r="Y6055" s="19"/>
      <c r="Z6055" s="19"/>
      <c r="AA6055" s="19"/>
    </row>
    <row r="6056" spans="1:27" s="1" customFormat="1" ht="14.1" customHeight="1" outlineLevel="2" x14ac:dyDescent="0.2">
      <c r="A6056" s="17">
        <v>16634</v>
      </c>
      <c r="B6056" s="17"/>
      <c r="C6056" s="17"/>
      <c r="D6056" s="18" t="s">
        <v>3009</v>
      </c>
      <c r="E6056" s="18"/>
      <c r="F6056" s="18"/>
      <c r="G6056" s="18"/>
      <c r="H6056" s="18"/>
      <c r="I6056" s="18"/>
      <c r="J6056" s="18"/>
      <c r="K6056" s="18"/>
      <c r="L6056" s="18"/>
      <c r="M6056" s="18"/>
      <c r="N6056" s="18"/>
      <c r="O6056" s="18"/>
      <c r="P6056" s="20">
        <v>1000</v>
      </c>
      <c r="Q6056" s="20"/>
      <c r="R6056" s="20"/>
      <c r="S6056" s="20"/>
      <c r="T6056" s="19">
        <v>800</v>
      </c>
      <c r="U6056" s="19"/>
      <c r="V6056" s="19"/>
      <c r="W6056" s="19"/>
      <c r="X6056" s="19">
        <v>2</v>
      </c>
      <c r="Y6056" s="19"/>
      <c r="Z6056" s="19"/>
      <c r="AA6056" s="19"/>
    </row>
    <row r="6057" spans="1:27" s="1" customFormat="1" ht="14.1" customHeight="1" outlineLevel="2" x14ac:dyDescent="0.2">
      <c r="A6057" s="17"/>
      <c r="B6057" s="17"/>
      <c r="C6057" s="17"/>
      <c r="D6057" s="18"/>
      <c r="E6057" s="18"/>
      <c r="F6057" s="18"/>
      <c r="G6057" s="18"/>
      <c r="H6057" s="18"/>
      <c r="I6057" s="18"/>
      <c r="J6057" s="18"/>
      <c r="K6057" s="18"/>
      <c r="L6057" s="18"/>
      <c r="M6057" s="18"/>
      <c r="N6057" s="18"/>
      <c r="O6057" s="18"/>
      <c r="P6057" s="20"/>
      <c r="Q6057" s="20"/>
      <c r="R6057" s="20"/>
      <c r="S6057" s="20"/>
      <c r="T6057" s="19"/>
      <c r="U6057" s="19"/>
      <c r="V6057" s="19"/>
      <c r="W6057" s="19"/>
      <c r="X6057" s="19"/>
      <c r="Y6057" s="19"/>
      <c r="Z6057" s="19"/>
      <c r="AA6057" s="19"/>
    </row>
    <row r="6058" spans="1:27" s="1" customFormat="1" ht="11.1" customHeight="1" outlineLevel="2" x14ac:dyDescent="0.2">
      <c r="A6058" s="17">
        <v>12150</v>
      </c>
      <c r="B6058" s="17"/>
      <c r="C6058" s="17"/>
      <c r="D6058" s="18" t="s">
        <v>3010</v>
      </c>
      <c r="E6058" s="18"/>
      <c r="F6058" s="18"/>
      <c r="G6058" s="18"/>
      <c r="H6058" s="18"/>
      <c r="I6058" s="18"/>
      <c r="J6058" s="18"/>
      <c r="K6058" s="18"/>
      <c r="L6058" s="18"/>
      <c r="M6058" s="18"/>
      <c r="N6058" s="18"/>
      <c r="O6058" s="18"/>
      <c r="P6058" s="19">
        <v>360</v>
      </c>
      <c r="Q6058" s="19"/>
      <c r="R6058" s="19"/>
      <c r="S6058" s="19"/>
      <c r="T6058" s="19">
        <v>300</v>
      </c>
      <c r="U6058" s="19"/>
      <c r="V6058" s="19"/>
      <c r="W6058" s="19"/>
      <c r="X6058" s="19">
        <v>1</v>
      </c>
      <c r="Y6058" s="19"/>
      <c r="Z6058" s="19"/>
      <c r="AA6058" s="19"/>
    </row>
    <row r="6059" spans="1:27" s="1" customFormat="1" ht="11.1" customHeight="1" outlineLevel="2" x14ac:dyDescent="0.2">
      <c r="A6059" s="17"/>
      <c r="B6059" s="17"/>
      <c r="C6059" s="17"/>
      <c r="D6059" s="18"/>
      <c r="E6059" s="18"/>
      <c r="F6059" s="18"/>
      <c r="G6059" s="18"/>
      <c r="H6059" s="18"/>
      <c r="I6059" s="18"/>
      <c r="J6059" s="18"/>
      <c r="K6059" s="18"/>
      <c r="L6059" s="18"/>
      <c r="M6059" s="18"/>
      <c r="N6059" s="18"/>
      <c r="O6059" s="18"/>
      <c r="P6059" s="19"/>
      <c r="Q6059" s="19"/>
      <c r="R6059" s="19"/>
      <c r="S6059" s="19"/>
      <c r="T6059" s="19"/>
      <c r="U6059" s="19"/>
      <c r="V6059" s="19"/>
      <c r="W6059" s="19"/>
      <c r="X6059" s="19"/>
      <c r="Y6059" s="19"/>
      <c r="Z6059" s="19"/>
      <c r="AA6059" s="19"/>
    </row>
    <row r="6060" spans="1:27" s="1" customFormat="1" ht="11.1" customHeight="1" outlineLevel="2" x14ac:dyDescent="0.2">
      <c r="A6060" s="17">
        <v>12914</v>
      </c>
      <c r="B6060" s="17"/>
      <c r="C6060" s="17"/>
      <c r="D6060" s="18" t="s">
        <v>3011</v>
      </c>
      <c r="E6060" s="18"/>
      <c r="F6060" s="18"/>
      <c r="G6060" s="18"/>
      <c r="H6060" s="18"/>
      <c r="I6060" s="18"/>
      <c r="J6060" s="18"/>
      <c r="K6060" s="18"/>
      <c r="L6060" s="18"/>
      <c r="M6060" s="18"/>
      <c r="N6060" s="18"/>
      <c r="O6060" s="18"/>
      <c r="P6060" s="19">
        <v>175</v>
      </c>
      <c r="Q6060" s="19"/>
      <c r="R6060" s="19"/>
      <c r="S6060" s="19"/>
      <c r="T6060" s="19">
        <v>130</v>
      </c>
      <c r="U6060" s="19"/>
      <c r="V6060" s="19"/>
      <c r="W6060" s="19"/>
      <c r="X6060" s="19">
        <v>1</v>
      </c>
      <c r="Y6060" s="19"/>
      <c r="Z6060" s="19"/>
      <c r="AA6060" s="19"/>
    </row>
    <row r="6061" spans="1:27" s="1" customFormat="1" ht="11.1" customHeight="1" outlineLevel="2" x14ac:dyDescent="0.2">
      <c r="A6061" s="17"/>
      <c r="B6061" s="17"/>
      <c r="C6061" s="17"/>
      <c r="D6061" s="18"/>
      <c r="E6061" s="18"/>
      <c r="F6061" s="18"/>
      <c r="G6061" s="18"/>
      <c r="H6061" s="18"/>
      <c r="I6061" s="18"/>
      <c r="J6061" s="18"/>
      <c r="K6061" s="18"/>
      <c r="L6061" s="18"/>
      <c r="M6061" s="18"/>
      <c r="N6061" s="18"/>
      <c r="O6061" s="18"/>
      <c r="P6061" s="19"/>
      <c r="Q6061" s="19"/>
      <c r="R6061" s="19"/>
      <c r="S6061" s="19"/>
      <c r="T6061" s="19"/>
      <c r="U6061" s="19"/>
      <c r="V6061" s="19"/>
      <c r="W6061" s="19"/>
      <c r="X6061" s="19"/>
      <c r="Y6061" s="19"/>
      <c r="Z6061" s="19"/>
      <c r="AA6061" s="19"/>
    </row>
    <row r="6062" spans="1:27" s="1" customFormat="1" ht="11.1" customHeight="1" x14ac:dyDescent="0.2">
      <c r="A6062" s="16" t="s">
        <v>3012</v>
      </c>
      <c r="B6062" s="16"/>
      <c r="C6062" s="16"/>
      <c r="D6062" s="16"/>
      <c r="E6062" s="16"/>
      <c r="F6062" s="16"/>
      <c r="G6062" s="16"/>
      <c r="H6062" s="16"/>
      <c r="I6062" s="16"/>
      <c r="J6062" s="16"/>
      <c r="K6062" s="16"/>
      <c r="L6062" s="16"/>
      <c r="M6062" s="16"/>
      <c r="N6062" s="16"/>
      <c r="O6062" s="16"/>
      <c r="P6062" s="16"/>
      <c r="Q6062" s="16"/>
      <c r="R6062" s="16"/>
      <c r="S6062" s="16"/>
      <c r="T6062" s="16"/>
      <c r="U6062" s="16"/>
      <c r="V6062" s="16"/>
      <c r="W6062" s="16"/>
      <c r="X6062" s="16"/>
      <c r="Y6062" s="16"/>
      <c r="Z6062" s="16"/>
      <c r="AA6062" s="16"/>
    </row>
    <row r="6063" spans="1:27" s="1" customFormat="1" ht="11.1" customHeight="1" x14ac:dyDescent="0.2">
      <c r="A6063" s="16"/>
      <c r="B6063" s="16"/>
      <c r="C6063" s="16"/>
      <c r="D6063" s="16"/>
      <c r="E6063" s="16"/>
      <c r="F6063" s="16"/>
      <c r="G6063" s="16"/>
      <c r="H6063" s="16"/>
      <c r="I6063" s="16"/>
      <c r="J6063" s="16"/>
      <c r="K6063" s="16"/>
      <c r="L6063" s="16"/>
      <c r="M6063" s="16"/>
      <c r="N6063" s="16"/>
      <c r="O6063" s="16"/>
      <c r="P6063" s="16"/>
      <c r="Q6063" s="16"/>
      <c r="R6063" s="16"/>
      <c r="S6063" s="16"/>
      <c r="T6063" s="16"/>
      <c r="U6063" s="16"/>
      <c r="V6063" s="16"/>
      <c r="W6063" s="16"/>
      <c r="X6063" s="16"/>
      <c r="Y6063" s="16"/>
      <c r="Z6063" s="16"/>
      <c r="AA6063" s="16"/>
    </row>
    <row r="6064" spans="1:27" s="1" customFormat="1" ht="14.1" customHeight="1" outlineLevel="1" x14ac:dyDescent="0.2">
      <c r="A6064" s="17">
        <v>8693</v>
      </c>
      <c r="B6064" s="17"/>
      <c r="C6064" s="17"/>
      <c r="D6064" s="18" t="s">
        <v>3013</v>
      </c>
      <c r="E6064" s="18"/>
      <c r="F6064" s="18"/>
      <c r="G6064" s="18"/>
      <c r="H6064" s="18"/>
      <c r="I6064" s="18"/>
      <c r="J6064" s="18"/>
      <c r="K6064" s="18"/>
      <c r="L6064" s="18"/>
      <c r="M6064" s="18"/>
      <c r="N6064" s="18"/>
      <c r="O6064" s="18"/>
      <c r="P6064" s="19">
        <v>210</v>
      </c>
      <c r="Q6064" s="19"/>
      <c r="R6064" s="19"/>
      <c r="S6064" s="19"/>
      <c r="T6064" s="19">
        <v>111</v>
      </c>
      <c r="U6064" s="19"/>
      <c r="V6064" s="19"/>
      <c r="W6064" s="19"/>
      <c r="X6064" s="19">
        <v>1</v>
      </c>
      <c r="Y6064" s="19"/>
      <c r="Z6064" s="19"/>
      <c r="AA6064" s="19"/>
    </row>
    <row r="6065" spans="1:27" s="1" customFormat="1" ht="14.1" customHeight="1" outlineLevel="1" x14ac:dyDescent="0.2">
      <c r="A6065" s="17"/>
      <c r="B6065" s="17"/>
      <c r="C6065" s="17"/>
      <c r="D6065" s="18"/>
      <c r="E6065" s="18"/>
      <c r="F6065" s="18"/>
      <c r="G6065" s="18"/>
      <c r="H6065" s="18"/>
      <c r="I6065" s="18"/>
      <c r="J6065" s="18"/>
      <c r="K6065" s="18"/>
      <c r="L6065" s="18"/>
      <c r="M6065" s="18"/>
      <c r="N6065" s="18"/>
      <c r="O6065" s="18"/>
      <c r="P6065" s="19"/>
      <c r="Q6065" s="19"/>
      <c r="R6065" s="19"/>
      <c r="S6065" s="19"/>
      <c r="T6065" s="19"/>
      <c r="U6065" s="19"/>
      <c r="V6065" s="19"/>
      <c r="W6065" s="19"/>
      <c r="X6065" s="19"/>
      <c r="Y6065" s="19"/>
      <c r="Z6065" s="19"/>
      <c r="AA6065" s="19"/>
    </row>
    <row r="6066" spans="1:27" s="1" customFormat="1" ht="11.1" customHeight="1" outlineLevel="1" x14ac:dyDescent="0.2">
      <c r="A6066" s="17">
        <v>11288</v>
      </c>
      <c r="B6066" s="17"/>
      <c r="C6066" s="17"/>
      <c r="D6066" s="18" t="s">
        <v>3014</v>
      </c>
      <c r="E6066" s="18"/>
      <c r="F6066" s="18"/>
      <c r="G6066" s="18"/>
      <c r="H6066" s="18"/>
      <c r="I6066" s="18"/>
      <c r="J6066" s="18"/>
      <c r="K6066" s="18"/>
      <c r="L6066" s="18"/>
      <c r="M6066" s="18"/>
      <c r="N6066" s="18"/>
      <c r="O6066" s="18"/>
      <c r="P6066" s="19">
        <v>360</v>
      </c>
      <c r="Q6066" s="19"/>
      <c r="R6066" s="19"/>
      <c r="S6066" s="19"/>
      <c r="T6066" s="19">
        <v>260</v>
      </c>
      <c r="U6066" s="19"/>
      <c r="V6066" s="19"/>
      <c r="W6066" s="19"/>
      <c r="X6066" s="19">
        <v>1</v>
      </c>
      <c r="Y6066" s="19"/>
      <c r="Z6066" s="19"/>
      <c r="AA6066" s="19"/>
    </row>
    <row r="6067" spans="1:27" s="1" customFormat="1" ht="11.1" customHeight="1" outlineLevel="1" x14ac:dyDescent="0.2">
      <c r="A6067" s="17"/>
      <c r="B6067" s="17"/>
      <c r="C6067" s="17"/>
      <c r="D6067" s="18"/>
      <c r="E6067" s="18"/>
      <c r="F6067" s="18"/>
      <c r="G6067" s="18"/>
      <c r="H6067" s="18"/>
      <c r="I6067" s="18"/>
      <c r="J6067" s="18"/>
      <c r="K6067" s="18"/>
      <c r="L6067" s="18"/>
      <c r="M6067" s="18"/>
      <c r="N6067" s="18"/>
      <c r="O6067" s="18"/>
      <c r="P6067" s="19"/>
      <c r="Q6067" s="19"/>
      <c r="R6067" s="19"/>
      <c r="S6067" s="19"/>
      <c r="T6067" s="19"/>
      <c r="U6067" s="19"/>
      <c r="V6067" s="19"/>
      <c r="W6067" s="19"/>
      <c r="X6067" s="19"/>
      <c r="Y6067" s="19"/>
      <c r="Z6067" s="19"/>
      <c r="AA6067" s="19"/>
    </row>
    <row r="6068" spans="1:27" s="1" customFormat="1" ht="14.1" customHeight="1" outlineLevel="1" x14ac:dyDescent="0.2">
      <c r="A6068" s="17">
        <v>8817</v>
      </c>
      <c r="B6068" s="17"/>
      <c r="C6068" s="17"/>
      <c r="D6068" s="18" t="s">
        <v>3015</v>
      </c>
      <c r="E6068" s="18"/>
      <c r="F6068" s="18"/>
      <c r="G6068" s="18"/>
      <c r="H6068" s="18"/>
      <c r="I6068" s="18"/>
      <c r="J6068" s="18"/>
      <c r="K6068" s="18"/>
      <c r="L6068" s="18"/>
      <c r="M6068" s="18"/>
      <c r="N6068" s="18"/>
      <c r="O6068" s="18"/>
      <c r="P6068" s="19">
        <v>280</v>
      </c>
      <c r="Q6068" s="19"/>
      <c r="R6068" s="19"/>
      <c r="S6068" s="19"/>
      <c r="T6068" s="19">
        <v>250</v>
      </c>
      <c r="U6068" s="19"/>
      <c r="V6068" s="19"/>
      <c r="W6068" s="19"/>
      <c r="X6068" s="19">
        <v>1</v>
      </c>
      <c r="Y6068" s="19"/>
      <c r="Z6068" s="19"/>
      <c r="AA6068" s="19"/>
    </row>
    <row r="6069" spans="1:27" s="1" customFormat="1" ht="14.1" customHeight="1" outlineLevel="1" x14ac:dyDescent="0.2">
      <c r="A6069" s="17"/>
      <c r="B6069" s="17"/>
      <c r="C6069" s="17"/>
      <c r="D6069" s="18"/>
      <c r="E6069" s="18"/>
      <c r="F6069" s="18"/>
      <c r="G6069" s="18"/>
      <c r="H6069" s="18"/>
      <c r="I6069" s="18"/>
      <c r="J6069" s="18"/>
      <c r="K6069" s="18"/>
      <c r="L6069" s="18"/>
      <c r="M6069" s="18"/>
      <c r="N6069" s="18"/>
      <c r="O6069" s="18"/>
      <c r="P6069" s="19"/>
      <c r="Q6069" s="19"/>
      <c r="R6069" s="19"/>
      <c r="S6069" s="19"/>
      <c r="T6069" s="19"/>
      <c r="U6069" s="19"/>
      <c r="V6069" s="19"/>
      <c r="W6069" s="19"/>
      <c r="X6069" s="19"/>
      <c r="Y6069" s="19"/>
      <c r="Z6069" s="19"/>
      <c r="AA6069" s="19"/>
    </row>
    <row r="6070" spans="1:27" s="1" customFormat="1" ht="11.1" customHeight="1" outlineLevel="1" x14ac:dyDescent="0.2">
      <c r="A6070" s="17">
        <v>8818</v>
      </c>
      <c r="B6070" s="17"/>
      <c r="C6070" s="17"/>
      <c r="D6070" s="18" t="s">
        <v>3016</v>
      </c>
      <c r="E6070" s="18"/>
      <c r="F6070" s="18"/>
      <c r="G6070" s="18"/>
      <c r="H6070" s="18"/>
      <c r="I6070" s="18"/>
      <c r="J6070" s="18"/>
      <c r="K6070" s="18"/>
      <c r="L6070" s="18"/>
      <c r="M6070" s="18"/>
      <c r="N6070" s="18"/>
      <c r="O6070" s="18"/>
      <c r="P6070" s="19">
        <v>280</v>
      </c>
      <c r="Q6070" s="19"/>
      <c r="R6070" s="19"/>
      <c r="S6070" s="19"/>
      <c r="T6070" s="19">
        <v>250</v>
      </c>
      <c r="U6070" s="19"/>
      <c r="V6070" s="19"/>
      <c r="W6070" s="19"/>
      <c r="X6070" s="19">
        <v>1</v>
      </c>
      <c r="Y6070" s="19"/>
      <c r="Z6070" s="19"/>
      <c r="AA6070" s="19"/>
    </row>
    <row r="6071" spans="1:27" s="1" customFormat="1" ht="11.1" customHeight="1" outlineLevel="1" x14ac:dyDescent="0.2">
      <c r="A6071" s="17"/>
      <c r="B6071" s="17"/>
      <c r="C6071" s="17"/>
      <c r="D6071" s="18"/>
      <c r="E6071" s="18"/>
      <c r="F6071" s="18"/>
      <c r="G6071" s="18"/>
      <c r="H6071" s="18"/>
      <c r="I6071" s="18"/>
      <c r="J6071" s="18"/>
      <c r="K6071" s="18"/>
      <c r="L6071" s="18"/>
      <c r="M6071" s="18"/>
      <c r="N6071" s="18"/>
      <c r="O6071" s="18"/>
      <c r="P6071" s="19"/>
      <c r="Q6071" s="19"/>
      <c r="R6071" s="19"/>
      <c r="S6071" s="19"/>
      <c r="T6071" s="19"/>
      <c r="U6071" s="19"/>
      <c r="V6071" s="19"/>
      <c r="W6071" s="19"/>
      <c r="X6071" s="19"/>
      <c r="Y6071" s="19"/>
      <c r="Z6071" s="19"/>
      <c r="AA6071" s="19"/>
    </row>
    <row r="6072" spans="1:27" s="1" customFormat="1" ht="14.1" customHeight="1" outlineLevel="1" x14ac:dyDescent="0.2">
      <c r="A6072" s="17">
        <v>9891</v>
      </c>
      <c r="B6072" s="17"/>
      <c r="C6072" s="17"/>
      <c r="D6072" s="18" t="s">
        <v>3017</v>
      </c>
      <c r="E6072" s="18"/>
      <c r="F6072" s="18"/>
      <c r="G6072" s="18"/>
      <c r="H6072" s="18"/>
      <c r="I6072" s="18"/>
      <c r="J6072" s="18"/>
      <c r="K6072" s="18"/>
      <c r="L6072" s="18"/>
      <c r="M6072" s="18"/>
      <c r="N6072" s="18"/>
      <c r="O6072" s="18"/>
      <c r="P6072" s="19">
        <v>320</v>
      </c>
      <c r="Q6072" s="19"/>
      <c r="R6072" s="19"/>
      <c r="S6072" s="19"/>
      <c r="T6072" s="19">
        <v>300</v>
      </c>
      <c r="U6072" s="19"/>
      <c r="V6072" s="19"/>
      <c r="W6072" s="19"/>
      <c r="X6072" s="19">
        <v>4</v>
      </c>
      <c r="Y6072" s="19"/>
      <c r="Z6072" s="19"/>
      <c r="AA6072" s="19"/>
    </row>
    <row r="6073" spans="1:27" s="1" customFormat="1" ht="14.1" customHeight="1" outlineLevel="1" x14ac:dyDescent="0.2">
      <c r="A6073" s="17"/>
      <c r="B6073" s="17"/>
      <c r="C6073" s="17"/>
      <c r="D6073" s="18"/>
      <c r="E6073" s="18"/>
      <c r="F6073" s="18"/>
      <c r="G6073" s="18"/>
      <c r="H6073" s="18"/>
      <c r="I6073" s="18"/>
      <c r="J6073" s="18"/>
      <c r="K6073" s="18"/>
      <c r="L6073" s="18"/>
      <c r="M6073" s="18"/>
      <c r="N6073" s="18"/>
      <c r="O6073" s="18"/>
      <c r="P6073" s="19"/>
      <c r="Q6073" s="19"/>
      <c r="R6073" s="19"/>
      <c r="S6073" s="19"/>
      <c r="T6073" s="19"/>
      <c r="U6073" s="19"/>
      <c r="V6073" s="19"/>
      <c r="W6073" s="19"/>
      <c r="X6073" s="19"/>
      <c r="Y6073" s="19"/>
      <c r="Z6073" s="19"/>
      <c r="AA6073" s="19"/>
    </row>
    <row r="6074" spans="1:27" s="1" customFormat="1" ht="11.1" customHeight="1" outlineLevel="1" x14ac:dyDescent="0.2">
      <c r="A6074" s="17">
        <v>11307</v>
      </c>
      <c r="B6074" s="17"/>
      <c r="C6074" s="17"/>
      <c r="D6074" s="18" t="s">
        <v>3018</v>
      </c>
      <c r="E6074" s="18"/>
      <c r="F6074" s="18"/>
      <c r="G6074" s="18"/>
      <c r="H6074" s="18"/>
      <c r="I6074" s="18"/>
      <c r="J6074" s="18"/>
      <c r="K6074" s="18"/>
      <c r="L6074" s="18"/>
      <c r="M6074" s="18"/>
      <c r="N6074" s="18"/>
      <c r="O6074" s="18"/>
      <c r="P6074" s="19">
        <v>550</v>
      </c>
      <c r="Q6074" s="19"/>
      <c r="R6074" s="19"/>
      <c r="S6074" s="19"/>
      <c r="T6074" s="19">
        <v>450</v>
      </c>
      <c r="U6074" s="19"/>
      <c r="V6074" s="19"/>
      <c r="W6074" s="19"/>
      <c r="X6074" s="19">
        <v>1</v>
      </c>
      <c r="Y6074" s="19"/>
      <c r="Z6074" s="19"/>
      <c r="AA6074" s="19"/>
    </row>
    <row r="6075" spans="1:27" s="1" customFormat="1" ht="11.1" customHeight="1" outlineLevel="1" x14ac:dyDescent="0.2">
      <c r="A6075" s="17"/>
      <c r="B6075" s="17"/>
      <c r="C6075" s="17"/>
      <c r="D6075" s="18"/>
      <c r="E6075" s="18"/>
      <c r="F6075" s="18"/>
      <c r="G6075" s="18"/>
      <c r="H6075" s="18"/>
      <c r="I6075" s="18"/>
      <c r="J6075" s="18"/>
      <c r="K6075" s="18"/>
      <c r="L6075" s="18"/>
      <c r="M6075" s="18"/>
      <c r="N6075" s="18"/>
      <c r="O6075" s="18"/>
      <c r="P6075" s="19"/>
      <c r="Q6075" s="19"/>
      <c r="R6075" s="19"/>
      <c r="S6075" s="19"/>
      <c r="T6075" s="19"/>
      <c r="U6075" s="19"/>
      <c r="V6075" s="19"/>
      <c r="W6075" s="19"/>
      <c r="X6075" s="19"/>
      <c r="Y6075" s="19"/>
      <c r="Z6075" s="19"/>
      <c r="AA6075" s="19"/>
    </row>
    <row r="6076" spans="1:27" s="1" customFormat="1" ht="11.1" customHeight="1" outlineLevel="1" x14ac:dyDescent="0.2">
      <c r="A6076" s="17">
        <v>11293</v>
      </c>
      <c r="B6076" s="17"/>
      <c r="C6076" s="17"/>
      <c r="D6076" s="18" t="s">
        <v>3019</v>
      </c>
      <c r="E6076" s="18"/>
      <c r="F6076" s="18"/>
      <c r="G6076" s="18"/>
      <c r="H6076" s="18"/>
      <c r="I6076" s="18"/>
      <c r="J6076" s="18"/>
      <c r="K6076" s="18"/>
      <c r="L6076" s="18"/>
      <c r="M6076" s="18"/>
      <c r="N6076" s="18"/>
      <c r="O6076" s="18"/>
      <c r="P6076" s="19">
        <v>290</v>
      </c>
      <c r="Q6076" s="19"/>
      <c r="R6076" s="19"/>
      <c r="S6076" s="19"/>
      <c r="T6076" s="19">
        <v>190</v>
      </c>
      <c r="U6076" s="19"/>
      <c r="V6076" s="19"/>
      <c r="W6076" s="19"/>
      <c r="X6076" s="19">
        <v>1</v>
      </c>
      <c r="Y6076" s="19"/>
      <c r="Z6076" s="19"/>
      <c r="AA6076" s="19"/>
    </row>
    <row r="6077" spans="1:27" s="1" customFormat="1" ht="11.1" customHeight="1" outlineLevel="1" x14ac:dyDescent="0.2">
      <c r="A6077" s="17"/>
      <c r="B6077" s="17"/>
      <c r="C6077" s="17"/>
      <c r="D6077" s="18"/>
      <c r="E6077" s="18"/>
      <c r="F6077" s="18"/>
      <c r="G6077" s="18"/>
      <c r="H6077" s="18"/>
      <c r="I6077" s="18"/>
      <c r="J6077" s="18"/>
      <c r="K6077" s="18"/>
      <c r="L6077" s="18"/>
      <c r="M6077" s="18"/>
      <c r="N6077" s="18"/>
      <c r="O6077" s="18"/>
      <c r="P6077" s="19"/>
      <c r="Q6077" s="19"/>
      <c r="R6077" s="19"/>
      <c r="S6077" s="19"/>
      <c r="T6077" s="19"/>
      <c r="U6077" s="19"/>
      <c r="V6077" s="19"/>
      <c r="W6077" s="19"/>
      <c r="X6077" s="19"/>
      <c r="Y6077" s="19"/>
      <c r="Z6077" s="19"/>
      <c r="AA6077" s="19"/>
    </row>
    <row r="6078" spans="1:27" s="1" customFormat="1" ht="11.1" customHeight="1" outlineLevel="1" x14ac:dyDescent="0.2">
      <c r="A6078" s="17">
        <v>9125</v>
      </c>
      <c r="B6078" s="17"/>
      <c r="C6078" s="17"/>
      <c r="D6078" s="18" t="s">
        <v>3020</v>
      </c>
      <c r="E6078" s="18"/>
      <c r="F6078" s="18"/>
      <c r="G6078" s="18"/>
      <c r="H6078" s="18"/>
      <c r="I6078" s="18"/>
      <c r="J6078" s="18"/>
      <c r="K6078" s="18"/>
      <c r="L6078" s="18"/>
      <c r="M6078" s="18"/>
      <c r="N6078" s="18"/>
      <c r="O6078" s="18"/>
      <c r="P6078" s="19">
        <v>420</v>
      </c>
      <c r="Q6078" s="19"/>
      <c r="R6078" s="19"/>
      <c r="S6078" s="19"/>
      <c r="T6078" s="19">
        <v>364</v>
      </c>
      <c r="U6078" s="19"/>
      <c r="V6078" s="19"/>
      <c r="W6078" s="19"/>
      <c r="X6078" s="19">
        <v>6</v>
      </c>
      <c r="Y6078" s="19"/>
      <c r="Z6078" s="19"/>
      <c r="AA6078" s="19"/>
    </row>
    <row r="6079" spans="1:27" s="1" customFormat="1" ht="11.1" customHeight="1" outlineLevel="1" x14ac:dyDescent="0.2">
      <c r="A6079" s="17"/>
      <c r="B6079" s="17"/>
      <c r="C6079" s="17"/>
      <c r="D6079" s="18"/>
      <c r="E6079" s="18"/>
      <c r="F6079" s="18"/>
      <c r="G6079" s="18"/>
      <c r="H6079" s="18"/>
      <c r="I6079" s="18"/>
      <c r="J6079" s="18"/>
      <c r="K6079" s="18"/>
      <c r="L6079" s="18"/>
      <c r="M6079" s="18"/>
      <c r="N6079" s="18"/>
      <c r="O6079" s="18"/>
      <c r="P6079" s="19"/>
      <c r="Q6079" s="19"/>
      <c r="R6079" s="19"/>
      <c r="S6079" s="19"/>
      <c r="T6079" s="19"/>
      <c r="U6079" s="19"/>
      <c r="V6079" s="19"/>
      <c r="W6079" s="19"/>
      <c r="X6079" s="19"/>
      <c r="Y6079" s="19"/>
      <c r="Z6079" s="19"/>
      <c r="AA6079" s="19"/>
    </row>
    <row r="6080" spans="1:27" s="1" customFormat="1" ht="11.1" customHeight="1" outlineLevel="1" x14ac:dyDescent="0.2">
      <c r="A6080" s="17">
        <v>11308</v>
      </c>
      <c r="B6080" s="17"/>
      <c r="C6080" s="17"/>
      <c r="D6080" s="18" t="s">
        <v>3021</v>
      </c>
      <c r="E6080" s="18"/>
      <c r="F6080" s="18"/>
      <c r="G6080" s="18"/>
      <c r="H6080" s="18"/>
      <c r="I6080" s="18"/>
      <c r="J6080" s="18"/>
      <c r="K6080" s="18"/>
      <c r="L6080" s="18"/>
      <c r="M6080" s="18"/>
      <c r="N6080" s="18"/>
      <c r="O6080" s="18"/>
      <c r="P6080" s="19">
        <v>370</v>
      </c>
      <c r="Q6080" s="19"/>
      <c r="R6080" s="19"/>
      <c r="S6080" s="19"/>
      <c r="T6080" s="19">
        <v>273</v>
      </c>
      <c r="U6080" s="19"/>
      <c r="V6080" s="19"/>
      <c r="W6080" s="19"/>
      <c r="X6080" s="19">
        <v>1</v>
      </c>
      <c r="Y6080" s="19"/>
      <c r="Z6080" s="19"/>
      <c r="AA6080" s="19"/>
    </row>
    <row r="6081" spans="1:27" s="1" customFormat="1" ht="11.1" customHeight="1" outlineLevel="1" x14ac:dyDescent="0.2">
      <c r="A6081" s="17"/>
      <c r="B6081" s="17"/>
      <c r="C6081" s="17"/>
      <c r="D6081" s="18"/>
      <c r="E6081" s="18"/>
      <c r="F6081" s="18"/>
      <c r="G6081" s="18"/>
      <c r="H6081" s="18"/>
      <c r="I6081" s="18"/>
      <c r="J6081" s="18"/>
      <c r="K6081" s="18"/>
      <c r="L6081" s="18"/>
      <c r="M6081" s="18"/>
      <c r="N6081" s="18"/>
      <c r="O6081" s="18"/>
      <c r="P6081" s="19"/>
      <c r="Q6081" s="19"/>
      <c r="R6081" s="19"/>
      <c r="S6081" s="19"/>
      <c r="T6081" s="19"/>
      <c r="U6081" s="19"/>
      <c r="V6081" s="19"/>
      <c r="W6081" s="19"/>
      <c r="X6081" s="19"/>
      <c r="Y6081" s="19"/>
      <c r="Z6081" s="19"/>
      <c r="AA6081" s="19"/>
    </row>
    <row r="6082" spans="1:27" s="1" customFormat="1" ht="14.1" customHeight="1" outlineLevel="1" x14ac:dyDescent="0.2">
      <c r="A6082" s="17">
        <v>11291</v>
      </c>
      <c r="B6082" s="17"/>
      <c r="C6082" s="17"/>
      <c r="D6082" s="18" t="s">
        <v>3022</v>
      </c>
      <c r="E6082" s="18"/>
      <c r="F6082" s="18"/>
      <c r="G6082" s="18"/>
      <c r="H6082" s="18"/>
      <c r="I6082" s="18"/>
      <c r="J6082" s="18"/>
      <c r="K6082" s="18"/>
      <c r="L6082" s="18"/>
      <c r="M6082" s="18"/>
      <c r="N6082" s="18"/>
      <c r="O6082" s="18"/>
      <c r="P6082" s="19">
        <v>260</v>
      </c>
      <c r="Q6082" s="19"/>
      <c r="R6082" s="19"/>
      <c r="S6082" s="19"/>
      <c r="T6082" s="19">
        <v>160</v>
      </c>
      <c r="U6082" s="19"/>
      <c r="V6082" s="19"/>
      <c r="W6082" s="19"/>
      <c r="X6082" s="19">
        <v>1</v>
      </c>
      <c r="Y6082" s="19"/>
      <c r="Z6082" s="19"/>
      <c r="AA6082" s="19"/>
    </row>
    <row r="6083" spans="1:27" s="1" customFormat="1" ht="14.1" customHeight="1" outlineLevel="1" x14ac:dyDescent="0.2">
      <c r="A6083" s="17"/>
      <c r="B6083" s="17"/>
      <c r="C6083" s="17"/>
      <c r="D6083" s="18"/>
      <c r="E6083" s="18"/>
      <c r="F6083" s="18"/>
      <c r="G6083" s="18"/>
      <c r="H6083" s="18"/>
      <c r="I6083" s="18"/>
      <c r="J6083" s="18"/>
      <c r="K6083" s="18"/>
      <c r="L6083" s="18"/>
      <c r="M6083" s="18"/>
      <c r="N6083" s="18"/>
      <c r="O6083" s="18"/>
      <c r="P6083" s="19"/>
      <c r="Q6083" s="19"/>
      <c r="R6083" s="19"/>
      <c r="S6083" s="19"/>
      <c r="T6083" s="19"/>
      <c r="U6083" s="19"/>
      <c r="V6083" s="19"/>
      <c r="W6083" s="19"/>
      <c r="X6083" s="19"/>
      <c r="Y6083" s="19"/>
      <c r="Z6083" s="19"/>
      <c r="AA6083" s="19"/>
    </row>
    <row r="6084" spans="1:27" s="1" customFormat="1" ht="14.1" customHeight="1" outlineLevel="1" x14ac:dyDescent="0.2">
      <c r="A6084" s="17">
        <v>9315</v>
      </c>
      <c r="B6084" s="17"/>
      <c r="C6084" s="17"/>
      <c r="D6084" s="18" t="s">
        <v>3023</v>
      </c>
      <c r="E6084" s="18"/>
      <c r="F6084" s="18"/>
      <c r="G6084" s="18"/>
      <c r="H6084" s="18"/>
      <c r="I6084" s="18"/>
      <c r="J6084" s="18"/>
      <c r="K6084" s="18"/>
      <c r="L6084" s="18"/>
      <c r="M6084" s="18"/>
      <c r="N6084" s="18"/>
      <c r="O6084" s="18"/>
      <c r="P6084" s="19">
        <v>460</v>
      </c>
      <c r="Q6084" s="19"/>
      <c r="R6084" s="19"/>
      <c r="S6084" s="19"/>
      <c r="T6084" s="19">
        <v>410</v>
      </c>
      <c r="U6084" s="19"/>
      <c r="V6084" s="19"/>
      <c r="W6084" s="19"/>
      <c r="X6084" s="19">
        <v>1</v>
      </c>
      <c r="Y6084" s="19"/>
      <c r="Z6084" s="19"/>
      <c r="AA6084" s="19"/>
    </row>
    <row r="6085" spans="1:27" s="1" customFormat="1" ht="14.1" customHeight="1" outlineLevel="1" x14ac:dyDescent="0.2">
      <c r="A6085" s="17"/>
      <c r="B6085" s="17"/>
      <c r="C6085" s="17"/>
      <c r="D6085" s="18"/>
      <c r="E6085" s="18"/>
      <c r="F6085" s="18"/>
      <c r="G6085" s="18"/>
      <c r="H6085" s="18"/>
      <c r="I6085" s="18"/>
      <c r="J6085" s="18"/>
      <c r="K6085" s="18"/>
      <c r="L6085" s="18"/>
      <c r="M6085" s="18"/>
      <c r="N6085" s="18"/>
      <c r="O6085" s="18"/>
      <c r="P6085" s="19"/>
      <c r="Q6085" s="19"/>
      <c r="R6085" s="19"/>
      <c r="S6085" s="19"/>
      <c r="T6085" s="19"/>
      <c r="U6085" s="19"/>
      <c r="V6085" s="19"/>
      <c r="W6085" s="19"/>
      <c r="X6085" s="19"/>
      <c r="Y6085" s="19"/>
      <c r="Z6085" s="19"/>
      <c r="AA6085" s="19"/>
    </row>
    <row r="6086" spans="1:27" s="1" customFormat="1" ht="11.1" customHeight="1" outlineLevel="1" x14ac:dyDescent="0.2">
      <c r="A6086" s="17">
        <v>11289</v>
      </c>
      <c r="B6086" s="17"/>
      <c r="C6086" s="17"/>
      <c r="D6086" s="18" t="s">
        <v>3024</v>
      </c>
      <c r="E6086" s="18"/>
      <c r="F6086" s="18"/>
      <c r="G6086" s="18"/>
      <c r="H6086" s="18"/>
      <c r="I6086" s="18"/>
      <c r="J6086" s="18"/>
      <c r="K6086" s="18"/>
      <c r="L6086" s="18"/>
      <c r="M6086" s="18"/>
      <c r="N6086" s="18"/>
      <c r="O6086" s="18"/>
      <c r="P6086" s="19">
        <v>520</v>
      </c>
      <c r="Q6086" s="19"/>
      <c r="R6086" s="19"/>
      <c r="S6086" s="19"/>
      <c r="T6086" s="19">
        <v>420</v>
      </c>
      <c r="U6086" s="19"/>
      <c r="V6086" s="19"/>
      <c r="W6086" s="19"/>
      <c r="X6086" s="19">
        <v>1</v>
      </c>
      <c r="Y6086" s="19"/>
      <c r="Z6086" s="19"/>
      <c r="AA6086" s="19"/>
    </row>
    <row r="6087" spans="1:27" s="1" customFormat="1" ht="11.1" customHeight="1" outlineLevel="1" x14ac:dyDescent="0.2">
      <c r="A6087" s="17"/>
      <c r="B6087" s="17"/>
      <c r="C6087" s="17"/>
      <c r="D6087" s="18"/>
      <c r="E6087" s="18"/>
      <c r="F6087" s="18"/>
      <c r="G6087" s="18"/>
      <c r="H6087" s="18"/>
      <c r="I6087" s="18"/>
      <c r="J6087" s="18"/>
      <c r="K6087" s="18"/>
      <c r="L6087" s="18"/>
      <c r="M6087" s="18"/>
      <c r="N6087" s="18"/>
      <c r="O6087" s="18"/>
      <c r="P6087" s="19"/>
      <c r="Q6087" s="19"/>
      <c r="R6087" s="19"/>
      <c r="S6087" s="19"/>
      <c r="T6087" s="19"/>
      <c r="U6087" s="19"/>
      <c r="V6087" s="19"/>
      <c r="W6087" s="19"/>
      <c r="X6087" s="19"/>
      <c r="Y6087" s="19"/>
      <c r="Z6087" s="19"/>
      <c r="AA6087" s="19"/>
    </row>
    <row r="6088" spans="1:27" s="1" customFormat="1" ht="14.1" customHeight="1" outlineLevel="1" x14ac:dyDescent="0.2">
      <c r="A6088" s="17">
        <v>11290</v>
      </c>
      <c r="B6088" s="17"/>
      <c r="C6088" s="17"/>
      <c r="D6088" s="18" t="s">
        <v>3025</v>
      </c>
      <c r="E6088" s="18"/>
      <c r="F6088" s="18"/>
      <c r="G6088" s="18"/>
      <c r="H6088" s="18"/>
      <c r="I6088" s="18"/>
      <c r="J6088" s="18"/>
      <c r="K6088" s="18"/>
      <c r="L6088" s="18"/>
      <c r="M6088" s="18"/>
      <c r="N6088" s="18"/>
      <c r="O6088" s="18"/>
      <c r="P6088" s="19">
        <v>520</v>
      </c>
      <c r="Q6088" s="19"/>
      <c r="R6088" s="19"/>
      <c r="S6088" s="19"/>
      <c r="T6088" s="19">
        <v>420</v>
      </c>
      <c r="U6088" s="19"/>
      <c r="V6088" s="19"/>
      <c r="W6088" s="19"/>
      <c r="X6088" s="19">
        <v>1</v>
      </c>
      <c r="Y6088" s="19"/>
      <c r="Z6088" s="19"/>
      <c r="AA6088" s="19"/>
    </row>
    <row r="6089" spans="1:27" s="1" customFormat="1" ht="14.1" customHeight="1" outlineLevel="1" x14ac:dyDescent="0.2">
      <c r="A6089" s="17"/>
      <c r="B6089" s="17"/>
      <c r="C6089" s="17"/>
      <c r="D6089" s="18"/>
      <c r="E6089" s="18"/>
      <c r="F6089" s="18"/>
      <c r="G6089" s="18"/>
      <c r="H6089" s="18"/>
      <c r="I6089" s="18"/>
      <c r="J6089" s="18"/>
      <c r="K6089" s="18"/>
      <c r="L6089" s="18"/>
      <c r="M6089" s="18"/>
      <c r="N6089" s="18"/>
      <c r="O6089" s="18"/>
      <c r="P6089" s="19"/>
      <c r="Q6089" s="19"/>
      <c r="R6089" s="19"/>
      <c r="S6089" s="19"/>
      <c r="T6089" s="19"/>
      <c r="U6089" s="19"/>
      <c r="V6089" s="19"/>
      <c r="W6089" s="19"/>
      <c r="X6089" s="19"/>
      <c r="Y6089" s="19"/>
      <c r="Z6089" s="19"/>
      <c r="AA6089" s="19"/>
    </row>
    <row r="6090" spans="1:27" s="1" customFormat="1" ht="14.1" customHeight="1" outlineLevel="1" x14ac:dyDescent="0.2">
      <c r="A6090" s="17">
        <v>11295</v>
      </c>
      <c r="B6090" s="17"/>
      <c r="C6090" s="17"/>
      <c r="D6090" s="18" t="s">
        <v>3026</v>
      </c>
      <c r="E6090" s="18"/>
      <c r="F6090" s="18"/>
      <c r="G6090" s="18"/>
      <c r="H6090" s="18"/>
      <c r="I6090" s="18"/>
      <c r="J6090" s="18"/>
      <c r="K6090" s="18"/>
      <c r="L6090" s="18"/>
      <c r="M6090" s="18"/>
      <c r="N6090" s="18"/>
      <c r="O6090" s="18"/>
      <c r="P6090" s="19">
        <v>430</v>
      </c>
      <c r="Q6090" s="19"/>
      <c r="R6090" s="19"/>
      <c r="S6090" s="19"/>
      <c r="T6090" s="19">
        <v>330</v>
      </c>
      <c r="U6090" s="19"/>
      <c r="V6090" s="19"/>
      <c r="W6090" s="19"/>
      <c r="X6090" s="19">
        <v>1</v>
      </c>
      <c r="Y6090" s="19"/>
      <c r="Z6090" s="19"/>
      <c r="AA6090" s="19"/>
    </row>
    <row r="6091" spans="1:27" s="1" customFormat="1" ht="14.1" customHeight="1" outlineLevel="1" x14ac:dyDescent="0.2">
      <c r="A6091" s="17"/>
      <c r="B6091" s="17"/>
      <c r="C6091" s="17"/>
      <c r="D6091" s="18"/>
      <c r="E6091" s="18"/>
      <c r="F6091" s="18"/>
      <c r="G6091" s="18"/>
      <c r="H6091" s="18"/>
      <c r="I6091" s="18"/>
      <c r="J6091" s="18"/>
      <c r="K6091" s="18"/>
      <c r="L6091" s="18"/>
      <c r="M6091" s="18"/>
      <c r="N6091" s="18"/>
      <c r="O6091" s="18"/>
      <c r="P6091" s="19"/>
      <c r="Q6091" s="19"/>
      <c r="R6091" s="19"/>
      <c r="S6091" s="19"/>
      <c r="T6091" s="19"/>
      <c r="U6091" s="19"/>
      <c r="V6091" s="19"/>
      <c r="W6091" s="19"/>
      <c r="X6091" s="19"/>
      <c r="Y6091" s="19"/>
      <c r="Z6091" s="19"/>
      <c r="AA6091" s="19"/>
    </row>
    <row r="6092" spans="1:27" s="1" customFormat="1" ht="11.1" customHeight="1" outlineLevel="1" x14ac:dyDescent="0.2">
      <c r="A6092" s="17">
        <v>11311</v>
      </c>
      <c r="B6092" s="17"/>
      <c r="C6092" s="17"/>
      <c r="D6092" s="18" t="s">
        <v>3027</v>
      </c>
      <c r="E6092" s="18"/>
      <c r="F6092" s="18"/>
      <c r="G6092" s="18"/>
      <c r="H6092" s="18"/>
      <c r="I6092" s="18"/>
      <c r="J6092" s="18"/>
      <c r="K6092" s="18"/>
      <c r="L6092" s="18"/>
      <c r="M6092" s="18"/>
      <c r="N6092" s="18"/>
      <c r="O6092" s="18"/>
      <c r="P6092" s="19">
        <v>335</v>
      </c>
      <c r="Q6092" s="19"/>
      <c r="R6092" s="19"/>
      <c r="S6092" s="19"/>
      <c r="T6092" s="19">
        <v>237</v>
      </c>
      <c r="U6092" s="19"/>
      <c r="V6092" s="19"/>
      <c r="W6092" s="19"/>
      <c r="X6092" s="19">
        <v>1</v>
      </c>
      <c r="Y6092" s="19"/>
      <c r="Z6092" s="19"/>
      <c r="AA6092" s="19"/>
    </row>
    <row r="6093" spans="1:27" s="1" customFormat="1" ht="11.1" customHeight="1" outlineLevel="1" x14ac:dyDescent="0.2">
      <c r="A6093" s="17"/>
      <c r="B6093" s="17"/>
      <c r="C6093" s="17"/>
      <c r="D6093" s="18"/>
      <c r="E6093" s="18"/>
      <c r="F6093" s="18"/>
      <c r="G6093" s="18"/>
      <c r="H6093" s="18"/>
      <c r="I6093" s="18"/>
      <c r="J6093" s="18"/>
      <c r="K6093" s="18"/>
      <c r="L6093" s="18"/>
      <c r="M6093" s="18"/>
      <c r="N6093" s="18"/>
      <c r="O6093" s="18"/>
      <c r="P6093" s="19"/>
      <c r="Q6093" s="19"/>
      <c r="R6093" s="19"/>
      <c r="S6093" s="19"/>
      <c r="T6093" s="19"/>
      <c r="U6093" s="19"/>
      <c r="V6093" s="19"/>
      <c r="W6093" s="19"/>
      <c r="X6093" s="19"/>
      <c r="Y6093" s="19"/>
      <c r="Z6093" s="19"/>
      <c r="AA6093" s="19"/>
    </row>
    <row r="6094" spans="1:27" s="1" customFormat="1" ht="11.1" customHeight="1" outlineLevel="1" x14ac:dyDescent="0.2">
      <c r="A6094" s="17">
        <v>11319</v>
      </c>
      <c r="B6094" s="17"/>
      <c r="C6094" s="17"/>
      <c r="D6094" s="18" t="s">
        <v>3028</v>
      </c>
      <c r="E6094" s="18"/>
      <c r="F6094" s="18"/>
      <c r="G6094" s="18"/>
      <c r="H6094" s="18"/>
      <c r="I6094" s="18"/>
      <c r="J6094" s="18"/>
      <c r="K6094" s="18"/>
      <c r="L6094" s="18"/>
      <c r="M6094" s="18"/>
      <c r="N6094" s="18"/>
      <c r="O6094" s="18"/>
      <c r="P6094" s="19">
        <v>430</v>
      </c>
      <c r="Q6094" s="19"/>
      <c r="R6094" s="19"/>
      <c r="S6094" s="19"/>
      <c r="T6094" s="19">
        <v>330</v>
      </c>
      <c r="U6094" s="19"/>
      <c r="V6094" s="19"/>
      <c r="W6094" s="19"/>
      <c r="X6094" s="19">
        <v>1</v>
      </c>
      <c r="Y6094" s="19"/>
      <c r="Z6094" s="19"/>
      <c r="AA6094" s="19"/>
    </row>
    <row r="6095" spans="1:27" s="1" customFormat="1" ht="11.1" customHeight="1" outlineLevel="1" x14ac:dyDescent="0.2">
      <c r="A6095" s="17"/>
      <c r="B6095" s="17"/>
      <c r="C6095" s="17"/>
      <c r="D6095" s="18"/>
      <c r="E6095" s="18"/>
      <c r="F6095" s="18"/>
      <c r="G6095" s="18"/>
      <c r="H6095" s="18"/>
      <c r="I6095" s="18"/>
      <c r="J6095" s="18"/>
      <c r="K6095" s="18"/>
      <c r="L6095" s="18"/>
      <c r="M6095" s="18"/>
      <c r="N6095" s="18"/>
      <c r="O6095" s="18"/>
      <c r="P6095" s="19"/>
      <c r="Q6095" s="19"/>
      <c r="R6095" s="19"/>
      <c r="S6095" s="19"/>
      <c r="T6095" s="19"/>
      <c r="U6095" s="19"/>
      <c r="V6095" s="19"/>
      <c r="W6095" s="19"/>
      <c r="X6095" s="19"/>
      <c r="Y6095" s="19"/>
      <c r="Z6095" s="19"/>
      <c r="AA6095" s="19"/>
    </row>
    <row r="6096" spans="1:27" s="1" customFormat="1" ht="11.1" customHeight="1" outlineLevel="1" x14ac:dyDescent="0.2">
      <c r="A6096" s="17">
        <v>11305</v>
      </c>
      <c r="B6096" s="17"/>
      <c r="C6096" s="17"/>
      <c r="D6096" s="18" t="s">
        <v>3029</v>
      </c>
      <c r="E6096" s="18"/>
      <c r="F6096" s="18"/>
      <c r="G6096" s="18"/>
      <c r="H6096" s="18"/>
      <c r="I6096" s="18"/>
      <c r="J6096" s="18"/>
      <c r="K6096" s="18"/>
      <c r="L6096" s="18"/>
      <c r="M6096" s="18"/>
      <c r="N6096" s="18"/>
      <c r="O6096" s="18"/>
      <c r="P6096" s="19">
        <v>410</v>
      </c>
      <c r="Q6096" s="19"/>
      <c r="R6096" s="19"/>
      <c r="S6096" s="19"/>
      <c r="T6096" s="19">
        <v>310</v>
      </c>
      <c r="U6096" s="19"/>
      <c r="V6096" s="19"/>
      <c r="W6096" s="19"/>
      <c r="X6096" s="19">
        <v>1</v>
      </c>
      <c r="Y6096" s="19"/>
      <c r="Z6096" s="19"/>
      <c r="AA6096" s="19"/>
    </row>
    <row r="6097" spans="1:27" s="1" customFormat="1" ht="11.1" customHeight="1" outlineLevel="1" x14ac:dyDescent="0.2">
      <c r="A6097" s="17"/>
      <c r="B6097" s="17"/>
      <c r="C6097" s="17"/>
      <c r="D6097" s="18"/>
      <c r="E6097" s="18"/>
      <c r="F6097" s="18"/>
      <c r="G6097" s="18"/>
      <c r="H6097" s="18"/>
      <c r="I6097" s="18"/>
      <c r="J6097" s="18"/>
      <c r="K6097" s="18"/>
      <c r="L6097" s="18"/>
      <c r="M6097" s="18"/>
      <c r="N6097" s="18"/>
      <c r="O6097" s="18"/>
      <c r="P6097" s="19"/>
      <c r="Q6097" s="19"/>
      <c r="R6097" s="19"/>
      <c r="S6097" s="19"/>
      <c r="T6097" s="19"/>
      <c r="U6097" s="19"/>
      <c r="V6097" s="19"/>
      <c r="W6097" s="19"/>
      <c r="X6097" s="19"/>
      <c r="Y6097" s="19"/>
      <c r="Z6097" s="19"/>
      <c r="AA6097" s="19"/>
    </row>
    <row r="6098" spans="1:27" s="1" customFormat="1" ht="11.1" customHeight="1" outlineLevel="1" x14ac:dyDescent="0.2">
      <c r="A6098" s="17">
        <v>10092</v>
      </c>
      <c r="B6098" s="17"/>
      <c r="C6098" s="17"/>
      <c r="D6098" s="18" t="s">
        <v>3030</v>
      </c>
      <c r="E6098" s="18"/>
      <c r="F6098" s="18"/>
      <c r="G6098" s="18"/>
      <c r="H6098" s="18"/>
      <c r="I6098" s="18"/>
      <c r="J6098" s="18"/>
      <c r="K6098" s="18"/>
      <c r="L6098" s="18"/>
      <c r="M6098" s="18"/>
      <c r="N6098" s="18"/>
      <c r="O6098" s="18"/>
      <c r="P6098" s="19">
        <v>280</v>
      </c>
      <c r="Q6098" s="19"/>
      <c r="R6098" s="19"/>
      <c r="S6098" s="19"/>
      <c r="T6098" s="19">
        <v>280</v>
      </c>
      <c r="U6098" s="19"/>
      <c r="V6098" s="19"/>
      <c r="W6098" s="19"/>
      <c r="X6098" s="19">
        <v>2</v>
      </c>
      <c r="Y6098" s="19"/>
      <c r="Z6098" s="19"/>
      <c r="AA6098" s="19"/>
    </row>
    <row r="6099" spans="1:27" s="1" customFormat="1" ht="11.1" customHeight="1" outlineLevel="1" x14ac:dyDescent="0.2">
      <c r="A6099" s="17"/>
      <c r="B6099" s="17"/>
      <c r="C6099" s="17"/>
      <c r="D6099" s="18"/>
      <c r="E6099" s="18"/>
      <c r="F6099" s="18"/>
      <c r="G6099" s="18"/>
      <c r="H6099" s="18"/>
      <c r="I6099" s="18"/>
      <c r="J6099" s="18"/>
      <c r="K6099" s="18"/>
      <c r="L6099" s="18"/>
      <c r="M6099" s="18"/>
      <c r="N6099" s="18"/>
      <c r="O6099" s="18"/>
      <c r="P6099" s="19"/>
      <c r="Q6099" s="19"/>
      <c r="R6099" s="19"/>
      <c r="S6099" s="19"/>
      <c r="T6099" s="19"/>
      <c r="U6099" s="19"/>
      <c r="V6099" s="19"/>
      <c r="W6099" s="19"/>
      <c r="X6099" s="19"/>
      <c r="Y6099" s="19"/>
      <c r="Z6099" s="19"/>
      <c r="AA6099" s="19"/>
    </row>
    <row r="6100" spans="1:27" s="1" customFormat="1" ht="11.1" customHeight="1" outlineLevel="1" x14ac:dyDescent="0.2">
      <c r="A6100" s="17">
        <v>11294</v>
      </c>
      <c r="B6100" s="17"/>
      <c r="C6100" s="17"/>
      <c r="D6100" s="18" t="s">
        <v>3031</v>
      </c>
      <c r="E6100" s="18"/>
      <c r="F6100" s="18"/>
      <c r="G6100" s="18"/>
      <c r="H6100" s="18"/>
      <c r="I6100" s="18"/>
      <c r="J6100" s="18"/>
      <c r="K6100" s="18"/>
      <c r="L6100" s="18"/>
      <c r="M6100" s="18"/>
      <c r="N6100" s="18"/>
      <c r="O6100" s="18"/>
      <c r="P6100" s="19">
        <v>280</v>
      </c>
      <c r="Q6100" s="19"/>
      <c r="R6100" s="19"/>
      <c r="S6100" s="19"/>
      <c r="T6100" s="19">
        <v>199</v>
      </c>
      <c r="U6100" s="19"/>
      <c r="V6100" s="19"/>
      <c r="W6100" s="19"/>
      <c r="X6100" s="19">
        <v>2</v>
      </c>
      <c r="Y6100" s="19"/>
      <c r="Z6100" s="19"/>
      <c r="AA6100" s="19"/>
    </row>
    <row r="6101" spans="1:27" s="1" customFormat="1" ht="11.1" customHeight="1" outlineLevel="1" x14ac:dyDescent="0.2">
      <c r="A6101" s="17"/>
      <c r="B6101" s="17"/>
      <c r="C6101" s="17"/>
      <c r="D6101" s="18"/>
      <c r="E6101" s="18"/>
      <c r="F6101" s="18"/>
      <c r="G6101" s="18"/>
      <c r="H6101" s="18"/>
      <c r="I6101" s="18"/>
      <c r="J6101" s="18"/>
      <c r="K6101" s="18"/>
      <c r="L6101" s="18"/>
      <c r="M6101" s="18"/>
      <c r="N6101" s="18"/>
      <c r="O6101" s="18"/>
      <c r="P6101" s="19"/>
      <c r="Q6101" s="19"/>
      <c r="R6101" s="19"/>
      <c r="S6101" s="19"/>
      <c r="T6101" s="19"/>
      <c r="U6101" s="19"/>
      <c r="V6101" s="19"/>
      <c r="W6101" s="19"/>
      <c r="X6101" s="19"/>
      <c r="Y6101" s="19"/>
      <c r="Z6101" s="19"/>
      <c r="AA6101" s="19"/>
    </row>
    <row r="6102" spans="1:27" s="1" customFormat="1" ht="14.1" customHeight="1" outlineLevel="1" x14ac:dyDescent="0.2">
      <c r="A6102" s="17">
        <v>9313</v>
      </c>
      <c r="B6102" s="17"/>
      <c r="C6102" s="17"/>
      <c r="D6102" s="18" t="s">
        <v>3032</v>
      </c>
      <c r="E6102" s="18"/>
      <c r="F6102" s="18"/>
      <c r="G6102" s="18"/>
      <c r="H6102" s="18"/>
      <c r="I6102" s="18"/>
      <c r="J6102" s="18"/>
      <c r="K6102" s="18"/>
      <c r="L6102" s="18"/>
      <c r="M6102" s="18"/>
      <c r="N6102" s="18"/>
      <c r="O6102" s="18"/>
      <c r="P6102" s="19">
        <v>450</v>
      </c>
      <c r="Q6102" s="19"/>
      <c r="R6102" s="19"/>
      <c r="S6102" s="19"/>
      <c r="T6102" s="19">
        <v>400</v>
      </c>
      <c r="U6102" s="19"/>
      <c r="V6102" s="19"/>
      <c r="W6102" s="19"/>
      <c r="X6102" s="19">
        <v>1</v>
      </c>
      <c r="Y6102" s="19"/>
      <c r="Z6102" s="19"/>
      <c r="AA6102" s="19"/>
    </row>
    <row r="6103" spans="1:27" s="1" customFormat="1" ht="14.1" customHeight="1" outlineLevel="1" x14ac:dyDescent="0.2">
      <c r="A6103" s="17"/>
      <c r="B6103" s="17"/>
      <c r="C6103" s="17"/>
      <c r="D6103" s="18"/>
      <c r="E6103" s="18"/>
      <c r="F6103" s="18"/>
      <c r="G6103" s="18"/>
      <c r="H6103" s="18"/>
      <c r="I6103" s="18"/>
      <c r="J6103" s="18"/>
      <c r="K6103" s="18"/>
      <c r="L6103" s="18"/>
      <c r="M6103" s="18"/>
      <c r="N6103" s="18"/>
      <c r="O6103" s="18"/>
      <c r="P6103" s="19"/>
      <c r="Q6103" s="19"/>
      <c r="R6103" s="19"/>
      <c r="S6103" s="19"/>
      <c r="T6103" s="19"/>
      <c r="U6103" s="19"/>
      <c r="V6103" s="19"/>
      <c r="W6103" s="19"/>
      <c r="X6103" s="19"/>
      <c r="Y6103" s="19"/>
      <c r="Z6103" s="19"/>
      <c r="AA6103" s="19"/>
    </row>
    <row r="6104" spans="1:27" s="1" customFormat="1" ht="14.1" customHeight="1" outlineLevel="1" x14ac:dyDescent="0.2">
      <c r="A6104" s="17">
        <v>11306</v>
      </c>
      <c r="B6104" s="17"/>
      <c r="C6104" s="17"/>
      <c r="D6104" s="18" t="s">
        <v>3033</v>
      </c>
      <c r="E6104" s="18"/>
      <c r="F6104" s="18"/>
      <c r="G6104" s="18"/>
      <c r="H6104" s="18"/>
      <c r="I6104" s="18"/>
      <c r="J6104" s="18"/>
      <c r="K6104" s="18"/>
      <c r="L6104" s="18"/>
      <c r="M6104" s="18"/>
      <c r="N6104" s="18"/>
      <c r="O6104" s="18"/>
      <c r="P6104" s="19">
        <v>340</v>
      </c>
      <c r="Q6104" s="19"/>
      <c r="R6104" s="19"/>
      <c r="S6104" s="19"/>
      <c r="T6104" s="19">
        <v>240</v>
      </c>
      <c r="U6104" s="19"/>
      <c r="V6104" s="19"/>
      <c r="W6104" s="19"/>
      <c r="X6104" s="19">
        <v>1</v>
      </c>
      <c r="Y6104" s="19"/>
      <c r="Z6104" s="19"/>
      <c r="AA6104" s="19"/>
    </row>
    <row r="6105" spans="1:27" s="1" customFormat="1" ht="14.1" customHeight="1" outlineLevel="1" x14ac:dyDescent="0.2">
      <c r="A6105" s="17"/>
      <c r="B6105" s="17"/>
      <c r="C6105" s="17"/>
      <c r="D6105" s="18"/>
      <c r="E6105" s="18"/>
      <c r="F6105" s="18"/>
      <c r="G6105" s="18"/>
      <c r="H6105" s="18"/>
      <c r="I6105" s="18"/>
      <c r="J6105" s="18"/>
      <c r="K6105" s="18"/>
      <c r="L6105" s="18"/>
      <c r="M6105" s="18"/>
      <c r="N6105" s="18"/>
      <c r="O6105" s="18"/>
      <c r="P6105" s="19"/>
      <c r="Q6105" s="19"/>
      <c r="R6105" s="19"/>
      <c r="S6105" s="19"/>
      <c r="T6105" s="19"/>
      <c r="U6105" s="19"/>
      <c r="V6105" s="19"/>
      <c r="W6105" s="19"/>
      <c r="X6105" s="19"/>
      <c r="Y6105" s="19"/>
      <c r="Z6105" s="19"/>
      <c r="AA6105" s="19"/>
    </row>
    <row r="6106" spans="1:27" s="1" customFormat="1" ht="11.1" customHeight="1" outlineLevel="1" x14ac:dyDescent="0.2">
      <c r="A6106" s="17">
        <v>9126</v>
      </c>
      <c r="B6106" s="17"/>
      <c r="C6106" s="17"/>
      <c r="D6106" s="18" t="s">
        <v>3034</v>
      </c>
      <c r="E6106" s="18"/>
      <c r="F6106" s="18"/>
      <c r="G6106" s="18"/>
      <c r="H6106" s="18"/>
      <c r="I6106" s="18"/>
      <c r="J6106" s="18"/>
      <c r="K6106" s="18"/>
      <c r="L6106" s="18"/>
      <c r="M6106" s="18"/>
      <c r="N6106" s="18"/>
      <c r="O6106" s="18"/>
      <c r="P6106" s="19">
        <v>390</v>
      </c>
      <c r="Q6106" s="19"/>
      <c r="R6106" s="19"/>
      <c r="S6106" s="19"/>
      <c r="T6106" s="19">
        <v>340</v>
      </c>
      <c r="U6106" s="19"/>
      <c r="V6106" s="19"/>
      <c r="W6106" s="19"/>
      <c r="X6106" s="19">
        <v>4</v>
      </c>
      <c r="Y6106" s="19"/>
      <c r="Z6106" s="19"/>
      <c r="AA6106" s="19"/>
    </row>
    <row r="6107" spans="1:27" s="1" customFormat="1" ht="11.1" customHeight="1" outlineLevel="1" x14ac:dyDescent="0.2">
      <c r="A6107" s="17"/>
      <c r="B6107" s="17"/>
      <c r="C6107" s="17"/>
      <c r="D6107" s="18"/>
      <c r="E6107" s="18"/>
      <c r="F6107" s="18"/>
      <c r="G6107" s="18"/>
      <c r="H6107" s="18"/>
      <c r="I6107" s="18"/>
      <c r="J6107" s="18"/>
      <c r="K6107" s="18"/>
      <c r="L6107" s="18"/>
      <c r="M6107" s="18"/>
      <c r="N6107" s="18"/>
      <c r="O6107" s="18"/>
      <c r="P6107" s="19"/>
      <c r="Q6107" s="19"/>
      <c r="R6107" s="19"/>
      <c r="S6107" s="19"/>
      <c r="T6107" s="19"/>
      <c r="U6107" s="19"/>
      <c r="V6107" s="19"/>
      <c r="W6107" s="19"/>
      <c r="X6107" s="19"/>
      <c r="Y6107" s="19"/>
      <c r="Z6107" s="19"/>
      <c r="AA6107" s="19"/>
    </row>
    <row r="6108" spans="1:27" s="1" customFormat="1" ht="11.1" customHeight="1" outlineLevel="1" x14ac:dyDescent="0.2">
      <c r="A6108" s="17">
        <v>11310</v>
      </c>
      <c r="B6108" s="17"/>
      <c r="C6108" s="17"/>
      <c r="D6108" s="18" t="s">
        <v>3035</v>
      </c>
      <c r="E6108" s="18"/>
      <c r="F6108" s="18"/>
      <c r="G6108" s="18"/>
      <c r="H6108" s="18"/>
      <c r="I6108" s="18"/>
      <c r="J6108" s="18"/>
      <c r="K6108" s="18"/>
      <c r="L6108" s="18"/>
      <c r="M6108" s="18"/>
      <c r="N6108" s="18"/>
      <c r="O6108" s="18"/>
      <c r="P6108" s="19">
        <v>235</v>
      </c>
      <c r="Q6108" s="19"/>
      <c r="R6108" s="19"/>
      <c r="S6108" s="19"/>
      <c r="T6108" s="19">
        <v>134</v>
      </c>
      <c r="U6108" s="19"/>
      <c r="V6108" s="19"/>
      <c r="W6108" s="19"/>
      <c r="X6108" s="19">
        <v>1</v>
      </c>
      <c r="Y6108" s="19"/>
      <c r="Z6108" s="19"/>
      <c r="AA6108" s="19"/>
    </row>
    <row r="6109" spans="1:27" s="1" customFormat="1" ht="11.1" customHeight="1" outlineLevel="1" x14ac:dyDescent="0.2">
      <c r="A6109" s="17"/>
      <c r="B6109" s="17"/>
      <c r="C6109" s="17"/>
      <c r="D6109" s="18"/>
      <c r="E6109" s="18"/>
      <c r="F6109" s="18"/>
      <c r="G6109" s="18"/>
      <c r="H6109" s="18"/>
      <c r="I6109" s="18"/>
      <c r="J6109" s="18"/>
      <c r="K6109" s="18"/>
      <c r="L6109" s="18"/>
      <c r="M6109" s="18"/>
      <c r="N6109" s="18"/>
      <c r="O6109" s="18"/>
      <c r="P6109" s="19"/>
      <c r="Q6109" s="19"/>
      <c r="R6109" s="19"/>
      <c r="S6109" s="19"/>
      <c r="T6109" s="19"/>
      <c r="U6109" s="19"/>
      <c r="V6109" s="19"/>
      <c r="W6109" s="19"/>
      <c r="X6109" s="19"/>
      <c r="Y6109" s="19"/>
      <c r="Z6109" s="19"/>
      <c r="AA6109" s="19"/>
    </row>
    <row r="6110" spans="1:27" s="1" customFormat="1" ht="11.1" customHeight="1" outlineLevel="1" x14ac:dyDescent="0.2">
      <c r="A6110" s="17">
        <v>11426</v>
      </c>
      <c r="B6110" s="17"/>
      <c r="C6110" s="17"/>
      <c r="D6110" s="18" t="s">
        <v>3036</v>
      </c>
      <c r="E6110" s="18"/>
      <c r="F6110" s="18"/>
      <c r="G6110" s="18"/>
      <c r="H6110" s="18"/>
      <c r="I6110" s="18"/>
      <c r="J6110" s="18"/>
      <c r="K6110" s="18"/>
      <c r="L6110" s="18"/>
      <c r="M6110" s="18"/>
      <c r="N6110" s="18"/>
      <c r="O6110" s="18"/>
      <c r="P6110" s="19">
        <v>140</v>
      </c>
      <c r="Q6110" s="19"/>
      <c r="R6110" s="19"/>
      <c r="S6110" s="19"/>
      <c r="T6110" s="19">
        <v>80</v>
      </c>
      <c r="U6110" s="19"/>
      <c r="V6110" s="19"/>
      <c r="W6110" s="19"/>
      <c r="X6110" s="19">
        <v>1</v>
      </c>
      <c r="Y6110" s="19"/>
      <c r="Z6110" s="19"/>
      <c r="AA6110" s="19"/>
    </row>
    <row r="6111" spans="1:27" s="1" customFormat="1" ht="11.1" customHeight="1" outlineLevel="1" x14ac:dyDescent="0.2">
      <c r="A6111" s="17"/>
      <c r="B6111" s="17"/>
      <c r="C6111" s="17"/>
      <c r="D6111" s="18"/>
      <c r="E6111" s="18"/>
      <c r="F6111" s="18"/>
      <c r="G6111" s="18"/>
      <c r="H6111" s="18"/>
      <c r="I6111" s="18"/>
      <c r="J6111" s="18"/>
      <c r="K6111" s="18"/>
      <c r="L6111" s="18"/>
      <c r="M6111" s="18"/>
      <c r="N6111" s="18"/>
      <c r="O6111" s="18"/>
      <c r="P6111" s="19"/>
      <c r="Q6111" s="19"/>
      <c r="R6111" s="19"/>
      <c r="S6111" s="19"/>
      <c r="T6111" s="19"/>
      <c r="U6111" s="19"/>
      <c r="V6111" s="19"/>
      <c r="W6111" s="19"/>
      <c r="X6111" s="19"/>
      <c r="Y6111" s="19"/>
      <c r="Z6111" s="19"/>
      <c r="AA6111" s="19"/>
    </row>
    <row r="6112" spans="1:27" s="1" customFormat="1" ht="11.1" customHeight="1" x14ac:dyDescent="0.2">
      <c r="A6112" s="16" t="s">
        <v>3037</v>
      </c>
      <c r="B6112" s="16"/>
      <c r="C6112" s="16"/>
      <c r="D6112" s="16"/>
      <c r="E6112" s="16"/>
      <c r="F6112" s="16"/>
      <c r="G6112" s="16"/>
      <c r="H6112" s="16"/>
      <c r="I6112" s="16"/>
      <c r="J6112" s="16"/>
      <c r="K6112" s="16"/>
      <c r="L6112" s="16"/>
      <c r="M6112" s="16"/>
      <c r="N6112" s="16"/>
      <c r="O6112" s="16"/>
      <c r="P6112" s="16"/>
      <c r="Q6112" s="16"/>
      <c r="R6112" s="16"/>
      <c r="S6112" s="16"/>
      <c r="T6112" s="16"/>
      <c r="U6112" s="16"/>
      <c r="V6112" s="16"/>
      <c r="W6112" s="16"/>
      <c r="X6112" s="16"/>
      <c r="Y6112" s="16"/>
      <c r="Z6112" s="16"/>
      <c r="AA6112" s="16"/>
    </row>
    <row r="6113" spans="1:27" s="1" customFormat="1" ht="11.1" customHeight="1" x14ac:dyDescent="0.2">
      <c r="A6113" s="16"/>
      <c r="B6113" s="16"/>
      <c r="C6113" s="16"/>
      <c r="D6113" s="16"/>
      <c r="E6113" s="16"/>
      <c r="F6113" s="16"/>
      <c r="G6113" s="16"/>
      <c r="H6113" s="16"/>
      <c r="I6113" s="16"/>
      <c r="J6113" s="16"/>
      <c r="K6113" s="16"/>
      <c r="L6113" s="16"/>
      <c r="M6113" s="16"/>
      <c r="N6113" s="16"/>
      <c r="O6113" s="16"/>
      <c r="P6113" s="16"/>
      <c r="Q6113" s="16"/>
      <c r="R6113" s="16"/>
      <c r="S6113" s="16"/>
      <c r="T6113" s="16"/>
      <c r="U6113" s="16"/>
      <c r="V6113" s="16"/>
      <c r="W6113" s="16"/>
      <c r="X6113" s="16"/>
      <c r="Y6113" s="16"/>
      <c r="Z6113" s="16"/>
      <c r="AA6113" s="16"/>
    </row>
    <row r="6114" spans="1:27" s="1" customFormat="1" ht="11.1" customHeight="1" outlineLevel="1" x14ac:dyDescent="0.2">
      <c r="A6114" s="16" t="s">
        <v>3038</v>
      </c>
      <c r="B6114" s="16"/>
      <c r="C6114" s="16"/>
      <c r="D6114" s="16"/>
      <c r="E6114" s="16"/>
      <c r="F6114" s="16"/>
      <c r="G6114" s="16"/>
      <c r="H6114" s="16"/>
      <c r="I6114" s="16"/>
      <c r="J6114" s="16"/>
      <c r="K6114" s="16"/>
      <c r="L6114" s="16"/>
      <c r="M6114" s="16"/>
      <c r="N6114" s="16"/>
      <c r="O6114" s="16"/>
      <c r="P6114" s="16"/>
      <c r="Q6114" s="16"/>
      <c r="R6114" s="16"/>
      <c r="S6114" s="16"/>
      <c r="T6114" s="16"/>
      <c r="U6114" s="16"/>
      <c r="V6114" s="16"/>
      <c r="W6114" s="16"/>
      <c r="X6114" s="16"/>
      <c r="Y6114" s="16"/>
      <c r="Z6114" s="16"/>
      <c r="AA6114" s="16"/>
    </row>
    <row r="6115" spans="1:27" s="1" customFormat="1" ht="11.1" customHeight="1" outlineLevel="1" x14ac:dyDescent="0.2">
      <c r="A6115" s="16"/>
      <c r="B6115" s="16"/>
      <c r="C6115" s="16"/>
      <c r="D6115" s="16"/>
      <c r="E6115" s="16"/>
      <c r="F6115" s="16"/>
      <c r="G6115" s="16"/>
      <c r="H6115" s="16"/>
      <c r="I6115" s="16"/>
      <c r="J6115" s="16"/>
      <c r="K6115" s="16"/>
      <c r="L6115" s="16"/>
      <c r="M6115" s="16"/>
      <c r="N6115" s="16"/>
      <c r="O6115" s="16"/>
      <c r="P6115" s="16"/>
      <c r="Q6115" s="16"/>
      <c r="R6115" s="16"/>
      <c r="S6115" s="16"/>
      <c r="T6115" s="16"/>
      <c r="U6115" s="16"/>
      <c r="V6115" s="16"/>
      <c r="W6115" s="16"/>
      <c r="X6115" s="16"/>
      <c r="Y6115" s="16"/>
      <c r="Z6115" s="16"/>
      <c r="AA6115" s="16"/>
    </row>
    <row r="6116" spans="1:27" s="1" customFormat="1" ht="14.1" customHeight="1" outlineLevel="2" x14ac:dyDescent="0.2">
      <c r="A6116" s="17">
        <v>12461</v>
      </c>
      <c r="B6116" s="17"/>
      <c r="C6116" s="17"/>
      <c r="D6116" s="18" t="s">
        <v>3039</v>
      </c>
      <c r="E6116" s="18"/>
      <c r="F6116" s="18"/>
      <c r="G6116" s="18"/>
      <c r="H6116" s="18"/>
      <c r="I6116" s="18"/>
      <c r="J6116" s="18"/>
      <c r="K6116" s="18"/>
      <c r="L6116" s="18"/>
      <c r="M6116" s="18"/>
      <c r="N6116" s="18"/>
      <c r="O6116" s="18"/>
      <c r="P6116" s="19">
        <v>28</v>
      </c>
      <c r="Q6116" s="19"/>
      <c r="R6116" s="19"/>
      <c r="S6116" s="19"/>
      <c r="T6116" s="19">
        <v>15</v>
      </c>
      <c r="U6116" s="19"/>
      <c r="V6116" s="19"/>
      <c r="W6116" s="19"/>
      <c r="X6116" s="19">
        <v>34</v>
      </c>
      <c r="Y6116" s="19"/>
      <c r="Z6116" s="19"/>
      <c r="AA6116" s="19"/>
    </row>
    <row r="6117" spans="1:27" s="1" customFormat="1" ht="14.1" customHeight="1" outlineLevel="2" x14ac:dyDescent="0.2">
      <c r="A6117" s="17"/>
      <c r="B6117" s="17"/>
      <c r="C6117" s="17"/>
      <c r="D6117" s="18"/>
      <c r="E6117" s="18"/>
      <c r="F6117" s="18"/>
      <c r="G6117" s="18"/>
      <c r="H6117" s="18"/>
      <c r="I6117" s="18"/>
      <c r="J6117" s="18"/>
      <c r="K6117" s="18"/>
      <c r="L6117" s="18"/>
      <c r="M6117" s="18"/>
      <c r="N6117" s="18"/>
      <c r="O6117" s="18"/>
      <c r="P6117" s="19"/>
      <c r="Q6117" s="19"/>
      <c r="R6117" s="19"/>
      <c r="S6117" s="19"/>
      <c r="T6117" s="19"/>
      <c r="U6117" s="19"/>
      <c r="V6117" s="19"/>
      <c r="W6117" s="19"/>
      <c r="X6117" s="19"/>
      <c r="Y6117" s="19"/>
      <c r="Z6117" s="19"/>
      <c r="AA6117" s="19"/>
    </row>
    <row r="6118" spans="1:27" s="1" customFormat="1" ht="14.1" customHeight="1" outlineLevel="2" x14ac:dyDescent="0.2">
      <c r="A6118" s="17">
        <v>12460</v>
      </c>
      <c r="B6118" s="17"/>
      <c r="C6118" s="17"/>
      <c r="D6118" s="18" t="s">
        <v>3040</v>
      </c>
      <c r="E6118" s="18"/>
      <c r="F6118" s="18"/>
      <c r="G6118" s="18"/>
      <c r="H6118" s="18"/>
      <c r="I6118" s="18"/>
      <c r="J6118" s="18"/>
      <c r="K6118" s="18"/>
      <c r="L6118" s="18"/>
      <c r="M6118" s="18"/>
      <c r="N6118" s="18"/>
      <c r="O6118" s="18"/>
      <c r="P6118" s="19">
        <v>20</v>
      </c>
      <c r="Q6118" s="19"/>
      <c r="R6118" s="19"/>
      <c r="S6118" s="19"/>
      <c r="T6118" s="19">
        <v>11</v>
      </c>
      <c r="U6118" s="19"/>
      <c r="V6118" s="19"/>
      <c r="W6118" s="19"/>
      <c r="X6118" s="19">
        <v>41</v>
      </c>
      <c r="Y6118" s="19"/>
      <c r="Z6118" s="19"/>
      <c r="AA6118" s="19"/>
    </row>
    <row r="6119" spans="1:27" s="1" customFormat="1" ht="14.1" customHeight="1" outlineLevel="2" x14ac:dyDescent="0.2">
      <c r="A6119" s="17"/>
      <c r="B6119" s="17"/>
      <c r="C6119" s="17"/>
      <c r="D6119" s="18"/>
      <c r="E6119" s="18"/>
      <c r="F6119" s="18"/>
      <c r="G6119" s="18"/>
      <c r="H6119" s="18"/>
      <c r="I6119" s="18"/>
      <c r="J6119" s="18"/>
      <c r="K6119" s="18"/>
      <c r="L6119" s="18"/>
      <c r="M6119" s="18"/>
      <c r="N6119" s="18"/>
      <c r="O6119" s="18"/>
      <c r="P6119" s="19"/>
      <c r="Q6119" s="19"/>
      <c r="R6119" s="19"/>
      <c r="S6119" s="19"/>
      <c r="T6119" s="19"/>
      <c r="U6119" s="19"/>
      <c r="V6119" s="19"/>
      <c r="W6119" s="19"/>
      <c r="X6119" s="19"/>
      <c r="Y6119" s="19"/>
      <c r="Z6119" s="19"/>
      <c r="AA6119" s="19"/>
    </row>
    <row r="6120" spans="1:27" s="1" customFormat="1" ht="11.1" customHeight="1" outlineLevel="1" x14ac:dyDescent="0.2">
      <c r="A6120" s="16" t="s">
        <v>3041</v>
      </c>
      <c r="B6120" s="16"/>
      <c r="C6120" s="16"/>
      <c r="D6120" s="16"/>
      <c r="E6120" s="16"/>
      <c r="F6120" s="16"/>
      <c r="G6120" s="16"/>
      <c r="H6120" s="16"/>
      <c r="I6120" s="16"/>
      <c r="J6120" s="16"/>
      <c r="K6120" s="16"/>
      <c r="L6120" s="16"/>
      <c r="M6120" s="16"/>
      <c r="N6120" s="16"/>
      <c r="O6120" s="16"/>
      <c r="P6120" s="16"/>
      <c r="Q6120" s="16"/>
      <c r="R6120" s="16"/>
      <c r="S6120" s="16"/>
      <c r="T6120" s="16"/>
      <c r="U6120" s="16"/>
      <c r="V6120" s="16"/>
      <c r="W6120" s="16"/>
      <c r="X6120" s="16"/>
      <c r="Y6120" s="16"/>
      <c r="Z6120" s="16"/>
      <c r="AA6120" s="16"/>
    </row>
    <row r="6121" spans="1:27" s="1" customFormat="1" ht="11.1" customHeight="1" outlineLevel="1" x14ac:dyDescent="0.2">
      <c r="A6121" s="16"/>
      <c r="B6121" s="16"/>
      <c r="C6121" s="16"/>
      <c r="D6121" s="16"/>
      <c r="E6121" s="16"/>
      <c r="F6121" s="16"/>
      <c r="G6121" s="16"/>
      <c r="H6121" s="16"/>
      <c r="I6121" s="16"/>
      <c r="J6121" s="16"/>
      <c r="K6121" s="16"/>
      <c r="L6121" s="16"/>
      <c r="M6121" s="16"/>
      <c r="N6121" s="16"/>
      <c r="O6121" s="16"/>
      <c r="P6121" s="16"/>
      <c r="Q6121" s="16"/>
      <c r="R6121" s="16"/>
      <c r="S6121" s="16"/>
      <c r="T6121" s="16"/>
      <c r="U6121" s="16"/>
      <c r="V6121" s="16"/>
      <c r="W6121" s="16"/>
      <c r="X6121" s="16"/>
      <c r="Y6121" s="16"/>
      <c r="Z6121" s="16"/>
      <c r="AA6121" s="16"/>
    </row>
    <row r="6122" spans="1:27" s="1" customFormat="1" ht="11.1" customHeight="1" outlineLevel="2" x14ac:dyDescent="0.2">
      <c r="A6122" s="17">
        <v>16301</v>
      </c>
      <c r="B6122" s="17"/>
      <c r="C6122" s="17"/>
      <c r="D6122" s="18" t="s">
        <v>3042</v>
      </c>
      <c r="E6122" s="18"/>
      <c r="F6122" s="18"/>
      <c r="G6122" s="18"/>
      <c r="H6122" s="18"/>
      <c r="I6122" s="18"/>
      <c r="J6122" s="18"/>
      <c r="K6122" s="18"/>
      <c r="L6122" s="18"/>
      <c r="M6122" s="18"/>
      <c r="N6122" s="18"/>
      <c r="O6122" s="18"/>
      <c r="P6122" s="19">
        <v>200</v>
      </c>
      <c r="Q6122" s="19"/>
      <c r="R6122" s="19"/>
      <c r="S6122" s="19"/>
      <c r="T6122" s="19">
        <v>150</v>
      </c>
      <c r="U6122" s="19"/>
      <c r="V6122" s="19"/>
      <c r="W6122" s="19"/>
      <c r="X6122" s="19">
        <v>50</v>
      </c>
      <c r="Y6122" s="19"/>
      <c r="Z6122" s="19"/>
      <c r="AA6122" s="19"/>
    </row>
    <row r="6123" spans="1:27" s="1" customFormat="1" ht="11.1" customHeight="1" outlineLevel="2" x14ac:dyDescent="0.2">
      <c r="A6123" s="17"/>
      <c r="B6123" s="17"/>
      <c r="C6123" s="17"/>
      <c r="D6123" s="18"/>
      <c r="E6123" s="18"/>
      <c r="F6123" s="18"/>
      <c r="G6123" s="18"/>
      <c r="H6123" s="18"/>
      <c r="I6123" s="18"/>
      <c r="J6123" s="18"/>
      <c r="K6123" s="18"/>
      <c r="L6123" s="18"/>
      <c r="M6123" s="18"/>
      <c r="N6123" s="18"/>
      <c r="O6123" s="18"/>
      <c r="P6123" s="19"/>
      <c r="Q6123" s="19"/>
      <c r="R6123" s="19"/>
      <c r="S6123" s="19"/>
      <c r="T6123" s="19"/>
      <c r="U6123" s="19"/>
      <c r="V6123" s="19"/>
      <c r="W6123" s="19"/>
      <c r="X6123" s="19"/>
      <c r="Y6123" s="19"/>
      <c r="Z6123" s="19"/>
      <c r="AA6123" s="19"/>
    </row>
    <row r="6124" spans="1:27" s="1" customFormat="1" ht="11.1" customHeight="1" outlineLevel="2" x14ac:dyDescent="0.2">
      <c r="A6124" s="17">
        <v>16305</v>
      </c>
      <c r="B6124" s="17"/>
      <c r="C6124" s="17"/>
      <c r="D6124" s="18" t="s">
        <v>3043</v>
      </c>
      <c r="E6124" s="18"/>
      <c r="F6124" s="18"/>
      <c r="G6124" s="18"/>
      <c r="H6124" s="18"/>
      <c r="I6124" s="18"/>
      <c r="J6124" s="18"/>
      <c r="K6124" s="18"/>
      <c r="L6124" s="18"/>
      <c r="M6124" s="18"/>
      <c r="N6124" s="18"/>
      <c r="O6124" s="18"/>
      <c r="P6124" s="19">
        <v>200</v>
      </c>
      <c r="Q6124" s="19"/>
      <c r="R6124" s="19"/>
      <c r="S6124" s="19"/>
      <c r="T6124" s="19">
        <v>150</v>
      </c>
      <c r="U6124" s="19"/>
      <c r="V6124" s="19"/>
      <c r="W6124" s="19"/>
      <c r="X6124" s="19">
        <v>45</v>
      </c>
      <c r="Y6124" s="19"/>
      <c r="Z6124" s="19"/>
      <c r="AA6124" s="19"/>
    </row>
    <row r="6125" spans="1:27" s="1" customFormat="1" ht="11.1" customHeight="1" outlineLevel="2" x14ac:dyDescent="0.2">
      <c r="A6125" s="17"/>
      <c r="B6125" s="17"/>
      <c r="C6125" s="17"/>
      <c r="D6125" s="18"/>
      <c r="E6125" s="18"/>
      <c r="F6125" s="18"/>
      <c r="G6125" s="18"/>
      <c r="H6125" s="18"/>
      <c r="I6125" s="18"/>
      <c r="J6125" s="18"/>
      <c r="K6125" s="18"/>
      <c r="L6125" s="18"/>
      <c r="M6125" s="18"/>
      <c r="N6125" s="18"/>
      <c r="O6125" s="18"/>
      <c r="P6125" s="19"/>
      <c r="Q6125" s="19"/>
      <c r="R6125" s="19"/>
      <c r="S6125" s="19"/>
      <c r="T6125" s="19"/>
      <c r="U6125" s="19"/>
      <c r="V6125" s="19"/>
      <c r="W6125" s="19"/>
      <c r="X6125" s="19"/>
      <c r="Y6125" s="19"/>
      <c r="Z6125" s="19"/>
      <c r="AA6125" s="19"/>
    </row>
    <row r="6126" spans="1:27" s="1" customFormat="1" ht="14.1" customHeight="1" outlineLevel="2" x14ac:dyDescent="0.2">
      <c r="A6126" s="17">
        <v>14421</v>
      </c>
      <c r="B6126" s="17"/>
      <c r="C6126" s="17"/>
      <c r="D6126" s="18" t="s">
        <v>3044</v>
      </c>
      <c r="E6126" s="18"/>
      <c r="F6126" s="18"/>
      <c r="G6126" s="18"/>
      <c r="H6126" s="18"/>
      <c r="I6126" s="18"/>
      <c r="J6126" s="18"/>
      <c r="K6126" s="18"/>
      <c r="L6126" s="18"/>
      <c r="M6126" s="18"/>
      <c r="N6126" s="18"/>
      <c r="O6126" s="18"/>
      <c r="P6126" s="19">
        <v>200</v>
      </c>
      <c r="Q6126" s="19"/>
      <c r="R6126" s="19"/>
      <c r="S6126" s="19"/>
      <c r="T6126" s="19">
        <v>150</v>
      </c>
      <c r="U6126" s="19"/>
      <c r="V6126" s="19"/>
      <c r="W6126" s="19"/>
      <c r="X6126" s="19">
        <v>24</v>
      </c>
      <c r="Y6126" s="19"/>
      <c r="Z6126" s="19"/>
      <c r="AA6126" s="19"/>
    </row>
    <row r="6127" spans="1:27" s="1" customFormat="1" ht="14.1" customHeight="1" outlineLevel="2" x14ac:dyDescent="0.2">
      <c r="A6127" s="17"/>
      <c r="B6127" s="17"/>
      <c r="C6127" s="17"/>
      <c r="D6127" s="18"/>
      <c r="E6127" s="18"/>
      <c r="F6127" s="18"/>
      <c r="G6127" s="18"/>
      <c r="H6127" s="18"/>
      <c r="I6127" s="18"/>
      <c r="J6127" s="18"/>
      <c r="K6127" s="18"/>
      <c r="L6127" s="18"/>
      <c r="M6127" s="18"/>
      <c r="N6127" s="18"/>
      <c r="O6127" s="18"/>
      <c r="P6127" s="19"/>
      <c r="Q6127" s="19"/>
      <c r="R6127" s="19"/>
      <c r="S6127" s="19"/>
      <c r="T6127" s="19"/>
      <c r="U6127" s="19"/>
      <c r="V6127" s="19"/>
      <c r="W6127" s="19"/>
      <c r="X6127" s="19"/>
      <c r="Y6127" s="19"/>
      <c r="Z6127" s="19"/>
      <c r="AA6127" s="19"/>
    </row>
    <row r="6128" spans="1:27" s="1" customFormat="1" ht="11.1" customHeight="1" outlineLevel="2" x14ac:dyDescent="0.2">
      <c r="A6128" s="17">
        <v>16304</v>
      </c>
      <c r="B6128" s="17"/>
      <c r="C6128" s="17"/>
      <c r="D6128" s="18" t="s">
        <v>3045</v>
      </c>
      <c r="E6128" s="18"/>
      <c r="F6128" s="18"/>
      <c r="G6128" s="18"/>
      <c r="H6128" s="18"/>
      <c r="I6128" s="18"/>
      <c r="J6128" s="18"/>
      <c r="K6128" s="18"/>
      <c r="L6128" s="18"/>
      <c r="M6128" s="18"/>
      <c r="N6128" s="18"/>
      <c r="O6128" s="18"/>
      <c r="P6128" s="19">
        <v>200</v>
      </c>
      <c r="Q6128" s="19"/>
      <c r="R6128" s="19"/>
      <c r="S6128" s="19"/>
      <c r="T6128" s="19">
        <v>150</v>
      </c>
      <c r="U6128" s="19"/>
      <c r="V6128" s="19"/>
      <c r="W6128" s="19"/>
      <c r="X6128" s="19">
        <v>17</v>
      </c>
      <c r="Y6128" s="19"/>
      <c r="Z6128" s="19"/>
      <c r="AA6128" s="19"/>
    </row>
    <row r="6129" spans="1:27" s="1" customFormat="1" ht="11.1" customHeight="1" outlineLevel="2" x14ac:dyDescent="0.2">
      <c r="A6129" s="17"/>
      <c r="B6129" s="17"/>
      <c r="C6129" s="17"/>
      <c r="D6129" s="18"/>
      <c r="E6129" s="18"/>
      <c r="F6129" s="18"/>
      <c r="G6129" s="18"/>
      <c r="H6129" s="18"/>
      <c r="I6129" s="18"/>
      <c r="J6129" s="18"/>
      <c r="K6129" s="18"/>
      <c r="L6129" s="18"/>
      <c r="M6129" s="18"/>
      <c r="N6129" s="18"/>
      <c r="O6129" s="18"/>
      <c r="P6129" s="19"/>
      <c r="Q6129" s="19"/>
      <c r="R6129" s="19"/>
      <c r="S6129" s="19"/>
      <c r="T6129" s="19"/>
      <c r="U6129" s="19"/>
      <c r="V6129" s="19"/>
      <c r="W6129" s="19"/>
      <c r="X6129" s="19"/>
      <c r="Y6129" s="19"/>
      <c r="Z6129" s="19"/>
      <c r="AA6129" s="19"/>
    </row>
    <row r="6130" spans="1:27" s="1" customFormat="1" ht="11.1" customHeight="1" outlineLevel="2" x14ac:dyDescent="0.2">
      <c r="A6130" s="17">
        <v>16302</v>
      </c>
      <c r="B6130" s="17"/>
      <c r="C6130" s="17"/>
      <c r="D6130" s="18" t="s">
        <v>3046</v>
      </c>
      <c r="E6130" s="18"/>
      <c r="F6130" s="18"/>
      <c r="G6130" s="18"/>
      <c r="H6130" s="18"/>
      <c r="I6130" s="18"/>
      <c r="J6130" s="18"/>
      <c r="K6130" s="18"/>
      <c r="L6130" s="18"/>
      <c r="M6130" s="18"/>
      <c r="N6130" s="18"/>
      <c r="O6130" s="18"/>
      <c r="P6130" s="19">
        <v>200</v>
      </c>
      <c r="Q6130" s="19"/>
      <c r="R6130" s="19"/>
      <c r="S6130" s="19"/>
      <c r="T6130" s="19">
        <v>150</v>
      </c>
      <c r="U6130" s="19"/>
      <c r="V6130" s="19"/>
      <c r="W6130" s="19"/>
      <c r="X6130" s="19">
        <v>47</v>
      </c>
      <c r="Y6130" s="19"/>
      <c r="Z6130" s="19"/>
      <c r="AA6130" s="19"/>
    </row>
    <row r="6131" spans="1:27" s="1" customFormat="1" ht="11.1" customHeight="1" outlineLevel="2" x14ac:dyDescent="0.2">
      <c r="A6131" s="17"/>
      <c r="B6131" s="17"/>
      <c r="C6131" s="17"/>
      <c r="D6131" s="18"/>
      <c r="E6131" s="18"/>
      <c r="F6131" s="18"/>
      <c r="G6131" s="18"/>
      <c r="H6131" s="18"/>
      <c r="I6131" s="18"/>
      <c r="J6131" s="18"/>
      <c r="K6131" s="18"/>
      <c r="L6131" s="18"/>
      <c r="M6131" s="18"/>
      <c r="N6131" s="18"/>
      <c r="O6131" s="18"/>
      <c r="P6131" s="19"/>
      <c r="Q6131" s="19"/>
      <c r="R6131" s="19"/>
      <c r="S6131" s="19"/>
      <c r="T6131" s="19"/>
      <c r="U6131" s="19"/>
      <c r="V6131" s="19"/>
      <c r="W6131" s="19"/>
      <c r="X6131" s="19"/>
      <c r="Y6131" s="19"/>
      <c r="Z6131" s="19"/>
      <c r="AA6131" s="19"/>
    </row>
    <row r="6132" spans="1:27" s="1" customFormat="1" ht="11.1" customHeight="1" outlineLevel="2" x14ac:dyDescent="0.2">
      <c r="A6132" s="17">
        <v>16303</v>
      </c>
      <c r="B6132" s="17"/>
      <c r="C6132" s="17"/>
      <c r="D6132" s="18" t="s">
        <v>3047</v>
      </c>
      <c r="E6132" s="18"/>
      <c r="F6132" s="18"/>
      <c r="G6132" s="18"/>
      <c r="H6132" s="18"/>
      <c r="I6132" s="18"/>
      <c r="J6132" s="18"/>
      <c r="K6132" s="18"/>
      <c r="L6132" s="18"/>
      <c r="M6132" s="18"/>
      <c r="N6132" s="18"/>
      <c r="O6132" s="18"/>
      <c r="P6132" s="19">
        <v>200</v>
      </c>
      <c r="Q6132" s="19"/>
      <c r="R6132" s="19"/>
      <c r="S6132" s="19"/>
      <c r="T6132" s="19">
        <v>150</v>
      </c>
      <c r="U6132" s="19"/>
      <c r="V6132" s="19"/>
      <c r="W6132" s="19"/>
      <c r="X6132" s="19">
        <v>50</v>
      </c>
      <c r="Y6132" s="19"/>
      <c r="Z6132" s="19"/>
      <c r="AA6132" s="19"/>
    </row>
    <row r="6133" spans="1:27" s="1" customFormat="1" ht="11.1" customHeight="1" outlineLevel="2" x14ac:dyDescent="0.2">
      <c r="A6133" s="17"/>
      <c r="B6133" s="17"/>
      <c r="C6133" s="17"/>
      <c r="D6133" s="18"/>
      <c r="E6133" s="18"/>
      <c r="F6133" s="18"/>
      <c r="G6133" s="18"/>
      <c r="H6133" s="18"/>
      <c r="I6133" s="18"/>
      <c r="J6133" s="18"/>
      <c r="K6133" s="18"/>
      <c r="L6133" s="18"/>
      <c r="M6133" s="18"/>
      <c r="N6133" s="18"/>
      <c r="O6133" s="18"/>
      <c r="P6133" s="19"/>
      <c r="Q6133" s="19"/>
      <c r="R6133" s="19"/>
      <c r="S6133" s="19"/>
      <c r="T6133" s="19"/>
      <c r="U6133" s="19"/>
      <c r="V6133" s="19"/>
      <c r="W6133" s="19"/>
      <c r="X6133" s="19"/>
      <c r="Y6133" s="19"/>
      <c r="Z6133" s="19"/>
      <c r="AA6133" s="19"/>
    </row>
    <row r="6134" spans="1:27" s="1" customFormat="1" ht="11.1" customHeight="1" outlineLevel="1" x14ac:dyDescent="0.2">
      <c r="A6134" s="16" t="s">
        <v>3048</v>
      </c>
      <c r="B6134" s="16"/>
      <c r="C6134" s="16"/>
      <c r="D6134" s="16"/>
      <c r="E6134" s="16"/>
      <c r="F6134" s="16"/>
      <c r="G6134" s="16"/>
      <c r="H6134" s="16"/>
      <c r="I6134" s="16"/>
      <c r="J6134" s="16"/>
      <c r="K6134" s="16"/>
      <c r="L6134" s="16"/>
      <c r="M6134" s="16"/>
      <c r="N6134" s="16"/>
      <c r="O6134" s="16"/>
      <c r="P6134" s="16"/>
      <c r="Q6134" s="16"/>
      <c r="R6134" s="16"/>
      <c r="S6134" s="16"/>
      <c r="T6134" s="16"/>
      <c r="U6134" s="16"/>
      <c r="V6134" s="16"/>
      <c r="W6134" s="16"/>
      <c r="X6134" s="16"/>
      <c r="Y6134" s="16"/>
      <c r="Z6134" s="16"/>
      <c r="AA6134" s="16"/>
    </row>
    <row r="6135" spans="1:27" s="1" customFormat="1" ht="11.1" customHeight="1" outlineLevel="1" x14ac:dyDescent="0.2">
      <c r="A6135" s="16"/>
      <c r="B6135" s="16"/>
      <c r="C6135" s="16"/>
      <c r="D6135" s="16"/>
      <c r="E6135" s="16"/>
      <c r="F6135" s="16"/>
      <c r="G6135" s="16"/>
      <c r="H6135" s="16"/>
      <c r="I6135" s="16"/>
      <c r="J6135" s="16"/>
      <c r="K6135" s="16"/>
      <c r="L6135" s="16"/>
      <c r="M6135" s="16"/>
      <c r="N6135" s="16"/>
      <c r="O6135" s="16"/>
      <c r="P6135" s="16"/>
      <c r="Q6135" s="16"/>
      <c r="R6135" s="16"/>
      <c r="S6135" s="16"/>
      <c r="T6135" s="16"/>
      <c r="U6135" s="16"/>
      <c r="V6135" s="16"/>
      <c r="W6135" s="16"/>
      <c r="X6135" s="16"/>
      <c r="Y6135" s="16"/>
      <c r="Z6135" s="16"/>
      <c r="AA6135" s="16"/>
    </row>
    <row r="6136" spans="1:27" s="1" customFormat="1" ht="21" customHeight="1" outlineLevel="2" x14ac:dyDescent="0.2">
      <c r="A6136" s="17">
        <v>15008</v>
      </c>
      <c r="B6136" s="17"/>
      <c r="C6136" s="17"/>
      <c r="D6136" s="18" t="s">
        <v>3049</v>
      </c>
      <c r="E6136" s="18"/>
      <c r="F6136" s="18"/>
      <c r="G6136" s="18"/>
      <c r="H6136" s="18"/>
      <c r="I6136" s="18"/>
      <c r="J6136" s="18"/>
      <c r="K6136" s="18"/>
      <c r="L6136" s="18"/>
      <c r="M6136" s="18"/>
      <c r="N6136" s="18"/>
      <c r="O6136" s="18"/>
      <c r="P6136" s="19">
        <v>150</v>
      </c>
      <c r="Q6136" s="19"/>
      <c r="R6136" s="19"/>
      <c r="S6136" s="19"/>
      <c r="T6136" s="19">
        <v>100</v>
      </c>
      <c r="U6136" s="19"/>
      <c r="V6136" s="19"/>
      <c r="W6136" s="19"/>
      <c r="X6136" s="19">
        <v>9</v>
      </c>
      <c r="Y6136" s="19"/>
      <c r="Z6136" s="19"/>
      <c r="AA6136" s="19"/>
    </row>
    <row r="6137" spans="1:27" s="1" customFormat="1" ht="21" customHeight="1" outlineLevel="2" x14ac:dyDescent="0.2">
      <c r="A6137" s="17"/>
      <c r="B6137" s="17"/>
      <c r="C6137" s="17"/>
      <c r="D6137" s="18"/>
      <c r="E6137" s="18"/>
      <c r="F6137" s="18"/>
      <c r="G6137" s="18"/>
      <c r="H6137" s="18"/>
      <c r="I6137" s="18"/>
      <c r="J6137" s="18"/>
      <c r="K6137" s="18"/>
      <c r="L6137" s="18"/>
      <c r="M6137" s="18"/>
      <c r="N6137" s="18"/>
      <c r="O6137" s="18"/>
      <c r="P6137" s="19"/>
      <c r="Q6137" s="19"/>
      <c r="R6137" s="19"/>
      <c r="S6137" s="19"/>
      <c r="T6137" s="19"/>
      <c r="U6137" s="19"/>
      <c r="V6137" s="19"/>
      <c r="W6137" s="19"/>
      <c r="X6137" s="19"/>
      <c r="Y6137" s="19"/>
      <c r="Z6137" s="19"/>
      <c r="AA6137" s="19"/>
    </row>
    <row r="6138" spans="1:27" s="1" customFormat="1" ht="11.1" customHeight="1" outlineLevel="2" x14ac:dyDescent="0.2">
      <c r="A6138" s="17">
        <v>15009</v>
      </c>
      <c r="B6138" s="17"/>
      <c r="C6138" s="17"/>
      <c r="D6138" s="18" t="s">
        <v>3050</v>
      </c>
      <c r="E6138" s="18"/>
      <c r="F6138" s="18"/>
      <c r="G6138" s="18"/>
      <c r="H6138" s="18"/>
      <c r="I6138" s="18"/>
      <c r="J6138" s="18"/>
      <c r="K6138" s="18"/>
      <c r="L6138" s="18"/>
      <c r="M6138" s="18"/>
      <c r="N6138" s="18"/>
      <c r="O6138" s="18"/>
      <c r="P6138" s="19">
        <v>150</v>
      </c>
      <c r="Q6138" s="19"/>
      <c r="R6138" s="19"/>
      <c r="S6138" s="19"/>
      <c r="T6138" s="19">
        <v>100</v>
      </c>
      <c r="U6138" s="19"/>
      <c r="V6138" s="19"/>
      <c r="W6138" s="19"/>
      <c r="X6138" s="19">
        <v>50</v>
      </c>
      <c r="Y6138" s="19"/>
      <c r="Z6138" s="19"/>
      <c r="AA6138" s="19"/>
    </row>
    <row r="6139" spans="1:27" s="1" customFormat="1" ht="11.1" customHeight="1" outlineLevel="2" x14ac:dyDescent="0.2">
      <c r="A6139" s="17"/>
      <c r="B6139" s="17"/>
      <c r="C6139" s="17"/>
      <c r="D6139" s="18"/>
      <c r="E6139" s="18"/>
      <c r="F6139" s="18"/>
      <c r="G6139" s="18"/>
      <c r="H6139" s="18"/>
      <c r="I6139" s="18"/>
      <c r="J6139" s="18"/>
      <c r="K6139" s="18"/>
      <c r="L6139" s="18"/>
      <c r="M6139" s="18"/>
      <c r="N6139" s="18"/>
      <c r="O6139" s="18"/>
      <c r="P6139" s="19"/>
      <c r="Q6139" s="19"/>
      <c r="R6139" s="19"/>
      <c r="S6139" s="19"/>
      <c r="T6139" s="19"/>
      <c r="U6139" s="19"/>
      <c r="V6139" s="19"/>
      <c r="W6139" s="19"/>
      <c r="X6139" s="19"/>
      <c r="Y6139" s="19"/>
      <c r="Z6139" s="19"/>
      <c r="AA6139" s="19"/>
    </row>
    <row r="6140" spans="1:27" s="1" customFormat="1" ht="14.1" customHeight="1" outlineLevel="2" x14ac:dyDescent="0.2">
      <c r="A6140" s="17">
        <v>8586</v>
      </c>
      <c r="B6140" s="17"/>
      <c r="C6140" s="17"/>
      <c r="D6140" s="18" t="s">
        <v>3051</v>
      </c>
      <c r="E6140" s="18"/>
      <c r="F6140" s="18"/>
      <c r="G6140" s="18"/>
      <c r="H6140" s="18"/>
      <c r="I6140" s="18"/>
      <c r="J6140" s="18"/>
      <c r="K6140" s="18"/>
      <c r="L6140" s="18"/>
      <c r="M6140" s="18"/>
      <c r="N6140" s="18"/>
      <c r="O6140" s="18"/>
      <c r="P6140" s="19">
        <v>150</v>
      </c>
      <c r="Q6140" s="19"/>
      <c r="R6140" s="19"/>
      <c r="S6140" s="19"/>
      <c r="T6140" s="19">
        <v>100</v>
      </c>
      <c r="U6140" s="19"/>
      <c r="V6140" s="19"/>
      <c r="W6140" s="19"/>
      <c r="X6140" s="19">
        <v>2</v>
      </c>
      <c r="Y6140" s="19"/>
      <c r="Z6140" s="19"/>
      <c r="AA6140" s="19"/>
    </row>
    <row r="6141" spans="1:27" s="1" customFormat="1" ht="14.1" customHeight="1" outlineLevel="2" x14ac:dyDescent="0.2">
      <c r="A6141" s="17"/>
      <c r="B6141" s="17"/>
      <c r="C6141" s="17"/>
      <c r="D6141" s="18"/>
      <c r="E6141" s="18"/>
      <c r="F6141" s="18"/>
      <c r="G6141" s="18"/>
      <c r="H6141" s="18"/>
      <c r="I6141" s="18"/>
      <c r="J6141" s="18"/>
      <c r="K6141" s="18"/>
      <c r="L6141" s="18"/>
      <c r="M6141" s="18"/>
      <c r="N6141" s="18"/>
      <c r="O6141" s="18"/>
      <c r="P6141" s="19"/>
      <c r="Q6141" s="19"/>
      <c r="R6141" s="19"/>
      <c r="S6141" s="19"/>
      <c r="T6141" s="19"/>
      <c r="U6141" s="19"/>
      <c r="V6141" s="19"/>
      <c r="W6141" s="19"/>
      <c r="X6141" s="19"/>
      <c r="Y6141" s="19"/>
      <c r="Z6141" s="19"/>
      <c r="AA6141" s="19"/>
    </row>
    <row r="6142" spans="1:27" s="1" customFormat="1" ht="14.1" customHeight="1" outlineLevel="2" x14ac:dyDescent="0.2">
      <c r="A6142" s="17">
        <v>11794</v>
      </c>
      <c r="B6142" s="17"/>
      <c r="C6142" s="17"/>
      <c r="D6142" s="18" t="s">
        <v>3052</v>
      </c>
      <c r="E6142" s="18"/>
      <c r="F6142" s="18"/>
      <c r="G6142" s="18"/>
      <c r="H6142" s="18"/>
      <c r="I6142" s="18"/>
      <c r="J6142" s="18"/>
      <c r="K6142" s="18"/>
      <c r="L6142" s="18"/>
      <c r="M6142" s="18"/>
      <c r="N6142" s="18"/>
      <c r="O6142" s="18"/>
      <c r="P6142" s="19">
        <v>125</v>
      </c>
      <c r="Q6142" s="19"/>
      <c r="R6142" s="19"/>
      <c r="S6142" s="19"/>
      <c r="T6142" s="19">
        <v>90</v>
      </c>
      <c r="U6142" s="19"/>
      <c r="V6142" s="19"/>
      <c r="W6142" s="19"/>
      <c r="X6142" s="19">
        <v>1</v>
      </c>
      <c r="Y6142" s="19"/>
      <c r="Z6142" s="19"/>
      <c r="AA6142" s="19"/>
    </row>
    <row r="6143" spans="1:27" s="1" customFormat="1" ht="14.1" customHeight="1" outlineLevel="2" x14ac:dyDescent="0.2">
      <c r="A6143" s="17"/>
      <c r="B6143" s="17"/>
      <c r="C6143" s="17"/>
      <c r="D6143" s="18"/>
      <c r="E6143" s="18"/>
      <c r="F6143" s="18"/>
      <c r="G6143" s="18"/>
      <c r="H6143" s="18"/>
      <c r="I6143" s="18"/>
      <c r="J6143" s="18"/>
      <c r="K6143" s="18"/>
      <c r="L6143" s="18"/>
      <c r="M6143" s="18"/>
      <c r="N6143" s="18"/>
      <c r="O6143" s="18"/>
      <c r="P6143" s="19"/>
      <c r="Q6143" s="19"/>
      <c r="R6143" s="19"/>
      <c r="S6143" s="19"/>
      <c r="T6143" s="19"/>
      <c r="U6143" s="19"/>
      <c r="V6143" s="19"/>
      <c r="W6143" s="19"/>
      <c r="X6143" s="19"/>
      <c r="Y6143" s="19"/>
      <c r="Z6143" s="19"/>
      <c r="AA6143" s="19"/>
    </row>
    <row r="6144" spans="1:27" s="1" customFormat="1" ht="14.1" customHeight="1" outlineLevel="2" x14ac:dyDescent="0.2">
      <c r="A6144" s="17">
        <v>11593</v>
      </c>
      <c r="B6144" s="17"/>
      <c r="C6144" s="17"/>
      <c r="D6144" s="18" t="s">
        <v>3053</v>
      </c>
      <c r="E6144" s="18"/>
      <c r="F6144" s="18"/>
      <c r="G6144" s="18"/>
      <c r="H6144" s="18"/>
      <c r="I6144" s="18"/>
      <c r="J6144" s="18"/>
      <c r="K6144" s="18"/>
      <c r="L6144" s="18"/>
      <c r="M6144" s="18"/>
      <c r="N6144" s="18"/>
      <c r="O6144" s="18"/>
      <c r="P6144" s="19">
        <v>90</v>
      </c>
      <c r="Q6144" s="19"/>
      <c r="R6144" s="19"/>
      <c r="S6144" s="19"/>
      <c r="T6144" s="19">
        <v>60</v>
      </c>
      <c r="U6144" s="19"/>
      <c r="V6144" s="19"/>
      <c r="W6144" s="19"/>
      <c r="X6144" s="19">
        <v>1</v>
      </c>
      <c r="Y6144" s="19"/>
      <c r="Z6144" s="19"/>
      <c r="AA6144" s="19"/>
    </row>
    <row r="6145" spans="1:27" s="1" customFormat="1" ht="14.1" customHeight="1" outlineLevel="2" x14ac:dyDescent="0.2">
      <c r="A6145" s="17"/>
      <c r="B6145" s="17"/>
      <c r="C6145" s="17"/>
      <c r="D6145" s="18"/>
      <c r="E6145" s="18"/>
      <c r="F6145" s="18"/>
      <c r="G6145" s="18"/>
      <c r="H6145" s="18"/>
      <c r="I6145" s="18"/>
      <c r="J6145" s="18"/>
      <c r="K6145" s="18"/>
      <c r="L6145" s="18"/>
      <c r="M6145" s="18"/>
      <c r="N6145" s="18"/>
      <c r="O6145" s="18"/>
      <c r="P6145" s="19"/>
      <c r="Q6145" s="19"/>
      <c r="R6145" s="19"/>
      <c r="S6145" s="19"/>
      <c r="T6145" s="19"/>
      <c r="U6145" s="19"/>
      <c r="V6145" s="19"/>
      <c r="W6145" s="19"/>
      <c r="X6145" s="19"/>
      <c r="Y6145" s="19"/>
      <c r="Z6145" s="19"/>
      <c r="AA6145" s="19"/>
    </row>
    <row r="6146" spans="1:27" s="1" customFormat="1" ht="11.1" customHeight="1" outlineLevel="1" x14ac:dyDescent="0.2">
      <c r="A6146" s="16" t="s">
        <v>3054</v>
      </c>
      <c r="B6146" s="16"/>
      <c r="C6146" s="16"/>
      <c r="D6146" s="16"/>
      <c r="E6146" s="16"/>
      <c r="F6146" s="16"/>
      <c r="G6146" s="16"/>
      <c r="H6146" s="16"/>
      <c r="I6146" s="16"/>
      <c r="J6146" s="16"/>
      <c r="K6146" s="16"/>
      <c r="L6146" s="16"/>
      <c r="M6146" s="16"/>
      <c r="N6146" s="16"/>
      <c r="O6146" s="16"/>
      <c r="P6146" s="16"/>
      <c r="Q6146" s="16"/>
      <c r="R6146" s="16"/>
      <c r="S6146" s="16"/>
      <c r="T6146" s="16"/>
      <c r="U6146" s="16"/>
      <c r="V6146" s="16"/>
      <c r="W6146" s="16"/>
      <c r="X6146" s="16"/>
      <c r="Y6146" s="16"/>
      <c r="Z6146" s="16"/>
      <c r="AA6146" s="16"/>
    </row>
    <row r="6147" spans="1:27" s="1" customFormat="1" ht="11.1" customHeight="1" outlineLevel="1" x14ac:dyDescent="0.2">
      <c r="A6147" s="16"/>
      <c r="B6147" s="16"/>
      <c r="C6147" s="16"/>
      <c r="D6147" s="16"/>
      <c r="E6147" s="16"/>
      <c r="F6147" s="16"/>
      <c r="G6147" s="16"/>
      <c r="H6147" s="16"/>
      <c r="I6147" s="16"/>
      <c r="J6147" s="16"/>
      <c r="K6147" s="16"/>
      <c r="L6147" s="16"/>
      <c r="M6147" s="16"/>
      <c r="N6147" s="16"/>
      <c r="O6147" s="16"/>
      <c r="P6147" s="16"/>
      <c r="Q6147" s="16"/>
      <c r="R6147" s="16"/>
      <c r="S6147" s="16"/>
      <c r="T6147" s="16"/>
      <c r="U6147" s="16"/>
      <c r="V6147" s="16"/>
      <c r="W6147" s="16"/>
      <c r="X6147" s="16"/>
      <c r="Y6147" s="16"/>
      <c r="Z6147" s="16"/>
      <c r="AA6147" s="16"/>
    </row>
    <row r="6148" spans="1:27" s="1" customFormat="1" ht="14.1" customHeight="1" outlineLevel="2" x14ac:dyDescent="0.2">
      <c r="A6148" s="17">
        <v>17873</v>
      </c>
      <c r="B6148" s="17"/>
      <c r="C6148" s="17"/>
      <c r="D6148" s="18" t="s">
        <v>3055</v>
      </c>
      <c r="E6148" s="18"/>
      <c r="F6148" s="18"/>
      <c r="G6148" s="18"/>
      <c r="H6148" s="18"/>
      <c r="I6148" s="18"/>
      <c r="J6148" s="18"/>
      <c r="K6148" s="18"/>
      <c r="L6148" s="18"/>
      <c r="M6148" s="18"/>
      <c r="N6148" s="18"/>
      <c r="O6148" s="18"/>
      <c r="P6148" s="19">
        <v>65</v>
      </c>
      <c r="Q6148" s="19"/>
      <c r="R6148" s="19"/>
      <c r="S6148" s="19"/>
      <c r="T6148" s="19">
        <v>45</v>
      </c>
      <c r="U6148" s="19"/>
      <c r="V6148" s="19"/>
      <c r="W6148" s="19"/>
      <c r="X6148" s="19">
        <v>50</v>
      </c>
      <c r="Y6148" s="19"/>
      <c r="Z6148" s="19"/>
      <c r="AA6148" s="19"/>
    </row>
    <row r="6149" spans="1:27" s="1" customFormat="1" ht="14.1" customHeight="1" outlineLevel="2" x14ac:dyDescent="0.2">
      <c r="A6149" s="17"/>
      <c r="B6149" s="17"/>
      <c r="C6149" s="17"/>
      <c r="D6149" s="18"/>
      <c r="E6149" s="18"/>
      <c r="F6149" s="18"/>
      <c r="G6149" s="18"/>
      <c r="H6149" s="18"/>
      <c r="I6149" s="18"/>
      <c r="J6149" s="18"/>
      <c r="K6149" s="18"/>
      <c r="L6149" s="18"/>
      <c r="M6149" s="18"/>
      <c r="N6149" s="18"/>
      <c r="O6149" s="18"/>
      <c r="P6149" s="19"/>
      <c r="Q6149" s="19"/>
      <c r="R6149" s="19"/>
      <c r="S6149" s="19"/>
      <c r="T6149" s="19"/>
      <c r="U6149" s="19"/>
      <c r="V6149" s="19"/>
      <c r="W6149" s="19"/>
      <c r="X6149" s="19"/>
      <c r="Y6149" s="19"/>
      <c r="Z6149" s="19"/>
      <c r="AA6149" s="19"/>
    </row>
    <row r="6150" spans="1:27" s="1" customFormat="1" ht="11.1" customHeight="1" outlineLevel="2" x14ac:dyDescent="0.2">
      <c r="A6150" s="17">
        <v>17874</v>
      </c>
      <c r="B6150" s="17"/>
      <c r="C6150" s="17"/>
      <c r="D6150" s="18" t="s">
        <v>3056</v>
      </c>
      <c r="E6150" s="18"/>
      <c r="F6150" s="18"/>
      <c r="G6150" s="18"/>
      <c r="H6150" s="18"/>
      <c r="I6150" s="18"/>
      <c r="J6150" s="18"/>
      <c r="K6150" s="18"/>
      <c r="L6150" s="18"/>
      <c r="M6150" s="18"/>
      <c r="N6150" s="18"/>
      <c r="O6150" s="18"/>
      <c r="P6150" s="19">
        <v>55</v>
      </c>
      <c r="Q6150" s="19"/>
      <c r="R6150" s="19"/>
      <c r="S6150" s="19"/>
      <c r="T6150" s="19">
        <v>35</v>
      </c>
      <c r="U6150" s="19"/>
      <c r="V6150" s="19"/>
      <c r="W6150" s="19"/>
      <c r="X6150" s="19">
        <v>12</v>
      </c>
      <c r="Y6150" s="19"/>
      <c r="Z6150" s="19"/>
      <c r="AA6150" s="19"/>
    </row>
    <row r="6151" spans="1:27" s="1" customFormat="1" ht="11.1" customHeight="1" outlineLevel="2" x14ac:dyDescent="0.2">
      <c r="A6151" s="17"/>
      <c r="B6151" s="17"/>
      <c r="C6151" s="17"/>
      <c r="D6151" s="18"/>
      <c r="E6151" s="18"/>
      <c r="F6151" s="18"/>
      <c r="G6151" s="18"/>
      <c r="H6151" s="18"/>
      <c r="I6151" s="18"/>
      <c r="J6151" s="18"/>
      <c r="K6151" s="18"/>
      <c r="L6151" s="18"/>
      <c r="M6151" s="18"/>
      <c r="N6151" s="18"/>
      <c r="O6151" s="18"/>
      <c r="P6151" s="19"/>
      <c r="Q6151" s="19"/>
      <c r="R6151" s="19"/>
      <c r="S6151" s="19"/>
      <c r="T6151" s="19"/>
      <c r="U6151" s="19"/>
      <c r="V6151" s="19"/>
      <c r="W6151" s="19"/>
      <c r="X6151" s="19"/>
      <c r="Y6151" s="19"/>
      <c r="Z6151" s="19"/>
      <c r="AA6151" s="19"/>
    </row>
    <row r="6152" spans="1:27" s="1" customFormat="1" ht="11.1" customHeight="1" outlineLevel="2" x14ac:dyDescent="0.2">
      <c r="A6152" s="17">
        <v>17875</v>
      </c>
      <c r="B6152" s="17"/>
      <c r="C6152" s="17"/>
      <c r="D6152" s="18" t="s">
        <v>3057</v>
      </c>
      <c r="E6152" s="18"/>
      <c r="F6152" s="18"/>
      <c r="G6152" s="18"/>
      <c r="H6152" s="18"/>
      <c r="I6152" s="18"/>
      <c r="J6152" s="18"/>
      <c r="K6152" s="18"/>
      <c r="L6152" s="18"/>
      <c r="M6152" s="18"/>
      <c r="N6152" s="18"/>
      <c r="O6152" s="18"/>
      <c r="P6152" s="19">
        <v>55</v>
      </c>
      <c r="Q6152" s="19"/>
      <c r="R6152" s="19"/>
      <c r="S6152" s="19"/>
      <c r="T6152" s="19">
        <v>35</v>
      </c>
      <c r="U6152" s="19"/>
      <c r="V6152" s="19"/>
      <c r="W6152" s="19"/>
      <c r="X6152" s="19">
        <v>50</v>
      </c>
      <c r="Y6152" s="19"/>
      <c r="Z6152" s="19"/>
      <c r="AA6152" s="19"/>
    </row>
    <row r="6153" spans="1:27" s="1" customFormat="1" ht="11.1" customHeight="1" outlineLevel="2" x14ac:dyDescent="0.2">
      <c r="A6153" s="17"/>
      <c r="B6153" s="17"/>
      <c r="C6153" s="17"/>
      <c r="D6153" s="18"/>
      <c r="E6153" s="18"/>
      <c r="F6153" s="18"/>
      <c r="G6153" s="18"/>
      <c r="H6153" s="18"/>
      <c r="I6153" s="18"/>
      <c r="J6153" s="18"/>
      <c r="K6153" s="18"/>
      <c r="L6153" s="18"/>
      <c r="M6153" s="18"/>
      <c r="N6153" s="18"/>
      <c r="O6153" s="18"/>
      <c r="P6153" s="19"/>
      <c r="Q6153" s="19"/>
      <c r="R6153" s="19"/>
      <c r="S6153" s="19"/>
      <c r="T6153" s="19"/>
      <c r="U6153" s="19"/>
      <c r="V6153" s="19"/>
      <c r="W6153" s="19"/>
      <c r="X6153" s="19"/>
      <c r="Y6153" s="19"/>
      <c r="Z6153" s="19"/>
      <c r="AA6153" s="19"/>
    </row>
    <row r="6154" spans="1:27" s="1" customFormat="1" ht="14.1" customHeight="1" outlineLevel="2" x14ac:dyDescent="0.2">
      <c r="A6154" s="17">
        <v>17867</v>
      </c>
      <c r="B6154" s="17"/>
      <c r="C6154" s="17"/>
      <c r="D6154" s="18" t="s">
        <v>3058</v>
      </c>
      <c r="E6154" s="18"/>
      <c r="F6154" s="18"/>
      <c r="G6154" s="18"/>
      <c r="H6154" s="18"/>
      <c r="I6154" s="18"/>
      <c r="J6154" s="18"/>
      <c r="K6154" s="18"/>
      <c r="L6154" s="18"/>
      <c r="M6154" s="18"/>
      <c r="N6154" s="18"/>
      <c r="O6154" s="18"/>
      <c r="P6154" s="19">
        <v>55</v>
      </c>
      <c r="Q6154" s="19"/>
      <c r="R6154" s="19"/>
      <c r="S6154" s="19"/>
      <c r="T6154" s="19">
        <v>35</v>
      </c>
      <c r="U6154" s="19"/>
      <c r="V6154" s="19"/>
      <c r="W6154" s="19"/>
      <c r="X6154" s="19">
        <v>50</v>
      </c>
      <c r="Y6154" s="19"/>
      <c r="Z6154" s="19"/>
      <c r="AA6154" s="19"/>
    </row>
    <row r="6155" spans="1:27" s="1" customFormat="1" ht="14.1" customHeight="1" outlineLevel="2" x14ac:dyDescent="0.2">
      <c r="A6155" s="17"/>
      <c r="B6155" s="17"/>
      <c r="C6155" s="17"/>
      <c r="D6155" s="18"/>
      <c r="E6155" s="18"/>
      <c r="F6155" s="18"/>
      <c r="G6155" s="18"/>
      <c r="H6155" s="18"/>
      <c r="I6155" s="18"/>
      <c r="J6155" s="18"/>
      <c r="K6155" s="18"/>
      <c r="L6155" s="18"/>
      <c r="M6155" s="18"/>
      <c r="N6155" s="18"/>
      <c r="O6155" s="18"/>
      <c r="P6155" s="19"/>
      <c r="Q6155" s="19"/>
      <c r="R6155" s="19"/>
      <c r="S6155" s="19"/>
      <c r="T6155" s="19"/>
      <c r="U6155" s="19"/>
      <c r="V6155" s="19"/>
      <c r="W6155" s="19"/>
      <c r="X6155" s="19"/>
      <c r="Y6155" s="19"/>
      <c r="Z6155" s="19"/>
      <c r="AA6155" s="19"/>
    </row>
    <row r="6156" spans="1:27" s="1" customFormat="1" ht="11.1" customHeight="1" outlineLevel="2" x14ac:dyDescent="0.2">
      <c r="A6156" s="17">
        <v>17861</v>
      </c>
      <c r="B6156" s="17"/>
      <c r="C6156" s="17"/>
      <c r="D6156" s="18" t="s">
        <v>3059</v>
      </c>
      <c r="E6156" s="18"/>
      <c r="F6156" s="18"/>
      <c r="G6156" s="18"/>
      <c r="H6156" s="18"/>
      <c r="I6156" s="18"/>
      <c r="J6156" s="18"/>
      <c r="K6156" s="18"/>
      <c r="L6156" s="18"/>
      <c r="M6156" s="18"/>
      <c r="N6156" s="18"/>
      <c r="O6156" s="18"/>
      <c r="P6156" s="19">
        <v>60</v>
      </c>
      <c r="Q6156" s="19"/>
      <c r="R6156" s="19"/>
      <c r="S6156" s="19"/>
      <c r="T6156" s="19">
        <v>40</v>
      </c>
      <c r="U6156" s="19"/>
      <c r="V6156" s="19"/>
      <c r="W6156" s="19"/>
      <c r="X6156" s="19">
        <v>50</v>
      </c>
      <c r="Y6156" s="19"/>
      <c r="Z6156" s="19"/>
      <c r="AA6156" s="19"/>
    </row>
    <row r="6157" spans="1:27" s="1" customFormat="1" ht="11.1" customHeight="1" outlineLevel="2" x14ac:dyDescent="0.2">
      <c r="A6157" s="17"/>
      <c r="B6157" s="17"/>
      <c r="C6157" s="17"/>
      <c r="D6157" s="18"/>
      <c r="E6157" s="18"/>
      <c r="F6157" s="18"/>
      <c r="G6157" s="18"/>
      <c r="H6157" s="18"/>
      <c r="I6157" s="18"/>
      <c r="J6157" s="18"/>
      <c r="K6157" s="18"/>
      <c r="L6157" s="18"/>
      <c r="M6157" s="18"/>
      <c r="N6157" s="18"/>
      <c r="O6157" s="18"/>
      <c r="P6157" s="19"/>
      <c r="Q6157" s="19"/>
      <c r="R6157" s="19"/>
      <c r="S6157" s="19"/>
      <c r="T6157" s="19"/>
      <c r="U6157" s="19"/>
      <c r="V6157" s="19"/>
      <c r="W6157" s="19"/>
      <c r="X6157" s="19"/>
      <c r="Y6157" s="19"/>
      <c r="Z6157" s="19"/>
      <c r="AA6157" s="19"/>
    </row>
    <row r="6158" spans="1:27" s="1" customFormat="1" ht="11.1" customHeight="1" outlineLevel="2" x14ac:dyDescent="0.2">
      <c r="A6158" s="17">
        <v>17866</v>
      </c>
      <c r="B6158" s="17"/>
      <c r="C6158" s="17"/>
      <c r="D6158" s="18" t="s">
        <v>3060</v>
      </c>
      <c r="E6158" s="18"/>
      <c r="F6158" s="18"/>
      <c r="G6158" s="18"/>
      <c r="H6158" s="18"/>
      <c r="I6158" s="18"/>
      <c r="J6158" s="18"/>
      <c r="K6158" s="18"/>
      <c r="L6158" s="18"/>
      <c r="M6158" s="18"/>
      <c r="N6158" s="18"/>
      <c r="O6158" s="18"/>
      <c r="P6158" s="19">
        <v>55</v>
      </c>
      <c r="Q6158" s="19"/>
      <c r="R6158" s="19"/>
      <c r="S6158" s="19"/>
      <c r="T6158" s="19">
        <v>35</v>
      </c>
      <c r="U6158" s="19"/>
      <c r="V6158" s="19"/>
      <c r="W6158" s="19"/>
      <c r="X6158" s="19">
        <v>50</v>
      </c>
      <c r="Y6158" s="19"/>
      <c r="Z6158" s="19"/>
      <c r="AA6158" s="19"/>
    </row>
    <row r="6159" spans="1:27" s="1" customFormat="1" ht="11.1" customHeight="1" outlineLevel="2" x14ac:dyDescent="0.2">
      <c r="A6159" s="17"/>
      <c r="B6159" s="17"/>
      <c r="C6159" s="17"/>
      <c r="D6159" s="18"/>
      <c r="E6159" s="18"/>
      <c r="F6159" s="18"/>
      <c r="G6159" s="18"/>
      <c r="H6159" s="18"/>
      <c r="I6159" s="18"/>
      <c r="J6159" s="18"/>
      <c r="K6159" s="18"/>
      <c r="L6159" s="18"/>
      <c r="M6159" s="18"/>
      <c r="N6159" s="18"/>
      <c r="O6159" s="18"/>
      <c r="P6159" s="19"/>
      <c r="Q6159" s="19"/>
      <c r="R6159" s="19"/>
      <c r="S6159" s="19"/>
      <c r="T6159" s="19"/>
      <c r="U6159" s="19"/>
      <c r="V6159" s="19"/>
      <c r="W6159" s="19"/>
      <c r="X6159" s="19"/>
      <c r="Y6159" s="19"/>
      <c r="Z6159" s="19"/>
      <c r="AA6159" s="19"/>
    </row>
    <row r="6160" spans="1:27" s="1" customFormat="1" ht="11.1" customHeight="1" outlineLevel="2" x14ac:dyDescent="0.2">
      <c r="A6160" s="17">
        <v>17862</v>
      </c>
      <c r="B6160" s="17"/>
      <c r="C6160" s="17"/>
      <c r="D6160" s="18" t="s">
        <v>3061</v>
      </c>
      <c r="E6160" s="18"/>
      <c r="F6160" s="18"/>
      <c r="G6160" s="18"/>
      <c r="H6160" s="18"/>
      <c r="I6160" s="18"/>
      <c r="J6160" s="18"/>
      <c r="K6160" s="18"/>
      <c r="L6160" s="18"/>
      <c r="M6160" s="18"/>
      <c r="N6160" s="18"/>
      <c r="O6160" s="18"/>
      <c r="P6160" s="19">
        <v>55</v>
      </c>
      <c r="Q6160" s="19"/>
      <c r="R6160" s="19"/>
      <c r="S6160" s="19"/>
      <c r="T6160" s="19">
        <v>35</v>
      </c>
      <c r="U6160" s="19"/>
      <c r="V6160" s="19"/>
      <c r="W6160" s="19"/>
      <c r="X6160" s="19">
        <v>50</v>
      </c>
      <c r="Y6160" s="19"/>
      <c r="Z6160" s="19"/>
      <c r="AA6160" s="19"/>
    </row>
    <row r="6161" spans="1:27" s="1" customFormat="1" ht="11.1" customHeight="1" outlineLevel="2" x14ac:dyDescent="0.2">
      <c r="A6161" s="17"/>
      <c r="B6161" s="17"/>
      <c r="C6161" s="17"/>
      <c r="D6161" s="18"/>
      <c r="E6161" s="18"/>
      <c r="F6161" s="18"/>
      <c r="G6161" s="18"/>
      <c r="H6161" s="18"/>
      <c r="I6161" s="18"/>
      <c r="J6161" s="18"/>
      <c r="K6161" s="18"/>
      <c r="L6161" s="18"/>
      <c r="M6161" s="18"/>
      <c r="N6161" s="18"/>
      <c r="O6161" s="18"/>
      <c r="P6161" s="19"/>
      <c r="Q6161" s="19"/>
      <c r="R6161" s="19"/>
      <c r="S6161" s="19"/>
      <c r="T6161" s="19"/>
      <c r="U6161" s="19"/>
      <c r="V6161" s="19"/>
      <c r="W6161" s="19"/>
      <c r="X6161" s="19"/>
      <c r="Y6161" s="19"/>
      <c r="Z6161" s="19"/>
      <c r="AA6161" s="19"/>
    </row>
    <row r="6162" spans="1:27" s="1" customFormat="1" ht="11.1" customHeight="1" outlineLevel="2" x14ac:dyDescent="0.2">
      <c r="A6162" s="17">
        <v>17869</v>
      </c>
      <c r="B6162" s="17"/>
      <c r="C6162" s="17"/>
      <c r="D6162" s="18" t="s">
        <v>3062</v>
      </c>
      <c r="E6162" s="18"/>
      <c r="F6162" s="18"/>
      <c r="G6162" s="18"/>
      <c r="H6162" s="18"/>
      <c r="I6162" s="18"/>
      <c r="J6162" s="18"/>
      <c r="K6162" s="18"/>
      <c r="L6162" s="18"/>
      <c r="M6162" s="18"/>
      <c r="N6162" s="18"/>
      <c r="O6162" s="18"/>
      <c r="P6162" s="19">
        <v>55</v>
      </c>
      <c r="Q6162" s="19"/>
      <c r="R6162" s="19"/>
      <c r="S6162" s="19"/>
      <c r="T6162" s="19">
        <v>35</v>
      </c>
      <c r="U6162" s="19"/>
      <c r="V6162" s="19"/>
      <c r="W6162" s="19"/>
      <c r="X6162" s="19">
        <v>50</v>
      </c>
      <c r="Y6162" s="19"/>
      <c r="Z6162" s="19"/>
      <c r="AA6162" s="19"/>
    </row>
    <row r="6163" spans="1:27" s="1" customFormat="1" ht="11.1" customHeight="1" outlineLevel="2" x14ac:dyDescent="0.2">
      <c r="A6163" s="17"/>
      <c r="B6163" s="17"/>
      <c r="C6163" s="17"/>
      <c r="D6163" s="18"/>
      <c r="E6163" s="18"/>
      <c r="F6163" s="18"/>
      <c r="G6163" s="18"/>
      <c r="H6163" s="18"/>
      <c r="I6163" s="18"/>
      <c r="J6163" s="18"/>
      <c r="K6163" s="18"/>
      <c r="L6163" s="18"/>
      <c r="M6163" s="18"/>
      <c r="N6163" s="18"/>
      <c r="O6163" s="18"/>
      <c r="P6163" s="19"/>
      <c r="Q6163" s="19"/>
      <c r="R6163" s="19"/>
      <c r="S6163" s="19"/>
      <c r="T6163" s="19"/>
      <c r="U6163" s="19"/>
      <c r="V6163" s="19"/>
      <c r="W6163" s="19"/>
      <c r="X6163" s="19"/>
      <c r="Y6163" s="19"/>
      <c r="Z6163" s="19"/>
      <c r="AA6163" s="19"/>
    </row>
    <row r="6164" spans="1:27" s="1" customFormat="1" ht="14.1" customHeight="1" outlineLevel="2" x14ac:dyDescent="0.2">
      <c r="A6164" s="17">
        <v>17868</v>
      </c>
      <c r="B6164" s="17"/>
      <c r="C6164" s="17"/>
      <c r="D6164" s="18" t="s">
        <v>3063</v>
      </c>
      <c r="E6164" s="18"/>
      <c r="F6164" s="18"/>
      <c r="G6164" s="18"/>
      <c r="H6164" s="18"/>
      <c r="I6164" s="18"/>
      <c r="J6164" s="18"/>
      <c r="K6164" s="18"/>
      <c r="L6164" s="18"/>
      <c r="M6164" s="18"/>
      <c r="N6164" s="18"/>
      <c r="O6164" s="18"/>
      <c r="P6164" s="19">
        <v>55</v>
      </c>
      <c r="Q6164" s="19"/>
      <c r="R6164" s="19"/>
      <c r="S6164" s="19"/>
      <c r="T6164" s="19">
        <v>35</v>
      </c>
      <c r="U6164" s="19"/>
      <c r="V6164" s="19"/>
      <c r="W6164" s="19"/>
      <c r="X6164" s="19">
        <v>50</v>
      </c>
      <c r="Y6164" s="19"/>
      <c r="Z6164" s="19"/>
      <c r="AA6164" s="19"/>
    </row>
    <row r="6165" spans="1:27" s="1" customFormat="1" ht="14.1" customHeight="1" outlineLevel="2" x14ac:dyDescent="0.2">
      <c r="A6165" s="17"/>
      <c r="B6165" s="17"/>
      <c r="C6165" s="17"/>
      <c r="D6165" s="18"/>
      <c r="E6165" s="18"/>
      <c r="F6165" s="18"/>
      <c r="G6165" s="18"/>
      <c r="H6165" s="18"/>
      <c r="I6165" s="18"/>
      <c r="J6165" s="18"/>
      <c r="K6165" s="18"/>
      <c r="L6165" s="18"/>
      <c r="M6165" s="18"/>
      <c r="N6165" s="18"/>
      <c r="O6165" s="18"/>
      <c r="P6165" s="19"/>
      <c r="Q6165" s="19"/>
      <c r="R6165" s="19"/>
      <c r="S6165" s="19"/>
      <c r="T6165" s="19"/>
      <c r="U6165" s="19"/>
      <c r="V6165" s="19"/>
      <c r="W6165" s="19"/>
      <c r="X6165" s="19"/>
      <c r="Y6165" s="19"/>
      <c r="Z6165" s="19"/>
      <c r="AA6165" s="19"/>
    </row>
    <row r="6166" spans="1:27" s="1" customFormat="1" ht="14.1" customHeight="1" outlineLevel="2" x14ac:dyDescent="0.2">
      <c r="A6166" s="17">
        <v>17859</v>
      </c>
      <c r="B6166" s="17"/>
      <c r="C6166" s="17"/>
      <c r="D6166" s="18" t="s">
        <v>3064</v>
      </c>
      <c r="E6166" s="18"/>
      <c r="F6166" s="18"/>
      <c r="G6166" s="18"/>
      <c r="H6166" s="18"/>
      <c r="I6166" s="18"/>
      <c r="J6166" s="18"/>
      <c r="K6166" s="18"/>
      <c r="L6166" s="18"/>
      <c r="M6166" s="18"/>
      <c r="N6166" s="18"/>
      <c r="O6166" s="18"/>
      <c r="P6166" s="19">
        <v>55</v>
      </c>
      <c r="Q6166" s="19"/>
      <c r="R6166" s="19"/>
      <c r="S6166" s="19"/>
      <c r="T6166" s="19">
        <v>35</v>
      </c>
      <c r="U6166" s="19"/>
      <c r="V6166" s="19"/>
      <c r="W6166" s="19"/>
      <c r="X6166" s="19">
        <v>50</v>
      </c>
      <c r="Y6166" s="19"/>
      <c r="Z6166" s="19"/>
      <c r="AA6166" s="19"/>
    </row>
    <row r="6167" spans="1:27" s="1" customFormat="1" ht="14.1" customHeight="1" outlineLevel="2" x14ac:dyDescent="0.2">
      <c r="A6167" s="17"/>
      <c r="B6167" s="17"/>
      <c r="C6167" s="17"/>
      <c r="D6167" s="18"/>
      <c r="E6167" s="18"/>
      <c r="F6167" s="18"/>
      <c r="G6167" s="18"/>
      <c r="H6167" s="18"/>
      <c r="I6167" s="18"/>
      <c r="J6167" s="18"/>
      <c r="K6167" s="18"/>
      <c r="L6167" s="18"/>
      <c r="M6167" s="18"/>
      <c r="N6167" s="18"/>
      <c r="O6167" s="18"/>
      <c r="P6167" s="19"/>
      <c r="Q6167" s="19"/>
      <c r="R6167" s="19"/>
      <c r="S6167" s="19"/>
      <c r="T6167" s="19"/>
      <c r="U6167" s="19"/>
      <c r="V6167" s="19"/>
      <c r="W6167" s="19"/>
      <c r="X6167" s="19"/>
      <c r="Y6167" s="19"/>
      <c r="Z6167" s="19"/>
      <c r="AA6167" s="19"/>
    </row>
    <row r="6168" spans="1:27" s="1" customFormat="1" ht="11.1" customHeight="1" outlineLevel="2" x14ac:dyDescent="0.2">
      <c r="A6168" s="17">
        <v>17865</v>
      </c>
      <c r="B6168" s="17"/>
      <c r="C6168" s="17"/>
      <c r="D6168" s="18" t="s">
        <v>3065</v>
      </c>
      <c r="E6168" s="18"/>
      <c r="F6168" s="18"/>
      <c r="G6168" s="18"/>
      <c r="H6168" s="18"/>
      <c r="I6168" s="18"/>
      <c r="J6168" s="18"/>
      <c r="K6168" s="18"/>
      <c r="L6168" s="18"/>
      <c r="M6168" s="18"/>
      <c r="N6168" s="18"/>
      <c r="O6168" s="18"/>
      <c r="P6168" s="19">
        <v>55</v>
      </c>
      <c r="Q6168" s="19"/>
      <c r="R6168" s="19"/>
      <c r="S6168" s="19"/>
      <c r="T6168" s="19">
        <v>35</v>
      </c>
      <c r="U6168" s="19"/>
      <c r="V6168" s="19"/>
      <c r="W6168" s="19"/>
      <c r="X6168" s="19">
        <v>50</v>
      </c>
      <c r="Y6168" s="19"/>
      <c r="Z6168" s="19"/>
      <c r="AA6168" s="19"/>
    </row>
    <row r="6169" spans="1:27" s="1" customFormat="1" ht="11.1" customHeight="1" outlineLevel="2" x14ac:dyDescent="0.2">
      <c r="A6169" s="17"/>
      <c r="B6169" s="17"/>
      <c r="C6169" s="17"/>
      <c r="D6169" s="18"/>
      <c r="E6169" s="18"/>
      <c r="F6169" s="18"/>
      <c r="G6169" s="18"/>
      <c r="H6169" s="18"/>
      <c r="I6169" s="18"/>
      <c r="J6169" s="18"/>
      <c r="K6169" s="18"/>
      <c r="L6169" s="18"/>
      <c r="M6169" s="18"/>
      <c r="N6169" s="18"/>
      <c r="O6169" s="18"/>
      <c r="P6169" s="19"/>
      <c r="Q6169" s="19"/>
      <c r="R6169" s="19"/>
      <c r="S6169" s="19"/>
      <c r="T6169" s="19"/>
      <c r="U6169" s="19"/>
      <c r="V6169" s="19"/>
      <c r="W6169" s="19"/>
      <c r="X6169" s="19"/>
      <c r="Y6169" s="19"/>
      <c r="Z6169" s="19"/>
      <c r="AA6169" s="19"/>
    </row>
    <row r="6170" spans="1:27" s="1" customFormat="1" ht="11.1" customHeight="1" outlineLevel="2" x14ac:dyDescent="0.2">
      <c r="A6170" s="17">
        <v>17863</v>
      </c>
      <c r="B6170" s="17"/>
      <c r="C6170" s="17"/>
      <c r="D6170" s="18" t="s">
        <v>3066</v>
      </c>
      <c r="E6170" s="18"/>
      <c r="F6170" s="18"/>
      <c r="G6170" s="18"/>
      <c r="H6170" s="18"/>
      <c r="I6170" s="18"/>
      <c r="J6170" s="18"/>
      <c r="K6170" s="18"/>
      <c r="L6170" s="18"/>
      <c r="M6170" s="18"/>
      <c r="N6170" s="18"/>
      <c r="O6170" s="18"/>
      <c r="P6170" s="19">
        <v>60</v>
      </c>
      <c r="Q6170" s="19"/>
      <c r="R6170" s="19"/>
      <c r="S6170" s="19"/>
      <c r="T6170" s="19">
        <v>40</v>
      </c>
      <c r="U6170" s="19"/>
      <c r="V6170" s="19"/>
      <c r="W6170" s="19"/>
      <c r="X6170" s="19">
        <v>50</v>
      </c>
      <c r="Y6170" s="19"/>
      <c r="Z6170" s="19"/>
      <c r="AA6170" s="19"/>
    </row>
    <row r="6171" spans="1:27" s="1" customFormat="1" ht="11.1" customHeight="1" outlineLevel="2" x14ac:dyDescent="0.2">
      <c r="A6171" s="17"/>
      <c r="B6171" s="17"/>
      <c r="C6171" s="17"/>
      <c r="D6171" s="18"/>
      <c r="E6171" s="18"/>
      <c r="F6171" s="18"/>
      <c r="G6171" s="18"/>
      <c r="H6171" s="18"/>
      <c r="I6171" s="18"/>
      <c r="J6171" s="18"/>
      <c r="K6171" s="18"/>
      <c r="L6171" s="18"/>
      <c r="M6171" s="18"/>
      <c r="N6171" s="18"/>
      <c r="O6171" s="18"/>
      <c r="P6171" s="19"/>
      <c r="Q6171" s="19"/>
      <c r="R6171" s="19"/>
      <c r="S6171" s="19"/>
      <c r="T6171" s="19"/>
      <c r="U6171" s="19"/>
      <c r="V6171" s="19"/>
      <c r="W6171" s="19"/>
      <c r="X6171" s="19"/>
      <c r="Y6171" s="19"/>
      <c r="Z6171" s="19"/>
      <c r="AA6171" s="19"/>
    </row>
    <row r="6172" spans="1:27" s="1" customFormat="1" ht="11.1" customHeight="1" outlineLevel="2" x14ac:dyDescent="0.2">
      <c r="A6172" s="17">
        <v>17864</v>
      </c>
      <c r="B6172" s="17"/>
      <c r="C6172" s="17"/>
      <c r="D6172" s="18" t="s">
        <v>3067</v>
      </c>
      <c r="E6172" s="18"/>
      <c r="F6172" s="18"/>
      <c r="G6172" s="18"/>
      <c r="H6172" s="18"/>
      <c r="I6172" s="18"/>
      <c r="J6172" s="18"/>
      <c r="K6172" s="18"/>
      <c r="L6172" s="18"/>
      <c r="M6172" s="18"/>
      <c r="N6172" s="18"/>
      <c r="O6172" s="18"/>
      <c r="P6172" s="19">
        <v>60</v>
      </c>
      <c r="Q6172" s="19"/>
      <c r="R6172" s="19"/>
      <c r="S6172" s="19"/>
      <c r="T6172" s="19">
        <v>40</v>
      </c>
      <c r="U6172" s="19"/>
      <c r="V6172" s="19"/>
      <c r="W6172" s="19"/>
      <c r="X6172" s="19">
        <v>50</v>
      </c>
      <c r="Y6172" s="19"/>
      <c r="Z6172" s="19"/>
      <c r="AA6172" s="19"/>
    </row>
    <row r="6173" spans="1:27" s="1" customFormat="1" ht="11.1" customHeight="1" outlineLevel="2" x14ac:dyDescent="0.2">
      <c r="A6173" s="17"/>
      <c r="B6173" s="17"/>
      <c r="C6173" s="17"/>
      <c r="D6173" s="18"/>
      <c r="E6173" s="18"/>
      <c r="F6173" s="18"/>
      <c r="G6173" s="18"/>
      <c r="H6173" s="18"/>
      <c r="I6173" s="18"/>
      <c r="J6173" s="18"/>
      <c r="K6173" s="18"/>
      <c r="L6173" s="18"/>
      <c r="M6173" s="18"/>
      <c r="N6173" s="18"/>
      <c r="O6173" s="18"/>
      <c r="P6173" s="19"/>
      <c r="Q6173" s="19"/>
      <c r="R6173" s="19"/>
      <c r="S6173" s="19"/>
      <c r="T6173" s="19"/>
      <c r="U6173" s="19"/>
      <c r="V6173" s="19"/>
      <c r="W6173" s="19"/>
      <c r="X6173" s="19"/>
      <c r="Y6173" s="19"/>
      <c r="Z6173" s="19"/>
      <c r="AA6173" s="19"/>
    </row>
    <row r="6174" spans="1:27" s="1" customFormat="1" ht="11.1" customHeight="1" outlineLevel="2" x14ac:dyDescent="0.2">
      <c r="A6174" s="17">
        <v>17872</v>
      </c>
      <c r="B6174" s="17"/>
      <c r="C6174" s="17"/>
      <c r="D6174" s="18" t="s">
        <v>3068</v>
      </c>
      <c r="E6174" s="18"/>
      <c r="F6174" s="18"/>
      <c r="G6174" s="18"/>
      <c r="H6174" s="18"/>
      <c r="I6174" s="18"/>
      <c r="J6174" s="18"/>
      <c r="K6174" s="18"/>
      <c r="L6174" s="18"/>
      <c r="M6174" s="18"/>
      <c r="N6174" s="18"/>
      <c r="O6174" s="18"/>
      <c r="P6174" s="19">
        <v>55</v>
      </c>
      <c r="Q6174" s="19"/>
      <c r="R6174" s="19"/>
      <c r="S6174" s="19"/>
      <c r="T6174" s="19">
        <v>35</v>
      </c>
      <c r="U6174" s="19"/>
      <c r="V6174" s="19"/>
      <c r="W6174" s="19"/>
      <c r="X6174" s="19">
        <v>50</v>
      </c>
      <c r="Y6174" s="19"/>
      <c r="Z6174" s="19"/>
      <c r="AA6174" s="19"/>
    </row>
    <row r="6175" spans="1:27" s="1" customFormat="1" ht="11.1" customHeight="1" outlineLevel="2" x14ac:dyDescent="0.2">
      <c r="A6175" s="17"/>
      <c r="B6175" s="17"/>
      <c r="C6175" s="17"/>
      <c r="D6175" s="18"/>
      <c r="E6175" s="18"/>
      <c r="F6175" s="18"/>
      <c r="G6175" s="18"/>
      <c r="H6175" s="18"/>
      <c r="I6175" s="18"/>
      <c r="J6175" s="18"/>
      <c r="K6175" s="18"/>
      <c r="L6175" s="18"/>
      <c r="M6175" s="18"/>
      <c r="N6175" s="18"/>
      <c r="O6175" s="18"/>
      <c r="P6175" s="19"/>
      <c r="Q6175" s="19"/>
      <c r="R6175" s="19"/>
      <c r="S6175" s="19"/>
      <c r="T6175" s="19"/>
      <c r="U6175" s="19"/>
      <c r="V6175" s="19"/>
      <c r="W6175" s="19"/>
      <c r="X6175" s="19"/>
      <c r="Y6175" s="19"/>
      <c r="Z6175" s="19"/>
      <c r="AA6175" s="19"/>
    </row>
    <row r="6176" spans="1:27" s="1" customFormat="1" ht="14.1" customHeight="1" outlineLevel="2" x14ac:dyDescent="0.2">
      <c r="A6176" s="17">
        <v>17870</v>
      </c>
      <c r="B6176" s="17"/>
      <c r="C6176" s="17"/>
      <c r="D6176" s="18" t="s">
        <v>3069</v>
      </c>
      <c r="E6176" s="18"/>
      <c r="F6176" s="18"/>
      <c r="G6176" s="18"/>
      <c r="H6176" s="18"/>
      <c r="I6176" s="18"/>
      <c r="J6176" s="18"/>
      <c r="K6176" s="18"/>
      <c r="L6176" s="18"/>
      <c r="M6176" s="18"/>
      <c r="N6176" s="18"/>
      <c r="O6176" s="18"/>
      <c r="P6176" s="19">
        <v>60</v>
      </c>
      <c r="Q6176" s="19"/>
      <c r="R6176" s="19"/>
      <c r="S6176" s="19"/>
      <c r="T6176" s="19">
        <v>40</v>
      </c>
      <c r="U6176" s="19"/>
      <c r="V6176" s="19"/>
      <c r="W6176" s="19"/>
      <c r="X6176" s="19">
        <v>50</v>
      </c>
      <c r="Y6176" s="19"/>
      <c r="Z6176" s="19"/>
      <c r="AA6176" s="19"/>
    </row>
    <row r="6177" spans="1:27" s="1" customFormat="1" ht="14.1" customHeight="1" outlineLevel="2" x14ac:dyDescent="0.2">
      <c r="A6177" s="17"/>
      <c r="B6177" s="17"/>
      <c r="C6177" s="17"/>
      <c r="D6177" s="18"/>
      <c r="E6177" s="18"/>
      <c r="F6177" s="18"/>
      <c r="G6177" s="18"/>
      <c r="H6177" s="18"/>
      <c r="I6177" s="18"/>
      <c r="J6177" s="18"/>
      <c r="K6177" s="18"/>
      <c r="L6177" s="18"/>
      <c r="M6177" s="18"/>
      <c r="N6177" s="18"/>
      <c r="O6177" s="18"/>
      <c r="P6177" s="19"/>
      <c r="Q6177" s="19"/>
      <c r="R6177" s="19"/>
      <c r="S6177" s="19"/>
      <c r="T6177" s="19"/>
      <c r="U6177" s="19"/>
      <c r="V6177" s="19"/>
      <c r="W6177" s="19"/>
      <c r="X6177" s="19"/>
      <c r="Y6177" s="19"/>
      <c r="Z6177" s="19"/>
      <c r="AA6177" s="19"/>
    </row>
    <row r="6178" spans="1:27" s="1" customFormat="1" ht="11.1" customHeight="1" outlineLevel="2" x14ac:dyDescent="0.2">
      <c r="A6178" s="17">
        <v>11600</v>
      </c>
      <c r="B6178" s="17"/>
      <c r="C6178" s="17"/>
      <c r="D6178" s="18" t="s">
        <v>3070</v>
      </c>
      <c r="E6178" s="18"/>
      <c r="F6178" s="18"/>
      <c r="G6178" s="18"/>
      <c r="H6178" s="18"/>
      <c r="I6178" s="18"/>
      <c r="J6178" s="18"/>
      <c r="K6178" s="18"/>
      <c r="L6178" s="18"/>
      <c r="M6178" s="18"/>
      <c r="N6178" s="18"/>
      <c r="O6178" s="18"/>
      <c r="P6178" s="19">
        <v>30</v>
      </c>
      <c r="Q6178" s="19"/>
      <c r="R6178" s="19"/>
      <c r="S6178" s="19"/>
      <c r="T6178" s="19">
        <v>18</v>
      </c>
      <c r="U6178" s="19"/>
      <c r="V6178" s="19"/>
      <c r="W6178" s="19"/>
      <c r="X6178" s="19">
        <v>15</v>
      </c>
      <c r="Y6178" s="19"/>
      <c r="Z6178" s="19"/>
      <c r="AA6178" s="19"/>
    </row>
    <row r="6179" spans="1:27" s="1" customFormat="1" ht="11.1" customHeight="1" outlineLevel="2" x14ac:dyDescent="0.2">
      <c r="A6179" s="17"/>
      <c r="B6179" s="17"/>
      <c r="C6179" s="17"/>
      <c r="D6179" s="18"/>
      <c r="E6179" s="18"/>
      <c r="F6179" s="18"/>
      <c r="G6179" s="18"/>
      <c r="H6179" s="18"/>
      <c r="I6179" s="18"/>
      <c r="J6179" s="18"/>
      <c r="K6179" s="18"/>
      <c r="L6179" s="18"/>
      <c r="M6179" s="18"/>
      <c r="N6179" s="18"/>
      <c r="O6179" s="18"/>
      <c r="P6179" s="19"/>
      <c r="Q6179" s="19"/>
      <c r="R6179" s="19"/>
      <c r="S6179" s="19"/>
      <c r="T6179" s="19"/>
      <c r="U6179" s="19"/>
      <c r="V6179" s="19"/>
      <c r="W6179" s="19"/>
      <c r="X6179" s="19"/>
      <c r="Y6179" s="19"/>
      <c r="Z6179" s="19"/>
      <c r="AA6179" s="19"/>
    </row>
    <row r="6180" spans="1:27" s="1" customFormat="1" ht="11.1" customHeight="1" outlineLevel="2" x14ac:dyDescent="0.2">
      <c r="A6180" s="17">
        <v>11811</v>
      </c>
      <c r="B6180" s="17"/>
      <c r="C6180" s="17"/>
      <c r="D6180" s="18" t="s">
        <v>3071</v>
      </c>
      <c r="E6180" s="18"/>
      <c r="F6180" s="18"/>
      <c r="G6180" s="18"/>
      <c r="H6180" s="18"/>
      <c r="I6180" s="18"/>
      <c r="J6180" s="18"/>
      <c r="K6180" s="18"/>
      <c r="L6180" s="18"/>
      <c r="M6180" s="18"/>
      <c r="N6180" s="18"/>
      <c r="O6180" s="18"/>
      <c r="P6180" s="19">
        <v>45</v>
      </c>
      <c r="Q6180" s="19"/>
      <c r="R6180" s="19"/>
      <c r="S6180" s="19"/>
      <c r="T6180" s="19">
        <v>28</v>
      </c>
      <c r="U6180" s="19"/>
      <c r="V6180" s="19"/>
      <c r="W6180" s="19"/>
      <c r="X6180" s="19">
        <v>53</v>
      </c>
      <c r="Y6180" s="19"/>
      <c r="Z6180" s="19"/>
      <c r="AA6180" s="19"/>
    </row>
    <row r="6181" spans="1:27" s="1" customFormat="1" ht="11.1" customHeight="1" outlineLevel="2" x14ac:dyDescent="0.2">
      <c r="A6181" s="17"/>
      <c r="B6181" s="17"/>
      <c r="C6181" s="17"/>
      <c r="D6181" s="18"/>
      <c r="E6181" s="18"/>
      <c r="F6181" s="18"/>
      <c r="G6181" s="18"/>
      <c r="H6181" s="18"/>
      <c r="I6181" s="18"/>
      <c r="J6181" s="18"/>
      <c r="K6181" s="18"/>
      <c r="L6181" s="18"/>
      <c r="M6181" s="18"/>
      <c r="N6181" s="18"/>
      <c r="O6181" s="18"/>
      <c r="P6181" s="19"/>
      <c r="Q6181" s="19"/>
      <c r="R6181" s="19"/>
      <c r="S6181" s="19"/>
      <c r="T6181" s="19"/>
      <c r="U6181" s="19"/>
      <c r="V6181" s="19"/>
      <c r="W6181" s="19"/>
      <c r="X6181" s="19"/>
      <c r="Y6181" s="19"/>
      <c r="Z6181" s="19"/>
      <c r="AA6181" s="19"/>
    </row>
    <row r="6182" spans="1:27" s="1" customFormat="1" ht="21" customHeight="1" outlineLevel="2" x14ac:dyDescent="0.2">
      <c r="A6182" s="17">
        <v>11812</v>
      </c>
      <c r="B6182" s="17"/>
      <c r="C6182" s="17"/>
      <c r="D6182" s="18" t="s">
        <v>3072</v>
      </c>
      <c r="E6182" s="18"/>
      <c r="F6182" s="18"/>
      <c r="G6182" s="18"/>
      <c r="H6182" s="18"/>
      <c r="I6182" s="18"/>
      <c r="J6182" s="18"/>
      <c r="K6182" s="18"/>
      <c r="L6182" s="18"/>
      <c r="M6182" s="18"/>
      <c r="N6182" s="18"/>
      <c r="O6182" s="18"/>
      <c r="P6182" s="19">
        <v>45</v>
      </c>
      <c r="Q6182" s="19"/>
      <c r="R6182" s="19"/>
      <c r="S6182" s="19"/>
      <c r="T6182" s="19">
        <v>28</v>
      </c>
      <c r="U6182" s="19"/>
      <c r="V6182" s="19"/>
      <c r="W6182" s="19"/>
      <c r="X6182" s="19">
        <v>1</v>
      </c>
      <c r="Y6182" s="19"/>
      <c r="Z6182" s="19"/>
      <c r="AA6182" s="19"/>
    </row>
    <row r="6183" spans="1:27" s="1" customFormat="1" ht="21" customHeight="1" outlineLevel="2" x14ac:dyDescent="0.2">
      <c r="A6183" s="17"/>
      <c r="B6183" s="17"/>
      <c r="C6183" s="17"/>
      <c r="D6183" s="18"/>
      <c r="E6183" s="18"/>
      <c r="F6183" s="18"/>
      <c r="G6183" s="18"/>
      <c r="H6183" s="18"/>
      <c r="I6183" s="18"/>
      <c r="J6183" s="18"/>
      <c r="K6183" s="18"/>
      <c r="L6183" s="18"/>
      <c r="M6183" s="18"/>
      <c r="N6183" s="18"/>
      <c r="O6183" s="18"/>
      <c r="P6183" s="19"/>
      <c r="Q6183" s="19"/>
      <c r="R6183" s="19"/>
      <c r="S6183" s="19"/>
      <c r="T6183" s="19"/>
      <c r="U6183" s="19"/>
      <c r="V6183" s="19"/>
      <c r="W6183" s="19"/>
      <c r="X6183" s="19"/>
      <c r="Y6183" s="19"/>
      <c r="Z6183" s="19"/>
      <c r="AA6183" s="19"/>
    </row>
    <row r="6184" spans="1:27" s="1" customFormat="1" ht="11.1" customHeight="1" outlineLevel="2" x14ac:dyDescent="0.2">
      <c r="A6184" s="17">
        <v>11814</v>
      </c>
      <c r="B6184" s="17"/>
      <c r="C6184" s="17"/>
      <c r="D6184" s="18" t="s">
        <v>3073</v>
      </c>
      <c r="E6184" s="18"/>
      <c r="F6184" s="18"/>
      <c r="G6184" s="18"/>
      <c r="H6184" s="18"/>
      <c r="I6184" s="18"/>
      <c r="J6184" s="18"/>
      <c r="K6184" s="18"/>
      <c r="L6184" s="18"/>
      <c r="M6184" s="18"/>
      <c r="N6184" s="18"/>
      <c r="O6184" s="18"/>
      <c r="P6184" s="19">
        <v>45</v>
      </c>
      <c r="Q6184" s="19"/>
      <c r="R6184" s="19"/>
      <c r="S6184" s="19"/>
      <c r="T6184" s="19">
        <v>28</v>
      </c>
      <c r="U6184" s="19"/>
      <c r="V6184" s="19"/>
      <c r="W6184" s="19"/>
      <c r="X6184" s="19">
        <v>10</v>
      </c>
      <c r="Y6184" s="19"/>
      <c r="Z6184" s="19"/>
      <c r="AA6184" s="19"/>
    </row>
    <row r="6185" spans="1:27" s="1" customFormat="1" ht="11.1" customHeight="1" outlineLevel="2" x14ac:dyDescent="0.2">
      <c r="A6185" s="17"/>
      <c r="B6185" s="17"/>
      <c r="C6185" s="17"/>
      <c r="D6185" s="18"/>
      <c r="E6185" s="18"/>
      <c r="F6185" s="18"/>
      <c r="G6185" s="18"/>
      <c r="H6185" s="18"/>
      <c r="I6185" s="18"/>
      <c r="J6185" s="18"/>
      <c r="K6185" s="18"/>
      <c r="L6185" s="18"/>
      <c r="M6185" s="18"/>
      <c r="N6185" s="18"/>
      <c r="O6185" s="18"/>
      <c r="P6185" s="19"/>
      <c r="Q6185" s="19"/>
      <c r="R6185" s="19"/>
      <c r="S6185" s="19"/>
      <c r="T6185" s="19"/>
      <c r="U6185" s="19"/>
      <c r="V6185" s="19"/>
      <c r="W6185" s="19"/>
      <c r="X6185" s="19"/>
      <c r="Y6185" s="19"/>
      <c r="Z6185" s="19"/>
      <c r="AA6185" s="19"/>
    </row>
    <row r="6186" spans="1:27" s="1" customFormat="1" ht="14.1" customHeight="1" outlineLevel="2" x14ac:dyDescent="0.2">
      <c r="A6186" s="17">
        <v>11815</v>
      </c>
      <c r="B6186" s="17"/>
      <c r="C6186" s="17"/>
      <c r="D6186" s="18" t="s">
        <v>3074</v>
      </c>
      <c r="E6186" s="18"/>
      <c r="F6186" s="18"/>
      <c r="G6186" s="18"/>
      <c r="H6186" s="18"/>
      <c r="I6186" s="18"/>
      <c r="J6186" s="18"/>
      <c r="K6186" s="18"/>
      <c r="L6186" s="18"/>
      <c r="M6186" s="18"/>
      <c r="N6186" s="18"/>
      <c r="O6186" s="18"/>
      <c r="P6186" s="19">
        <v>65</v>
      </c>
      <c r="Q6186" s="19"/>
      <c r="R6186" s="19"/>
      <c r="S6186" s="19"/>
      <c r="T6186" s="19">
        <v>35</v>
      </c>
      <c r="U6186" s="19"/>
      <c r="V6186" s="19"/>
      <c r="W6186" s="19"/>
      <c r="X6186" s="19">
        <v>83</v>
      </c>
      <c r="Y6186" s="19"/>
      <c r="Z6186" s="19"/>
      <c r="AA6186" s="19"/>
    </row>
    <row r="6187" spans="1:27" s="1" customFormat="1" ht="14.1" customHeight="1" outlineLevel="2" x14ac:dyDescent="0.2">
      <c r="A6187" s="17"/>
      <c r="B6187" s="17"/>
      <c r="C6187" s="17"/>
      <c r="D6187" s="18"/>
      <c r="E6187" s="18"/>
      <c r="F6187" s="18"/>
      <c r="G6187" s="18"/>
      <c r="H6187" s="18"/>
      <c r="I6187" s="18"/>
      <c r="J6187" s="18"/>
      <c r="K6187" s="18"/>
      <c r="L6187" s="18"/>
      <c r="M6187" s="18"/>
      <c r="N6187" s="18"/>
      <c r="O6187" s="18"/>
      <c r="P6187" s="19"/>
      <c r="Q6187" s="19"/>
      <c r="R6187" s="19"/>
      <c r="S6187" s="19"/>
      <c r="T6187" s="19"/>
      <c r="U6187" s="19"/>
      <c r="V6187" s="19"/>
      <c r="W6187" s="19"/>
      <c r="X6187" s="19"/>
      <c r="Y6187" s="19"/>
      <c r="Z6187" s="19"/>
      <c r="AA6187" s="19"/>
    </row>
    <row r="6188" spans="1:27" s="1" customFormat="1" ht="21" customHeight="1" outlineLevel="2" x14ac:dyDescent="0.2">
      <c r="A6188" s="17">
        <v>11816</v>
      </c>
      <c r="B6188" s="17"/>
      <c r="C6188" s="17"/>
      <c r="D6188" s="18" t="s">
        <v>3075</v>
      </c>
      <c r="E6188" s="18"/>
      <c r="F6188" s="18"/>
      <c r="G6188" s="18"/>
      <c r="H6188" s="18"/>
      <c r="I6188" s="18"/>
      <c r="J6188" s="18"/>
      <c r="K6188" s="18"/>
      <c r="L6188" s="18"/>
      <c r="M6188" s="18"/>
      <c r="N6188" s="18"/>
      <c r="O6188" s="18"/>
      <c r="P6188" s="19">
        <v>40</v>
      </c>
      <c r="Q6188" s="19"/>
      <c r="R6188" s="19"/>
      <c r="S6188" s="19"/>
      <c r="T6188" s="19">
        <v>22</v>
      </c>
      <c r="U6188" s="19"/>
      <c r="V6188" s="19"/>
      <c r="W6188" s="19"/>
      <c r="X6188" s="19">
        <v>10</v>
      </c>
      <c r="Y6188" s="19"/>
      <c r="Z6188" s="19"/>
      <c r="AA6188" s="19"/>
    </row>
    <row r="6189" spans="1:27" s="1" customFormat="1" ht="21" customHeight="1" outlineLevel="2" x14ac:dyDescent="0.2">
      <c r="A6189" s="17"/>
      <c r="B6189" s="17"/>
      <c r="C6189" s="17"/>
      <c r="D6189" s="18"/>
      <c r="E6189" s="18"/>
      <c r="F6189" s="18"/>
      <c r="G6189" s="18"/>
      <c r="H6189" s="18"/>
      <c r="I6189" s="18"/>
      <c r="J6189" s="18"/>
      <c r="K6189" s="18"/>
      <c r="L6189" s="18"/>
      <c r="M6189" s="18"/>
      <c r="N6189" s="18"/>
      <c r="O6189" s="18"/>
      <c r="P6189" s="19"/>
      <c r="Q6189" s="19"/>
      <c r="R6189" s="19"/>
      <c r="S6189" s="19"/>
      <c r="T6189" s="19"/>
      <c r="U6189" s="19"/>
      <c r="V6189" s="19"/>
      <c r="W6189" s="19"/>
      <c r="X6189" s="19"/>
      <c r="Y6189" s="19"/>
      <c r="Z6189" s="19"/>
      <c r="AA6189" s="19"/>
    </row>
    <row r="6190" spans="1:27" s="1" customFormat="1" ht="11.1" customHeight="1" outlineLevel="2" x14ac:dyDescent="0.2">
      <c r="A6190" s="17">
        <v>11818</v>
      </c>
      <c r="B6190" s="17"/>
      <c r="C6190" s="17"/>
      <c r="D6190" s="18" t="s">
        <v>3076</v>
      </c>
      <c r="E6190" s="18"/>
      <c r="F6190" s="18"/>
      <c r="G6190" s="18"/>
      <c r="H6190" s="18"/>
      <c r="I6190" s="18"/>
      <c r="J6190" s="18"/>
      <c r="K6190" s="18"/>
      <c r="L6190" s="18"/>
      <c r="M6190" s="18"/>
      <c r="N6190" s="18"/>
      <c r="O6190" s="18"/>
      <c r="P6190" s="19">
        <v>40</v>
      </c>
      <c r="Q6190" s="19"/>
      <c r="R6190" s="19"/>
      <c r="S6190" s="19"/>
      <c r="T6190" s="19">
        <v>22</v>
      </c>
      <c r="U6190" s="19"/>
      <c r="V6190" s="19"/>
      <c r="W6190" s="19"/>
      <c r="X6190" s="19">
        <v>1</v>
      </c>
      <c r="Y6190" s="19"/>
      <c r="Z6190" s="19"/>
      <c r="AA6190" s="19"/>
    </row>
    <row r="6191" spans="1:27" s="1" customFormat="1" ht="11.1" customHeight="1" outlineLevel="2" x14ac:dyDescent="0.2">
      <c r="A6191" s="17"/>
      <c r="B6191" s="17"/>
      <c r="C6191" s="17"/>
      <c r="D6191" s="18"/>
      <c r="E6191" s="18"/>
      <c r="F6191" s="18"/>
      <c r="G6191" s="18"/>
      <c r="H6191" s="18"/>
      <c r="I6191" s="18"/>
      <c r="J6191" s="18"/>
      <c r="K6191" s="18"/>
      <c r="L6191" s="18"/>
      <c r="M6191" s="18"/>
      <c r="N6191" s="18"/>
      <c r="O6191" s="18"/>
      <c r="P6191" s="19"/>
      <c r="Q6191" s="19"/>
      <c r="R6191" s="19"/>
      <c r="S6191" s="19"/>
      <c r="T6191" s="19"/>
      <c r="U6191" s="19"/>
      <c r="V6191" s="19"/>
      <c r="W6191" s="19"/>
      <c r="X6191" s="19"/>
      <c r="Y6191" s="19"/>
      <c r="Z6191" s="19"/>
      <c r="AA6191" s="19"/>
    </row>
    <row r="6192" spans="1:27" s="1" customFormat="1" ht="11.1" customHeight="1" outlineLevel="2" x14ac:dyDescent="0.2">
      <c r="A6192" s="17">
        <v>11819</v>
      </c>
      <c r="B6192" s="17"/>
      <c r="C6192" s="17"/>
      <c r="D6192" s="18" t="s">
        <v>3077</v>
      </c>
      <c r="E6192" s="18"/>
      <c r="F6192" s="18"/>
      <c r="G6192" s="18"/>
      <c r="H6192" s="18"/>
      <c r="I6192" s="18"/>
      <c r="J6192" s="18"/>
      <c r="K6192" s="18"/>
      <c r="L6192" s="18"/>
      <c r="M6192" s="18"/>
      <c r="N6192" s="18"/>
      <c r="O6192" s="18"/>
      <c r="P6192" s="19">
        <v>45</v>
      </c>
      <c r="Q6192" s="19"/>
      <c r="R6192" s="19"/>
      <c r="S6192" s="19"/>
      <c r="T6192" s="19">
        <v>28</v>
      </c>
      <c r="U6192" s="19"/>
      <c r="V6192" s="19"/>
      <c r="W6192" s="19"/>
      <c r="X6192" s="19">
        <v>5</v>
      </c>
      <c r="Y6192" s="19"/>
      <c r="Z6192" s="19"/>
      <c r="AA6192" s="19"/>
    </row>
    <row r="6193" spans="1:27" s="1" customFormat="1" ht="11.1" customHeight="1" outlineLevel="2" x14ac:dyDescent="0.2">
      <c r="A6193" s="17"/>
      <c r="B6193" s="17"/>
      <c r="C6193" s="17"/>
      <c r="D6193" s="18"/>
      <c r="E6193" s="18"/>
      <c r="F6193" s="18"/>
      <c r="G6193" s="18"/>
      <c r="H6193" s="18"/>
      <c r="I6193" s="18"/>
      <c r="J6193" s="18"/>
      <c r="K6193" s="18"/>
      <c r="L6193" s="18"/>
      <c r="M6193" s="18"/>
      <c r="N6193" s="18"/>
      <c r="O6193" s="18"/>
      <c r="P6193" s="19"/>
      <c r="Q6193" s="19"/>
      <c r="R6193" s="19"/>
      <c r="S6193" s="19"/>
      <c r="T6193" s="19"/>
      <c r="U6193" s="19"/>
      <c r="V6193" s="19"/>
      <c r="W6193" s="19"/>
      <c r="X6193" s="19"/>
      <c r="Y6193" s="19"/>
      <c r="Z6193" s="19"/>
      <c r="AA6193" s="19"/>
    </row>
    <row r="6194" spans="1:27" s="1" customFormat="1" ht="14.1" customHeight="1" outlineLevel="2" x14ac:dyDescent="0.2">
      <c r="A6194" s="17">
        <v>11820</v>
      </c>
      <c r="B6194" s="17"/>
      <c r="C6194" s="17"/>
      <c r="D6194" s="18" t="s">
        <v>3078</v>
      </c>
      <c r="E6194" s="18"/>
      <c r="F6194" s="18"/>
      <c r="G6194" s="18"/>
      <c r="H6194" s="18"/>
      <c r="I6194" s="18"/>
      <c r="J6194" s="18"/>
      <c r="K6194" s="18"/>
      <c r="L6194" s="18"/>
      <c r="M6194" s="18"/>
      <c r="N6194" s="18"/>
      <c r="O6194" s="18"/>
      <c r="P6194" s="19">
        <v>45</v>
      </c>
      <c r="Q6194" s="19"/>
      <c r="R6194" s="19"/>
      <c r="S6194" s="19"/>
      <c r="T6194" s="19">
        <v>30</v>
      </c>
      <c r="U6194" s="19"/>
      <c r="V6194" s="19"/>
      <c r="W6194" s="19"/>
      <c r="X6194" s="19">
        <v>6</v>
      </c>
      <c r="Y6194" s="19"/>
      <c r="Z6194" s="19"/>
      <c r="AA6194" s="19"/>
    </row>
    <row r="6195" spans="1:27" s="1" customFormat="1" ht="14.1" customHeight="1" outlineLevel="2" x14ac:dyDescent="0.2">
      <c r="A6195" s="17"/>
      <c r="B6195" s="17"/>
      <c r="C6195" s="17"/>
      <c r="D6195" s="18"/>
      <c r="E6195" s="18"/>
      <c r="F6195" s="18"/>
      <c r="G6195" s="18"/>
      <c r="H6195" s="18"/>
      <c r="I6195" s="18"/>
      <c r="J6195" s="18"/>
      <c r="K6195" s="18"/>
      <c r="L6195" s="18"/>
      <c r="M6195" s="18"/>
      <c r="N6195" s="18"/>
      <c r="O6195" s="18"/>
      <c r="P6195" s="19"/>
      <c r="Q6195" s="19"/>
      <c r="R6195" s="19"/>
      <c r="S6195" s="19"/>
      <c r="T6195" s="19"/>
      <c r="U6195" s="19"/>
      <c r="V6195" s="19"/>
      <c r="W6195" s="19"/>
      <c r="X6195" s="19"/>
      <c r="Y6195" s="19"/>
      <c r="Z6195" s="19"/>
      <c r="AA6195" s="19"/>
    </row>
    <row r="6196" spans="1:27" s="1" customFormat="1" ht="11.1" customHeight="1" outlineLevel="2" x14ac:dyDescent="0.2">
      <c r="A6196" s="17">
        <v>11603</v>
      </c>
      <c r="B6196" s="17"/>
      <c r="C6196" s="17"/>
      <c r="D6196" s="18" t="s">
        <v>3079</v>
      </c>
      <c r="E6196" s="18"/>
      <c r="F6196" s="18"/>
      <c r="G6196" s="18"/>
      <c r="H6196" s="18"/>
      <c r="I6196" s="18"/>
      <c r="J6196" s="18"/>
      <c r="K6196" s="18"/>
      <c r="L6196" s="18"/>
      <c r="M6196" s="18"/>
      <c r="N6196" s="18"/>
      <c r="O6196" s="18"/>
      <c r="P6196" s="19">
        <v>100</v>
      </c>
      <c r="Q6196" s="19"/>
      <c r="R6196" s="19"/>
      <c r="S6196" s="19"/>
      <c r="T6196" s="19">
        <v>70</v>
      </c>
      <c r="U6196" s="19"/>
      <c r="V6196" s="19"/>
      <c r="W6196" s="19"/>
      <c r="X6196" s="19">
        <v>2</v>
      </c>
      <c r="Y6196" s="19"/>
      <c r="Z6196" s="19"/>
      <c r="AA6196" s="19"/>
    </row>
    <row r="6197" spans="1:27" s="1" customFormat="1" ht="11.1" customHeight="1" outlineLevel="2" x14ac:dyDescent="0.2">
      <c r="A6197" s="17"/>
      <c r="B6197" s="17"/>
      <c r="C6197" s="17"/>
      <c r="D6197" s="18"/>
      <c r="E6197" s="18"/>
      <c r="F6197" s="18"/>
      <c r="G6197" s="18"/>
      <c r="H6197" s="18"/>
      <c r="I6197" s="18"/>
      <c r="J6197" s="18"/>
      <c r="K6197" s="18"/>
      <c r="L6197" s="18"/>
      <c r="M6197" s="18"/>
      <c r="N6197" s="18"/>
      <c r="O6197" s="18"/>
      <c r="P6197" s="19"/>
      <c r="Q6197" s="19"/>
      <c r="R6197" s="19"/>
      <c r="S6197" s="19"/>
      <c r="T6197" s="19"/>
      <c r="U6197" s="19"/>
      <c r="V6197" s="19"/>
      <c r="W6197" s="19"/>
      <c r="X6197" s="19"/>
      <c r="Y6197" s="19"/>
      <c r="Z6197" s="19"/>
      <c r="AA6197" s="19"/>
    </row>
    <row r="6198" spans="1:27" s="1" customFormat="1" ht="14.1" customHeight="1" outlineLevel="2" x14ac:dyDescent="0.2">
      <c r="A6198" s="17">
        <v>11821</v>
      </c>
      <c r="B6198" s="17"/>
      <c r="C6198" s="17"/>
      <c r="D6198" s="18" t="s">
        <v>3080</v>
      </c>
      <c r="E6198" s="18"/>
      <c r="F6198" s="18"/>
      <c r="G6198" s="18"/>
      <c r="H6198" s="18"/>
      <c r="I6198" s="18"/>
      <c r="J6198" s="18"/>
      <c r="K6198" s="18"/>
      <c r="L6198" s="18"/>
      <c r="M6198" s="18"/>
      <c r="N6198" s="18"/>
      <c r="O6198" s="18"/>
      <c r="P6198" s="19">
        <v>40</v>
      </c>
      <c r="Q6198" s="19"/>
      <c r="R6198" s="19"/>
      <c r="S6198" s="19"/>
      <c r="T6198" s="19">
        <v>20</v>
      </c>
      <c r="U6198" s="19"/>
      <c r="V6198" s="19"/>
      <c r="W6198" s="19"/>
      <c r="X6198" s="19">
        <v>3</v>
      </c>
      <c r="Y6198" s="19"/>
      <c r="Z6198" s="19"/>
      <c r="AA6198" s="19"/>
    </row>
    <row r="6199" spans="1:27" s="1" customFormat="1" ht="14.1" customHeight="1" outlineLevel="2" x14ac:dyDescent="0.2">
      <c r="A6199" s="17"/>
      <c r="B6199" s="17"/>
      <c r="C6199" s="17"/>
      <c r="D6199" s="18"/>
      <c r="E6199" s="18"/>
      <c r="F6199" s="18"/>
      <c r="G6199" s="18"/>
      <c r="H6199" s="18"/>
      <c r="I6199" s="18"/>
      <c r="J6199" s="18"/>
      <c r="K6199" s="18"/>
      <c r="L6199" s="18"/>
      <c r="M6199" s="18"/>
      <c r="N6199" s="18"/>
      <c r="O6199" s="18"/>
      <c r="P6199" s="19"/>
      <c r="Q6199" s="19"/>
      <c r="R6199" s="19"/>
      <c r="S6199" s="19"/>
      <c r="T6199" s="19"/>
      <c r="U6199" s="19"/>
      <c r="V6199" s="19"/>
      <c r="W6199" s="19"/>
      <c r="X6199" s="19"/>
      <c r="Y6199" s="19"/>
      <c r="Z6199" s="19"/>
      <c r="AA6199" s="19"/>
    </row>
    <row r="6200" spans="1:27" s="1" customFormat="1" ht="14.1" customHeight="1" outlineLevel="2" x14ac:dyDescent="0.2">
      <c r="A6200" s="17">
        <v>11822</v>
      </c>
      <c r="B6200" s="17"/>
      <c r="C6200" s="17"/>
      <c r="D6200" s="18" t="s">
        <v>3081</v>
      </c>
      <c r="E6200" s="18"/>
      <c r="F6200" s="18"/>
      <c r="G6200" s="18"/>
      <c r="H6200" s="18"/>
      <c r="I6200" s="18"/>
      <c r="J6200" s="18"/>
      <c r="K6200" s="18"/>
      <c r="L6200" s="18"/>
      <c r="M6200" s="18"/>
      <c r="N6200" s="18"/>
      <c r="O6200" s="18"/>
      <c r="P6200" s="19">
        <v>75</v>
      </c>
      <c r="Q6200" s="19"/>
      <c r="R6200" s="19"/>
      <c r="S6200" s="19"/>
      <c r="T6200" s="19">
        <v>52</v>
      </c>
      <c r="U6200" s="19"/>
      <c r="V6200" s="19"/>
      <c r="W6200" s="19"/>
      <c r="X6200" s="19">
        <v>4</v>
      </c>
      <c r="Y6200" s="19"/>
      <c r="Z6200" s="19"/>
      <c r="AA6200" s="19"/>
    </row>
    <row r="6201" spans="1:27" s="1" customFormat="1" ht="14.1" customHeight="1" outlineLevel="2" x14ac:dyDescent="0.2">
      <c r="A6201" s="17"/>
      <c r="B6201" s="17"/>
      <c r="C6201" s="17"/>
      <c r="D6201" s="18"/>
      <c r="E6201" s="18"/>
      <c r="F6201" s="18"/>
      <c r="G6201" s="18"/>
      <c r="H6201" s="18"/>
      <c r="I6201" s="18"/>
      <c r="J6201" s="18"/>
      <c r="K6201" s="18"/>
      <c r="L6201" s="18"/>
      <c r="M6201" s="18"/>
      <c r="N6201" s="18"/>
      <c r="O6201" s="18"/>
      <c r="P6201" s="19"/>
      <c r="Q6201" s="19"/>
      <c r="R6201" s="19"/>
      <c r="S6201" s="19"/>
      <c r="T6201" s="19"/>
      <c r="U6201" s="19"/>
      <c r="V6201" s="19"/>
      <c r="W6201" s="19"/>
      <c r="X6201" s="19"/>
      <c r="Y6201" s="19"/>
      <c r="Z6201" s="19"/>
      <c r="AA6201" s="19"/>
    </row>
    <row r="6202" spans="1:27" s="1" customFormat="1" ht="14.1" customHeight="1" outlineLevel="2" x14ac:dyDescent="0.2">
      <c r="A6202" s="17">
        <v>11823</v>
      </c>
      <c r="B6202" s="17"/>
      <c r="C6202" s="17"/>
      <c r="D6202" s="18" t="s">
        <v>3082</v>
      </c>
      <c r="E6202" s="18"/>
      <c r="F6202" s="18"/>
      <c r="G6202" s="18"/>
      <c r="H6202" s="18"/>
      <c r="I6202" s="18"/>
      <c r="J6202" s="18"/>
      <c r="K6202" s="18"/>
      <c r="L6202" s="18"/>
      <c r="M6202" s="18"/>
      <c r="N6202" s="18"/>
      <c r="O6202" s="18"/>
      <c r="P6202" s="19">
        <v>40</v>
      </c>
      <c r="Q6202" s="19"/>
      <c r="R6202" s="19"/>
      <c r="S6202" s="19"/>
      <c r="T6202" s="19">
        <v>26</v>
      </c>
      <c r="U6202" s="19"/>
      <c r="V6202" s="19"/>
      <c r="W6202" s="19"/>
      <c r="X6202" s="19">
        <v>9</v>
      </c>
      <c r="Y6202" s="19"/>
      <c r="Z6202" s="19"/>
      <c r="AA6202" s="19"/>
    </row>
    <row r="6203" spans="1:27" s="1" customFormat="1" ht="14.1" customHeight="1" outlineLevel="2" x14ac:dyDescent="0.2">
      <c r="A6203" s="17"/>
      <c r="B6203" s="17"/>
      <c r="C6203" s="17"/>
      <c r="D6203" s="18"/>
      <c r="E6203" s="18"/>
      <c r="F6203" s="18"/>
      <c r="G6203" s="18"/>
      <c r="H6203" s="18"/>
      <c r="I6203" s="18"/>
      <c r="J6203" s="18"/>
      <c r="K6203" s="18"/>
      <c r="L6203" s="18"/>
      <c r="M6203" s="18"/>
      <c r="N6203" s="18"/>
      <c r="O6203" s="18"/>
      <c r="P6203" s="19"/>
      <c r="Q6203" s="19"/>
      <c r="R6203" s="19"/>
      <c r="S6203" s="19"/>
      <c r="T6203" s="19"/>
      <c r="U6203" s="19"/>
      <c r="V6203" s="19"/>
      <c r="W6203" s="19"/>
      <c r="X6203" s="19"/>
      <c r="Y6203" s="19"/>
      <c r="Z6203" s="19"/>
      <c r="AA6203" s="19"/>
    </row>
    <row r="6204" spans="1:27" s="1" customFormat="1" ht="14.1" customHeight="1" outlineLevel="2" x14ac:dyDescent="0.2">
      <c r="A6204" s="17">
        <v>11824</v>
      </c>
      <c r="B6204" s="17"/>
      <c r="C6204" s="17"/>
      <c r="D6204" s="18" t="s">
        <v>3083</v>
      </c>
      <c r="E6204" s="18"/>
      <c r="F6204" s="18"/>
      <c r="G6204" s="18"/>
      <c r="H6204" s="18"/>
      <c r="I6204" s="18"/>
      <c r="J6204" s="18"/>
      <c r="K6204" s="18"/>
      <c r="L6204" s="18"/>
      <c r="M6204" s="18"/>
      <c r="N6204" s="18"/>
      <c r="O6204" s="18"/>
      <c r="P6204" s="19">
        <v>40</v>
      </c>
      <c r="Q6204" s="19"/>
      <c r="R6204" s="19"/>
      <c r="S6204" s="19"/>
      <c r="T6204" s="19">
        <v>20</v>
      </c>
      <c r="U6204" s="19"/>
      <c r="V6204" s="19"/>
      <c r="W6204" s="19"/>
      <c r="X6204" s="19">
        <v>5</v>
      </c>
      <c r="Y6204" s="19"/>
      <c r="Z6204" s="19"/>
      <c r="AA6204" s="19"/>
    </row>
    <row r="6205" spans="1:27" s="1" customFormat="1" ht="14.1" customHeight="1" outlineLevel="2" x14ac:dyDescent="0.2">
      <c r="A6205" s="17"/>
      <c r="B6205" s="17"/>
      <c r="C6205" s="17"/>
      <c r="D6205" s="18"/>
      <c r="E6205" s="18"/>
      <c r="F6205" s="18"/>
      <c r="G6205" s="18"/>
      <c r="H6205" s="18"/>
      <c r="I6205" s="18"/>
      <c r="J6205" s="18"/>
      <c r="K6205" s="18"/>
      <c r="L6205" s="18"/>
      <c r="M6205" s="18"/>
      <c r="N6205" s="18"/>
      <c r="O6205" s="18"/>
      <c r="P6205" s="19"/>
      <c r="Q6205" s="19"/>
      <c r="R6205" s="19"/>
      <c r="S6205" s="19"/>
      <c r="T6205" s="19"/>
      <c r="U6205" s="19"/>
      <c r="V6205" s="19"/>
      <c r="W6205" s="19"/>
      <c r="X6205" s="19"/>
      <c r="Y6205" s="19"/>
      <c r="Z6205" s="19"/>
      <c r="AA6205" s="19"/>
    </row>
    <row r="6206" spans="1:27" s="1" customFormat="1" ht="14.1" customHeight="1" outlineLevel="2" x14ac:dyDescent="0.2">
      <c r="A6206" s="17">
        <v>11825</v>
      </c>
      <c r="B6206" s="17"/>
      <c r="C6206" s="17"/>
      <c r="D6206" s="18" t="s">
        <v>3084</v>
      </c>
      <c r="E6206" s="18"/>
      <c r="F6206" s="18"/>
      <c r="G6206" s="18"/>
      <c r="H6206" s="18"/>
      <c r="I6206" s="18"/>
      <c r="J6206" s="18"/>
      <c r="K6206" s="18"/>
      <c r="L6206" s="18"/>
      <c r="M6206" s="18"/>
      <c r="N6206" s="18"/>
      <c r="O6206" s="18"/>
      <c r="P6206" s="19">
        <v>45</v>
      </c>
      <c r="Q6206" s="19"/>
      <c r="R6206" s="19"/>
      <c r="S6206" s="19"/>
      <c r="T6206" s="19">
        <v>28</v>
      </c>
      <c r="U6206" s="19"/>
      <c r="V6206" s="19"/>
      <c r="W6206" s="19"/>
      <c r="X6206" s="19">
        <v>9</v>
      </c>
      <c r="Y6206" s="19"/>
      <c r="Z6206" s="19"/>
      <c r="AA6206" s="19"/>
    </row>
    <row r="6207" spans="1:27" s="1" customFormat="1" ht="14.1" customHeight="1" outlineLevel="2" x14ac:dyDescent="0.2">
      <c r="A6207" s="17"/>
      <c r="B6207" s="17"/>
      <c r="C6207" s="17"/>
      <c r="D6207" s="18"/>
      <c r="E6207" s="18"/>
      <c r="F6207" s="18"/>
      <c r="G6207" s="18"/>
      <c r="H6207" s="18"/>
      <c r="I6207" s="18"/>
      <c r="J6207" s="18"/>
      <c r="K6207" s="18"/>
      <c r="L6207" s="18"/>
      <c r="M6207" s="18"/>
      <c r="N6207" s="18"/>
      <c r="O6207" s="18"/>
      <c r="P6207" s="19"/>
      <c r="Q6207" s="19"/>
      <c r="R6207" s="19"/>
      <c r="S6207" s="19"/>
      <c r="T6207" s="19"/>
      <c r="U6207" s="19"/>
      <c r="V6207" s="19"/>
      <c r="W6207" s="19"/>
      <c r="X6207" s="19"/>
      <c r="Y6207" s="19"/>
      <c r="Z6207" s="19"/>
      <c r="AA6207" s="19"/>
    </row>
    <row r="6208" spans="1:27" s="1" customFormat="1" ht="14.1" customHeight="1" outlineLevel="2" x14ac:dyDescent="0.2">
      <c r="A6208" s="17">
        <v>11826</v>
      </c>
      <c r="B6208" s="17"/>
      <c r="C6208" s="17"/>
      <c r="D6208" s="18" t="s">
        <v>3085</v>
      </c>
      <c r="E6208" s="18"/>
      <c r="F6208" s="18"/>
      <c r="G6208" s="18"/>
      <c r="H6208" s="18"/>
      <c r="I6208" s="18"/>
      <c r="J6208" s="18"/>
      <c r="K6208" s="18"/>
      <c r="L6208" s="18"/>
      <c r="M6208" s="18"/>
      <c r="N6208" s="18"/>
      <c r="O6208" s="18"/>
      <c r="P6208" s="19">
        <v>50</v>
      </c>
      <c r="Q6208" s="19"/>
      <c r="R6208" s="19"/>
      <c r="S6208" s="19"/>
      <c r="T6208" s="19">
        <v>34</v>
      </c>
      <c r="U6208" s="19"/>
      <c r="V6208" s="19"/>
      <c r="W6208" s="19"/>
      <c r="X6208" s="19">
        <v>10</v>
      </c>
      <c r="Y6208" s="19"/>
      <c r="Z6208" s="19"/>
      <c r="AA6208" s="19"/>
    </row>
    <row r="6209" spans="1:27" s="1" customFormat="1" ht="14.1" customHeight="1" outlineLevel="2" x14ac:dyDescent="0.2">
      <c r="A6209" s="17"/>
      <c r="B6209" s="17"/>
      <c r="C6209" s="17"/>
      <c r="D6209" s="18"/>
      <c r="E6209" s="18"/>
      <c r="F6209" s="18"/>
      <c r="G6209" s="18"/>
      <c r="H6209" s="18"/>
      <c r="I6209" s="18"/>
      <c r="J6209" s="18"/>
      <c r="K6209" s="18"/>
      <c r="L6209" s="18"/>
      <c r="M6209" s="18"/>
      <c r="N6209" s="18"/>
      <c r="O6209" s="18"/>
      <c r="P6209" s="19"/>
      <c r="Q6209" s="19"/>
      <c r="R6209" s="19"/>
      <c r="S6209" s="19"/>
      <c r="T6209" s="19"/>
      <c r="U6209" s="19"/>
      <c r="V6209" s="19"/>
      <c r="W6209" s="19"/>
      <c r="X6209" s="19"/>
      <c r="Y6209" s="19"/>
      <c r="Z6209" s="19"/>
      <c r="AA6209" s="19"/>
    </row>
    <row r="6210" spans="1:27" s="1" customFormat="1" ht="14.1" customHeight="1" outlineLevel="2" x14ac:dyDescent="0.2">
      <c r="A6210" s="17">
        <v>11827</v>
      </c>
      <c r="B6210" s="17"/>
      <c r="C6210" s="17"/>
      <c r="D6210" s="18" t="s">
        <v>3086</v>
      </c>
      <c r="E6210" s="18"/>
      <c r="F6210" s="18"/>
      <c r="G6210" s="18"/>
      <c r="H6210" s="18"/>
      <c r="I6210" s="18"/>
      <c r="J6210" s="18"/>
      <c r="K6210" s="18"/>
      <c r="L6210" s="18"/>
      <c r="M6210" s="18"/>
      <c r="N6210" s="18"/>
      <c r="O6210" s="18"/>
      <c r="P6210" s="19">
        <v>40</v>
      </c>
      <c r="Q6210" s="19"/>
      <c r="R6210" s="19"/>
      <c r="S6210" s="19"/>
      <c r="T6210" s="19">
        <v>20</v>
      </c>
      <c r="U6210" s="19"/>
      <c r="V6210" s="19"/>
      <c r="W6210" s="19"/>
      <c r="X6210" s="19">
        <v>20</v>
      </c>
      <c r="Y6210" s="19"/>
      <c r="Z6210" s="19"/>
      <c r="AA6210" s="19"/>
    </row>
    <row r="6211" spans="1:27" s="1" customFormat="1" ht="14.1" customHeight="1" outlineLevel="2" x14ac:dyDescent="0.2">
      <c r="A6211" s="17"/>
      <c r="B6211" s="17"/>
      <c r="C6211" s="17"/>
      <c r="D6211" s="18"/>
      <c r="E6211" s="18"/>
      <c r="F6211" s="18"/>
      <c r="G6211" s="18"/>
      <c r="H6211" s="18"/>
      <c r="I6211" s="18"/>
      <c r="J6211" s="18"/>
      <c r="K6211" s="18"/>
      <c r="L6211" s="18"/>
      <c r="M6211" s="18"/>
      <c r="N6211" s="18"/>
      <c r="O6211" s="18"/>
      <c r="P6211" s="19"/>
      <c r="Q6211" s="19"/>
      <c r="R6211" s="19"/>
      <c r="S6211" s="19"/>
      <c r="T6211" s="19"/>
      <c r="U6211" s="19"/>
      <c r="V6211" s="19"/>
      <c r="W6211" s="19"/>
      <c r="X6211" s="19"/>
      <c r="Y6211" s="19"/>
      <c r="Z6211" s="19"/>
      <c r="AA6211" s="19"/>
    </row>
    <row r="6212" spans="1:27" s="1" customFormat="1" ht="21" customHeight="1" outlineLevel="2" x14ac:dyDescent="0.2">
      <c r="A6212" s="17">
        <v>11828</v>
      </c>
      <c r="B6212" s="17"/>
      <c r="C6212" s="17"/>
      <c r="D6212" s="18" t="s">
        <v>3087</v>
      </c>
      <c r="E6212" s="18"/>
      <c r="F6212" s="18"/>
      <c r="G6212" s="18"/>
      <c r="H6212" s="18"/>
      <c r="I6212" s="18"/>
      <c r="J6212" s="18"/>
      <c r="K6212" s="18"/>
      <c r="L6212" s="18"/>
      <c r="M6212" s="18"/>
      <c r="N6212" s="18"/>
      <c r="O6212" s="18"/>
      <c r="P6212" s="19">
        <v>70</v>
      </c>
      <c r="Q6212" s="19"/>
      <c r="R6212" s="19"/>
      <c r="S6212" s="19"/>
      <c r="T6212" s="19">
        <v>50</v>
      </c>
      <c r="U6212" s="19"/>
      <c r="V6212" s="19"/>
      <c r="W6212" s="19"/>
      <c r="X6212" s="19">
        <v>54</v>
      </c>
      <c r="Y6212" s="19"/>
      <c r="Z6212" s="19"/>
      <c r="AA6212" s="19"/>
    </row>
    <row r="6213" spans="1:27" s="1" customFormat="1" ht="21" customHeight="1" outlineLevel="2" x14ac:dyDescent="0.2">
      <c r="A6213" s="17"/>
      <c r="B6213" s="17"/>
      <c r="C6213" s="17"/>
      <c r="D6213" s="18"/>
      <c r="E6213" s="18"/>
      <c r="F6213" s="18"/>
      <c r="G6213" s="18"/>
      <c r="H6213" s="18"/>
      <c r="I6213" s="18"/>
      <c r="J6213" s="18"/>
      <c r="K6213" s="18"/>
      <c r="L6213" s="18"/>
      <c r="M6213" s="18"/>
      <c r="N6213" s="18"/>
      <c r="O6213" s="18"/>
      <c r="P6213" s="19"/>
      <c r="Q6213" s="19"/>
      <c r="R6213" s="19"/>
      <c r="S6213" s="19"/>
      <c r="T6213" s="19"/>
      <c r="U6213" s="19"/>
      <c r="V6213" s="19"/>
      <c r="W6213" s="19"/>
      <c r="X6213" s="19"/>
      <c r="Y6213" s="19"/>
      <c r="Z6213" s="19"/>
      <c r="AA6213" s="19"/>
    </row>
    <row r="6214" spans="1:27" s="1" customFormat="1" ht="14.1" customHeight="1" outlineLevel="2" x14ac:dyDescent="0.2">
      <c r="A6214" s="17">
        <v>11829</v>
      </c>
      <c r="B6214" s="17"/>
      <c r="C6214" s="17"/>
      <c r="D6214" s="18" t="s">
        <v>3088</v>
      </c>
      <c r="E6214" s="18"/>
      <c r="F6214" s="18"/>
      <c r="G6214" s="18"/>
      <c r="H6214" s="18"/>
      <c r="I6214" s="18"/>
      <c r="J6214" s="18"/>
      <c r="K6214" s="18"/>
      <c r="L6214" s="18"/>
      <c r="M6214" s="18"/>
      <c r="N6214" s="18"/>
      <c r="O6214" s="18"/>
      <c r="P6214" s="19">
        <v>40</v>
      </c>
      <c r="Q6214" s="19"/>
      <c r="R6214" s="19"/>
      <c r="S6214" s="19"/>
      <c r="T6214" s="19">
        <v>22</v>
      </c>
      <c r="U6214" s="19"/>
      <c r="V6214" s="19"/>
      <c r="W6214" s="19"/>
      <c r="X6214" s="19">
        <v>16</v>
      </c>
      <c r="Y6214" s="19"/>
      <c r="Z6214" s="19"/>
      <c r="AA6214" s="19"/>
    </row>
    <row r="6215" spans="1:27" s="1" customFormat="1" ht="14.1" customHeight="1" outlineLevel="2" x14ac:dyDescent="0.2">
      <c r="A6215" s="17"/>
      <c r="B6215" s="17"/>
      <c r="C6215" s="17"/>
      <c r="D6215" s="18"/>
      <c r="E6215" s="18"/>
      <c r="F6215" s="18"/>
      <c r="G6215" s="18"/>
      <c r="H6215" s="18"/>
      <c r="I6215" s="18"/>
      <c r="J6215" s="18"/>
      <c r="K6215" s="18"/>
      <c r="L6215" s="18"/>
      <c r="M6215" s="18"/>
      <c r="N6215" s="18"/>
      <c r="O6215" s="18"/>
      <c r="P6215" s="19"/>
      <c r="Q6215" s="19"/>
      <c r="R6215" s="19"/>
      <c r="S6215" s="19"/>
      <c r="T6215" s="19"/>
      <c r="U6215" s="19"/>
      <c r="V6215" s="19"/>
      <c r="W6215" s="19"/>
      <c r="X6215" s="19"/>
      <c r="Y6215" s="19"/>
      <c r="Z6215" s="19"/>
      <c r="AA6215" s="19"/>
    </row>
    <row r="6216" spans="1:27" s="1" customFormat="1" ht="11.1" customHeight="1" outlineLevel="2" x14ac:dyDescent="0.2">
      <c r="A6216" s="17">
        <v>11830</v>
      </c>
      <c r="B6216" s="17"/>
      <c r="C6216" s="17"/>
      <c r="D6216" s="18" t="s">
        <v>3089</v>
      </c>
      <c r="E6216" s="18"/>
      <c r="F6216" s="18"/>
      <c r="G6216" s="18"/>
      <c r="H6216" s="18"/>
      <c r="I6216" s="18"/>
      <c r="J6216" s="18"/>
      <c r="K6216" s="18"/>
      <c r="L6216" s="18"/>
      <c r="M6216" s="18"/>
      <c r="N6216" s="18"/>
      <c r="O6216" s="18"/>
      <c r="P6216" s="19">
        <v>40</v>
      </c>
      <c r="Q6216" s="19"/>
      <c r="R6216" s="19"/>
      <c r="S6216" s="19"/>
      <c r="T6216" s="19">
        <v>20</v>
      </c>
      <c r="U6216" s="19"/>
      <c r="V6216" s="19"/>
      <c r="W6216" s="19"/>
      <c r="X6216" s="19">
        <v>5</v>
      </c>
      <c r="Y6216" s="19"/>
      <c r="Z6216" s="19"/>
      <c r="AA6216" s="19"/>
    </row>
    <row r="6217" spans="1:27" s="1" customFormat="1" ht="11.1" customHeight="1" outlineLevel="2" x14ac:dyDescent="0.2">
      <c r="A6217" s="17"/>
      <c r="B6217" s="17"/>
      <c r="C6217" s="17"/>
      <c r="D6217" s="18"/>
      <c r="E6217" s="18"/>
      <c r="F6217" s="18"/>
      <c r="G6217" s="18"/>
      <c r="H6217" s="18"/>
      <c r="I6217" s="18"/>
      <c r="J6217" s="18"/>
      <c r="K6217" s="18"/>
      <c r="L6217" s="18"/>
      <c r="M6217" s="18"/>
      <c r="N6217" s="18"/>
      <c r="O6217" s="18"/>
      <c r="P6217" s="19"/>
      <c r="Q6217" s="19"/>
      <c r="R6217" s="19"/>
      <c r="S6217" s="19"/>
      <c r="T6217" s="19"/>
      <c r="U6217" s="19"/>
      <c r="V6217" s="19"/>
      <c r="W6217" s="19"/>
      <c r="X6217" s="19"/>
      <c r="Y6217" s="19"/>
      <c r="Z6217" s="19"/>
      <c r="AA6217" s="19"/>
    </row>
    <row r="6218" spans="1:27" s="1" customFormat="1" ht="14.1" customHeight="1" outlineLevel="2" x14ac:dyDescent="0.2">
      <c r="A6218" s="17">
        <v>11831</v>
      </c>
      <c r="B6218" s="17"/>
      <c r="C6218" s="17"/>
      <c r="D6218" s="18" t="s">
        <v>3090</v>
      </c>
      <c r="E6218" s="18"/>
      <c r="F6218" s="18"/>
      <c r="G6218" s="18"/>
      <c r="H6218" s="18"/>
      <c r="I6218" s="18"/>
      <c r="J6218" s="18"/>
      <c r="K6218" s="18"/>
      <c r="L6218" s="18"/>
      <c r="M6218" s="18"/>
      <c r="N6218" s="18"/>
      <c r="O6218" s="18"/>
      <c r="P6218" s="19">
        <v>60</v>
      </c>
      <c r="Q6218" s="19"/>
      <c r="R6218" s="19"/>
      <c r="S6218" s="19"/>
      <c r="T6218" s="19">
        <v>40</v>
      </c>
      <c r="U6218" s="19"/>
      <c r="V6218" s="19"/>
      <c r="W6218" s="19"/>
      <c r="X6218" s="19">
        <v>6</v>
      </c>
      <c r="Y6218" s="19"/>
      <c r="Z6218" s="19"/>
      <c r="AA6218" s="19"/>
    </row>
    <row r="6219" spans="1:27" s="1" customFormat="1" ht="14.1" customHeight="1" outlineLevel="2" x14ac:dyDescent="0.2">
      <c r="A6219" s="17"/>
      <c r="B6219" s="17"/>
      <c r="C6219" s="17"/>
      <c r="D6219" s="18"/>
      <c r="E6219" s="18"/>
      <c r="F6219" s="18"/>
      <c r="G6219" s="18"/>
      <c r="H6219" s="18"/>
      <c r="I6219" s="18"/>
      <c r="J6219" s="18"/>
      <c r="K6219" s="18"/>
      <c r="L6219" s="18"/>
      <c r="M6219" s="18"/>
      <c r="N6219" s="18"/>
      <c r="O6219" s="18"/>
      <c r="P6219" s="19"/>
      <c r="Q6219" s="19"/>
      <c r="R6219" s="19"/>
      <c r="S6219" s="19"/>
      <c r="T6219" s="19"/>
      <c r="U6219" s="19"/>
      <c r="V6219" s="19"/>
      <c r="W6219" s="19"/>
      <c r="X6219" s="19"/>
      <c r="Y6219" s="19"/>
      <c r="Z6219" s="19"/>
      <c r="AA6219" s="19"/>
    </row>
    <row r="6220" spans="1:27" s="1" customFormat="1" ht="14.1" customHeight="1" outlineLevel="2" x14ac:dyDescent="0.2">
      <c r="A6220" s="17">
        <v>11832</v>
      </c>
      <c r="B6220" s="17"/>
      <c r="C6220" s="17"/>
      <c r="D6220" s="18" t="s">
        <v>3091</v>
      </c>
      <c r="E6220" s="18"/>
      <c r="F6220" s="18"/>
      <c r="G6220" s="18"/>
      <c r="H6220" s="18"/>
      <c r="I6220" s="18"/>
      <c r="J6220" s="18"/>
      <c r="K6220" s="18"/>
      <c r="L6220" s="18"/>
      <c r="M6220" s="18"/>
      <c r="N6220" s="18"/>
      <c r="O6220" s="18"/>
      <c r="P6220" s="19">
        <v>75</v>
      </c>
      <c r="Q6220" s="19"/>
      <c r="R6220" s="19"/>
      <c r="S6220" s="19"/>
      <c r="T6220" s="19">
        <v>64</v>
      </c>
      <c r="U6220" s="19"/>
      <c r="V6220" s="19"/>
      <c r="W6220" s="19"/>
      <c r="X6220" s="19">
        <v>12</v>
      </c>
      <c r="Y6220" s="19"/>
      <c r="Z6220" s="19"/>
      <c r="AA6220" s="19"/>
    </row>
    <row r="6221" spans="1:27" s="1" customFormat="1" ht="14.1" customHeight="1" outlineLevel="2" x14ac:dyDescent="0.2">
      <c r="A6221" s="17"/>
      <c r="B6221" s="17"/>
      <c r="C6221" s="17"/>
      <c r="D6221" s="18"/>
      <c r="E6221" s="18"/>
      <c r="F6221" s="18"/>
      <c r="G6221" s="18"/>
      <c r="H6221" s="18"/>
      <c r="I6221" s="18"/>
      <c r="J6221" s="18"/>
      <c r="K6221" s="18"/>
      <c r="L6221" s="18"/>
      <c r="M6221" s="18"/>
      <c r="N6221" s="18"/>
      <c r="O6221" s="18"/>
      <c r="P6221" s="19"/>
      <c r="Q6221" s="19"/>
      <c r="R6221" s="19"/>
      <c r="S6221" s="19"/>
      <c r="T6221" s="19"/>
      <c r="U6221" s="19"/>
      <c r="V6221" s="19"/>
      <c r="W6221" s="19"/>
      <c r="X6221" s="19"/>
      <c r="Y6221" s="19"/>
      <c r="Z6221" s="19"/>
      <c r="AA6221" s="19"/>
    </row>
    <row r="6222" spans="1:27" s="1" customFormat="1" ht="14.1" customHeight="1" outlineLevel="2" x14ac:dyDescent="0.2">
      <c r="A6222" s="17">
        <v>11833</v>
      </c>
      <c r="B6222" s="17"/>
      <c r="C6222" s="17"/>
      <c r="D6222" s="18" t="s">
        <v>3092</v>
      </c>
      <c r="E6222" s="18"/>
      <c r="F6222" s="18"/>
      <c r="G6222" s="18"/>
      <c r="H6222" s="18"/>
      <c r="I6222" s="18"/>
      <c r="J6222" s="18"/>
      <c r="K6222" s="18"/>
      <c r="L6222" s="18"/>
      <c r="M6222" s="18"/>
      <c r="N6222" s="18"/>
      <c r="O6222" s="18"/>
      <c r="P6222" s="19">
        <v>55</v>
      </c>
      <c r="Q6222" s="19"/>
      <c r="R6222" s="19"/>
      <c r="S6222" s="19"/>
      <c r="T6222" s="19">
        <v>36</v>
      </c>
      <c r="U6222" s="19"/>
      <c r="V6222" s="19"/>
      <c r="W6222" s="19"/>
      <c r="X6222" s="19">
        <v>10</v>
      </c>
      <c r="Y6222" s="19"/>
      <c r="Z6222" s="19"/>
      <c r="AA6222" s="19"/>
    </row>
    <row r="6223" spans="1:27" s="1" customFormat="1" ht="14.1" customHeight="1" outlineLevel="2" x14ac:dyDescent="0.2">
      <c r="A6223" s="17"/>
      <c r="B6223" s="17"/>
      <c r="C6223" s="17"/>
      <c r="D6223" s="18"/>
      <c r="E6223" s="18"/>
      <c r="F6223" s="18"/>
      <c r="G6223" s="18"/>
      <c r="H6223" s="18"/>
      <c r="I6223" s="18"/>
      <c r="J6223" s="18"/>
      <c r="K6223" s="18"/>
      <c r="L6223" s="18"/>
      <c r="M6223" s="18"/>
      <c r="N6223" s="18"/>
      <c r="O6223" s="18"/>
      <c r="P6223" s="19"/>
      <c r="Q6223" s="19"/>
      <c r="R6223" s="19"/>
      <c r="S6223" s="19"/>
      <c r="T6223" s="19"/>
      <c r="U6223" s="19"/>
      <c r="V6223" s="19"/>
      <c r="W6223" s="19"/>
      <c r="X6223" s="19"/>
      <c r="Y6223" s="19"/>
      <c r="Z6223" s="19"/>
      <c r="AA6223" s="19"/>
    </row>
    <row r="6224" spans="1:27" s="1" customFormat="1" ht="14.1" customHeight="1" outlineLevel="2" x14ac:dyDescent="0.2">
      <c r="A6224" s="17">
        <v>11834</v>
      </c>
      <c r="B6224" s="17"/>
      <c r="C6224" s="17"/>
      <c r="D6224" s="18" t="s">
        <v>3093</v>
      </c>
      <c r="E6224" s="18"/>
      <c r="F6224" s="18"/>
      <c r="G6224" s="18"/>
      <c r="H6224" s="18"/>
      <c r="I6224" s="18"/>
      <c r="J6224" s="18"/>
      <c r="K6224" s="18"/>
      <c r="L6224" s="18"/>
      <c r="M6224" s="18"/>
      <c r="N6224" s="18"/>
      <c r="O6224" s="18"/>
      <c r="P6224" s="19">
        <v>55</v>
      </c>
      <c r="Q6224" s="19"/>
      <c r="R6224" s="19"/>
      <c r="S6224" s="19"/>
      <c r="T6224" s="19">
        <v>38</v>
      </c>
      <c r="U6224" s="19"/>
      <c r="V6224" s="19"/>
      <c r="W6224" s="19"/>
      <c r="X6224" s="19">
        <v>8</v>
      </c>
      <c r="Y6224" s="19"/>
      <c r="Z6224" s="19"/>
      <c r="AA6224" s="19"/>
    </row>
    <row r="6225" spans="1:27" s="1" customFormat="1" ht="14.1" customHeight="1" outlineLevel="2" x14ac:dyDescent="0.2">
      <c r="A6225" s="17"/>
      <c r="B6225" s="17"/>
      <c r="C6225" s="17"/>
      <c r="D6225" s="18"/>
      <c r="E6225" s="18"/>
      <c r="F6225" s="18"/>
      <c r="G6225" s="18"/>
      <c r="H6225" s="18"/>
      <c r="I6225" s="18"/>
      <c r="J6225" s="18"/>
      <c r="K6225" s="18"/>
      <c r="L6225" s="18"/>
      <c r="M6225" s="18"/>
      <c r="N6225" s="18"/>
      <c r="O6225" s="18"/>
      <c r="P6225" s="19"/>
      <c r="Q6225" s="19"/>
      <c r="R6225" s="19"/>
      <c r="S6225" s="19"/>
      <c r="T6225" s="19"/>
      <c r="U6225" s="19"/>
      <c r="V6225" s="19"/>
      <c r="W6225" s="19"/>
      <c r="X6225" s="19"/>
      <c r="Y6225" s="19"/>
      <c r="Z6225" s="19"/>
      <c r="AA6225" s="19"/>
    </row>
    <row r="6226" spans="1:27" s="1" customFormat="1" ht="14.1" customHeight="1" outlineLevel="2" x14ac:dyDescent="0.2">
      <c r="A6226" s="17">
        <v>11835</v>
      </c>
      <c r="B6226" s="17"/>
      <c r="C6226" s="17"/>
      <c r="D6226" s="18" t="s">
        <v>3094</v>
      </c>
      <c r="E6226" s="18"/>
      <c r="F6226" s="18"/>
      <c r="G6226" s="18"/>
      <c r="H6226" s="18"/>
      <c r="I6226" s="18"/>
      <c r="J6226" s="18"/>
      <c r="K6226" s="18"/>
      <c r="L6226" s="18"/>
      <c r="M6226" s="18"/>
      <c r="N6226" s="18"/>
      <c r="O6226" s="18"/>
      <c r="P6226" s="19">
        <v>40</v>
      </c>
      <c r="Q6226" s="19"/>
      <c r="R6226" s="19"/>
      <c r="S6226" s="19"/>
      <c r="T6226" s="19">
        <v>20</v>
      </c>
      <c r="U6226" s="19"/>
      <c r="V6226" s="19"/>
      <c r="W6226" s="19"/>
      <c r="X6226" s="19">
        <v>8</v>
      </c>
      <c r="Y6226" s="19"/>
      <c r="Z6226" s="19"/>
      <c r="AA6226" s="19"/>
    </row>
    <row r="6227" spans="1:27" s="1" customFormat="1" ht="14.1" customHeight="1" outlineLevel="2" x14ac:dyDescent="0.2">
      <c r="A6227" s="17"/>
      <c r="B6227" s="17"/>
      <c r="C6227" s="17"/>
      <c r="D6227" s="18"/>
      <c r="E6227" s="18"/>
      <c r="F6227" s="18"/>
      <c r="G6227" s="18"/>
      <c r="H6227" s="18"/>
      <c r="I6227" s="18"/>
      <c r="J6227" s="18"/>
      <c r="K6227" s="18"/>
      <c r="L6227" s="18"/>
      <c r="M6227" s="18"/>
      <c r="N6227" s="18"/>
      <c r="O6227" s="18"/>
      <c r="P6227" s="19"/>
      <c r="Q6227" s="19"/>
      <c r="R6227" s="19"/>
      <c r="S6227" s="19"/>
      <c r="T6227" s="19"/>
      <c r="U6227" s="19"/>
      <c r="V6227" s="19"/>
      <c r="W6227" s="19"/>
      <c r="X6227" s="19"/>
      <c r="Y6227" s="19"/>
      <c r="Z6227" s="19"/>
      <c r="AA6227" s="19"/>
    </row>
    <row r="6228" spans="1:27" s="1" customFormat="1" ht="11.1" customHeight="1" outlineLevel="2" x14ac:dyDescent="0.2">
      <c r="A6228" s="17">
        <v>11837</v>
      </c>
      <c r="B6228" s="17"/>
      <c r="C6228" s="17"/>
      <c r="D6228" s="18" t="s">
        <v>3095</v>
      </c>
      <c r="E6228" s="18"/>
      <c r="F6228" s="18"/>
      <c r="G6228" s="18"/>
      <c r="H6228" s="18"/>
      <c r="I6228" s="18"/>
      <c r="J6228" s="18"/>
      <c r="K6228" s="18"/>
      <c r="L6228" s="18"/>
      <c r="M6228" s="18"/>
      <c r="N6228" s="18"/>
      <c r="O6228" s="18"/>
      <c r="P6228" s="19">
        <v>45</v>
      </c>
      <c r="Q6228" s="19"/>
      <c r="R6228" s="19"/>
      <c r="S6228" s="19"/>
      <c r="T6228" s="19">
        <v>34</v>
      </c>
      <c r="U6228" s="19"/>
      <c r="V6228" s="19"/>
      <c r="W6228" s="19"/>
      <c r="X6228" s="19">
        <v>10</v>
      </c>
      <c r="Y6228" s="19"/>
      <c r="Z6228" s="19"/>
      <c r="AA6228" s="19"/>
    </row>
    <row r="6229" spans="1:27" s="1" customFormat="1" ht="11.1" customHeight="1" outlineLevel="2" x14ac:dyDescent="0.2">
      <c r="A6229" s="17"/>
      <c r="B6229" s="17"/>
      <c r="C6229" s="17"/>
      <c r="D6229" s="18"/>
      <c r="E6229" s="18"/>
      <c r="F6229" s="18"/>
      <c r="G6229" s="18"/>
      <c r="H6229" s="18"/>
      <c r="I6229" s="18"/>
      <c r="J6229" s="18"/>
      <c r="K6229" s="18"/>
      <c r="L6229" s="18"/>
      <c r="M6229" s="18"/>
      <c r="N6229" s="18"/>
      <c r="O6229" s="18"/>
      <c r="P6229" s="19"/>
      <c r="Q6229" s="19"/>
      <c r="R6229" s="19"/>
      <c r="S6229" s="19"/>
      <c r="T6229" s="19"/>
      <c r="U6229" s="19"/>
      <c r="V6229" s="19"/>
      <c r="W6229" s="19"/>
      <c r="X6229" s="19"/>
      <c r="Y6229" s="19"/>
      <c r="Z6229" s="19"/>
      <c r="AA6229" s="19"/>
    </row>
    <row r="6230" spans="1:27" s="1" customFormat="1" ht="14.1" customHeight="1" outlineLevel="2" x14ac:dyDescent="0.2">
      <c r="A6230" s="17">
        <v>11609</v>
      </c>
      <c r="B6230" s="17"/>
      <c r="C6230" s="17"/>
      <c r="D6230" s="18" t="s">
        <v>3096</v>
      </c>
      <c r="E6230" s="18"/>
      <c r="F6230" s="18"/>
      <c r="G6230" s="18"/>
      <c r="H6230" s="18"/>
      <c r="I6230" s="18"/>
      <c r="J6230" s="18"/>
      <c r="K6230" s="18"/>
      <c r="L6230" s="18"/>
      <c r="M6230" s="18"/>
      <c r="N6230" s="18"/>
      <c r="O6230" s="18"/>
      <c r="P6230" s="19">
        <v>45</v>
      </c>
      <c r="Q6230" s="19"/>
      <c r="R6230" s="19"/>
      <c r="S6230" s="19"/>
      <c r="T6230" s="19">
        <v>28</v>
      </c>
      <c r="U6230" s="19"/>
      <c r="V6230" s="19"/>
      <c r="W6230" s="19"/>
      <c r="X6230" s="19">
        <v>17</v>
      </c>
      <c r="Y6230" s="19"/>
      <c r="Z6230" s="19"/>
      <c r="AA6230" s="19"/>
    </row>
    <row r="6231" spans="1:27" s="1" customFormat="1" ht="14.1" customHeight="1" outlineLevel="2" x14ac:dyDescent="0.2">
      <c r="A6231" s="17"/>
      <c r="B6231" s="17"/>
      <c r="C6231" s="17"/>
      <c r="D6231" s="18"/>
      <c r="E6231" s="18"/>
      <c r="F6231" s="18"/>
      <c r="G6231" s="18"/>
      <c r="H6231" s="18"/>
      <c r="I6231" s="18"/>
      <c r="J6231" s="18"/>
      <c r="K6231" s="18"/>
      <c r="L6231" s="18"/>
      <c r="M6231" s="18"/>
      <c r="N6231" s="18"/>
      <c r="O6231" s="18"/>
      <c r="P6231" s="19"/>
      <c r="Q6231" s="19"/>
      <c r="R6231" s="19"/>
      <c r="S6231" s="19"/>
      <c r="T6231" s="19"/>
      <c r="U6231" s="19"/>
      <c r="V6231" s="19"/>
      <c r="W6231" s="19"/>
      <c r="X6231" s="19"/>
      <c r="Y6231" s="19"/>
      <c r="Z6231" s="19"/>
      <c r="AA6231" s="19"/>
    </row>
    <row r="6232" spans="1:27" s="1" customFormat="1" ht="14.1" customHeight="1" outlineLevel="2" x14ac:dyDescent="0.2">
      <c r="A6232" s="17">
        <v>11841</v>
      </c>
      <c r="B6232" s="17"/>
      <c r="C6232" s="17"/>
      <c r="D6232" s="18" t="s">
        <v>3097</v>
      </c>
      <c r="E6232" s="18"/>
      <c r="F6232" s="18"/>
      <c r="G6232" s="18"/>
      <c r="H6232" s="18"/>
      <c r="I6232" s="18"/>
      <c r="J6232" s="18"/>
      <c r="K6232" s="18"/>
      <c r="L6232" s="18"/>
      <c r="M6232" s="18"/>
      <c r="N6232" s="18"/>
      <c r="O6232" s="18"/>
      <c r="P6232" s="19">
        <v>75</v>
      </c>
      <c r="Q6232" s="19"/>
      <c r="R6232" s="19"/>
      <c r="S6232" s="19"/>
      <c r="T6232" s="19">
        <v>57</v>
      </c>
      <c r="U6232" s="19"/>
      <c r="V6232" s="19"/>
      <c r="W6232" s="19"/>
      <c r="X6232" s="19">
        <v>9</v>
      </c>
      <c r="Y6232" s="19"/>
      <c r="Z6232" s="19"/>
      <c r="AA6232" s="19"/>
    </row>
    <row r="6233" spans="1:27" s="1" customFormat="1" ht="14.1" customHeight="1" outlineLevel="2" x14ac:dyDescent="0.2">
      <c r="A6233" s="17"/>
      <c r="B6233" s="17"/>
      <c r="C6233" s="17"/>
      <c r="D6233" s="18"/>
      <c r="E6233" s="18"/>
      <c r="F6233" s="18"/>
      <c r="G6233" s="18"/>
      <c r="H6233" s="18"/>
      <c r="I6233" s="18"/>
      <c r="J6233" s="18"/>
      <c r="K6233" s="18"/>
      <c r="L6233" s="18"/>
      <c r="M6233" s="18"/>
      <c r="N6233" s="18"/>
      <c r="O6233" s="18"/>
      <c r="P6233" s="19"/>
      <c r="Q6233" s="19"/>
      <c r="R6233" s="19"/>
      <c r="S6233" s="19"/>
      <c r="T6233" s="19"/>
      <c r="U6233" s="19"/>
      <c r="V6233" s="19"/>
      <c r="W6233" s="19"/>
      <c r="X6233" s="19"/>
      <c r="Y6233" s="19"/>
      <c r="Z6233" s="19"/>
      <c r="AA6233" s="19"/>
    </row>
    <row r="6234" spans="1:27" s="1" customFormat="1" ht="11.1" customHeight="1" outlineLevel="2" x14ac:dyDescent="0.2">
      <c r="A6234" s="17">
        <v>11842</v>
      </c>
      <c r="B6234" s="17"/>
      <c r="C6234" s="17"/>
      <c r="D6234" s="18" t="s">
        <v>3098</v>
      </c>
      <c r="E6234" s="18"/>
      <c r="F6234" s="18"/>
      <c r="G6234" s="18"/>
      <c r="H6234" s="18"/>
      <c r="I6234" s="18"/>
      <c r="J6234" s="18"/>
      <c r="K6234" s="18"/>
      <c r="L6234" s="18"/>
      <c r="M6234" s="18"/>
      <c r="N6234" s="18"/>
      <c r="O6234" s="18"/>
      <c r="P6234" s="19">
        <v>60</v>
      </c>
      <c r="Q6234" s="19"/>
      <c r="R6234" s="19"/>
      <c r="S6234" s="19"/>
      <c r="T6234" s="19">
        <v>40</v>
      </c>
      <c r="U6234" s="19"/>
      <c r="V6234" s="19"/>
      <c r="W6234" s="19"/>
      <c r="X6234" s="19">
        <v>49</v>
      </c>
      <c r="Y6234" s="19"/>
      <c r="Z6234" s="19"/>
      <c r="AA6234" s="19"/>
    </row>
    <row r="6235" spans="1:27" s="1" customFormat="1" ht="11.1" customHeight="1" outlineLevel="2" x14ac:dyDescent="0.2">
      <c r="A6235" s="17"/>
      <c r="B6235" s="17"/>
      <c r="C6235" s="17"/>
      <c r="D6235" s="18"/>
      <c r="E6235" s="18"/>
      <c r="F6235" s="18"/>
      <c r="G6235" s="18"/>
      <c r="H6235" s="18"/>
      <c r="I6235" s="18"/>
      <c r="J6235" s="18"/>
      <c r="K6235" s="18"/>
      <c r="L6235" s="18"/>
      <c r="M6235" s="18"/>
      <c r="N6235" s="18"/>
      <c r="O6235" s="18"/>
      <c r="P6235" s="19"/>
      <c r="Q6235" s="19"/>
      <c r="R6235" s="19"/>
      <c r="S6235" s="19"/>
      <c r="T6235" s="19"/>
      <c r="U6235" s="19"/>
      <c r="V6235" s="19"/>
      <c r="W6235" s="19"/>
      <c r="X6235" s="19"/>
      <c r="Y6235" s="19"/>
      <c r="Z6235" s="19"/>
      <c r="AA6235" s="19"/>
    </row>
    <row r="6236" spans="1:27" s="1" customFormat="1" ht="11.1" customHeight="1" outlineLevel="2" x14ac:dyDescent="0.2">
      <c r="A6236" s="17">
        <v>11843</v>
      </c>
      <c r="B6236" s="17"/>
      <c r="C6236" s="17"/>
      <c r="D6236" s="18" t="s">
        <v>3099</v>
      </c>
      <c r="E6236" s="18"/>
      <c r="F6236" s="18"/>
      <c r="G6236" s="18"/>
      <c r="H6236" s="18"/>
      <c r="I6236" s="18"/>
      <c r="J6236" s="18"/>
      <c r="K6236" s="18"/>
      <c r="L6236" s="18"/>
      <c r="M6236" s="18"/>
      <c r="N6236" s="18"/>
      <c r="O6236" s="18"/>
      <c r="P6236" s="19">
        <v>45</v>
      </c>
      <c r="Q6236" s="19"/>
      <c r="R6236" s="19"/>
      <c r="S6236" s="19"/>
      <c r="T6236" s="19">
        <v>32</v>
      </c>
      <c r="U6236" s="19"/>
      <c r="V6236" s="19"/>
      <c r="W6236" s="19"/>
      <c r="X6236" s="19">
        <v>10</v>
      </c>
      <c r="Y6236" s="19"/>
      <c r="Z6236" s="19"/>
      <c r="AA6236" s="19"/>
    </row>
    <row r="6237" spans="1:27" s="1" customFormat="1" ht="11.1" customHeight="1" outlineLevel="2" x14ac:dyDescent="0.2">
      <c r="A6237" s="17"/>
      <c r="B6237" s="17"/>
      <c r="C6237" s="17"/>
      <c r="D6237" s="18"/>
      <c r="E6237" s="18"/>
      <c r="F6237" s="18"/>
      <c r="G6237" s="18"/>
      <c r="H6237" s="18"/>
      <c r="I6237" s="18"/>
      <c r="J6237" s="18"/>
      <c r="K6237" s="18"/>
      <c r="L6237" s="18"/>
      <c r="M6237" s="18"/>
      <c r="N6237" s="18"/>
      <c r="O6237" s="18"/>
      <c r="P6237" s="19"/>
      <c r="Q6237" s="19"/>
      <c r="R6237" s="19"/>
      <c r="S6237" s="19"/>
      <c r="T6237" s="19"/>
      <c r="U6237" s="19"/>
      <c r="V6237" s="19"/>
      <c r="W6237" s="19"/>
      <c r="X6237" s="19"/>
      <c r="Y6237" s="19"/>
      <c r="Z6237" s="19"/>
      <c r="AA6237" s="19"/>
    </row>
    <row r="6238" spans="1:27" s="1" customFormat="1" ht="11.1" customHeight="1" outlineLevel="2" x14ac:dyDescent="0.2">
      <c r="A6238" s="17">
        <v>12000</v>
      </c>
      <c r="B6238" s="17"/>
      <c r="C6238" s="17"/>
      <c r="D6238" s="18" t="s">
        <v>3100</v>
      </c>
      <c r="E6238" s="18"/>
      <c r="F6238" s="18"/>
      <c r="G6238" s="18"/>
      <c r="H6238" s="18"/>
      <c r="I6238" s="18"/>
      <c r="J6238" s="18"/>
      <c r="K6238" s="18"/>
      <c r="L6238" s="18"/>
      <c r="M6238" s="18"/>
      <c r="N6238" s="18"/>
      <c r="O6238" s="18"/>
      <c r="P6238" s="19">
        <v>70</v>
      </c>
      <c r="Q6238" s="19"/>
      <c r="R6238" s="19"/>
      <c r="S6238" s="19"/>
      <c r="T6238" s="19">
        <v>35</v>
      </c>
      <c r="U6238" s="19"/>
      <c r="V6238" s="19"/>
      <c r="W6238" s="19"/>
      <c r="X6238" s="19">
        <v>57</v>
      </c>
      <c r="Y6238" s="19"/>
      <c r="Z6238" s="19"/>
      <c r="AA6238" s="19"/>
    </row>
    <row r="6239" spans="1:27" s="1" customFormat="1" ht="11.1" customHeight="1" outlineLevel="2" x14ac:dyDescent="0.2">
      <c r="A6239" s="17"/>
      <c r="B6239" s="17"/>
      <c r="C6239" s="17"/>
      <c r="D6239" s="18"/>
      <c r="E6239" s="18"/>
      <c r="F6239" s="18"/>
      <c r="G6239" s="18"/>
      <c r="H6239" s="18"/>
      <c r="I6239" s="18"/>
      <c r="J6239" s="18"/>
      <c r="K6239" s="18"/>
      <c r="L6239" s="18"/>
      <c r="M6239" s="18"/>
      <c r="N6239" s="18"/>
      <c r="O6239" s="18"/>
      <c r="P6239" s="19"/>
      <c r="Q6239" s="19"/>
      <c r="R6239" s="19"/>
      <c r="S6239" s="19"/>
      <c r="T6239" s="19"/>
      <c r="U6239" s="19"/>
      <c r="V6239" s="19"/>
      <c r="W6239" s="19"/>
      <c r="X6239" s="19"/>
      <c r="Y6239" s="19"/>
      <c r="Z6239" s="19"/>
      <c r="AA6239" s="19"/>
    </row>
    <row r="6240" spans="1:27" s="1" customFormat="1" ht="11.1" customHeight="1" outlineLevel="2" x14ac:dyDescent="0.2">
      <c r="A6240" s="17">
        <v>13535</v>
      </c>
      <c r="B6240" s="17"/>
      <c r="C6240" s="17"/>
      <c r="D6240" s="18" t="s">
        <v>3101</v>
      </c>
      <c r="E6240" s="18"/>
      <c r="F6240" s="18"/>
      <c r="G6240" s="18"/>
      <c r="H6240" s="18"/>
      <c r="I6240" s="18"/>
      <c r="J6240" s="18"/>
      <c r="K6240" s="18"/>
      <c r="L6240" s="18"/>
      <c r="M6240" s="18"/>
      <c r="N6240" s="18"/>
      <c r="O6240" s="18"/>
      <c r="P6240" s="19">
        <v>60</v>
      </c>
      <c r="Q6240" s="19"/>
      <c r="R6240" s="19"/>
      <c r="S6240" s="19"/>
      <c r="T6240" s="19">
        <v>30</v>
      </c>
      <c r="U6240" s="19"/>
      <c r="V6240" s="19"/>
      <c r="W6240" s="19"/>
      <c r="X6240" s="19">
        <v>45</v>
      </c>
      <c r="Y6240" s="19"/>
      <c r="Z6240" s="19"/>
      <c r="AA6240" s="19"/>
    </row>
    <row r="6241" spans="1:27" s="1" customFormat="1" ht="11.1" customHeight="1" outlineLevel="2" x14ac:dyDescent="0.2">
      <c r="A6241" s="17"/>
      <c r="B6241" s="17"/>
      <c r="C6241" s="17"/>
      <c r="D6241" s="18"/>
      <c r="E6241" s="18"/>
      <c r="F6241" s="18"/>
      <c r="G6241" s="18"/>
      <c r="H6241" s="18"/>
      <c r="I6241" s="18"/>
      <c r="J6241" s="18"/>
      <c r="K6241" s="18"/>
      <c r="L6241" s="18"/>
      <c r="M6241" s="18"/>
      <c r="N6241" s="18"/>
      <c r="O6241" s="18"/>
      <c r="P6241" s="19"/>
      <c r="Q6241" s="19"/>
      <c r="R6241" s="19"/>
      <c r="S6241" s="19"/>
      <c r="T6241" s="19"/>
      <c r="U6241" s="19"/>
      <c r="V6241" s="19"/>
      <c r="W6241" s="19"/>
      <c r="X6241" s="19"/>
      <c r="Y6241" s="19"/>
      <c r="Z6241" s="19"/>
      <c r="AA6241" s="19"/>
    </row>
    <row r="6242" spans="1:27" s="1" customFormat="1" ht="11.1" customHeight="1" outlineLevel="2" x14ac:dyDescent="0.2">
      <c r="A6242" s="17">
        <v>13754</v>
      </c>
      <c r="B6242" s="17"/>
      <c r="C6242" s="17"/>
      <c r="D6242" s="18" t="s">
        <v>3102</v>
      </c>
      <c r="E6242" s="18"/>
      <c r="F6242" s="18"/>
      <c r="G6242" s="18"/>
      <c r="H6242" s="18"/>
      <c r="I6242" s="18"/>
      <c r="J6242" s="18"/>
      <c r="K6242" s="18"/>
      <c r="L6242" s="18"/>
      <c r="M6242" s="18"/>
      <c r="N6242" s="18"/>
      <c r="O6242" s="18"/>
      <c r="P6242" s="19">
        <v>35</v>
      </c>
      <c r="Q6242" s="19"/>
      <c r="R6242" s="19"/>
      <c r="S6242" s="19"/>
      <c r="T6242" s="19">
        <v>22</v>
      </c>
      <c r="U6242" s="19"/>
      <c r="V6242" s="19"/>
      <c r="W6242" s="19"/>
      <c r="X6242" s="19">
        <v>49</v>
      </c>
      <c r="Y6242" s="19"/>
      <c r="Z6242" s="19"/>
      <c r="AA6242" s="19"/>
    </row>
    <row r="6243" spans="1:27" s="1" customFormat="1" ht="11.1" customHeight="1" outlineLevel="2" x14ac:dyDescent="0.2">
      <c r="A6243" s="17"/>
      <c r="B6243" s="17"/>
      <c r="C6243" s="17"/>
      <c r="D6243" s="18"/>
      <c r="E6243" s="18"/>
      <c r="F6243" s="18"/>
      <c r="G6243" s="18"/>
      <c r="H6243" s="18"/>
      <c r="I6243" s="18"/>
      <c r="J6243" s="18"/>
      <c r="K6243" s="18"/>
      <c r="L6243" s="18"/>
      <c r="M6243" s="18"/>
      <c r="N6243" s="18"/>
      <c r="O6243" s="18"/>
      <c r="P6243" s="19"/>
      <c r="Q6243" s="19"/>
      <c r="R6243" s="19"/>
      <c r="S6243" s="19"/>
      <c r="T6243" s="19"/>
      <c r="U6243" s="19"/>
      <c r="V6243" s="19"/>
      <c r="W6243" s="19"/>
      <c r="X6243" s="19"/>
      <c r="Y6243" s="19"/>
      <c r="Z6243" s="19"/>
      <c r="AA6243" s="19"/>
    </row>
    <row r="6244" spans="1:27" s="1" customFormat="1" ht="11.1" customHeight="1" outlineLevel="2" x14ac:dyDescent="0.2">
      <c r="A6244" s="17">
        <v>13755</v>
      </c>
      <c r="B6244" s="17"/>
      <c r="C6244" s="17"/>
      <c r="D6244" s="18" t="s">
        <v>3103</v>
      </c>
      <c r="E6244" s="18"/>
      <c r="F6244" s="18"/>
      <c r="G6244" s="18"/>
      <c r="H6244" s="18"/>
      <c r="I6244" s="18"/>
      <c r="J6244" s="18"/>
      <c r="K6244" s="18"/>
      <c r="L6244" s="18"/>
      <c r="M6244" s="18"/>
      <c r="N6244" s="18"/>
      <c r="O6244" s="18"/>
      <c r="P6244" s="19">
        <v>45</v>
      </c>
      <c r="Q6244" s="19"/>
      <c r="R6244" s="19"/>
      <c r="S6244" s="19"/>
      <c r="T6244" s="19">
        <v>28</v>
      </c>
      <c r="U6244" s="19"/>
      <c r="V6244" s="19"/>
      <c r="W6244" s="19"/>
      <c r="X6244" s="19">
        <v>49</v>
      </c>
      <c r="Y6244" s="19"/>
      <c r="Z6244" s="19"/>
      <c r="AA6244" s="19"/>
    </row>
    <row r="6245" spans="1:27" s="1" customFormat="1" ht="11.1" customHeight="1" outlineLevel="2" x14ac:dyDescent="0.2">
      <c r="A6245" s="17"/>
      <c r="B6245" s="17"/>
      <c r="C6245" s="17"/>
      <c r="D6245" s="18"/>
      <c r="E6245" s="18"/>
      <c r="F6245" s="18"/>
      <c r="G6245" s="18"/>
      <c r="H6245" s="18"/>
      <c r="I6245" s="18"/>
      <c r="J6245" s="18"/>
      <c r="K6245" s="18"/>
      <c r="L6245" s="18"/>
      <c r="M6245" s="18"/>
      <c r="N6245" s="18"/>
      <c r="O6245" s="18"/>
      <c r="P6245" s="19"/>
      <c r="Q6245" s="19"/>
      <c r="R6245" s="19"/>
      <c r="S6245" s="19"/>
      <c r="T6245" s="19"/>
      <c r="U6245" s="19"/>
      <c r="V6245" s="19"/>
      <c r="W6245" s="19"/>
      <c r="X6245" s="19"/>
      <c r="Y6245" s="19"/>
      <c r="Z6245" s="19"/>
      <c r="AA6245" s="19"/>
    </row>
    <row r="6246" spans="1:27" s="1" customFormat="1" ht="11.1" customHeight="1" outlineLevel="2" x14ac:dyDescent="0.2">
      <c r="A6246" s="17">
        <v>13756</v>
      </c>
      <c r="B6246" s="17"/>
      <c r="C6246" s="17"/>
      <c r="D6246" s="18" t="s">
        <v>3104</v>
      </c>
      <c r="E6246" s="18"/>
      <c r="F6246" s="18"/>
      <c r="G6246" s="18"/>
      <c r="H6246" s="18"/>
      <c r="I6246" s="18"/>
      <c r="J6246" s="18"/>
      <c r="K6246" s="18"/>
      <c r="L6246" s="18"/>
      <c r="M6246" s="18"/>
      <c r="N6246" s="18"/>
      <c r="O6246" s="18"/>
      <c r="P6246" s="19">
        <v>40</v>
      </c>
      <c r="Q6246" s="19"/>
      <c r="R6246" s="19"/>
      <c r="S6246" s="19"/>
      <c r="T6246" s="19">
        <v>26</v>
      </c>
      <c r="U6246" s="19"/>
      <c r="V6246" s="19"/>
      <c r="W6246" s="19"/>
      <c r="X6246" s="19">
        <v>20</v>
      </c>
      <c r="Y6246" s="19"/>
      <c r="Z6246" s="19"/>
      <c r="AA6246" s="19"/>
    </row>
    <row r="6247" spans="1:27" s="1" customFormat="1" ht="11.1" customHeight="1" outlineLevel="2" x14ac:dyDescent="0.2">
      <c r="A6247" s="17"/>
      <c r="B6247" s="17"/>
      <c r="C6247" s="17"/>
      <c r="D6247" s="18"/>
      <c r="E6247" s="18"/>
      <c r="F6247" s="18"/>
      <c r="G6247" s="18"/>
      <c r="H6247" s="18"/>
      <c r="I6247" s="18"/>
      <c r="J6247" s="18"/>
      <c r="K6247" s="18"/>
      <c r="L6247" s="18"/>
      <c r="M6247" s="18"/>
      <c r="N6247" s="18"/>
      <c r="O6247" s="18"/>
      <c r="P6247" s="19"/>
      <c r="Q6247" s="19"/>
      <c r="R6247" s="19"/>
      <c r="S6247" s="19"/>
      <c r="T6247" s="19"/>
      <c r="U6247" s="19"/>
      <c r="V6247" s="19"/>
      <c r="W6247" s="19"/>
      <c r="X6247" s="19"/>
      <c r="Y6247" s="19"/>
      <c r="Z6247" s="19"/>
      <c r="AA6247" s="19"/>
    </row>
    <row r="6248" spans="1:27" s="1" customFormat="1" ht="11.1" customHeight="1" outlineLevel="2" x14ac:dyDescent="0.2">
      <c r="A6248" s="17">
        <v>14955</v>
      </c>
      <c r="B6248" s="17"/>
      <c r="C6248" s="17"/>
      <c r="D6248" s="18" t="s">
        <v>3105</v>
      </c>
      <c r="E6248" s="18"/>
      <c r="F6248" s="18"/>
      <c r="G6248" s="18"/>
      <c r="H6248" s="18"/>
      <c r="I6248" s="18"/>
      <c r="J6248" s="18"/>
      <c r="K6248" s="18"/>
      <c r="L6248" s="18"/>
      <c r="M6248" s="18"/>
      <c r="N6248" s="18"/>
      <c r="O6248" s="18"/>
      <c r="P6248" s="19">
        <v>50</v>
      </c>
      <c r="Q6248" s="19"/>
      <c r="R6248" s="19"/>
      <c r="S6248" s="19"/>
      <c r="T6248" s="19">
        <v>35</v>
      </c>
      <c r="U6248" s="19"/>
      <c r="V6248" s="19"/>
      <c r="W6248" s="19"/>
      <c r="X6248" s="19">
        <v>50</v>
      </c>
      <c r="Y6248" s="19"/>
      <c r="Z6248" s="19"/>
      <c r="AA6248" s="19"/>
    </row>
    <row r="6249" spans="1:27" s="1" customFormat="1" ht="11.1" customHeight="1" outlineLevel="2" x14ac:dyDescent="0.2">
      <c r="A6249" s="17"/>
      <c r="B6249" s="17"/>
      <c r="C6249" s="17"/>
      <c r="D6249" s="18"/>
      <c r="E6249" s="18"/>
      <c r="F6249" s="18"/>
      <c r="G6249" s="18"/>
      <c r="H6249" s="18"/>
      <c r="I6249" s="18"/>
      <c r="J6249" s="18"/>
      <c r="K6249" s="18"/>
      <c r="L6249" s="18"/>
      <c r="M6249" s="18"/>
      <c r="N6249" s="18"/>
      <c r="O6249" s="18"/>
      <c r="P6249" s="19"/>
      <c r="Q6249" s="19"/>
      <c r="R6249" s="19"/>
      <c r="S6249" s="19"/>
      <c r="T6249" s="19"/>
      <c r="U6249" s="19"/>
      <c r="V6249" s="19"/>
      <c r="W6249" s="19"/>
      <c r="X6249" s="19"/>
      <c r="Y6249" s="19"/>
      <c r="Z6249" s="19"/>
      <c r="AA6249" s="19"/>
    </row>
    <row r="6250" spans="1:27" s="1" customFormat="1" ht="11.1" customHeight="1" outlineLevel="2" x14ac:dyDescent="0.2">
      <c r="A6250" s="17">
        <v>16094</v>
      </c>
      <c r="B6250" s="17"/>
      <c r="C6250" s="17"/>
      <c r="D6250" s="18" t="s">
        <v>3106</v>
      </c>
      <c r="E6250" s="18"/>
      <c r="F6250" s="18"/>
      <c r="G6250" s="18"/>
      <c r="H6250" s="18"/>
      <c r="I6250" s="18"/>
      <c r="J6250" s="18"/>
      <c r="K6250" s="18"/>
      <c r="L6250" s="18"/>
      <c r="M6250" s="18"/>
      <c r="N6250" s="18"/>
      <c r="O6250" s="18"/>
      <c r="P6250" s="19">
        <v>55</v>
      </c>
      <c r="Q6250" s="19"/>
      <c r="R6250" s="19"/>
      <c r="S6250" s="19"/>
      <c r="T6250" s="19">
        <v>35</v>
      </c>
      <c r="U6250" s="19"/>
      <c r="V6250" s="19"/>
      <c r="W6250" s="19"/>
      <c r="X6250" s="19">
        <v>50</v>
      </c>
      <c r="Y6250" s="19"/>
      <c r="Z6250" s="19"/>
      <c r="AA6250" s="19"/>
    </row>
    <row r="6251" spans="1:27" s="1" customFormat="1" ht="11.1" customHeight="1" outlineLevel="2" x14ac:dyDescent="0.2">
      <c r="A6251" s="17"/>
      <c r="B6251" s="17"/>
      <c r="C6251" s="17"/>
      <c r="D6251" s="18"/>
      <c r="E6251" s="18"/>
      <c r="F6251" s="18"/>
      <c r="G6251" s="18"/>
      <c r="H6251" s="18"/>
      <c r="I6251" s="18"/>
      <c r="J6251" s="18"/>
      <c r="K6251" s="18"/>
      <c r="L6251" s="18"/>
      <c r="M6251" s="18"/>
      <c r="N6251" s="18"/>
      <c r="O6251" s="18"/>
      <c r="P6251" s="19"/>
      <c r="Q6251" s="19"/>
      <c r="R6251" s="19"/>
      <c r="S6251" s="19"/>
      <c r="T6251" s="19"/>
      <c r="U6251" s="19"/>
      <c r="V6251" s="19"/>
      <c r="W6251" s="19"/>
      <c r="X6251" s="19"/>
      <c r="Y6251" s="19"/>
      <c r="Z6251" s="19"/>
      <c r="AA6251" s="19"/>
    </row>
    <row r="6252" spans="1:27" s="1" customFormat="1" ht="11.1" customHeight="1" outlineLevel="2" x14ac:dyDescent="0.2">
      <c r="A6252" s="17">
        <v>11619</v>
      </c>
      <c r="B6252" s="17"/>
      <c r="C6252" s="17"/>
      <c r="D6252" s="18" t="s">
        <v>3107</v>
      </c>
      <c r="E6252" s="18"/>
      <c r="F6252" s="18"/>
      <c r="G6252" s="18"/>
      <c r="H6252" s="18"/>
      <c r="I6252" s="18"/>
      <c r="J6252" s="18"/>
      <c r="K6252" s="18"/>
      <c r="L6252" s="18"/>
      <c r="M6252" s="18"/>
      <c r="N6252" s="18"/>
      <c r="O6252" s="18"/>
      <c r="P6252" s="19">
        <v>50</v>
      </c>
      <c r="Q6252" s="19"/>
      <c r="R6252" s="19"/>
      <c r="S6252" s="19"/>
      <c r="T6252" s="19">
        <v>35</v>
      </c>
      <c r="U6252" s="19"/>
      <c r="V6252" s="19"/>
      <c r="W6252" s="19"/>
      <c r="X6252" s="19">
        <v>9</v>
      </c>
      <c r="Y6252" s="19"/>
      <c r="Z6252" s="19"/>
      <c r="AA6252" s="19"/>
    </row>
    <row r="6253" spans="1:27" s="1" customFormat="1" ht="11.1" customHeight="1" outlineLevel="2" x14ac:dyDescent="0.2">
      <c r="A6253" s="17"/>
      <c r="B6253" s="17"/>
      <c r="C6253" s="17"/>
      <c r="D6253" s="18"/>
      <c r="E6253" s="18"/>
      <c r="F6253" s="18"/>
      <c r="G6253" s="18"/>
      <c r="H6253" s="18"/>
      <c r="I6253" s="18"/>
      <c r="J6253" s="18"/>
      <c r="K6253" s="18"/>
      <c r="L6253" s="18"/>
      <c r="M6253" s="18"/>
      <c r="N6253" s="18"/>
      <c r="O6253" s="18"/>
      <c r="P6253" s="19"/>
      <c r="Q6253" s="19"/>
      <c r="R6253" s="19"/>
      <c r="S6253" s="19"/>
      <c r="T6253" s="19"/>
      <c r="U6253" s="19"/>
      <c r="V6253" s="19"/>
      <c r="W6253" s="19"/>
      <c r="X6253" s="19"/>
      <c r="Y6253" s="19"/>
      <c r="Z6253" s="19"/>
      <c r="AA6253" s="19"/>
    </row>
    <row r="6254" spans="1:27" s="1" customFormat="1" ht="14.1" customHeight="1" outlineLevel="2" x14ac:dyDescent="0.2">
      <c r="A6254" s="17">
        <v>11620</v>
      </c>
      <c r="B6254" s="17"/>
      <c r="C6254" s="17"/>
      <c r="D6254" s="18" t="s">
        <v>3108</v>
      </c>
      <c r="E6254" s="18"/>
      <c r="F6254" s="18"/>
      <c r="G6254" s="18"/>
      <c r="H6254" s="18"/>
      <c r="I6254" s="18"/>
      <c r="J6254" s="18"/>
      <c r="K6254" s="18"/>
      <c r="L6254" s="18"/>
      <c r="M6254" s="18"/>
      <c r="N6254" s="18"/>
      <c r="O6254" s="18"/>
      <c r="P6254" s="19">
        <v>65</v>
      </c>
      <c r="Q6254" s="19"/>
      <c r="R6254" s="19"/>
      <c r="S6254" s="19"/>
      <c r="T6254" s="19">
        <v>45</v>
      </c>
      <c r="U6254" s="19"/>
      <c r="V6254" s="19"/>
      <c r="W6254" s="19"/>
      <c r="X6254" s="19">
        <v>68</v>
      </c>
      <c r="Y6254" s="19"/>
      <c r="Z6254" s="19"/>
      <c r="AA6254" s="19"/>
    </row>
    <row r="6255" spans="1:27" s="1" customFormat="1" ht="14.1" customHeight="1" outlineLevel="2" x14ac:dyDescent="0.2">
      <c r="A6255" s="17"/>
      <c r="B6255" s="17"/>
      <c r="C6255" s="17"/>
      <c r="D6255" s="18"/>
      <c r="E6255" s="18"/>
      <c r="F6255" s="18"/>
      <c r="G6255" s="18"/>
      <c r="H6255" s="18"/>
      <c r="I6255" s="18"/>
      <c r="J6255" s="18"/>
      <c r="K6255" s="18"/>
      <c r="L6255" s="18"/>
      <c r="M6255" s="18"/>
      <c r="N6255" s="18"/>
      <c r="O6255" s="18"/>
      <c r="P6255" s="19"/>
      <c r="Q6255" s="19"/>
      <c r="R6255" s="19"/>
      <c r="S6255" s="19"/>
      <c r="T6255" s="19"/>
      <c r="U6255" s="19"/>
      <c r="V6255" s="19"/>
      <c r="W6255" s="19"/>
      <c r="X6255" s="19"/>
      <c r="Y6255" s="19"/>
      <c r="Z6255" s="19"/>
      <c r="AA6255" s="19"/>
    </row>
    <row r="6256" spans="1:27" s="1" customFormat="1" ht="11.1" customHeight="1" outlineLevel="2" x14ac:dyDescent="0.2">
      <c r="A6256" s="17">
        <v>11808</v>
      </c>
      <c r="B6256" s="17"/>
      <c r="C6256" s="17"/>
      <c r="D6256" s="18" t="s">
        <v>3109</v>
      </c>
      <c r="E6256" s="18"/>
      <c r="F6256" s="18"/>
      <c r="G6256" s="18"/>
      <c r="H6256" s="18"/>
      <c r="I6256" s="18"/>
      <c r="J6256" s="18"/>
      <c r="K6256" s="18"/>
      <c r="L6256" s="18"/>
      <c r="M6256" s="18"/>
      <c r="N6256" s="18"/>
      <c r="O6256" s="18"/>
      <c r="P6256" s="19">
        <v>45</v>
      </c>
      <c r="Q6256" s="19"/>
      <c r="R6256" s="19"/>
      <c r="S6256" s="19"/>
      <c r="T6256" s="19">
        <v>30</v>
      </c>
      <c r="U6256" s="19"/>
      <c r="V6256" s="19"/>
      <c r="W6256" s="19"/>
      <c r="X6256" s="19">
        <v>10</v>
      </c>
      <c r="Y6256" s="19"/>
      <c r="Z6256" s="19"/>
      <c r="AA6256" s="19"/>
    </row>
    <row r="6257" spans="1:27" s="1" customFormat="1" ht="11.1" customHeight="1" outlineLevel="2" x14ac:dyDescent="0.2">
      <c r="A6257" s="17"/>
      <c r="B6257" s="17"/>
      <c r="C6257" s="17"/>
      <c r="D6257" s="18"/>
      <c r="E6257" s="18"/>
      <c r="F6257" s="18"/>
      <c r="G6257" s="18"/>
      <c r="H6257" s="18"/>
      <c r="I6257" s="18"/>
      <c r="J6257" s="18"/>
      <c r="K6257" s="18"/>
      <c r="L6257" s="18"/>
      <c r="M6257" s="18"/>
      <c r="N6257" s="18"/>
      <c r="O6257" s="18"/>
      <c r="P6257" s="19"/>
      <c r="Q6257" s="19"/>
      <c r="R6257" s="19"/>
      <c r="S6257" s="19"/>
      <c r="T6257" s="19"/>
      <c r="U6257" s="19"/>
      <c r="V6257" s="19"/>
      <c r="W6257" s="19"/>
      <c r="X6257" s="19"/>
      <c r="Y6257" s="19"/>
      <c r="Z6257" s="19"/>
      <c r="AA6257" s="19"/>
    </row>
    <row r="6258" spans="1:27" s="1" customFormat="1" ht="14.1" customHeight="1" outlineLevel="2" x14ac:dyDescent="0.2">
      <c r="A6258" s="17">
        <v>11809</v>
      </c>
      <c r="B6258" s="17"/>
      <c r="C6258" s="17"/>
      <c r="D6258" s="18" t="s">
        <v>3110</v>
      </c>
      <c r="E6258" s="18"/>
      <c r="F6258" s="18"/>
      <c r="G6258" s="18"/>
      <c r="H6258" s="18"/>
      <c r="I6258" s="18"/>
      <c r="J6258" s="18"/>
      <c r="K6258" s="18"/>
      <c r="L6258" s="18"/>
      <c r="M6258" s="18"/>
      <c r="N6258" s="18"/>
      <c r="O6258" s="18"/>
      <c r="P6258" s="19">
        <v>55</v>
      </c>
      <c r="Q6258" s="19"/>
      <c r="R6258" s="19"/>
      <c r="S6258" s="19"/>
      <c r="T6258" s="19">
        <v>35</v>
      </c>
      <c r="U6258" s="19"/>
      <c r="V6258" s="19"/>
      <c r="W6258" s="19"/>
      <c r="X6258" s="19">
        <v>51</v>
      </c>
      <c r="Y6258" s="19"/>
      <c r="Z6258" s="19"/>
      <c r="AA6258" s="19"/>
    </row>
    <row r="6259" spans="1:27" s="1" customFormat="1" ht="14.1" customHeight="1" outlineLevel="2" x14ac:dyDescent="0.2">
      <c r="A6259" s="17"/>
      <c r="B6259" s="17"/>
      <c r="C6259" s="17"/>
      <c r="D6259" s="18"/>
      <c r="E6259" s="18"/>
      <c r="F6259" s="18"/>
      <c r="G6259" s="18"/>
      <c r="H6259" s="18"/>
      <c r="I6259" s="18"/>
      <c r="J6259" s="18"/>
      <c r="K6259" s="18"/>
      <c r="L6259" s="18"/>
      <c r="M6259" s="18"/>
      <c r="N6259" s="18"/>
      <c r="O6259" s="18"/>
      <c r="P6259" s="19"/>
      <c r="Q6259" s="19"/>
      <c r="R6259" s="19"/>
      <c r="S6259" s="19"/>
      <c r="T6259" s="19"/>
      <c r="U6259" s="19"/>
      <c r="V6259" s="19"/>
      <c r="W6259" s="19"/>
      <c r="X6259" s="19"/>
      <c r="Y6259" s="19"/>
      <c r="Z6259" s="19"/>
      <c r="AA6259" s="19"/>
    </row>
    <row r="6260" spans="1:27" s="1" customFormat="1" ht="11.1" customHeight="1" outlineLevel="2" x14ac:dyDescent="0.2">
      <c r="A6260" s="17">
        <v>11810</v>
      </c>
      <c r="B6260" s="17"/>
      <c r="C6260" s="17"/>
      <c r="D6260" s="18" t="s">
        <v>3111</v>
      </c>
      <c r="E6260" s="18"/>
      <c r="F6260" s="18"/>
      <c r="G6260" s="18"/>
      <c r="H6260" s="18"/>
      <c r="I6260" s="18"/>
      <c r="J6260" s="18"/>
      <c r="K6260" s="18"/>
      <c r="L6260" s="18"/>
      <c r="M6260" s="18"/>
      <c r="N6260" s="18"/>
      <c r="O6260" s="18"/>
      <c r="P6260" s="19">
        <v>45</v>
      </c>
      <c r="Q6260" s="19"/>
      <c r="R6260" s="19"/>
      <c r="S6260" s="19"/>
      <c r="T6260" s="19">
        <v>28</v>
      </c>
      <c r="U6260" s="19"/>
      <c r="V6260" s="19"/>
      <c r="W6260" s="19"/>
      <c r="X6260" s="19">
        <v>51</v>
      </c>
      <c r="Y6260" s="19"/>
      <c r="Z6260" s="19"/>
      <c r="AA6260" s="19"/>
    </row>
    <row r="6261" spans="1:27" s="1" customFormat="1" ht="11.1" customHeight="1" outlineLevel="2" x14ac:dyDescent="0.2">
      <c r="A6261" s="17"/>
      <c r="B6261" s="17"/>
      <c r="C6261" s="17"/>
      <c r="D6261" s="18"/>
      <c r="E6261" s="18"/>
      <c r="F6261" s="18"/>
      <c r="G6261" s="18"/>
      <c r="H6261" s="18"/>
      <c r="I6261" s="18"/>
      <c r="J6261" s="18"/>
      <c r="K6261" s="18"/>
      <c r="L6261" s="18"/>
      <c r="M6261" s="18"/>
      <c r="N6261" s="18"/>
      <c r="O6261" s="18"/>
      <c r="P6261" s="19"/>
      <c r="Q6261" s="19"/>
      <c r="R6261" s="19"/>
      <c r="S6261" s="19"/>
      <c r="T6261" s="19"/>
      <c r="U6261" s="19"/>
      <c r="V6261" s="19"/>
      <c r="W6261" s="19"/>
      <c r="X6261" s="19"/>
      <c r="Y6261" s="19"/>
      <c r="Z6261" s="19"/>
      <c r="AA6261" s="19"/>
    </row>
    <row r="6262" spans="1:27" s="1" customFormat="1" ht="11.1" customHeight="1" outlineLevel="1" x14ac:dyDescent="0.2">
      <c r="A6262" s="16" t="s">
        <v>3112</v>
      </c>
      <c r="B6262" s="16"/>
      <c r="C6262" s="16"/>
      <c r="D6262" s="16"/>
      <c r="E6262" s="16"/>
      <c r="F6262" s="16"/>
      <c r="G6262" s="16"/>
      <c r="H6262" s="16"/>
      <c r="I6262" s="16"/>
      <c r="J6262" s="16"/>
      <c r="K6262" s="16"/>
      <c r="L6262" s="16"/>
      <c r="M6262" s="16"/>
      <c r="N6262" s="16"/>
      <c r="O6262" s="16"/>
      <c r="P6262" s="16"/>
      <c r="Q6262" s="16"/>
      <c r="R6262" s="16"/>
      <c r="S6262" s="16"/>
      <c r="T6262" s="16"/>
      <c r="U6262" s="16"/>
      <c r="V6262" s="16"/>
      <c r="W6262" s="16"/>
      <c r="X6262" s="16"/>
      <c r="Y6262" s="16"/>
      <c r="Z6262" s="16"/>
      <c r="AA6262" s="16"/>
    </row>
    <row r="6263" spans="1:27" s="1" customFormat="1" ht="11.1" customHeight="1" outlineLevel="1" x14ac:dyDescent="0.2">
      <c r="A6263" s="16"/>
      <c r="B6263" s="16"/>
      <c r="C6263" s="16"/>
      <c r="D6263" s="16"/>
      <c r="E6263" s="16"/>
      <c r="F6263" s="16"/>
      <c r="G6263" s="16"/>
      <c r="H6263" s="16"/>
      <c r="I6263" s="16"/>
      <c r="J6263" s="16"/>
      <c r="K6263" s="16"/>
      <c r="L6263" s="16"/>
      <c r="M6263" s="16"/>
      <c r="N6263" s="16"/>
      <c r="O6263" s="16"/>
      <c r="P6263" s="16"/>
      <c r="Q6263" s="16"/>
      <c r="R6263" s="16"/>
      <c r="S6263" s="16"/>
      <c r="T6263" s="16"/>
      <c r="U6263" s="16"/>
      <c r="V6263" s="16"/>
      <c r="W6263" s="16"/>
      <c r="X6263" s="16"/>
      <c r="Y6263" s="16"/>
      <c r="Z6263" s="16"/>
      <c r="AA6263" s="16"/>
    </row>
    <row r="6264" spans="1:27" s="1" customFormat="1" ht="11.1" customHeight="1" outlineLevel="2" x14ac:dyDescent="0.2">
      <c r="A6264" s="17">
        <v>17871</v>
      </c>
      <c r="B6264" s="17"/>
      <c r="C6264" s="17"/>
      <c r="D6264" s="18" t="s">
        <v>3113</v>
      </c>
      <c r="E6264" s="18"/>
      <c r="F6264" s="18"/>
      <c r="G6264" s="18"/>
      <c r="H6264" s="18"/>
      <c r="I6264" s="18"/>
      <c r="J6264" s="18"/>
      <c r="K6264" s="18"/>
      <c r="L6264" s="18"/>
      <c r="M6264" s="18"/>
      <c r="N6264" s="18"/>
      <c r="O6264" s="18"/>
      <c r="P6264" s="19">
        <v>100</v>
      </c>
      <c r="Q6264" s="19"/>
      <c r="R6264" s="19"/>
      <c r="S6264" s="19"/>
      <c r="T6264" s="19">
        <v>80</v>
      </c>
      <c r="U6264" s="19"/>
      <c r="V6264" s="19"/>
      <c r="W6264" s="19"/>
      <c r="X6264" s="19">
        <v>50</v>
      </c>
      <c r="Y6264" s="19"/>
      <c r="Z6264" s="19"/>
      <c r="AA6264" s="19"/>
    </row>
    <row r="6265" spans="1:27" s="1" customFormat="1" ht="11.1" customHeight="1" outlineLevel="2" x14ac:dyDescent="0.2">
      <c r="A6265" s="17"/>
      <c r="B6265" s="17"/>
      <c r="C6265" s="17"/>
      <c r="D6265" s="18"/>
      <c r="E6265" s="18"/>
      <c r="F6265" s="18"/>
      <c r="G6265" s="18"/>
      <c r="H6265" s="18"/>
      <c r="I6265" s="18"/>
      <c r="J6265" s="18"/>
      <c r="K6265" s="18"/>
      <c r="L6265" s="18"/>
      <c r="M6265" s="18"/>
      <c r="N6265" s="18"/>
      <c r="O6265" s="18"/>
      <c r="P6265" s="19"/>
      <c r="Q6265" s="19"/>
      <c r="R6265" s="19"/>
      <c r="S6265" s="19"/>
      <c r="T6265" s="19"/>
      <c r="U6265" s="19"/>
      <c r="V6265" s="19"/>
      <c r="W6265" s="19"/>
      <c r="X6265" s="19"/>
      <c r="Y6265" s="19"/>
      <c r="Z6265" s="19"/>
      <c r="AA6265" s="19"/>
    </row>
    <row r="6266" spans="1:27" s="1" customFormat="1" ht="14.1" customHeight="1" outlineLevel="2" x14ac:dyDescent="0.2">
      <c r="A6266" s="17">
        <v>17858</v>
      </c>
      <c r="B6266" s="17"/>
      <c r="C6266" s="17"/>
      <c r="D6266" s="18" t="s">
        <v>3114</v>
      </c>
      <c r="E6266" s="18"/>
      <c r="F6266" s="18"/>
      <c r="G6266" s="18"/>
      <c r="H6266" s="18"/>
      <c r="I6266" s="18"/>
      <c r="J6266" s="18"/>
      <c r="K6266" s="18"/>
      <c r="L6266" s="18"/>
      <c r="M6266" s="18"/>
      <c r="N6266" s="18"/>
      <c r="O6266" s="18"/>
      <c r="P6266" s="19">
        <v>100</v>
      </c>
      <c r="Q6266" s="19"/>
      <c r="R6266" s="19"/>
      <c r="S6266" s="19"/>
      <c r="T6266" s="19">
        <v>80</v>
      </c>
      <c r="U6266" s="19"/>
      <c r="V6266" s="19"/>
      <c r="W6266" s="19"/>
      <c r="X6266" s="19">
        <v>79</v>
      </c>
      <c r="Y6266" s="19"/>
      <c r="Z6266" s="19"/>
      <c r="AA6266" s="19"/>
    </row>
    <row r="6267" spans="1:27" s="1" customFormat="1" ht="14.1" customHeight="1" outlineLevel="2" x14ac:dyDescent="0.2">
      <c r="A6267" s="17"/>
      <c r="B6267" s="17"/>
      <c r="C6267" s="17"/>
      <c r="D6267" s="18"/>
      <c r="E6267" s="18"/>
      <c r="F6267" s="18"/>
      <c r="G6267" s="18"/>
      <c r="H6267" s="18"/>
      <c r="I6267" s="18"/>
      <c r="J6267" s="18"/>
      <c r="K6267" s="18"/>
      <c r="L6267" s="18"/>
      <c r="M6267" s="18"/>
      <c r="N6267" s="18"/>
      <c r="O6267" s="18"/>
      <c r="P6267" s="19"/>
      <c r="Q6267" s="19"/>
      <c r="R6267" s="19"/>
      <c r="S6267" s="19"/>
      <c r="T6267" s="19"/>
      <c r="U6267" s="19"/>
      <c r="V6267" s="19"/>
      <c r="W6267" s="19"/>
      <c r="X6267" s="19"/>
      <c r="Y6267" s="19"/>
      <c r="Z6267" s="19"/>
      <c r="AA6267" s="19"/>
    </row>
    <row r="6268" spans="1:27" s="1" customFormat="1" ht="14.1" customHeight="1" outlineLevel="2" x14ac:dyDescent="0.2">
      <c r="A6268" s="17">
        <v>17860</v>
      </c>
      <c r="B6268" s="17"/>
      <c r="C6268" s="17"/>
      <c r="D6268" s="18" t="s">
        <v>3115</v>
      </c>
      <c r="E6268" s="18"/>
      <c r="F6268" s="18"/>
      <c r="G6268" s="18"/>
      <c r="H6268" s="18"/>
      <c r="I6268" s="18"/>
      <c r="J6268" s="18"/>
      <c r="K6268" s="18"/>
      <c r="L6268" s="18"/>
      <c r="M6268" s="18"/>
      <c r="N6268" s="18"/>
      <c r="O6268" s="18"/>
      <c r="P6268" s="19">
        <v>100</v>
      </c>
      <c r="Q6268" s="19"/>
      <c r="R6268" s="19"/>
      <c r="S6268" s="19"/>
      <c r="T6268" s="19">
        <v>80</v>
      </c>
      <c r="U6268" s="19"/>
      <c r="V6268" s="19"/>
      <c r="W6268" s="19"/>
      <c r="X6268" s="19">
        <v>50</v>
      </c>
      <c r="Y6268" s="19"/>
      <c r="Z6268" s="19"/>
      <c r="AA6268" s="19"/>
    </row>
    <row r="6269" spans="1:27" s="1" customFormat="1" ht="14.1" customHeight="1" outlineLevel="2" x14ac:dyDescent="0.2">
      <c r="A6269" s="17"/>
      <c r="B6269" s="17"/>
      <c r="C6269" s="17"/>
      <c r="D6269" s="18"/>
      <c r="E6269" s="18"/>
      <c r="F6269" s="18"/>
      <c r="G6269" s="18"/>
      <c r="H6269" s="18"/>
      <c r="I6269" s="18"/>
      <c r="J6269" s="18"/>
      <c r="K6269" s="18"/>
      <c r="L6269" s="18"/>
      <c r="M6269" s="18"/>
      <c r="N6269" s="18"/>
      <c r="O6269" s="18"/>
      <c r="P6269" s="19"/>
      <c r="Q6269" s="19"/>
      <c r="R6269" s="19"/>
      <c r="S6269" s="19"/>
      <c r="T6269" s="19"/>
      <c r="U6269" s="19"/>
      <c r="V6269" s="19"/>
      <c r="W6269" s="19"/>
      <c r="X6269" s="19"/>
      <c r="Y6269" s="19"/>
      <c r="Z6269" s="19"/>
      <c r="AA6269" s="19"/>
    </row>
    <row r="6270" spans="1:27" s="1" customFormat="1" ht="14.1" customHeight="1" outlineLevel="2" x14ac:dyDescent="0.2">
      <c r="A6270" s="17">
        <v>11601</v>
      </c>
      <c r="B6270" s="17"/>
      <c r="C6270" s="17"/>
      <c r="D6270" s="18" t="s">
        <v>3116</v>
      </c>
      <c r="E6270" s="18"/>
      <c r="F6270" s="18"/>
      <c r="G6270" s="18"/>
      <c r="H6270" s="18"/>
      <c r="I6270" s="18"/>
      <c r="J6270" s="18"/>
      <c r="K6270" s="18"/>
      <c r="L6270" s="18"/>
      <c r="M6270" s="18"/>
      <c r="N6270" s="18"/>
      <c r="O6270" s="18"/>
      <c r="P6270" s="19">
        <v>130</v>
      </c>
      <c r="Q6270" s="19"/>
      <c r="R6270" s="19"/>
      <c r="S6270" s="19"/>
      <c r="T6270" s="19">
        <v>100</v>
      </c>
      <c r="U6270" s="19"/>
      <c r="V6270" s="19"/>
      <c r="W6270" s="19"/>
      <c r="X6270" s="19">
        <v>90</v>
      </c>
      <c r="Y6270" s="19"/>
      <c r="Z6270" s="19"/>
      <c r="AA6270" s="19"/>
    </row>
    <row r="6271" spans="1:27" s="1" customFormat="1" ht="14.1" customHeight="1" outlineLevel="2" x14ac:dyDescent="0.2">
      <c r="A6271" s="17"/>
      <c r="B6271" s="17"/>
      <c r="C6271" s="17"/>
      <c r="D6271" s="18"/>
      <c r="E6271" s="18"/>
      <c r="F6271" s="18"/>
      <c r="G6271" s="18"/>
      <c r="H6271" s="18"/>
      <c r="I6271" s="18"/>
      <c r="J6271" s="18"/>
      <c r="K6271" s="18"/>
      <c r="L6271" s="18"/>
      <c r="M6271" s="18"/>
      <c r="N6271" s="18"/>
      <c r="O6271" s="18"/>
      <c r="P6271" s="19"/>
      <c r="Q6271" s="19"/>
      <c r="R6271" s="19"/>
      <c r="S6271" s="19"/>
      <c r="T6271" s="19"/>
      <c r="U6271" s="19"/>
      <c r="V6271" s="19"/>
      <c r="W6271" s="19"/>
      <c r="X6271" s="19"/>
      <c r="Y6271" s="19"/>
      <c r="Z6271" s="19"/>
      <c r="AA6271" s="19"/>
    </row>
    <row r="6272" spans="1:27" s="1" customFormat="1" ht="11.1" customHeight="1" outlineLevel="2" x14ac:dyDescent="0.2">
      <c r="A6272" s="17">
        <v>11630</v>
      </c>
      <c r="B6272" s="17"/>
      <c r="C6272" s="17"/>
      <c r="D6272" s="18" t="s">
        <v>3117</v>
      </c>
      <c r="E6272" s="18"/>
      <c r="F6272" s="18"/>
      <c r="G6272" s="18"/>
      <c r="H6272" s="18"/>
      <c r="I6272" s="18"/>
      <c r="J6272" s="18"/>
      <c r="K6272" s="18"/>
      <c r="L6272" s="18"/>
      <c r="M6272" s="18"/>
      <c r="N6272" s="18"/>
      <c r="O6272" s="18"/>
      <c r="P6272" s="19">
        <v>100</v>
      </c>
      <c r="Q6272" s="19"/>
      <c r="R6272" s="19"/>
      <c r="S6272" s="19"/>
      <c r="T6272" s="19">
        <v>80</v>
      </c>
      <c r="U6272" s="19"/>
      <c r="V6272" s="19"/>
      <c r="W6272" s="19"/>
      <c r="X6272" s="19">
        <v>1</v>
      </c>
      <c r="Y6272" s="19"/>
      <c r="Z6272" s="19"/>
      <c r="AA6272" s="19"/>
    </row>
    <row r="6273" spans="1:27" s="1" customFormat="1" ht="11.1" customHeight="1" outlineLevel="2" x14ac:dyDescent="0.2">
      <c r="A6273" s="17"/>
      <c r="B6273" s="17"/>
      <c r="C6273" s="17"/>
      <c r="D6273" s="18"/>
      <c r="E6273" s="18"/>
      <c r="F6273" s="18"/>
      <c r="G6273" s="18"/>
      <c r="H6273" s="18"/>
      <c r="I6273" s="18"/>
      <c r="J6273" s="18"/>
      <c r="K6273" s="18"/>
      <c r="L6273" s="18"/>
      <c r="M6273" s="18"/>
      <c r="N6273" s="18"/>
      <c r="O6273" s="18"/>
      <c r="P6273" s="19"/>
      <c r="Q6273" s="19"/>
      <c r="R6273" s="19"/>
      <c r="S6273" s="19"/>
      <c r="T6273" s="19"/>
      <c r="U6273" s="19"/>
      <c r="V6273" s="19"/>
      <c r="W6273" s="19"/>
      <c r="X6273" s="19"/>
      <c r="Y6273" s="19"/>
      <c r="Z6273" s="19"/>
      <c r="AA6273" s="19"/>
    </row>
    <row r="6274" spans="1:27" s="1" customFormat="1" ht="11.1" customHeight="1" outlineLevel="2" x14ac:dyDescent="0.2">
      <c r="A6274" s="17">
        <v>11632</v>
      </c>
      <c r="B6274" s="17"/>
      <c r="C6274" s="17"/>
      <c r="D6274" s="18" t="s">
        <v>3118</v>
      </c>
      <c r="E6274" s="18"/>
      <c r="F6274" s="18"/>
      <c r="G6274" s="18"/>
      <c r="H6274" s="18"/>
      <c r="I6274" s="18"/>
      <c r="J6274" s="18"/>
      <c r="K6274" s="18"/>
      <c r="L6274" s="18"/>
      <c r="M6274" s="18"/>
      <c r="N6274" s="18"/>
      <c r="O6274" s="18"/>
      <c r="P6274" s="19">
        <v>100</v>
      </c>
      <c r="Q6274" s="19"/>
      <c r="R6274" s="19"/>
      <c r="S6274" s="19"/>
      <c r="T6274" s="19">
        <v>80</v>
      </c>
      <c r="U6274" s="19"/>
      <c r="V6274" s="19"/>
      <c r="W6274" s="19"/>
      <c r="X6274" s="19">
        <v>1</v>
      </c>
      <c r="Y6274" s="19"/>
      <c r="Z6274" s="19"/>
      <c r="AA6274" s="19"/>
    </row>
    <row r="6275" spans="1:27" s="1" customFormat="1" ht="11.1" customHeight="1" outlineLevel="2" x14ac:dyDescent="0.2">
      <c r="A6275" s="17"/>
      <c r="B6275" s="17"/>
      <c r="C6275" s="17"/>
      <c r="D6275" s="18"/>
      <c r="E6275" s="18"/>
      <c r="F6275" s="18"/>
      <c r="G6275" s="18"/>
      <c r="H6275" s="18"/>
      <c r="I6275" s="18"/>
      <c r="J6275" s="18"/>
      <c r="K6275" s="18"/>
      <c r="L6275" s="18"/>
      <c r="M6275" s="18"/>
      <c r="N6275" s="18"/>
      <c r="O6275" s="18"/>
      <c r="P6275" s="19"/>
      <c r="Q6275" s="19"/>
      <c r="R6275" s="19"/>
      <c r="S6275" s="19"/>
      <c r="T6275" s="19"/>
      <c r="U6275" s="19"/>
      <c r="V6275" s="19"/>
      <c r="W6275" s="19"/>
      <c r="X6275" s="19"/>
      <c r="Y6275" s="19"/>
      <c r="Z6275" s="19"/>
      <c r="AA6275" s="19"/>
    </row>
    <row r="6276" spans="1:27" s="1" customFormat="1" ht="11.1" customHeight="1" outlineLevel="2" x14ac:dyDescent="0.2">
      <c r="A6276" s="17">
        <v>11633</v>
      </c>
      <c r="B6276" s="17"/>
      <c r="C6276" s="17"/>
      <c r="D6276" s="18" t="s">
        <v>3119</v>
      </c>
      <c r="E6276" s="18"/>
      <c r="F6276" s="18"/>
      <c r="G6276" s="18"/>
      <c r="H6276" s="18"/>
      <c r="I6276" s="18"/>
      <c r="J6276" s="18"/>
      <c r="K6276" s="18"/>
      <c r="L6276" s="18"/>
      <c r="M6276" s="18"/>
      <c r="N6276" s="18"/>
      <c r="O6276" s="18"/>
      <c r="P6276" s="19">
        <v>100</v>
      </c>
      <c r="Q6276" s="19"/>
      <c r="R6276" s="19"/>
      <c r="S6276" s="19"/>
      <c r="T6276" s="19">
        <v>80</v>
      </c>
      <c r="U6276" s="19"/>
      <c r="V6276" s="19"/>
      <c r="W6276" s="19"/>
      <c r="X6276" s="19">
        <v>1</v>
      </c>
      <c r="Y6276" s="19"/>
      <c r="Z6276" s="19"/>
      <c r="AA6276" s="19"/>
    </row>
    <row r="6277" spans="1:27" s="1" customFormat="1" ht="11.1" customHeight="1" outlineLevel="2" x14ac:dyDescent="0.2">
      <c r="A6277" s="17"/>
      <c r="B6277" s="17"/>
      <c r="C6277" s="17"/>
      <c r="D6277" s="18"/>
      <c r="E6277" s="18"/>
      <c r="F6277" s="18"/>
      <c r="G6277" s="18"/>
      <c r="H6277" s="18"/>
      <c r="I6277" s="18"/>
      <c r="J6277" s="18"/>
      <c r="K6277" s="18"/>
      <c r="L6277" s="18"/>
      <c r="M6277" s="18"/>
      <c r="N6277" s="18"/>
      <c r="O6277" s="18"/>
      <c r="P6277" s="19"/>
      <c r="Q6277" s="19"/>
      <c r="R6277" s="19"/>
      <c r="S6277" s="19"/>
      <c r="T6277" s="19"/>
      <c r="U6277" s="19"/>
      <c r="V6277" s="19"/>
      <c r="W6277" s="19"/>
      <c r="X6277" s="19"/>
      <c r="Y6277" s="19"/>
      <c r="Z6277" s="19"/>
      <c r="AA6277" s="19"/>
    </row>
    <row r="6278" spans="1:27" s="1" customFormat="1" ht="11.1" customHeight="1" outlineLevel="2" x14ac:dyDescent="0.2">
      <c r="A6278" s="17">
        <v>11634</v>
      </c>
      <c r="B6278" s="17"/>
      <c r="C6278" s="17"/>
      <c r="D6278" s="18" t="s">
        <v>3120</v>
      </c>
      <c r="E6278" s="18"/>
      <c r="F6278" s="18"/>
      <c r="G6278" s="18"/>
      <c r="H6278" s="18"/>
      <c r="I6278" s="18"/>
      <c r="J6278" s="18"/>
      <c r="K6278" s="18"/>
      <c r="L6278" s="18"/>
      <c r="M6278" s="18"/>
      <c r="N6278" s="18"/>
      <c r="O6278" s="18"/>
      <c r="P6278" s="19">
        <v>100</v>
      </c>
      <c r="Q6278" s="19"/>
      <c r="R6278" s="19"/>
      <c r="S6278" s="19"/>
      <c r="T6278" s="19">
        <v>80</v>
      </c>
      <c r="U6278" s="19"/>
      <c r="V6278" s="19"/>
      <c r="W6278" s="19"/>
      <c r="X6278" s="19">
        <v>1</v>
      </c>
      <c r="Y6278" s="19"/>
      <c r="Z6278" s="19"/>
      <c r="AA6278" s="19"/>
    </row>
    <row r="6279" spans="1:27" s="1" customFormat="1" ht="11.1" customHeight="1" outlineLevel="2" x14ac:dyDescent="0.2">
      <c r="A6279" s="17"/>
      <c r="B6279" s="17"/>
      <c r="C6279" s="17"/>
      <c r="D6279" s="18"/>
      <c r="E6279" s="18"/>
      <c r="F6279" s="18"/>
      <c r="G6279" s="18"/>
      <c r="H6279" s="18"/>
      <c r="I6279" s="18"/>
      <c r="J6279" s="18"/>
      <c r="K6279" s="18"/>
      <c r="L6279" s="18"/>
      <c r="M6279" s="18"/>
      <c r="N6279" s="18"/>
      <c r="O6279" s="18"/>
      <c r="P6279" s="19"/>
      <c r="Q6279" s="19"/>
      <c r="R6279" s="19"/>
      <c r="S6279" s="19"/>
      <c r="T6279" s="19"/>
      <c r="U6279" s="19"/>
      <c r="V6279" s="19"/>
      <c r="W6279" s="19"/>
      <c r="X6279" s="19"/>
      <c r="Y6279" s="19"/>
      <c r="Z6279" s="19"/>
      <c r="AA6279" s="19"/>
    </row>
    <row r="6280" spans="1:27" s="1" customFormat="1" ht="11.1" customHeight="1" outlineLevel="2" x14ac:dyDescent="0.2">
      <c r="A6280" s="17">
        <v>11635</v>
      </c>
      <c r="B6280" s="17"/>
      <c r="C6280" s="17"/>
      <c r="D6280" s="18" t="s">
        <v>3121</v>
      </c>
      <c r="E6280" s="18"/>
      <c r="F6280" s="18"/>
      <c r="G6280" s="18"/>
      <c r="H6280" s="18"/>
      <c r="I6280" s="18"/>
      <c r="J6280" s="18"/>
      <c r="K6280" s="18"/>
      <c r="L6280" s="18"/>
      <c r="M6280" s="18"/>
      <c r="N6280" s="18"/>
      <c r="O6280" s="18"/>
      <c r="P6280" s="19">
        <v>120</v>
      </c>
      <c r="Q6280" s="19"/>
      <c r="R6280" s="19"/>
      <c r="S6280" s="19"/>
      <c r="T6280" s="19">
        <v>100</v>
      </c>
      <c r="U6280" s="19"/>
      <c r="V6280" s="19"/>
      <c r="W6280" s="19"/>
      <c r="X6280" s="19">
        <v>8</v>
      </c>
      <c r="Y6280" s="19"/>
      <c r="Z6280" s="19"/>
      <c r="AA6280" s="19"/>
    </row>
    <row r="6281" spans="1:27" s="1" customFormat="1" ht="11.1" customHeight="1" outlineLevel="2" x14ac:dyDescent="0.2">
      <c r="A6281" s="17"/>
      <c r="B6281" s="17"/>
      <c r="C6281" s="17"/>
      <c r="D6281" s="18"/>
      <c r="E6281" s="18"/>
      <c r="F6281" s="18"/>
      <c r="G6281" s="18"/>
      <c r="H6281" s="18"/>
      <c r="I6281" s="18"/>
      <c r="J6281" s="18"/>
      <c r="K6281" s="18"/>
      <c r="L6281" s="18"/>
      <c r="M6281" s="18"/>
      <c r="N6281" s="18"/>
      <c r="O6281" s="18"/>
      <c r="P6281" s="19"/>
      <c r="Q6281" s="19"/>
      <c r="R6281" s="19"/>
      <c r="S6281" s="19"/>
      <c r="T6281" s="19"/>
      <c r="U6281" s="19"/>
      <c r="V6281" s="19"/>
      <c r="W6281" s="19"/>
      <c r="X6281" s="19"/>
      <c r="Y6281" s="19"/>
      <c r="Z6281" s="19"/>
      <c r="AA6281" s="19"/>
    </row>
    <row r="6282" spans="1:27" s="1" customFormat="1" ht="14.1" customHeight="1" outlineLevel="2" x14ac:dyDescent="0.2">
      <c r="A6282" s="17">
        <v>11806</v>
      </c>
      <c r="B6282" s="17"/>
      <c r="C6282" s="17"/>
      <c r="D6282" s="18" t="s">
        <v>3122</v>
      </c>
      <c r="E6282" s="18"/>
      <c r="F6282" s="18"/>
      <c r="G6282" s="18"/>
      <c r="H6282" s="18"/>
      <c r="I6282" s="18"/>
      <c r="J6282" s="18"/>
      <c r="K6282" s="18"/>
      <c r="L6282" s="18"/>
      <c r="M6282" s="18"/>
      <c r="N6282" s="18"/>
      <c r="O6282" s="18"/>
      <c r="P6282" s="19">
        <v>90</v>
      </c>
      <c r="Q6282" s="19"/>
      <c r="R6282" s="19"/>
      <c r="S6282" s="19"/>
      <c r="T6282" s="19">
        <v>60</v>
      </c>
      <c r="U6282" s="19"/>
      <c r="V6282" s="19"/>
      <c r="W6282" s="19"/>
      <c r="X6282" s="19">
        <v>123</v>
      </c>
      <c r="Y6282" s="19"/>
      <c r="Z6282" s="19"/>
      <c r="AA6282" s="19"/>
    </row>
    <row r="6283" spans="1:27" s="1" customFormat="1" ht="14.1" customHeight="1" outlineLevel="2" x14ac:dyDescent="0.2">
      <c r="A6283" s="17"/>
      <c r="B6283" s="17"/>
      <c r="C6283" s="17"/>
      <c r="D6283" s="18"/>
      <c r="E6283" s="18"/>
      <c r="F6283" s="18"/>
      <c r="G6283" s="18"/>
      <c r="H6283" s="18"/>
      <c r="I6283" s="18"/>
      <c r="J6283" s="18"/>
      <c r="K6283" s="18"/>
      <c r="L6283" s="18"/>
      <c r="M6283" s="18"/>
      <c r="N6283" s="18"/>
      <c r="O6283" s="18"/>
      <c r="P6283" s="19"/>
      <c r="Q6283" s="19"/>
      <c r="R6283" s="19"/>
      <c r="S6283" s="19"/>
      <c r="T6283" s="19"/>
      <c r="U6283" s="19"/>
      <c r="V6283" s="19"/>
      <c r="W6283" s="19"/>
      <c r="X6283" s="19"/>
      <c r="Y6283" s="19"/>
      <c r="Z6283" s="19"/>
      <c r="AA6283" s="19"/>
    </row>
    <row r="6284" spans="1:27" s="1" customFormat="1" ht="14.1" customHeight="1" outlineLevel="2" x14ac:dyDescent="0.2">
      <c r="A6284" s="17">
        <v>11807</v>
      </c>
      <c r="B6284" s="17"/>
      <c r="C6284" s="17"/>
      <c r="D6284" s="18" t="s">
        <v>3123</v>
      </c>
      <c r="E6284" s="18"/>
      <c r="F6284" s="18"/>
      <c r="G6284" s="18"/>
      <c r="H6284" s="18"/>
      <c r="I6284" s="18"/>
      <c r="J6284" s="18"/>
      <c r="K6284" s="18"/>
      <c r="L6284" s="18"/>
      <c r="M6284" s="18"/>
      <c r="N6284" s="18"/>
      <c r="O6284" s="18"/>
      <c r="P6284" s="19">
        <v>80</v>
      </c>
      <c r="Q6284" s="19"/>
      <c r="R6284" s="19"/>
      <c r="S6284" s="19"/>
      <c r="T6284" s="19">
        <v>55</v>
      </c>
      <c r="U6284" s="19"/>
      <c r="V6284" s="19"/>
      <c r="W6284" s="19"/>
      <c r="X6284" s="19">
        <v>3</v>
      </c>
      <c r="Y6284" s="19"/>
      <c r="Z6284" s="19"/>
      <c r="AA6284" s="19"/>
    </row>
    <row r="6285" spans="1:27" s="1" customFormat="1" ht="14.1" customHeight="1" outlineLevel="2" x14ac:dyDescent="0.2">
      <c r="A6285" s="17"/>
      <c r="B6285" s="17"/>
      <c r="C6285" s="17"/>
      <c r="D6285" s="18"/>
      <c r="E6285" s="18"/>
      <c r="F6285" s="18"/>
      <c r="G6285" s="18"/>
      <c r="H6285" s="18"/>
      <c r="I6285" s="18"/>
      <c r="J6285" s="18"/>
      <c r="K6285" s="18"/>
      <c r="L6285" s="18"/>
      <c r="M6285" s="18"/>
      <c r="N6285" s="18"/>
      <c r="O6285" s="18"/>
      <c r="P6285" s="19"/>
      <c r="Q6285" s="19"/>
      <c r="R6285" s="19"/>
      <c r="S6285" s="19"/>
      <c r="T6285" s="19"/>
      <c r="U6285" s="19"/>
      <c r="V6285" s="19"/>
      <c r="W6285" s="19"/>
      <c r="X6285" s="19"/>
      <c r="Y6285" s="19"/>
      <c r="Z6285" s="19"/>
      <c r="AA6285" s="19"/>
    </row>
    <row r="6286" spans="1:27" s="1" customFormat="1" ht="11.1" customHeight="1" outlineLevel="2" x14ac:dyDescent="0.2">
      <c r="A6286" s="17">
        <v>11621</v>
      </c>
      <c r="B6286" s="17"/>
      <c r="C6286" s="17"/>
      <c r="D6286" s="18" t="s">
        <v>3124</v>
      </c>
      <c r="E6286" s="18"/>
      <c r="F6286" s="18"/>
      <c r="G6286" s="18"/>
      <c r="H6286" s="18"/>
      <c r="I6286" s="18"/>
      <c r="J6286" s="18"/>
      <c r="K6286" s="18"/>
      <c r="L6286" s="18"/>
      <c r="M6286" s="18"/>
      <c r="N6286" s="18"/>
      <c r="O6286" s="18"/>
      <c r="P6286" s="19">
        <v>100</v>
      </c>
      <c r="Q6286" s="19"/>
      <c r="R6286" s="19"/>
      <c r="S6286" s="19"/>
      <c r="T6286" s="19">
        <v>80</v>
      </c>
      <c r="U6286" s="19"/>
      <c r="V6286" s="19"/>
      <c r="W6286" s="19"/>
      <c r="X6286" s="19">
        <v>7</v>
      </c>
      <c r="Y6286" s="19"/>
      <c r="Z6286" s="19"/>
      <c r="AA6286" s="19"/>
    </row>
    <row r="6287" spans="1:27" s="1" customFormat="1" ht="11.1" customHeight="1" outlineLevel="2" x14ac:dyDescent="0.2">
      <c r="A6287" s="17"/>
      <c r="B6287" s="17"/>
      <c r="C6287" s="17"/>
      <c r="D6287" s="18"/>
      <c r="E6287" s="18"/>
      <c r="F6287" s="18"/>
      <c r="G6287" s="18"/>
      <c r="H6287" s="18"/>
      <c r="I6287" s="18"/>
      <c r="J6287" s="18"/>
      <c r="K6287" s="18"/>
      <c r="L6287" s="18"/>
      <c r="M6287" s="18"/>
      <c r="N6287" s="18"/>
      <c r="O6287" s="18"/>
      <c r="P6287" s="19"/>
      <c r="Q6287" s="19"/>
      <c r="R6287" s="19"/>
      <c r="S6287" s="19"/>
      <c r="T6287" s="19"/>
      <c r="U6287" s="19"/>
      <c r="V6287" s="19"/>
      <c r="W6287" s="19"/>
      <c r="X6287" s="19"/>
      <c r="Y6287" s="19"/>
      <c r="Z6287" s="19"/>
      <c r="AA6287" s="19"/>
    </row>
    <row r="6288" spans="1:27" s="1" customFormat="1" ht="14.1" customHeight="1" outlineLevel="2" x14ac:dyDescent="0.2">
      <c r="A6288" s="17">
        <v>13632</v>
      </c>
      <c r="B6288" s="17"/>
      <c r="C6288" s="17"/>
      <c r="D6288" s="18" t="s">
        <v>3125</v>
      </c>
      <c r="E6288" s="18"/>
      <c r="F6288" s="18"/>
      <c r="G6288" s="18"/>
      <c r="H6288" s="18"/>
      <c r="I6288" s="18"/>
      <c r="J6288" s="18"/>
      <c r="K6288" s="18"/>
      <c r="L6288" s="18"/>
      <c r="M6288" s="18"/>
      <c r="N6288" s="18"/>
      <c r="O6288" s="18"/>
      <c r="P6288" s="19">
        <v>100</v>
      </c>
      <c r="Q6288" s="19"/>
      <c r="R6288" s="19"/>
      <c r="S6288" s="19"/>
      <c r="T6288" s="19">
        <v>60</v>
      </c>
      <c r="U6288" s="19"/>
      <c r="V6288" s="19"/>
      <c r="W6288" s="19"/>
      <c r="X6288" s="19">
        <v>47</v>
      </c>
      <c r="Y6288" s="19"/>
      <c r="Z6288" s="19"/>
      <c r="AA6288" s="19"/>
    </row>
    <row r="6289" spans="1:27" s="1" customFormat="1" ht="14.1" customHeight="1" outlineLevel="2" x14ac:dyDescent="0.2">
      <c r="A6289" s="17"/>
      <c r="B6289" s="17"/>
      <c r="C6289" s="17"/>
      <c r="D6289" s="18"/>
      <c r="E6289" s="18"/>
      <c r="F6289" s="18"/>
      <c r="G6289" s="18"/>
      <c r="H6289" s="18"/>
      <c r="I6289" s="18"/>
      <c r="J6289" s="18"/>
      <c r="K6289" s="18"/>
      <c r="L6289" s="18"/>
      <c r="M6289" s="18"/>
      <c r="N6289" s="18"/>
      <c r="O6289" s="18"/>
      <c r="P6289" s="19"/>
      <c r="Q6289" s="19"/>
      <c r="R6289" s="19"/>
      <c r="S6289" s="19"/>
      <c r="T6289" s="19"/>
      <c r="U6289" s="19"/>
      <c r="V6289" s="19"/>
      <c r="W6289" s="19"/>
      <c r="X6289" s="19"/>
      <c r="Y6289" s="19"/>
      <c r="Z6289" s="19"/>
      <c r="AA6289" s="19"/>
    </row>
    <row r="6290" spans="1:27" s="1" customFormat="1" ht="11.1" customHeight="1" outlineLevel="2" x14ac:dyDescent="0.2">
      <c r="A6290" s="17">
        <v>13753</v>
      </c>
      <c r="B6290" s="17"/>
      <c r="C6290" s="17"/>
      <c r="D6290" s="18" t="s">
        <v>3126</v>
      </c>
      <c r="E6290" s="18"/>
      <c r="F6290" s="18"/>
      <c r="G6290" s="18"/>
      <c r="H6290" s="18"/>
      <c r="I6290" s="18"/>
      <c r="J6290" s="18"/>
      <c r="K6290" s="18"/>
      <c r="L6290" s="18"/>
      <c r="M6290" s="18"/>
      <c r="N6290" s="18"/>
      <c r="O6290" s="18"/>
      <c r="P6290" s="19">
        <v>90</v>
      </c>
      <c r="Q6290" s="19"/>
      <c r="R6290" s="19"/>
      <c r="S6290" s="19"/>
      <c r="T6290" s="19">
        <v>60</v>
      </c>
      <c r="U6290" s="19"/>
      <c r="V6290" s="19"/>
      <c r="W6290" s="19"/>
      <c r="X6290" s="19">
        <v>38</v>
      </c>
      <c r="Y6290" s="19"/>
      <c r="Z6290" s="19"/>
      <c r="AA6290" s="19"/>
    </row>
    <row r="6291" spans="1:27" s="1" customFormat="1" ht="11.1" customHeight="1" outlineLevel="2" x14ac:dyDescent="0.2">
      <c r="A6291" s="17"/>
      <c r="B6291" s="17"/>
      <c r="C6291" s="17"/>
      <c r="D6291" s="18"/>
      <c r="E6291" s="18"/>
      <c r="F6291" s="18"/>
      <c r="G6291" s="18"/>
      <c r="H6291" s="18"/>
      <c r="I6291" s="18"/>
      <c r="J6291" s="18"/>
      <c r="K6291" s="18"/>
      <c r="L6291" s="18"/>
      <c r="M6291" s="18"/>
      <c r="N6291" s="18"/>
      <c r="O6291" s="18"/>
      <c r="P6291" s="19"/>
      <c r="Q6291" s="19"/>
      <c r="R6291" s="19"/>
      <c r="S6291" s="19"/>
      <c r="T6291" s="19"/>
      <c r="U6291" s="19"/>
      <c r="V6291" s="19"/>
      <c r="W6291" s="19"/>
      <c r="X6291" s="19"/>
      <c r="Y6291" s="19"/>
      <c r="Z6291" s="19"/>
      <c r="AA6291" s="19"/>
    </row>
    <row r="6292" spans="1:27" s="1" customFormat="1" ht="11.1" customHeight="1" outlineLevel="2" x14ac:dyDescent="0.2">
      <c r="A6292" s="17">
        <v>15593</v>
      </c>
      <c r="B6292" s="17"/>
      <c r="C6292" s="17"/>
      <c r="D6292" s="18" t="s">
        <v>3127</v>
      </c>
      <c r="E6292" s="18"/>
      <c r="F6292" s="18"/>
      <c r="G6292" s="18"/>
      <c r="H6292" s="18"/>
      <c r="I6292" s="18"/>
      <c r="J6292" s="18"/>
      <c r="K6292" s="18"/>
      <c r="L6292" s="18"/>
      <c r="M6292" s="18"/>
      <c r="N6292" s="18"/>
      <c r="O6292" s="18"/>
      <c r="P6292" s="19">
        <v>120</v>
      </c>
      <c r="Q6292" s="19"/>
      <c r="R6292" s="19"/>
      <c r="S6292" s="19"/>
      <c r="T6292" s="19">
        <v>70</v>
      </c>
      <c r="U6292" s="19"/>
      <c r="V6292" s="19"/>
      <c r="W6292" s="19"/>
      <c r="X6292" s="19">
        <v>5</v>
      </c>
      <c r="Y6292" s="19"/>
      <c r="Z6292" s="19"/>
      <c r="AA6292" s="19"/>
    </row>
    <row r="6293" spans="1:27" s="1" customFormat="1" ht="11.1" customHeight="1" outlineLevel="2" x14ac:dyDescent="0.2">
      <c r="A6293" s="17"/>
      <c r="B6293" s="17"/>
      <c r="C6293" s="17"/>
      <c r="D6293" s="18"/>
      <c r="E6293" s="18"/>
      <c r="F6293" s="18"/>
      <c r="G6293" s="18"/>
      <c r="H6293" s="18"/>
      <c r="I6293" s="18"/>
      <c r="J6293" s="18"/>
      <c r="K6293" s="18"/>
      <c r="L6293" s="18"/>
      <c r="M6293" s="18"/>
      <c r="N6293" s="18"/>
      <c r="O6293" s="18"/>
      <c r="P6293" s="19"/>
      <c r="Q6293" s="19"/>
      <c r="R6293" s="19"/>
      <c r="S6293" s="19"/>
      <c r="T6293" s="19"/>
      <c r="U6293" s="19"/>
      <c r="V6293" s="19"/>
      <c r="W6293" s="19"/>
      <c r="X6293" s="19"/>
      <c r="Y6293" s="19"/>
      <c r="Z6293" s="19"/>
      <c r="AA6293" s="19"/>
    </row>
    <row r="6294" spans="1:27" s="1" customFormat="1" ht="11.1" customHeight="1" outlineLevel="2" x14ac:dyDescent="0.2">
      <c r="A6294" s="17">
        <v>11622</v>
      </c>
      <c r="B6294" s="17"/>
      <c r="C6294" s="17"/>
      <c r="D6294" s="18" t="s">
        <v>3128</v>
      </c>
      <c r="E6294" s="18"/>
      <c r="F6294" s="18"/>
      <c r="G6294" s="18"/>
      <c r="H6294" s="18"/>
      <c r="I6294" s="18"/>
      <c r="J6294" s="18"/>
      <c r="K6294" s="18"/>
      <c r="L6294" s="18"/>
      <c r="M6294" s="18"/>
      <c r="N6294" s="18"/>
      <c r="O6294" s="18"/>
      <c r="P6294" s="19">
        <v>100</v>
      </c>
      <c r="Q6294" s="19"/>
      <c r="R6294" s="19"/>
      <c r="S6294" s="19"/>
      <c r="T6294" s="19">
        <v>80</v>
      </c>
      <c r="U6294" s="19"/>
      <c r="V6294" s="19"/>
      <c r="W6294" s="19"/>
      <c r="X6294" s="19">
        <v>4</v>
      </c>
      <c r="Y6294" s="19"/>
      <c r="Z6294" s="19"/>
      <c r="AA6294" s="19"/>
    </row>
    <row r="6295" spans="1:27" s="1" customFormat="1" ht="11.1" customHeight="1" outlineLevel="2" x14ac:dyDescent="0.2">
      <c r="A6295" s="17"/>
      <c r="B6295" s="17"/>
      <c r="C6295" s="17"/>
      <c r="D6295" s="18"/>
      <c r="E6295" s="18"/>
      <c r="F6295" s="18"/>
      <c r="G6295" s="18"/>
      <c r="H6295" s="18"/>
      <c r="I6295" s="18"/>
      <c r="J6295" s="18"/>
      <c r="K6295" s="18"/>
      <c r="L6295" s="18"/>
      <c r="M6295" s="18"/>
      <c r="N6295" s="18"/>
      <c r="O6295" s="18"/>
      <c r="P6295" s="19"/>
      <c r="Q6295" s="19"/>
      <c r="R6295" s="19"/>
      <c r="S6295" s="19"/>
      <c r="T6295" s="19"/>
      <c r="U6295" s="19"/>
      <c r="V6295" s="19"/>
      <c r="W6295" s="19"/>
      <c r="X6295" s="19"/>
      <c r="Y6295" s="19"/>
      <c r="Z6295" s="19"/>
      <c r="AA6295" s="19"/>
    </row>
    <row r="6296" spans="1:27" s="1" customFormat="1" ht="11.1" customHeight="1" outlineLevel="2" x14ac:dyDescent="0.2">
      <c r="A6296" s="17">
        <v>11624</v>
      </c>
      <c r="B6296" s="17"/>
      <c r="C6296" s="17"/>
      <c r="D6296" s="18" t="s">
        <v>3129</v>
      </c>
      <c r="E6296" s="18"/>
      <c r="F6296" s="18"/>
      <c r="G6296" s="18"/>
      <c r="H6296" s="18"/>
      <c r="I6296" s="18"/>
      <c r="J6296" s="18"/>
      <c r="K6296" s="18"/>
      <c r="L6296" s="18"/>
      <c r="M6296" s="18"/>
      <c r="N6296" s="18"/>
      <c r="O6296" s="18"/>
      <c r="P6296" s="19">
        <v>100</v>
      </c>
      <c r="Q6296" s="19"/>
      <c r="R6296" s="19"/>
      <c r="S6296" s="19"/>
      <c r="T6296" s="19">
        <v>80</v>
      </c>
      <c r="U6296" s="19"/>
      <c r="V6296" s="19"/>
      <c r="W6296" s="19"/>
      <c r="X6296" s="19">
        <v>2</v>
      </c>
      <c r="Y6296" s="19"/>
      <c r="Z6296" s="19"/>
      <c r="AA6296" s="19"/>
    </row>
    <row r="6297" spans="1:27" s="1" customFormat="1" ht="11.1" customHeight="1" outlineLevel="2" x14ac:dyDescent="0.2">
      <c r="A6297" s="17"/>
      <c r="B6297" s="17"/>
      <c r="C6297" s="17"/>
      <c r="D6297" s="18"/>
      <c r="E6297" s="18"/>
      <c r="F6297" s="18"/>
      <c r="G6297" s="18"/>
      <c r="H6297" s="18"/>
      <c r="I6297" s="18"/>
      <c r="J6297" s="18"/>
      <c r="K6297" s="18"/>
      <c r="L6297" s="18"/>
      <c r="M6297" s="18"/>
      <c r="N6297" s="18"/>
      <c r="O6297" s="18"/>
      <c r="P6297" s="19"/>
      <c r="Q6297" s="19"/>
      <c r="R6297" s="19"/>
      <c r="S6297" s="19"/>
      <c r="T6297" s="19"/>
      <c r="U6297" s="19"/>
      <c r="V6297" s="19"/>
      <c r="W6297" s="19"/>
      <c r="X6297" s="19"/>
      <c r="Y6297" s="19"/>
      <c r="Z6297" s="19"/>
      <c r="AA6297" s="19"/>
    </row>
    <row r="6298" spans="1:27" s="1" customFormat="1" ht="11.1" customHeight="1" outlineLevel="2" x14ac:dyDescent="0.2">
      <c r="A6298" s="17">
        <v>11625</v>
      </c>
      <c r="B6298" s="17"/>
      <c r="C6298" s="17"/>
      <c r="D6298" s="18" t="s">
        <v>3130</v>
      </c>
      <c r="E6298" s="18"/>
      <c r="F6298" s="18"/>
      <c r="G6298" s="18"/>
      <c r="H6298" s="18"/>
      <c r="I6298" s="18"/>
      <c r="J6298" s="18"/>
      <c r="K6298" s="18"/>
      <c r="L6298" s="18"/>
      <c r="M6298" s="18"/>
      <c r="N6298" s="18"/>
      <c r="O6298" s="18"/>
      <c r="P6298" s="19">
        <v>100</v>
      </c>
      <c r="Q6298" s="19"/>
      <c r="R6298" s="19"/>
      <c r="S6298" s="19"/>
      <c r="T6298" s="19">
        <v>80</v>
      </c>
      <c r="U6298" s="19"/>
      <c r="V6298" s="19"/>
      <c r="W6298" s="19"/>
      <c r="X6298" s="19">
        <v>2</v>
      </c>
      <c r="Y6298" s="19"/>
      <c r="Z6298" s="19"/>
      <c r="AA6298" s="19"/>
    </row>
    <row r="6299" spans="1:27" s="1" customFormat="1" ht="11.1" customHeight="1" outlineLevel="2" x14ac:dyDescent="0.2">
      <c r="A6299" s="17"/>
      <c r="B6299" s="17"/>
      <c r="C6299" s="17"/>
      <c r="D6299" s="18"/>
      <c r="E6299" s="18"/>
      <c r="F6299" s="18"/>
      <c r="G6299" s="18"/>
      <c r="H6299" s="18"/>
      <c r="I6299" s="18"/>
      <c r="J6299" s="18"/>
      <c r="K6299" s="18"/>
      <c r="L6299" s="18"/>
      <c r="M6299" s="18"/>
      <c r="N6299" s="18"/>
      <c r="O6299" s="18"/>
      <c r="P6299" s="19"/>
      <c r="Q6299" s="19"/>
      <c r="R6299" s="19"/>
      <c r="S6299" s="19"/>
      <c r="T6299" s="19"/>
      <c r="U6299" s="19"/>
      <c r="V6299" s="19"/>
      <c r="W6299" s="19"/>
      <c r="X6299" s="19"/>
      <c r="Y6299" s="19"/>
      <c r="Z6299" s="19"/>
      <c r="AA6299" s="19"/>
    </row>
    <row r="6300" spans="1:27" s="1" customFormat="1" ht="11.1" customHeight="1" outlineLevel="2" x14ac:dyDescent="0.2">
      <c r="A6300" s="17">
        <v>11626</v>
      </c>
      <c r="B6300" s="17"/>
      <c r="C6300" s="17"/>
      <c r="D6300" s="18" t="s">
        <v>3131</v>
      </c>
      <c r="E6300" s="18"/>
      <c r="F6300" s="18"/>
      <c r="G6300" s="18"/>
      <c r="H6300" s="18"/>
      <c r="I6300" s="18"/>
      <c r="J6300" s="18"/>
      <c r="K6300" s="18"/>
      <c r="L6300" s="18"/>
      <c r="M6300" s="18"/>
      <c r="N6300" s="18"/>
      <c r="O6300" s="18"/>
      <c r="P6300" s="19">
        <v>100</v>
      </c>
      <c r="Q6300" s="19"/>
      <c r="R6300" s="19"/>
      <c r="S6300" s="19"/>
      <c r="T6300" s="19">
        <v>80</v>
      </c>
      <c r="U6300" s="19"/>
      <c r="V6300" s="19"/>
      <c r="W6300" s="19"/>
      <c r="X6300" s="19">
        <v>12</v>
      </c>
      <c r="Y6300" s="19"/>
      <c r="Z6300" s="19"/>
      <c r="AA6300" s="19"/>
    </row>
    <row r="6301" spans="1:27" s="1" customFormat="1" ht="11.1" customHeight="1" outlineLevel="2" x14ac:dyDescent="0.2">
      <c r="A6301" s="17"/>
      <c r="B6301" s="17"/>
      <c r="C6301" s="17"/>
      <c r="D6301" s="18"/>
      <c r="E6301" s="18"/>
      <c r="F6301" s="18"/>
      <c r="G6301" s="18"/>
      <c r="H6301" s="18"/>
      <c r="I6301" s="18"/>
      <c r="J6301" s="18"/>
      <c r="K6301" s="18"/>
      <c r="L6301" s="18"/>
      <c r="M6301" s="18"/>
      <c r="N6301" s="18"/>
      <c r="O6301" s="18"/>
      <c r="P6301" s="19"/>
      <c r="Q6301" s="19"/>
      <c r="R6301" s="19"/>
      <c r="S6301" s="19"/>
      <c r="T6301" s="19"/>
      <c r="U6301" s="19"/>
      <c r="V6301" s="19"/>
      <c r="W6301" s="19"/>
      <c r="X6301" s="19"/>
      <c r="Y6301" s="19"/>
      <c r="Z6301" s="19"/>
      <c r="AA6301" s="19"/>
    </row>
    <row r="6302" spans="1:27" s="1" customFormat="1" ht="11.1" customHeight="1" outlineLevel="2" x14ac:dyDescent="0.2">
      <c r="A6302" s="17">
        <v>13961</v>
      </c>
      <c r="B6302" s="17"/>
      <c r="C6302" s="17"/>
      <c r="D6302" s="18" t="s">
        <v>3132</v>
      </c>
      <c r="E6302" s="18"/>
      <c r="F6302" s="18"/>
      <c r="G6302" s="18"/>
      <c r="H6302" s="18"/>
      <c r="I6302" s="18"/>
      <c r="J6302" s="18"/>
      <c r="K6302" s="18"/>
      <c r="L6302" s="18"/>
      <c r="M6302" s="18"/>
      <c r="N6302" s="18"/>
      <c r="O6302" s="18"/>
      <c r="P6302" s="19">
        <v>120</v>
      </c>
      <c r="Q6302" s="19"/>
      <c r="R6302" s="19"/>
      <c r="S6302" s="19"/>
      <c r="T6302" s="19">
        <v>80</v>
      </c>
      <c r="U6302" s="19"/>
      <c r="V6302" s="19"/>
      <c r="W6302" s="19"/>
      <c r="X6302" s="19">
        <v>10</v>
      </c>
      <c r="Y6302" s="19"/>
      <c r="Z6302" s="19"/>
      <c r="AA6302" s="19"/>
    </row>
    <row r="6303" spans="1:27" s="1" customFormat="1" ht="11.1" customHeight="1" outlineLevel="2" x14ac:dyDescent="0.2">
      <c r="A6303" s="17"/>
      <c r="B6303" s="17"/>
      <c r="C6303" s="17"/>
      <c r="D6303" s="18"/>
      <c r="E6303" s="18"/>
      <c r="F6303" s="18"/>
      <c r="G6303" s="18"/>
      <c r="H6303" s="18"/>
      <c r="I6303" s="18"/>
      <c r="J6303" s="18"/>
      <c r="K6303" s="18"/>
      <c r="L6303" s="18"/>
      <c r="M6303" s="18"/>
      <c r="N6303" s="18"/>
      <c r="O6303" s="18"/>
      <c r="P6303" s="19"/>
      <c r="Q6303" s="19"/>
      <c r="R6303" s="19"/>
      <c r="S6303" s="19"/>
      <c r="T6303" s="19"/>
      <c r="U6303" s="19"/>
      <c r="V6303" s="19"/>
      <c r="W6303" s="19"/>
      <c r="X6303" s="19"/>
      <c r="Y6303" s="19"/>
      <c r="Z6303" s="19"/>
      <c r="AA6303" s="19"/>
    </row>
    <row r="6304" spans="1:27" s="1" customFormat="1" ht="11.1" customHeight="1" outlineLevel="2" x14ac:dyDescent="0.2">
      <c r="A6304" s="17">
        <v>13960</v>
      </c>
      <c r="B6304" s="17"/>
      <c r="C6304" s="17"/>
      <c r="D6304" s="18" t="s">
        <v>3133</v>
      </c>
      <c r="E6304" s="18"/>
      <c r="F6304" s="18"/>
      <c r="G6304" s="18"/>
      <c r="H6304" s="18"/>
      <c r="I6304" s="18"/>
      <c r="J6304" s="18"/>
      <c r="K6304" s="18"/>
      <c r="L6304" s="18"/>
      <c r="M6304" s="18"/>
      <c r="N6304" s="18"/>
      <c r="O6304" s="18"/>
      <c r="P6304" s="19">
        <v>120</v>
      </c>
      <c r="Q6304" s="19"/>
      <c r="R6304" s="19"/>
      <c r="S6304" s="19"/>
      <c r="T6304" s="19">
        <v>80</v>
      </c>
      <c r="U6304" s="19"/>
      <c r="V6304" s="19"/>
      <c r="W6304" s="19"/>
      <c r="X6304" s="19">
        <v>14</v>
      </c>
      <c r="Y6304" s="19"/>
      <c r="Z6304" s="19"/>
      <c r="AA6304" s="19"/>
    </row>
    <row r="6305" spans="1:27" s="1" customFormat="1" ht="11.1" customHeight="1" outlineLevel="2" x14ac:dyDescent="0.2">
      <c r="A6305" s="17"/>
      <c r="B6305" s="17"/>
      <c r="C6305" s="17"/>
      <c r="D6305" s="18"/>
      <c r="E6305" s="18"/>
      <c r="F6305" s="18"/>
      <c r="G6305" s="18"/>
      <c r="H6305" s="18"/>
      <c r="I6305" s="18"/>
      <c r="J6305" s="18"/>
      <c r="K6305" s="18"/>
      <c r="L6305" s="18"/>
      <c r="M6305" s="18"/>
      <c r="N6305" s="18"/>
      <c r="O6305" s="18"/>
      <c r="P6305" s="19"/>
      <c r="Q6305" s="19"/>
      <c r="R6305" s="19"/>
      <c r="S6305" s="19"/>
      <c r="T6305" s="19"/>
      <c r="U6305" s="19"/>
      <c r="V6305" s="19"/>
      <c r="W6305" s="19"/>
      <c r="X6305" s="19"/>
      <c r="Y6305" s="19"/>
      <c r="Z6305" s="19"/>
      <c r="AA6305" s="19"/>
    </row>
    <row r="6306" spans="1:27" s="1" customFormat="1" ht="11.1" customHeight="1" outlineLevel="1" x14ac:dyDescent="0.2">
      <c r="A6306" s="16" t="s">
        <v>3134</v>
      </c>
      <c r="B6306" s="16"/>
      <c r="C6306" s="16"/>
      <c r="D6306" s="16"/>
      <c r="E6306" s="16"/>
      <c r="F6306" s="16"/>
      <c r="G6306" s="16"/>
      <c r="H6306" s="16"/>
      <c r="I6306" s="16"/>
      <c r="J6306" s="16"/>
      <c r="K6306" s="16"/>
      <c r="L6306" s="16"/>
      <c r="M6306" s="16"/>
      <c r="N6306" s="16"/>
      <c r="O6306" s="16"/>
      <c r="P6306" s="16"/>
      <c r="Q6306" s="16"/>
      <c r="R6306" s="16"/>
      <c r="S6306" s="16"/>
      <c r="T6306" s="16"/>
      <c r="U6306" s="16"/>
      <c r="V6306" s="16"/>
      <c r="W6306" s="16"/>
      <c r="X6306" s="16"/>
      <c r="Y6306" s="16"/>
      <c r="Z6306" s="16"/>
      <c r="AA6306" s="16"/>
    </row>
    <row r="6307" spans="1:27" s="1" customFormat="1" ht="11.1" customHeight="1" outlineLevel="1" x14ac:dyDescent="0.2">
      <c r="A6307" s="16"/>
      <c r="B6307" s="16"/>
      <c r="C6307" s="16"/>
      <c r="D6307" s="16"/>
      <c r="E6307" s="16"/>
      <c r="F6307" s="16"/>
      <c r="G6307" s="16"/>
      <c r="H6307" s="16"/>
      <c r="I6307" s="16"/>
      <c r="J6307" s="16"/>
      <c r="K6307" s="16"/>
      <c r="L6307" s="16"/>
      <c r="M6307" s="16"/>
      <c r="N6307" s="16"/>
      <c r="O6307" s="16"/>
      <c r="P6307" s="16"/>
      <c r="Q6307" s="16"/>
      <c r="R6307" s="16"/>
      <c r="S6307" s="16"/>
      <c r="T6307" s="16"/>
      <c r="U6307" s="16"/>
      <c r="V6307" s="16"/>
      <c r="W6307" s="16"/>
      <c r="X6307" s="16"/>
      <c r="Y6307" s="16"/>
      <c r="Z6307" s="16"/>
      <c r="AA6307" s="16"/>
    </row>
    <row r="6308" spans="1:27" s="1" customFormat="1" ht="11.1" customHeight="1" outlineLevel="2" x14ac:dyDescent="0.2">
      <c r="A6308" s="17">
        <v>11605</v>
      </c>
      <c r="B6308" s="17"/>
      <c r="C6308" s="17"/>
      <c r="D6308" s="18" t="s">
        <v>3135</v>
      </c>
      <c r="E6308" s="18"/>
      <c r="F6308" s="18"/>
      <c r="G6308" s="18"/>
      <c r="H6308" s="18"/>
      <c r="I6308" s="18"/>
      <c r="J6308" s="18"/>
      <c r="K6308" s="18"/>
      <c r="L6308" s="18"/>
      <c r="M6308" s="18"/>
      <c r="N6308" s="18"/>
      <c r="O6308" s="18"/>
      <c r="P6308" s="19">
        <v>100</v>
      </c>
      <c r="Q6308" s="19"/>
      <c r="R6308" s="19"/>
      <c r="S6308" s="19"/>
      <c r="T6308" s="19">
        <v>70</v>
      </c>
      <c r="U6308" s="19"/>
      <c r="V6308" s="19"/>
      <c r="W6308" s="19"/>
      <c r="X6308" s="19">
        <v>2</v>
      </c>
      <c r="Y6308" s="19"/>
      <c r="Z6308" s="19"/>
      <c r="AA6308" s="19"/>
    </row>
    <row r="6309" spans="1:27" s="1" customFormat="1" ht="11.1" customHeight="1" outlineLevel="2" x14ac:dyDescent="0.2">
      <c r="A6309" s="17"/>
      <c r="B6309" s="17"/>
      <c r="C6309" s="17"/>
      <c r="D6309" s="18"/>
      <c r="E6309" s="18"/>
      <c r="F6309" s="18"/>
      <c r="G6309" s="18"/>
      <c r="H6309" s="18"/>
      <c r="I6309" s="18"/>
      <c r="J6309" s="18"/>
      <c r="K6309" s="18"/>
      <c r="L6309" s="18"/>
      <c r="M6309" s="18"/>
      <c r="N6309" s="18"/>
      <c r="O6309" s="18"/>
      <c r="P6309" s="19"/>
      <c r="Q6309" s="19"/>
      <c r="R6309" s="19"/>
      <c r="S6309" s="19"/>
      <c r="T6309" s="19"/>
      <c r="U6309" s="19"/>
      <c r="V6309" s="19"/>
      <c r="W6309" s="19"/>
      <c r="X6309" s="19"/>
      <c r="Y6309" s="19"/>
      <c r="Z6309" s="19"/>
      <c r="AA6309" s="19"/>
    </row>
    <row r="6310" spans="1:27" s="1" customFormat="1" ht="11.1" customHeight="1" outlineLevel="2" x14ac:dyDescent="0.2">
      <c r="A6310" s="17">
        <v>11608</v>
      </c>
      <c r="B6310" s="17"/>
      <c r="C6310" s="17"/>
      <c r="D6310" s="18" t="s">
        <v>3136</v>
      </c>
      <c r="E6310" s="18"/>
      <c r="F6310" s="18"/>
      <c r="G6310" s="18"/>
      <c r="H6310" s="18"/>
      <c r="I6310" s="18"/>
      <c r="J6310" s="18"/>
      <c r="K6310" s="18"/>
      <c r="L6310" s="18"/>
      <c r="M6310" s="18"/>
      <c r="N6310" s="18"/>
      <c r="O6310" s="18"/>
      <c r="P6310" s="19">
        <v>65</v>
      </c>
      <c r="Q6310" s="19"/>
      <c r="R6310" s="19"/>
      <c r="S6310" s="19"/>
      <c r="T6310" s="19">
        <v>34</v>
      </c>
      <c r="U6310" s="19"/>
      <c r="V6310" s="19"/>
      <c r="W6310" s="19"/>
      <c r="X6310" s="19">
        <v>2</v>
      </c>
      <c r="Y6310" s="19"/>
      <c r="Z6310" s="19"/>
      <c r="AA6310" s="19"/>
    </row>
    <row r="6311" spans="1:27" s="1" customFormat="1" ht="11.1" customHeight="1" outlineLevel="2" x14ac:dyDescent="0.2">
      <c r="A6311" s="17"/>
      <c r="B6311" s="17"/>
      <c r="C6311" s="17"/>
      <c r="D6311" s="18"/>
      <c r="E6311" s="18"/>
      <c r="F6311" s="18"/>
      <c r="G6311" s="18"/>
      <c r="H6311" s="18"/>
      <c r="I6311" s="18"/>
      <c r="J6311" s="18"/>
      <c r="K6311" s="18"/>
      <c r="L6311" s="18"/>
      <c r="M6311" s="18"/>
      <c r="N6311" s="18"/>
      <c r="O6311" s="18"/>
      <c r="P6311" s="19"/>
      <c r="Q6311" s="19"/>
      <c r="R6311" s="19"/>
      <c r="S6311" s="19"/>
      <c r="T6311" s="19"/>
      <c r="U6311" s="19"/>
      <c r="V6311" s="19"/>
      <c r="W6311" s="19"/>
      <c r="X6311" s="19"/>
      <c r="Y6311" s="19"/>
      <c r="Z6311" s="19"/>
      <c r="AA6311" s="19"/>
    </row>
    <row r="6312" spans="1:27" s="1" customFormat="1" ht="11.1" customHeight="1" x14ac:dyDescent="0.2">
      <c r="A6312" s="16" t="s">
        <v>3137</v>
      </c>
      <c r="B6312" s="16"/>
      <c r="C6312" s="16"/>
      <c r="D6312" s="16"/>
      <c r="E6312" s="16"/>
      <c r="F6312" s="16"/>
      <c r="G6312" s="16"/>
      <c r="H6312" s="16"/>
      <c r="I6312" s="16"/>
      <c r="J6312" s="16"/>
      <c r="K6312" s="16"/>
      <c r="L6312" s="16"/>
      <c r="M6312" s="16"/>
      <c r="N6312" s="16"/>
      <c r="O6312" s="16"/>
      <c r="P6312" s="16"/>
      <c r="Q6312" s="16"/>
      <c r="R6312" s="16"/>
      <c r="S6312" s="16"/>
      <c r="T6312" s="16"/>
      <c r="U6312" s="16"/>
      <c r="V6312" s="16"/>
      <c r="W6312" s="16"/>
      <c r="X6312" s="16"/>
      <c r="Y6312" s="16"/>
      <c r="Z6312" s="16"/>
      <c r="AA6312" s="16"/>
    </row>
    <row r="6313" spans="1:27" s="1" customFormat="1" ht="11.1" customHeight="1" x14ac:dyDescent="0.2">
      <c r="A6313" s="16"/>
      <c r="B6313" s="16"/>
      <c r="C6313" s="16"/>
      <c r="D6313" s="16"/>
      <c r="E6313" s="16"/>
      <c r="F6313" s="16"/>
      <c r="G6313" s="16"/>
      <c r="H6313" s="16"/>
      <c r="I6313" s="16"/>
      <c r="J6313" s="16"/>
      <c r="K6313" s="16"/>
      <c r="L6313" s="16"/>
      <c r="M6313" s="16"/>
      <c r="N6313" s="16"/>
      <c r="O6313" s="16"/>
      <c r="P6313" s="16"/>
      <c r="Q6313" s="16"/>
      <c r="R6313" s="16"/>
      <c r="S6313" s="16"/>
      <c r="T6313" s="16"/>
      <c r="U6313" s="16"/>
      <c r="V6313" s="16"/>
      <c r="W6313" s="16"/>
      <c r="X6313" s="16"/>
      <c r="Y6313" s="16"/>
      <c r="Z6313" s="16"/>
      <c r="AA6313" s="16"/>
    </row>
    <row r="6314" spans="1:27" s="1" customFormat="1" ht="11.1" customHeight="1" outlineLevel="1" x14ac:dyDescent="0.2">
      <c r="A6314" s="16" t="s">
        <v>3138</v>
      </c>
      <c r="B6314" s="16"/>
      <c r="C6314" s="16"/>
      <c r="D6314" s="16"/>
      <c r="E6314" s="16"/>
      <c r="F6314" s="16"/>
      <c r="G6314" s="16"/>
      <c r="H6314" s="16"/>
      <c r="I6314" s="16"/>
      <c r="J6314" s="16"/>
      <c r="K6314" s="16"/>
      <c r="L6314" s="16"/>
      <c r="M6314" s="16"/>
      <c r="N6314" s="16"/>
      <c r="O6314" s="16"/>
      <c r="P6314" s="16"/>
      <c r="Q6314" s="16"/>
      <c r="R6314" s="16"/>
      <c r="S6314" s="16"/>
      <c r="T6314" s="16"/>
      <c r="U6314" s="16"/>
      <c r="V6314" s="16"/>
      <c r="W6314" s="16"/>
      <c r="X6314" s="16"/>
      <c r="Y6314" s="16"/>
      <c r="Z6314" s="16"/>
      <c r="AA6314" s="16"/>
    </row>
    <row r="6315" spans="1:27" s="1" customFormat="1" ht="11.1" customHeight="1" outlineLevel="1" x14ac:dyDescent="0.2">
      <c r="A6315" s="16"/>
      <c r="B6315" s="16"/>
      <c r="C6315" s="16"/>
      <c r="D6315" s="16"/>
      <c r="E6315" s="16"/>
      <c r="F6315" s="16"/>
      <c r="G6315" s="16"/>
      <c r="H6315" s="16"/>
      <c r="I6315" s="16"/>
      <c r="J6315" s="16"/>
      <c r="K6315" s="16"/>
      <c r="L6315" s="16"/>
      <c r="M6315" s="16"/>
      <c r="N6315" s="16"/>
      <c r="O6315" s="16"/>
      <c r="P6315" s="16"/>
      <c r="Q6315" s="16"/>
      <c r="R6315" s="16"/>
      <c r="S6315" s="16"/>
      <c r="T6315" s="16"/>
      <c r="U6315" s="16"/>
      <c r="V6315" s="16"/>
      <c r="W6315" s="16"/>
      <c r="X6315" s="16"/>
      <c r="Y6315" s="16"/>
      <c r="Z6315" s="16"/>
      <c r="AA6315" s="16"/>
    </row>
    <row r="6316" spans="1:27" s="1" customFormat="1" ht="14.1" customHeight="1" outlineLevel="2" x14ac:dyDescent="0.2">
      <c r="A6316" s="17">
        <v>16337</v>
      </c>
      <c r="B6316" s="17"/>
      <c r="C6316" s="17"/>
      <c r="D6316" s="18" t="s">
        <v>3139</v>
      </c>
      <c r="E6316" s="18"/>
      <c r="F6316" s="18"/>
      <c r="G6316" s="18"/>
      <c r="H6316" s="18"/>
      <c r="I6316" s="18"/>
      <c r="J6316" s="18"/>
      <c r="K6316" s="18"/>
      <c r="L6316" s="18"/>
      <c r="M6316" s="18"/>
      <c r="N6316" s="18"/>
      <c r="O6316" s="18"/>
      <c r="P6316" s="19">
        <v>250</v>
      </c>
      <c r="Q6316" s="19"/>
      <c r="R6316" s="19"/>
      <c r="S6316" s="19"/>
      <c r="T6316" s="19">
        <v>150</v>
      </c>
      <c r="U6316" s="19"/>
      <c r="V6316" s="19"/>
      <c r="W6316" s="19"/>
      <c r="X6316" s="19">
        <v>46</v>
      </c>
      <c r="Y6316" s="19"/>
      <c r="Z6316" s="19"/>
      <c r="AA6316" s="19"/>
    </row>
    <row r="6317" spans="1:27" s="1" customFormat="1" ht="14.1" customHeight="1" outlineLevel="2" x14ac:dyDescent="0.2">
      <c r="A6317" s="17"/>
      <c r="B6317" s="17"/>
      <c r="C6317" s="17"/>
      <c r="D6317" s="18"/>
      <c r="E6317" s="18"/>
      <c r="F6317" s="18"/>
      <c r="G6317" s="18"/>
      <c r="H6317" s="18"/>
      <c r="I6317" s="18"/>
      <c r="J6317" s="18"/>
      <c r="K6317" s="18"/>
      <c r="L6317" s="18"/>
      <c r="M6317" s="18"/>
      <c r="N6317" s="18"/>
      <c r="O6317" s="18"/>
      <c r="P6317" s="19"/>
      <c r="Q6317" s="19"/>
      <c r="R6317" s="19"/>
      <c r="S6317" s="19"/>
      <c r="T6317" s="19"/>
      <c r="U6317" s="19"/>
      <c r="V6317" s="19"/>
      <c r="W6317" s="19"/>
      <c r="X6317" s="19"/>
      <c r="Y6317" s="19"/>
      <c r="Z6317" s="19"/>
      <c r="AA6317" s="19"/>
    </row>
    <row r="6318" spans="1:27" s="1" customFormat="1" ht="14.1" customHeight="1" outlineLevel="2" x14ac:dyDescent="0.2">
      <c r="A6318" s="17">
        <v>16336</v>
      </c>
      <c r="B6318" s="17"/>
      <c r="C6318" s="17"/>
      <c r="D6318" s="18" t="s">
        <v>3140</v>
      </c>
      <c r="E6318" s="18"/>
      <c r="F6318" s="18"/>
      <c r="G6318" s="18"/>
      <c r="H6318" s="18"/>
      <c r="I6318" s="18"/>
      <c r="J6318" s="18"/>
      <c r="K6318" s="18"/>
      <c r="L6318" s="18"/>
      <c r="M6318" s="18"/>
      <c r="N6318" s="18"/>
      <c r="O6318" s="18"/>
      <c r="P6318" s="19">
        <v>250</v>
      </c>
      <c r="Q6318" s="19"/>
      <c r="R6318" s="19"/>
      <c r="S6318" s="19"/>
      <c r="T6318" s="19">
        <v>150</v>
      </c>
      <c r="U6318" s="19"/>
      <c r="V6318" s="19"/>
      <c r="W6318" s="19"/>
      <c r="X6318" s="19">
        <v>42</v>
      </c>
      <c r="Y6318" s="19"/>
      <c r="Z6318" s="19"/>
      <c r="AA6318" s="19"/>
    </row>
    <row r="6319" spans="1:27" s="1" customFormat="1" ht="14.1" customHeight="1" outlineLevel="2" x14ac:dyDescent="0.2">
      <c r="A6319" s="17"/>
      <c r="B6319" s="17"/>
      <c r="C6319" s="17"/>
      <c r="D6319" s="18"/>
      <c r="E6319" s="18"/>
      <c r="F6319" s="18"/>
      <c r="G6319" s="18"/>
      <c r="H6319" s="18"/>
      <c r="I6319" s="18"/>
      <c r="J6319" s="18"/>
      <c r="K6319" s="18"/>
      <c r="L6319" s="18"/>
      <c r="M6319" s="18"/>
      <c r="N6319" s="18"/>
      <c r="O6319" s="18"/>
      <c r="P6319" s="19"/>
      <c r="Q6319" s="19"/>
      <c r="R6319" s="19"/>
      <c r="S6319" s="19"/>
      <c r="T6319" s="19"/>
      <c r="U6319" s="19"/>
      <c r="V6319" s="19"/>
      <c r="W6319" s="19"/>
      <c r="X6319" s="19"/>
      <c r="Y6319" s="19"/>
      <c r="Z6319" s="19"/>
      <c r="AA6319" s="19"/>
    </row>
    <row r="6320" spans="1:27" s="1" customFormat="1" ht="11.1" customHeight="1" outlineLevel="1" x14ac:dyDescent="0.2">
      <c r="A6320" s="16" t="s">
        <v>3141</v>
      </c>
      <c r="B6320" s="16"/>
      <c r="C6320" s="16"/>
      <c r="D6320" s="16"/>
      <c r="E6320" s="16"/>
      <c r="F6320" s="16"/>
      <c r="G6320" s="16"/>
      <c r="H6320" s="16"/>
      <c r="I6320" s="16"/>
      <c r="J6320" s="16"/>
      <c r="K6320" s="16"/>
      <c r="L6320" s="16"/>
      <c r="M6320" s="16"/>
      <c r="N6320" s="16"/>
      <c r="O6320" s="16"/>
      <c r="P6320" s="16"/>
      <c r="Q6320" s="16"/>
      <c r="R6320" s="16"/>
      <c r="S6320" s="16"/>
      <c r="T6320" s="16"/>
      <c r="U6320" s="16"/>
      <c r="V6320" s="16"/>
      <c r="W6320" s="16"/>
      <c r="X6320" s="16"/>
      <c r="Y6320" s="16"/>
      <c r="Z6320" s="16"/>
      <c r="AA6320" s="16"/>
    </row>
    <row r="6321" spans="1:27" s="1" customFormat="1" ht="11.1" customHeight="1" outlineLevel="1" x14ac:dyDescent="0.2">
      <c r="A6321" s="16"/>
      <c r="B6321" s="16"/>
      <c r="C6321" s="16"/>
      <c r="D6321" s="16"/>
      <c r="E6321" s="16"/>
      <c r="F6321" s="16"/>
      <c r="G6321" s="16"/>
      <c r="H6321" s="16"/>
      <c r="I6321" s="16"/>
      <c r="J6321" s="16"/>
      <c r="K6321" s="16"/>
      <c r="L6321" s="16"/>
      <c r="M6321" s="16"/>
      <c r="N6321" s="16"/>
      <c r="O6321" s="16"/>
      <c r="P6321" s="16"/>
      <c r="Q6321" s="16"/>
      <c r="R6321" s="16"/>
      <c r="S6321" s="16"/>
      <c r="T6321" s="16"/>
      <c r="U6321" s="16"/>
      <c r="V6321" s="16"/>
      <c r="W6321" s="16"/>
      <c r="X6321" s="16"/>
      <c r="Y6321" s="16"/>
      <c r="Z6321" s="16"/>
      <c r="AA6321" s="16"/>
    </row>
    <row r="6322" spans="1:27" s="1" customFormat="1" ht="14.1" customHeight="1" outlineLevel="2" x14ac:dyDescent="0.2">
      <c r="A6322" s="17">
        <v>16078</v>
      </c>
      <c r="B6322" s="17"/>
      <c r="C6322" s="17"/>
      <c r="D6322" s="18" t="s">
        <v>3142</v>
      </c>
      <c r="E6322" s="18"/>
      <c r="F6322" s="18"/>
      <c r="G6322" s="18"/>
      <c r="H6322" s="18"/>
      <c r="I6322" s="18"/>
      <c r="J6322" s="18"/>
      <c r="K6322" s="18"/>
      <c r="L6322" s="18"/>
      <c r="M6322" s="18"/>
      <c r="N6322" s="18"/>
      <c r="O6322" s="18"/>
      <c r="P6322" s="19">
        <v>100</v>
      </c>
      <c r="Q6322" s="19"/>
      <c r="R6322" s="19"/>
      <c r="S6322" s="19"/>
      <c r="T6322" s="19">
        <v>70</v>
      </c>
      <c r="U6322" s="19"/>
      <c r="V6322" s="19"/>
      <c r="W6322" s="19"/>
      <c r="X6322" s="19">
        <v>49</v>
      </c>
      <c r="Y6322" s="19"/>
      <c r="Z6322" s="19"/>
      <c r="AA6322" s="19"/>
    </row>
    <row r="6323" spans="1:27" s="1" customFormat="1" ht="14.1" customHeight="1" outlineLevel="2" x14ac:dyDescent="0.2">
      <c r="A6323" s="17"/>
      <c r="B6323" s="17"/>
      <c r="C6323" s="17"/>
      <c r="D6323" s="18"/>
      <c r="E6323" s="18"/>
      <c r="F6323" s="18"/>
      <c r="G6323" s="18"/>
      <c r="H6323" s="18"/>
      <c r="I6323" s="18"/>
      <c r="J6323" s="18"/>
      <c r="K6323" s="18"/>
      <c r="L6323" s="18"/>
      <c r="M6323" s="18"/>
      <c r="N6323" s="18"/>
      <c r="O6323" s="18"/>
      <c r="P6323" s="19"/>
      <c r="Q6323" s="19"/>
      <c r="R6323" s="19"/>
      <c r="S6323" s="19"/>
      <c r="T6323" s="19"/>
      <c r="U6323" s="19"/>
      <c r="V6323" s="19"/>
      <c r="W6323" s="19"/>
      <c r="X6323" s="19"/>
      <c r="Y6323" s="19"/>
      <c r="Z6323" s="19"/>
      <c r="AA6323" s="19"/>
    </row>
    <row r="6324" spans="1:27" s="1" customFormat="1" ht="11.1" customHeight="1" outlineLevel="2" x14ac:dyDescent="0.2">
      <c r="A6324" s="17">
        <v>16079</v>
      </c>
      <c r="B6324" s="17"/>
      <c r="C6324" s="17"/>
      <c r="D6324" s="18" t="s">
        <v>3143</v>
      </c>
      <c r="E6324" s="18"/>
      <c r="F6324" s="18"/>
      <c r="G6324" s="18"/>
      <c r="H6324" s="18"/>
      <c r="I6324" s="18"/>
      <c r="J6324" s="18"/>
      <c r="K6324" s="18"/>
      <c r="L6324" s="18"/>
      <c r="M6324" s="18"/>
      <c r="N6324" s="18"/>
      <c r="O6324" s="18"/>
      <c r="P6324" s="19">
        <v>490</v>
      </c>
      <c r="Q6324" s="19"/>
      <c r="R6324" s="19"/>
      <c r="S6324" s="19"/>
      <c r="T6324" s="19">
        <v>430</v>
      </c>
      <c r="U6324" s="19"/>
      <c r="V6324" s="19"/>
      <c r="W6324" s="19"/>
      <c r="X6324" s="19">
        <v>17</v>
      </c>
      <c r="Y6324" s="19"/>
      <c r="Z6324" s="19"/>
      <c r="AA6324" s="19"/>
    </row>
    <row r="6325" spans="1:27" s="1" customFormat="1" ht="11.1" customHeight="1" outlineLevel="2" x14ac:dyDescent="0.2">
      <c r="A6325" s="17"/>
      <c r="B6325" s="17"/>
      <c r="C6325" s="17"/>
      <c r="D6325" s="18"/>
      <c r="E6325" s="18"/>
      <c r="F6325" s="18"/>
      <c r="G6325" s="18"/>
      <c r="H6325" s="18"/>
      <c r="I6325" s="18"/>
      <c r="J6325" s="18"/>
      <c r="K6325" s="18"/>
      <c r="L6325" s="18"/>
      <c r="M6325" s="18"/>
      <c r="N6325" s="18"/>
      <c r="O6325" s="18"/>
      <c r="P6325" s="19"/>
      <c r="Q6325" s="19"/>
      <c r="R6325" s="19"/>
      <c r="S6325" s="19"/>
      <c r="T6325" s="19"/>
      <c r="U6325" s="19"/>
      <c r="V6325" s="19"/>
      <c r="W6325" s="19"/>
      <c r="X6325" s="19"/>
      <c r="Y6325" s="19"/>
      <c r="Z6325" s="19"/>
      <c r="AA6325" s="19"/>
    </row>
    <row r="6326" spans="1:27" s="1" customFormat="1" ht="14.1" customHeight="1" outlineLevel="2" x14ac:dyDescent="0.2">
      <c r="A6326" s="17">
        <v>11964</v>
      </c>
      <c r="B6326" s="17"/>
      <c r="C6326" s="17"/>
      <c r="D6326" s="18" t="s">
        <v>3144</v>
      </c>
      <c r="E6326" s="18"/>
      <c r="F6326" s="18"/>
      <c r="G6326" s="18"/>
      <c r="H6326" s="18"/>
      <c r="I6326" s="18"/>
      <c r="J6326" s="18"/>
      <c r="K6326" s="18"/>
      <c r="L6326" s="18"/>
      <c r="M6326" s="18"/>
      <c r="N6326" s="18"/>
      <c r="O6326" s="18"/>
      <c r="P6326" s="19">
        <v>100</v>
      </c>
      <c r="Q6326" s="19"/>
      <c r="R6326" s="19"/>
      <c r="S6326" s="19"/>
      <c r="T6326" s="19">
        <v>70</v>
      </c>
      <c r="U6326" s="19"/>
      <c r="V6326" s="19"/>
      <c r="W6326" s="19"/>
      <c r="X6326" s="19">
        <v>181</v>
      </c>
      <c r="Y6326" s="19"/>
      <c r="Z6326" s="19"/>
      <c r="AA6326" s="19"/>
    </row>
    <row r="6327" spans="1:27" s="1" customFormat="1" ht="14.1" customHeight="1" outlineLevel="2" x14ac:dyDescent="0.2">
      <c r="A6327" s="17"/>
      <c r="B6327" s="17"/>
      <c r="C6327" s="17"/>
      <c r="D6327" s="18"/>
      <c r="E6327" s="18"/>
      <c r="F6327" s="18"/>
      <c r="G6327" s="18"/>
      <c r="H6327" s="18"/>
      <c r="I6327" s="18"/>
      <c r="J6327" s="18"/>
      <c r="K6327" s="18"/>
      <c r="L6327" s="18"/>
      <c r="M6327" s="18"/>
      <c r="N6327" s="18"/>
      <c r="O6327" s="18"/>
      <c r="P6327" s="19"/>
      <c r="Q6327" s="19"/>
      <c r="R6327" s="19"/>
      <c r="S6327" s="19"/>
      <c r="T6327" s="19"/>
      <c r="U6327" s="19"/>
      <c r="V6327" s="19"/>
      <c r="W6327" s="19"/>
      <c r="X6327" s="19"/>
      <c r="Y6327" s="19"/>
      <c r="Z6327" s="19"/>
      <c r="AA6327" s="19"/>
    </row>
    <row r="6328" spans="1:27" s="1" customFormat="1" ht="14.1" customHeight="1" outlineLevel="2" x14ac:dyDescent="0.2">
      <c r="A6328" s="17">
        <v>12556</v>
      </c>
      <c r="B6328" s="17"/>
      <c r="C6328" s="17"/>
      <c r="D6328" s="18" t="s">
        <v>3145</v>
      </c>
      <c r="E6328" s="18"/>
      <c r="F6328" s="18"/>
      <c r="G6328" s="18"/>
      <c r="H6328" s="18"/>
      <c r="I6328" s="18"/>
      <c r="J6328" s="18"/>
      <c r="K6328" s="18"/>
      <c r="L6328" s="18"/>
      <c r="M6328" s="18"/>
      <c r="N6328" s="18"/>
      <c r="O6328" s="18"/>
      <c r="P6328" s="19">
        <v>100</v>
      </c>
      <c r="Q6328" s="19"/>
      <c r="R6328" s="19"/>
      <c r="S6328" s="19"/>
      <c r="T6328" s="19">
        <v>70</v>
      </c>
      <c r="U6328" s="19"/>
      <c r="V6328" s="19"/>
      <c r="W6328" s="19"/>
      <c r="X6328" s="19">
        <v>67</v>
      </c>
      <c r="Y6328" s="19"/>
      <c r="Z6328" s="19"/>
      <c r="AA6328" s="19"/>
    </row>
    <row r="6329" spans="1:27" s="1" customFormat="1" ht="14.1" customHeight="1" outlineLevel="2" x14ac:dyDescent="0.2">
      <c r="A6329" s="17"/>
      <c r="B6329" s="17"/>
      <c r="C6329" s="17"/>
      <c r="D6329" s="18"/>
      <c r="E6329" s="18"/>
      <c r="F6329" s="18"/>
      <c r="G6329" s="18"/>
      <c r="H6329" s="18"/>
      <c r="I6329" s="18"/>
      <c r="J6329" s="18"/>
      <c r="K6329" s="18"/>
      <c r="L6329" s="18"/>
      <c r="M6329" s="18"/>
      <c r="N6329" s="18"/>
      <c r="O6329" s="18"/>
      <c r="P6329" s="19"/>
      <c r="Q6329" s="19"/>
      <c r="R6329" s="19"/>
      <c r="S6329" s="19"/>
      <c r="T6329" s="19"/>
      <c r="U6329" s="19"/>
      <c r="V6329" s="19"/>
      <c r="W6329" s="19"/>
      <c r="X6329" s="19"/>
      <c r="Y6329" s="19"/>
      <c r="Z6329" s="19"/>
      <c r="AA6329" s="19"/>
    </row>
    <row r="6330" spans="1:27" s="1" customFormat="1" ht="14.1" customHeight="1" outlineLevel="2" x14ac:dyDescent="0.2">
      <c r="A6330" s="17">
        <v>9457</v>
      </c>
      <c r="B6330" s="17"/>
      <c r="C6330" s="17"/>
      <c r="D6330" s="18" t="s">
        <v>3146</v>
      </c>
      <c r="E6330" s="18"/>
      <c r="F6330" s="18"/>
      <c r="G6330" s="18"/>
      <c r="H6330" s="18"/>
      <c r="I6330" s="18"/>
      <c r="J6330" s="18"/>
      <c r="K6330" s="18"/>
      <c r="L6330" s="18"/>
      <c r="M6330" s="18"/>
      <c r="N6330" s="18"/>
      <c r="O6330" s="18"/>
      <c r="P6330" s="19">
        <v>90</v>
      </c>
      <c r="Q6330" s="19"/>
      <c r="R6330" s="19"/>
      <c r="S6330" s="19"/>
      <c r="T6330" s="19">
        <v>60</v>
      </c>
      <c r="U6330" s="19"/>
      <c r="V6330" s="19"/>
      <c r="W6330" s="19"/>
      <c r="X6330" s="19">
        <v>35</v>
      </c>
      <c r="Y6330" s="19"/>
      <c r="Z6330" s="19"/>
      <c r="AA6330" s="19"/>
    </row>
    <row r="6331" spans="1:27" s="1" customFormat="1" ht="14.1" customHeight="1" outlineLevel="2" x14ac:dyDescent="0.2">
      <c r="A6331" s="17"/>
      <c r="B6331" s="17"/>
      <c r="C6331" s="17"/>
      <c r="D6331" s="18"/>
      <c r="E6331" s="18"/>
      <c r="F6331" s="18"/>
      <c r="G6331" s="18"/>
      <c r="H6331" s="18"/>
      <c r="I6331" s="18"/>
      <c r="J6331" s="18"/>
      <c r="K6331" s="18"/>
      <c r="L6331" s="18"/>
      <c r="M6331" s="18"/>
      <c r="N6331" s="18"/>
      <c r="O6331" s="18"/>
      <c r="P6331" s="19"/>
      <c r="Q6331" s="19"/>
      <c r="R6331" s="19"/>
      <c r="S6331" s="19"/>
      <c r="T6331" s="19"/>
      <c r="U6331" s="19"/>
      <c r="V6331" s="19"/>
      <c r="W6331" s="19"/>
      <c r="X6331" s="19"/>
      <c r="Y6331" s="19"/>
      <c r="Z6331" s="19"/>
      <c r="AA6331" s="19"/>
    </row>
    <row r="6332" spans="1:27" s="1" customFormat="1" ht="14.1" customHeight="1" outlineLevel="2" x14ac:dyDescent="0.2">
      <c r="A6332" s="17">
        <v>14707</v>
      </c>
      <c r="B6332" s="17"/>
      <c r="C6332" s="17"/>
      <c r="D6332" s="18" t="s">
        <v>3147</v>
      </c>
      <c r="E6332" s="18"/>
      <c r="F6332" s="18"/>
      <c r="G6332" s="18"/>
      <c r="H6332" s="18"/>
      <c r="I6332" s="18"/>
      <c r="J6332" s="18"/>
      <c r="K6332" s="18"/>
      <c r="L6332" s="18"/>
      <c r="M6332" s="18"/>
      <c r="N6332" s="18"/>
      <c r="O6332" s="18"/>
      <c r="P6332" s="19">
        <v>100</v>
      </c>
      <c r="Q6332" s="19"/>
      <c r="R6332" s="19"/>
      <c r="S6332" s="19"/>
      <c r="T6332" s="19">
        <v>70</v>
      </c>
      <c r="U6332" s="19"/>
      <c r="V6332" s="19"/>
      <c r="W6332" s="19"/>
      <c r="X6332" s="19">
        <v>194</v>
      </c>
      <c r="Y6332" s="19"/>
      <c r="Z6332" s="19"/>
      <c r="AA6332" s="19"/>
    </row>
    <row r="6333" spans="1:27" s="1" customFormat="1" ht="14.1" customHeight="1" outlineLevel="2" x14ac:dyDescent="0.2">
      <c r="A6333" s="17"/>
      <c r="B6333" s="17"/>
      <c r="C6333" s="17"/>
      <c r="D6333" s="18"/>
      <c r="E6333" s="18"/>
      <c r="F6333" s="18"/>
      <c r="G6333" s="18"/>
      <c r="H6333" s="18"/>
      <c r="I6333" s="18"/>
      <c r="J6333" s="18"/>
      <c r="K6333" s="18"/>
      <c r="L6333" s="18"/>
      <c r="M6333" s="18"/>
      <c r="N6333" s="18"/>
      <c r="O6333" s="18"/>
      <c r="P6333" s="19"/>
      <c r="Q6333" s="19"/>
      <c r="R6333" s="19"/>
      <c r="S6333" s="19"/>
      <c r="T6333" s="19"/>
      <c r="U6333" s="19"/>
      <c r="V6333" s="19"/>
      <c r="W6333" s="19"/>
      <c r="X6333" s="19"/>
      <c r="Y6333" s="19"/>
      <c r="Z6333" s="19"/>
      <c r="AA6333" s="19"/>
    </row>
    <row r="6334" spans="1:27" s="1" customFormat="1" ht="11.1" customHeight="1" outlineLevel="2" x14ac:dyDescent="0.2">
      <c r="A6334" s="17">
        <v>11966</v>
      </c>
      <c r="B6334" s="17"/>
      <c r="C6334" s="17"/>
      <c r="D6334" s="18" t="s">
        <v>3148</v>
      </c>
      <c r="E6334" s="18"/>
      <c r="F6334" s="18"/>
      <c r="G6334" s="18"/>
      <c r="H6334" s="18"/>
      <c r="I6334" s="18"/>
      <c r="J6334" s="18"/>
      <c r="K6334" s="18"/>
      <c r="L6334" s="18"/>
      <c r="M6334" s="18"/>
      <c r="N6334" s="18"/>
      <c r="O6334" s="18"/>
      <c r="P6334" s="19">
        <v>100</v>
      </c>
      <c r="Q6334" s="19"/>
      <c r="R6334" s="19"/>
      <c r="S6334" s="19"/>
      <c r="T6334" s="19">
        <v>70</v>
      </c>
      <c r="U6334" s="19"/>
      <c r="V6334" s="19"/>
      <c r="W6334" s="19"/>
      <c r="X6334" s="19">
        <v>13</v>
      </c>
      <c r="Y6334" s="19"/>
      <c r="Z6334" s="19"/>
      <c r="AA6334" s="19"/>
    </row>
    <row r="6335" spans="1:27" s="1" customFormat="1" ht="11.1" customHeight="1" outlineLevel="2" x14ac:dyDescent="0.2">
      <c r="A6335" s="17"/>
      <c r="B6335" s="17"/>
      <c r="C6335" s="17"/>
      <c r="D6335" s="18"/>
      <c r="E6335" s="18"/>
      <c r="F6335" s="18"/>
      <c r="G6335" s="18"/>
      <c r="H6335" s="18"/>
      <c r="I6335" s="18"/>
      <c r="J6335" s="18"/>
      <c r="K6335" s="18"/>
      <c r="L6335" s="18"/>
      <c r="M6335" s="18"/>
      <c r="N6335" s="18"/>
      <c r="O6335" s="18"/>
      <c r="P6335" s="19"/>
      <c r="Q6335" s="19"/>
      <c r="R6335" s="19"/>
      <c r="S6335" s="19"/>
      <c r="T6335" s="19"/>
      <c r="U6335" s="19"/>
      <c r="V6335" s="19"/>
      <c r="W6335" s="19"/>
      <c r="X6335" s="19"/>
      <c r="Y6335" s="19"/>
      <c r="Z6335" s="19"/>
      <c r="AA6335" s="19"/>
    </row>
    <row r="6336" spans="1:27" s="1" customFormat="1" ht="14.1" customHeight="1" outlineLevel="2" x14ac:dyDescent="0.2">
      <c r="A6336" s="17">
        <v>13825</v>
      </c>
      <c r="B6336" s="17"/>
      <c r="C6336" s="17"/>
      <c r="D6336" s="18" t="s">
        <v>3149</v>
      </c>
      <c r="E6336" s="18"/>
      <c r="F6336" s="18"/>
      <c r="G6336" s="18"/>
      <c r="H6336" s="18"/>
      <c r="I6336" s="18"/>
      <c r="J6336" s="18"/>
      <c r="K6336" s="18"/>
      <c r="L6336" s="18"/>
      <c r="M6336" s="18"/>
      <c r="N6336" s="18"/>
      <c r="O6336" s="18"/>
      <c r="P6336" s="19">
        <v>100</v>
      </c>
      <c r="Q6336" s="19"/>
      <c r="R6336" s="19"/>
      <c r="S6336" s="19"/>
      <c r="T6336" s="19">
        <v>70</v>
      </c>
      <c r="U6336" s="19"/>
      <c r="V6336" s="19"/>
      <c r="W6336" s="19"/>
      <c r="X6336" s="19">
        <v>40</v>
      </c>
      <c r="Y6336" s="19"/>
      <c r="Z6336" s="19"/>
      <c r="AA6336" s="19"/>
    </row>
    <row r="6337" spans="1:27" s="1" customFormat="1" ht="14.1" customHeight="1" outlineLevel="2" x14ac:dyDescent="0.2">
      <c r="A6337" s="17"/>
      <c r="B6337" s="17"/>
      <c r="C6337" s="17"/>
      <c r="D6337" s="18"/>
      <c r="E6337" s="18"/>
      <c r="F6337" s="18"/>
      <c r="G6337" s="18"/>
      <c r="H6337" s="18"/>
      <c r="I6337" s="18"/>
      <c r="J6337" s="18"/>
      <c r="K6337" s="18"/>
      <c r="L6337" s="18"/>
      <c r="M6337" s="18"/>
      <c r="N6337" s="18"/>
      <c r="O6337" s="18"/>
      <c r="P6337" s="19"/>
      <c r="Q6337" s="19"/>
      <c r="R6337" s="19"/>
      <c r="S6337" s="19"/>
      <c r="T6337" s="19"/>
      <c r="U6337" s="19"/>
      <c r="V6337" s="19"/>
      <c r="W6337" s="19"/>
      <c r="X6337" s="19"/>
      <c r="Y6337" s="19"/>
      <c r="Z6337" s="19"/>
      <c r="AA6337" s="19"/>
    </row>
    <row r="6338" spans="1:27" s="1" customFormat="1" ht="14.1" customHeight="1" outlineLevel="2" x14ac:dyDescent="0.2">
      <c r="A6338" s="17">
        <v>13704</v>
      </c>
      <c r="B6338" s="17"/>
      <c r="C6338" s="17"/>
      <c r="D6338" s="18" t="s">
        <v>3150</v>
      </c>
      <c r="E6338" s="18"/>
      <c r="F6338" s="18"/>
      <c r="G6338" s="18"/>
      <c r="H6338" s="18"/>
      <c r="I6338" s="18"/>
      <c r="J6338" s="18"/>
      <c r="K6338" s="18"/>
      <c r="L6338" s="18"/>
      <c r="M6338" s="18"/>
      <c r="N6338" s="18"/>
      <c r="O6338" s="18"/>
      <c r="P6338" s="19">
        <v>410</v>
      </c>
      <c r="Q6338" s="19"/>
      <c r="R6338" s="19"/>
      <c r="S6338" s="19"/>
      <c r="T6338" s="19">
        <v>330</v>
      </c>
      <c r="U6338" s="19"/>
      <c r="V6338" s="19"/>
      <c r="W6338" s="19"/>
      <c r="X6338" s="19">
        <v>20</v>
      </c>
      <c r="Y6338" s="19"/>
      <c r="Z6338" s="19"/>
      <c r="AA6338" s="19"/>
    </row>
    <row r="6339" spans="1:27" s="1" customFormat="1" ht="14.1" customHeight="1" outlineLevel="2" x14ac:dyDescent="0.2">
      <c r="A6339" s="17"/>
      <c r="B6339" s="17"/>
      <c r="C6339" s="17"/>
      <c r="D6339" s="18"/>
      <c r="E6339" s="18"/>
      <c r="F6339" s="18"/>
      <c r="G6339" s="18"/>
      <c r="H6339" s="18"/>
      <c r="I6339" s="18"/>
      <c r="J6339" s="18"/>
      <c r="K6339" s="18"/>
      <c r="L6339" s="18"/>
      <c r="M6339" s="18"/>
      <c r="N6339" s="18"/>
      <c r="O6339" s="18"/>
      <c r="P6339" s="19"/>
      <c r="Q6339" s="19"/>
      <c r="R6339" s="19"/>
      <c r="S6339" s="19"/>
      <c r="T6339" s="19"/>
      <c r="U6339" s="19"/>
      <c r="V6339" s="19"/>
      <c r="W6339" s="19"/>
      <c r="X6339" s="19"/>
      <c r="Y6339" s="19"/>
      <c r="Z6339" s="19"/>
      <c r="AA6339" s="19"/>
    </row>
    <row r="6340" spans="1:27" s="1" customFormat="1" ht="11.1" customHeight="1" outlineLevel="2" x14ac:dyDescent="0.2">
      <c r="A6340" s="17">
        <v>13537</v>
      </c>
      <c r="B6340" s="17"/>
      <c r="C6340" s="17"/>
      <c r="D6340" s="18" t="s">
        <v>3151</v>
      </c>
      <c r="E6340" s="18"/>
      <c r="F6340" s="18"/>
      <c r="G6340" s="18"/>
      <c r="H6340" s="18"/>
      <c r="I6340" s="18"/>
      <c r="J6340" s="18"/>
      <c r="K6340" s="18"/>
      <c r="L6340" s="18"/>
      <c r="M6340" s="18"/>
      <c r="N6340" s="18"/>
      <c r="O6340" s="18"/>
      <c r="P6340" s="19">
        <v>100</v>
      </c>
      <c r="Q6340" s="19"/>
      <c r="R6340" s="19"/>
      <c r="S6340" s="19"/>
      <c r="T6340" s="19">
        <v>70</v>
      </c>
      <c r="U6340" s="19"/>
      <c r="V6340" s="19"/>
      <c r="W6340" s="19"/>
      <c r="X6340" s="19">
        <v>91</v>
      </c>
      <c r="Y6340" s="19"/>
      <c r="Z6340" s="19"/>
      <c r="AA6340" s="19"/>
    </row>
    <row r="6341" spans="1:27" s="1" customFormat="1" ht="11.1" customHeight="1" outlineLevel="2" x14ac:dyDescent="0.2">
      <c r="A6341" s="17"/>
      <c r="B6341" s="17"/>
      <c r="C6341" s="17"/>
      <c r="D6341" s="18"/>
      <c r="E6341" s="18"/>
      <c r="F6341" s="18"/>
      <c r="G6341" s="18"/>
      <c r="H6341" s="18"/>
      <c r="I6341" s="18"/>
      <c r="J6341" s="18"/>
      <c r="K6341" s="18"/>
      <c r="L6341" s="18"/>
      <c r="M6341" s="18"/>
      <c r="N6341" s="18"/>
      <c r="O6341" s="18"/>
      <c r="P6341" s="19"/>
      <c r="Q6341" s="19"/>
      <c r="R6341" s="19"/>
      <c r="S6341" s="19"/>
      <c r="T6341" s="19"/>
      <c r="U6341" s="19"/>
      <c r="V6341" s="19"/>
      <c r="W6341" s="19"/>
      <c r="X6341" s="19"/>
      <c r="Y6341" s="19"/>
      <c r="Z6341" s="19"/>
      <c r="AA6341" s="19"/>
    </row>
    <row r="6342" spans="1:27" s="1" customFormat="1" ht="11.1" customHeight="1" outlineLevel="2" x14ac:dyDescent="0.2">
      <c r="A6342" s="17">
        <v>13637</v>
      </c>
      <c r="B6342" s="17"/>
      <c r="C6342" s="17"/>
      <c r="D6342" s="18" t="s">
        <v>3152</v>
      </c>
      <c r="E6342" s="18"/>
      <c r="F6342" s="18"/>
      <c r="G6342" s="18"/>
      <c r="H6342" s="18"/>
      <c r="I6342" s="18"/>
      <c r="J6342" s="18"/>
      <c r="K6342" s="18"/>
      <c r="L6342" s="18"/>
      <c r="M6342" s="18"/>
      <c r="N6342" s="18"/>
      <c r="O6342" s="18"/>
      <c r="P6342" s="19">
        <v>90</v>
      </c>
      <c r="Q6342" s="19"/>
      <c r="R6342" s="19"/>
      <c r="S6342" s="19"/>
      <c r="T6342" s="19">
        <v>60</v>
      </c>
      <c r="U6342" s="19"/>
      <c r="V6342" s="19"/>
      <c r="W6342" s="19"/>
      <c r="X6342" s="19">
        <v>50</v>
      </c>
      <c r="Y6342" s="19"/>
      <c r="Z6342" s="19"/>
      <c r="AA6342" s="19"/>
    </row>
    <row r="6343" spans="1:27" s="1" customFormat="1" ht="11.1" customHeight="1" outlineLevel="2" x14ac:dyDescent="0.2">
      <c r="A6343" s="17"/>
      <c r="B6343" s="17"/>
      <c r="C6343" s="17"/>
      <c r="D6343" s="18"/>
      <c r="E6343" s="18"/>
      <c r="F6343" s="18"/>
      <c r="G6343" s="18"/>
      <c r="H6343" s="18"/>
      <c r="I6343" s="18"/>
      <c r="J6343" s="18"/>
      <c r="K6343" s="18"/>
      <c r="L6343" s="18"/>
      <c r="M6343" s="18"/>
      <c r="N6343" s="18"/>
      <c r="O6343" s="18"/>
      <c r="P6343" s="19"/>
      <c r="Q6343" s="19"/>
      <c r="R6343" s="19"/>
      <c r="S6343" s="19"/>
      <c r="T6343" s="19"/>
      <c r="U6343" s="19"/>
      <c r="V6343" s="19"/>
      <c r="W6343" s="19"/>
      <c r="X6343" s="19"/>
      <c r="Y6343" s="19"/>
      <c r="Z6343" s="19"/>
      <c r="AA6343" s="19"/>
    </row>
    <row r="6344" spans="1:27" s="1" customFormat="1" ht="14.1" customHeight="1" outlineLevel="2" x14ac:dyDescent="0.2">
      <c r="A6344" s="17">
        <v>13636</v>
      </c>
      <c r="B6344" s="17"/>
      <c r="C6344" s="17"/>
      <c r="D6344" s="18" t="s">
        <v>3153</v>
      </c>
      <c r="E6344" s="18"/>
      <c r="F6344" s="18"/>
      <c r="G6344" s="18"/>
      <c r="H6344" s="18"/>
      <c r="I6344" s="18"/>
      <c r="J6344" s="18"/>
      <c r="K6344" s="18"/>
      <c r="L6344" s="18"/>
      <c r="M6344" s="18"/>
      <c r="N6344" s="18"/>
      <c r="O6344" s="18"/>
      <c r="P6344" s="19">
        <v>100</v>
      </c>
      <c r="Q6344" s="19"/>
      <c r="R6344" s="19"/>
      <c r="S6344" s="19"/>
      <c r="T6344" s="19">
        <v>70</v>
      </c>
      <c r="U6344" s="19"/>
      <c r="V6344" s="19"/>
      <c r="W6344" s="19"/>
      <c r="X6344" s="19">
        <v>42</v>
      </c>
      <c r="Y6344" s="19"/>
      <c r="Z6344" s="19"/>
      <c r="AA6344" s="19"/>
    </row>
    <row r="6345" spans="1:27" s="1" customFormat="1" ht="14.1" customHeight="1" outlineLevel="2" x14ac:dyDescent="0.2">
      <c r="A6345" s="17"/>
      <c r="B6345" s="17"/>
      <c r="C6345" s="17"/>
      <c r="D6345" s="18"/>
      <c r="E6345" s="18"/>
      <c r="F6345" s="18"/>
      <c r="G6345" s="18"/>
      <c r="H6345" s="18"/>
      <c r="I6345" s="18"/>
      <c r="J6345" s="18"/>
      <c r="K6345" s="18"/>
      <c r="L6345" s="18"/>
      <c r="M6345" s="18"/>
      <c r="N6345" s="18"/>
      <c r="O6345" s="18"/>
      <c r="P6345" s="19"/>
      <c r="Q6345" s="19"/>
      <c r="R6345" s="19"/>
      <c r="S6345" s="19"/>
      <c r="T6345" s="19"/>
      <c r="U6345" s="19"/>
      <c r="V6345" s="19"/>
      <c r="W6345" s="19"/>
      <c r="X6345" s="19"/>
      <c r="Y6345" s="19"/>
      <c r="Z6345" s="19"/>
      <c r="AA6345" s="19"/>
    </row>
    <row r="6346" spans="1:27" s="1" customFormat="1" ht="11.1" customHeight="1" outlineLevel="2" x14ac:dyDescent="0.2">
      <c r="A6346" s="17">
        <v>8576</v>
      </c>
      <c r="B6346" s="17"/>
      <c r="C6346" s="17"/>
      <c r="D6346" s="18" t="s">
        <v>3154</v>
      </c>
      <c r="E6346" s="18"/>
      <c r="F6346" s="18"/>
      <c r="G6346" s="18"/>
      <c r="H6346" s="18"/>
      <c r="I6346" s="18"/>
      <c r="J6346" s="18"/>
      <c r="K6346" s="18"/>
      <c r="L6346" s="18"/>
      <c r="M6346" s="18"/>
      <c r="N6346" s="18"/>
      <c r="O6346" s="18"/>
      <c r="P6346" s="19">
        <v>90</v>
      </c>
      <c r="Q6346" s="19"/>
      <c r="R6346" s="19"/>
      <c r="S6346" s="19"/>
      <c r="T6346" s="19">
        <v>60</v>
      </c>
      <c r="U6346" s="19"/>
      <c r="V6346" s="19"/>
      <c r="W6346" s="19"/>
      <c r="X6346" s="19">
        <v>1</v>
      </c>
      <c r="Y6346" s="19"/>
      <c r="Z6346" s="19"/>
      <c r="AA6346" s="19"/>
    </row>
    <row r="6347" spans="1:27" s="1" customFormat="1" ht="11.1" customHeight="1" outlineLevel="2" x14ac:dyDescent="0.2">
      <c r="A6347" s="17"/>
      <c r="B6347" s="17"/>
      <c r="C6347" s="17"/>
      <c r="D6347" s="18"/>
      <c r="E6347" s="18"/>
      <c r="F6347" s="18"/>
      <c r="G6347" s="18"/>
      <c r="H6347" s="18"/>
      <c r="I6347" s="18"/>
      <c r="J6347" s="18"/>
      <c r="K6347" s="18"/>
      <c r="L6347" s="18"/>
      <c r="M6347" s="18"/>
      <c r="N6347" s="18"/>
      <c r="O6347" s="18"/>
      <c r="P6347" s="19"/>
      <c r="Q6347" s="19"/>
      <c r="R6347" s="19"/>
      <c r="S6347" s="19"/>
      <c r="T6347" s="19"/>
      <c r="U6347" s="19"/>
      <c r="V6347" s="19"/>
      <c r="W6347" s="19"/>
      <c r="X6347" s="19"/>
      <c r="Y6347" s="19"/>
      <c r="Z6347" s="19"/>
      <c r="AA6347" s="19"/>
    </row>
    <row r="6348" spans="1:27" s="1" customFormat="1" ht="14.1" customHeight="1" outlineLevel="2" x14ac:dyDescent="0.2">
      <c r="A6348" s="17">
        <v>12560</v>
      </c>
      <c r="B6348" s="17"/>
      <c r="C6348" s="17"/>
      <c r="D6348" s="18" t="s">
        <v>3155</v>
      </c>
      <c r="E6348" s="18"/>
      <c r="F6348" s="18"/>
      <c r="G6348" s="18"/>
      <c r="H6348" s="18"/>
      <c r="I6348" s="18"/>
      <c r="J6348" s="18"/>
      <c r="K6348" s="18"/>
      <c r="L6348" s="18"/>
      <c r="M6348" s="18"/>
      <c r="N6348" s="18"/>
      <c r="O6348" s="18"/>
      <c r="P6348" s="19">
        <v>100</v>
      </c>
      <c r="Q6348" s="19"/>
      <c r="R6348" s="19"/>
      <c r="S6348" s="19"/>
      <c r="T6348" s="19">
        <v>70</v>
      </c>
      <c r="U6348" s="19"/>
      <c r="V6348" s="19"/>
      <c r="W6348" s="19"/>
      <c r="X6348" s="19">
        <v>13</v>
      </c>
      <c r="Y6348" s="19"/>
      <c r="Z6348" s="19"/>
      <c r="AA6348" s="19"/>
    </row>
    <row r="6349" spans="1:27" s="1" customFormat="1" ht="14.1" customHeight="1" outlineLevel="2" x14ac:dyDescent="0.2">
      <c r="A6349" s="17"/>
      <c r="B6349" s="17"/>
      <c r="C6349" s="17"/>
      <c r="D6349" s="18"/>
      <c r="E6349" s="18"/>
      <c r="F6349" s="18"/>
      <c r="G6349" s="18"/>
      <c r="H6349" s="18"/>
      <c r="I6349" s="18"/>
      <c r="J6349" s="18"/>
      <c r="K6349" s="18"/>
      <c r="L6349" s="18"/>
      <c r="M6349" s="18"/>
      <c r="N6349" s="18"/>
      <c r="O6349" s="18"/>
      <c r="P6349" s="19"/>
      <c r="Q6349" s="19"/>
      <c r="R6349" s="19"/>
      <c r="S6349" s="19"/>
      <c r="T6349" s="19"/>
      <c r="U6349" s="19"/>
      <c r="V6349" s="19"/>
      <c r="W6349" s="19"/>
      <c r="X6349" s="19"/>
      <c r="Y6349" s="19"/>
      <c r="Z6349" s="19"/>
      <c r="AA6349" s="19"/>
    </row>
    <row r="6350" spans="1:27" s="1" customFormat="1" ht="11.1" customHeight="1" outlineLevel="2" x14ac:dyDescent="0.2">
      <c r="A6350" s="17">
        <v>12558</v>
      </c>
      <c r="B6350" s="17"/>
      <c r="C6350" s="17"/>
      <c r="D6350" s="18" t="s">
        <v>3156</v>
      </c>
      <c r="E6350" s="18"/>
      <c r="F6350" s="18"/>
      <c r="G6350" s="18"/>
      <c r="H6350" s="18"/>
      <c r="I6350" s="18"/>
      <c r="J6350" s="18"/>
      <c r="K6350" s="18"/>
      <c r="L6350" s="18"/>
      <c r="M6350" s="18"/>
      <c r="N6350" s="18"/>
      <c r="O6350" s="18"/>
      <c r="P6350" s="19">
        <v>100</v>
      </c>
      <c r="Q6350" s="19"/>
      <c r="R6350" s="19"/>
      <c r="S6350" s="19"/>
      <c r="T6350" s="19">
        <v>70</v>
      </c>
      <c r="U6350" s="19"/>
      <c r="V6350" s="19"/>
      <c r="W6350" s="19"/>
      <c r="X6350" s="19">
        <v>10</v>
      </c>
      <c r="Y6350" s="19"/>
      <c r="Z6350" s="19"/>
      <c r="AA6350" s="19"/>
    </row>
    <row r="6351" spans="1:27" s="1" customFormat="1" ht="11.1" customHeight="1" outlineLevel="2" x14ac:dyDescent="0.2">
      <c r="A6351" s="17"/>
      <c r="B6351" s="17"/>
      <c r="C6351" s="17"/>
      <c r="D6351" s="18"/>
      <c r="E6351" s="18"/>
      <c r="F6351" s="18"/>
      <c r="G6351" s="18"/>
      <c r="H6351" s="18"/>
      <c r="I6351" s="18"/>
      <c r="J6351" s="18"/>
      <c r="K6351" s="18"/>
      <c r="L6351" s="18"/>
      <c r="M6351" s="18"/>
      <c r="N6351" s="18"/>
      <c r="O6351" s="18"/>
      <c r="P6351" s="19"/>
      <c r="Q6351" s="19"/>
      <c r="R6351" s="19"/>
      <c r="S6351" s="19"/>
      <c r="T6351" s="19"/>
      <c r="U6351" s="19"/>
      <c r="V6351" s="19"/>
      <c r="W6351" s="19"/>
      <c r="X6351" s="19"/>
      <c r="Y6351" s="19"/>
      <c r="Z6351" s="19"/>
      <c r="AA6351" s="19"/>
    </row>
    <row r="6352" spans="1:27" s="1" customFormat="1" ht="14.1" customHeight="1" outlineLevel="2" x14ac:dyDescent="0.2">
      <c r="A6352" s="17">
        <v>12557</v>
      </c>
      <c r="B6352" s="17"/>
      <c r="C6352" s="17"/>
      <c r="D6352" s="18" t="s">
        <v>3157</v>
      </c>
      <c r="E6352" s="18"/>
      <c r="F6352" s="18"/>
      <c r="G6352" s="18"/>
      <c r="H6352" s="18"/>
      <c r="I6352" s="18"/>
      <c r="J6352" s="18"/>
      <c r="K6352" s="18"/>
      <c r="L6352" s="18"/>
      <c r="M6352" s="18"/>
      <c r="N6352" s="18"/>
      <c r="O6352" s="18"/>
      <c r="P6352" s="19">
        <v>100</v>
      </c>
      <c r="Q6352" s="19"/>
      <c r="R6352" s="19"/>
      <c r="S6352" s="19"/>
      <c r="T6352" s="19">
        <v>70</v>
      </c>
      <c r="U6352" s="19"/>
      <c r="V6352" s="19"/>
      <c r="W6352" s="19"/>
      <c r="X6352" s="19">
        <v>10</v>
      </c>
      <c r="Y6352" s="19"/>
      <c r="Z6352" s="19"/>
      <c r="AA6352" s="19"/>
    </row>
    <row r="6353" spans="1:27" s="1" customFormat="1" ht="14.1" customHeight="1" outlineLevel="2" x14ac:dyDescent="0.2">
      <c r="A6353" s="17"/>
      <c r="B6353" s="17"/>
      <c r="C6353" s="17"/>
      <c r="D6353" s="18"/>
      <c r="E6353" s="18"/>
      <c r="F6353" s="18"/>
      <c r="G6353" s="18"/>
      <c r="H6353" s="18"/>
      <c r="I6353" s="18"/>
      <c r="J6353" s="18"/>
      <c r="K6353" s="18"/>
      <c r="L6353" s="18"/>
      <c r="M6353" s="18"/>
      <c r="N6353" s="18"/>
      <c r="O6353" s="18"/>
      <c r="P6353" s="19"/>
      <c r="Q6353" s="19"/>
      <c r="R6353" s="19"/>
      <c r="S6353" s="19"/>
      <c r="T6353" s="19"/>
      <c r="U6353" s="19"/>
      <c r="V6353" s="19"/>
      <c r="W6353" s="19"/>
      <c r="X6353" s="19"/>
      <c r="Y6353" s="19"/>
      <c r="Z6353" s="19"/>
      <c r="AA6353" s="19"/>
    </row>
    <row r="6354" spans="1:27" s="1" customFormat="1" ht="11.1" customHeight="1" outlineLevel="2" x14ac:dyDescent="0.2">
      <c r="A6354" s="17">
        <v>14708</v>
      </c>
      <c r="B6354" s="17"/>
      <c r="C6354" s="17"/>
      <c r="D6354" s="18" t="s">
        <v>3158</v>
      </c>
      <c r="E6354" s="18"/>
      <c r="F6354" s="18"/>
      <c r="G6354" s="18"/>
      <c r="H6354" s="18"/>
      <c r="I6354" s="18"/>
      <c r="J6354" s="18"/>
      <c r="K6354" s="18"/>
      <c r="L6354" s="18"/>
      <c r="M6354" s="18"/>
      <c r="N6354" s="18"/>
      <c r="O6354" s="18"/>
      <c r="P6354" s="19">
        <v>100</v>
      </c>
      <c r="Q6354" s="19"/>
      <c r="R6354" s="19"/>
      <c r="S6354" s="19"/>
      <c r="T6354" s="19">
        <v>70</v>
      </c>
      <c r="U6354" s="19"/>
      <c r="V6354" s="19"/>
      <c r="W6354" s="19"/>
      <c r="X6354" s="19">
        <v>34</v>
      </c>
      <c r="Y6354" s="19"/>
      <c r="Z6354" s="19"/>
      <c r="AA6354" s="19"/>
    </row>
    <row r="6355" spans="1:27" s="1" customFormat="1" ht="11.1" customHeight="1" outlineLevel="2" x14ac:dyDescent="0.2">
      <c r="A6355" s="17"/>
      <c r="B6355" s="17"/>
      <c r="C6355" s="17"/>
      <c r="D6355" s="18"/>
      <c r="E6355" s="18"/>
      <c r="F6355" s="18"/>
      <c r="G6355" s="18"/>
      <c r="H6355" s="18"/>
      <c r="I6355" s="18"/>
      <c r="J6355" s="18"/>
      <c r="K6355" s="18"/>
      <c r="L6355" s="18"/>
      <c r="M6355" s="18"/>
      <c r="N6355" s="18"/>
      <c r="O6355" s="18"/>
      <c r="P6355" s="19"/>
      <c r="Q6355" s="19"/>
      <c r="R6355" s="19"/>
      <c r="S6355" s="19"/>
      <c r="T6355" s="19"/>
      <c r="U6355" s="19"/>
      <c r="V6355" s="19"/>
      <c r="W6355" s="19"/>
      <c r="X6355" s="19"/>
      <c r="Y6355" s="19"/>
      <c r="Z6355" s="19"/>
      <c r="AA6355" s="19"/>
    </row>
    <row r="6356" spans="1:27" s="1" customFormat="1" ht="14.1" customHeight="1" outlineLevel="2" x14ac:dyDescent="0.2">
      <c r="A6356" s="17">
        <v>17279</v>
      </c>
      <c r="B6356" s="17"/>
      <c r="C6356" s="17"/>
      <c r="D6356" s="18" t="s">
        <v>3159</v>
      </c>
      <c r="E6356" s="18"/>
      <c r="F6356" s="18"/>
      <c r="G6356" s="18"/>
      <c r="H6356" s="18"/>
      <c r="I6356" s="18"/>
      <c r="J6356" s="18"/>
      <c r="K6356" s="18"/>
      <c r="L6356" s="18"/>
      <c r="M6356" s="18"/>
      <c r="N6356" s="18"/>
      <c r="O6356" s="18"/>
      <c r="P6356" s="19">
        <v>400</v>
      </c>
      <c r="Q6356" s="19"/>
      <c r="R6356" s="19"/>
      <c r="S6356" s="19"/>
      <c r="T6356" s="19">
        <v>340</v>
      </c>
      <c r="U6356" s="19"/>
      <c r="V6356" s="19"/>
      <c r="W6356" s="19"/>
      <c r="X6356" s="19">
        <v>15</v>
      </c>
      <c r="Y6356" s="19"/>
      <c r="Z6356" s="19"/>
      <c r="AA6356" s="19"/>
    </row>
    <row r="6357" spans="1:27" s="1" customFormat="1" ht="14.1" customHeight="1" outlineLevel="2" x14ac:dyDescent="0.2">
      <c r="A6357" s="17"/>
      <c r="B6357" s="17"/>
      <c r="C6357" s="17"/>
      <c r="D6357" s="18"/>
      <c r="E6357" s="18"/>
      <c r="F6357" s="18"/>
      <c r="G6357" s="18"/>
      <c r="H6357" s="18"/>
      <c r="I6357" s="18"/>
      <c r="J6357" s="18"/>
      <c r="K6357" s="18"/>
      <c r="L6357" s="18"/>
      <c r="M6357" s="18"/>
      <c r="N6357" s="18"/>
      <c r="O6357" s="18"/>
      <c r="P6357" s="19"/>
      <c r="Q6357" s="19"/>
      <c r="R6357" s="19"/>
      <c r="S6357" s="19"/>
      <c r="T6357" s="19"/>
      <c r="U6357" s="19"/>
      <c r="V6357" s="19"/>
      <c r="W6357" s="19"/>
      <c r="X6357" s="19"/>
      <c r="Y6357" s="19"/>
      <c r="Z6357" s="19"/>
      <c r="AA6357" s="19"/>
    </row>
    <row r="6358" spans="1:27" s="1" customFormat="1" ht="14.1" customHeight="1" outlineLevel="2" x14ac:dyDescent="0.2">
      <c r="A6358" s="17">
        <v>12756</v>
      </c>
      <c r="B6358" s="17"/>
      <c r="C6358" s="17"/>
      <c r="D6358" s="18" t="s">
        <v>3160</v>
      </c>
      <c r="E6358" s="18"/>
      <c r="F6358" s="18"/>
      <c r="G6358" s="18"/>
      <c r="H6358" s="18"/>
      <c r="I6358" s="18"/>
      <c r="J6358" s="18"/>
      <c r="K6358" s="18"/>
      <c r="L6358" s="18"/>
      <c r="M6358" s="18"/>
      <c r="N6358" s="18"/>
      <c r="O6358" s="18"/>
      <c r="P6358" s="20">
        <v>1000</v>
      </c>
      <c r="Q6358" s="20"/>
      <c r="R6358" s="20"/>
      <c r="S6358" s="20"/>
      <c r="T6358" s="19">
        <v>800</v>
      </c>
      <c r="U6358" s="19"/>
      <c r="V6358" s="19"/>
      <c r="W6358" s="19"/>
      <c r="X6358" s="19">
        <v>1</v>
      </c>
      <c r="Y6358" s="19"/>
      <c r="Z6358" s="19"/>
      <c r="AA6358" s="19"/>
    </row>
    <row r="6359" spans="1:27" s="1" customFormat="1" ht="14.1" customHeight="1" outlineLevel="2" x14ac:dyDescent="0.2">
      <c r="A6359" s="17"/>
      <c r="B6359" s="17"/>
      <c r="C6359" s="17"/>
      <c r="D6359" s="18"/>
      <c r="E6359" s="18"/>
      <c r="F6359" s="18"/>
      <c r="G6359" s="18"/>
      <c r="H6359" s="18"/>
      <c r="I6359" s="18"/>
      <c r="J6359" s="18"/>
      <c r="K6359" s="18"/>
      <c r="L6359" s="18"/>
      <c r="M6359" s="18"/>
      <c r="N6359" s="18"/>
      <c r="O6359" s="18"/>
      <c r="P6359" s="20"/>
      <c r="Q6359" s="20"/>
      <c r="R6359" s="20"/>
      <c r="S6359" s="20"/>
      <c r="T6359" s="19"/>
      <c r="U6359" s="19"/>
      <c r="V6359" s="19"/>
      <c r="W6359" s="19"/>
      <c r="X6359" s="19"/>
      <c r="Y6359" s="19"/>
      <c r="Z6359" s="19"/>
      <c r="AA6359" s="19"/>
    </row>
    <row r="6360" spans="1:27" s="1" customFormat="1" ht="14.1" customHeight="1" outlineLevel="2" x14ac:dyDescent="0.2">
      <c r="A6360" s="17">
        <v>14030</v>
      </c>
      <c r="B6360" s="17"/>
      <c r="C6360" s="17"/>
      <c r="D6360" s="18" t="s">
        <v>3161</v>
      </c>
      <c r="E6360" s="18"/>
      <c r="F6360" s="18"/>
      <c r="G6360" s="18"/>
      <c r="H6360" s="18"/>
      <c r="I6360" s="18"/>
      <c r="J6360" s="18"/>
      <c r="K6360" s="18"/>
      <c r="L6360" s="18"/>
      <c r="M6360" s="18"/>
      <c r="N6360" s="18"/>
      <c r="O6360" s="18"/>
      <c r="P6360" s="19">
        <v>470</v>
      </c>
      <c r="Q6360" s="19"/>
      <c r="R6360" s="19"/>
      <c r="S6360" s="19"/>
      <c r="T6360" s="19">
        <v>390</v>
      </c>
      <c r="U6360" s="19"/>
      <c r="V6360" s="19"/>
      <c r="W6360" s="19"/>
      <c r="X6360" s="19">
        <v>17</v>
      </c>
      <c r="Y6360" s="19"/>
      <c r="Z6360" s="19"/>
      <c r="AA6360" s="19"/>
    </row>
    <row r="6361" spans="1:27" s="1" customFormat="1" ht="14.1" customHeight="1" outlineLevel="2" x14ac:dyDescent="0.2">
      <c r="A6361" s="17"/>
      <c r="B6361" s="17"/>
      <c r="C6361" s="17"/>
      <c r="D6361" s="18"/>
      <c r="E6361" s="18"/>
      <c r="F6361" s="18"/>
      <c r="G6361" s="18"/>
      <c r="H6361" s="18"/>
      <c r="I6361" s="18"/>
      <c r="J6361" s="18"/>
      <c r="K6361" s="18"/>
      <c r="L6361" s="18"/>
      <c r="M6361" s="18"/>
      <c r="N6361" s="18"/>
      <c r="O6361" s="18"/>
      <c r="P6361" s="19"/>
      <c r="Q6361" s="19"/>
      <c r="R6361" s="19"/>
      <c r="S6361" s="19"/>
      <c r="T6361" s="19"/>
      <c r="U6361" s="19"/>
      <c r="V6361" s="19"/>
      <c r="W6361" s="19"/>
      <c r="X6361" s="19"/>
      <c r="Y6361" s="19"/>
      <c r="Z6361" s="19"/>
      <c r="AA6361" s="19"/>
    </row>
    <row r="6362" spans="1:27" s="1" customFormat="1" ht="14.1" customHeight="1" outlineLevel="2" x14ac:dyDescent="0.2">
      <c r="A6362" s="17">
        <v>16419</v>
      </c>
      <c r="B6362" s="17"/>
      <c r="C6362" s="17"/>
      <c r="D6362" s="18" t="s">
        <v>3162</v>
      </c>
      <c r="E6362" s="18"/>
      <c r="F6362" s="18"/>
      <c r="G6362" s="18"/>
      <c r="H6362" s="18"/>
      <c r="I6362" s="18"/>
      <c r="J6362" s="18"/>
      <c r="K6362" s="18"/>
      <c r="L6362" s="18"/>
      <c r="M6362" s="18"/>
      <c r="N6362" s="18"/>
      <c r="O6362" s="18"/>
      <c r="P6362" s="19">
        <v>620</v>
      </c>
      <c r="Q6362" s="19"/>
      <c r="R6362" s="19"/>
      <c r="S6362" s="19"/>
      <c r="T6362" s="19">
        <v>540</v>
      </c>
      <c r="U6362" s="19"/>
      <c r="V6362" s="19"/>
      <c r="W6362" s="19"/>
      <c r="X6362" s="19">
        <v>20</v>
      </c>
      <c r="Y6362" s="19"/>
      <c r="Z6362" s="19"/>
      <c r="AA6362" s="19"/>
    </row>
    <row r="6363" spans="1:27" s="1" customFormat="1" ht="14.1" customHeight="1" outlineLevel="2" x14ac:dyDescent="0.2">
      <c r="A6363" s="17"/>
      <c r="B6363" s="17"/>
      <c r="C6363" s="17"/>
      <c r="D6363" s="18"/>
      <c r="E6363" s="18"/>
      <c r="F6363" s="18"/>
      <c r="G6363" s="18"/>
      <c r="H6363" s="18"/>
      <c r="I6363" s="18"/>
      <c r="J6363" s="18"/>
      <c r="K6363" s="18"/>
      <c r="L6363" s="18"/>
      <c r="M6363" s="18"/>
      <c r="N6363" s="18"/>
      <c r="O6363" s="18"/>
      <c r="P6363" s="19"/>
      <c r="Q6363" s="19"/>
      <c r="R6363" s="19"/>
      <c r="S6363" s="19"/>
      <c r="T6363" s="19"/>
      <c r="U6363" s="19"/>
      <c r="V6363" s="19"/>
      <c r="W6363" s="19"/>
      <c r="X6363" s="19"/>
      <c r="Y6363" s="19"/>
      <c r="Z6363" s="19"/>
      <c r="AA6363" s="19"/>
    </row>
    <row r="6364" spans="1:27" s="1" customFormat="1" ht="14.1" customHeight="1" outlineLevel="2" x14ac:dyDescent="0.2">
      <c r="A6364" s="17">
        <v>16418</v>
      </c>
      <c r="B6364" s="17"/>
      <c r="C6364" s="17"/>
      <c r="D6364" s="18" t="s">
        <v>3163</v>
      </c>
      <c r="E6364" s="18"/>
      <c r="F6364" s="18"/>
      <c r="G6364" s="18"/>
      <c r="H6364" s="18"/>
      <c r="I6364" s="18"/>
      <c r="J6364" s="18"/>
      <c r="K6364" s="18"/>
      <c r="L6364" s="18"/>
      <c r="M6364" s="18"/>
      <c r="N6364" s="18"/>
      <c r="O6364" s="18"/>
      <c r="P6364" s="19">
        <v>620</v>
      </c>
      <c r="Q6364" s="19"/>
      <c r="R6364" s="19"/>
      <c r="S6364" s="19"/>
      <c r="T6364" s="19">
        <v>540</v>
      </c>
      <c r="U6364" s="19"/>
      <c r="V6364" s="19"/>
      <c r="W6364" s="19"/>
      <c r="X6364" s="19">
        <v>19</v>
      </c>
      <c r="Y6364" s="19"/>
      <c r="Z6364" s="19"/>
      <c r="AA6364" s="19"/>
    </row>
    <row r="6365" spans="1:27" s="1" customFormat="1" ht="14.1" customHeight="1" outlineLevel="2" x14ac:dyDescent="0.2">
      <c r="A6365" s="17"/>
      <c r="B6365" s="17"/>
      <c r="C6365" s="17"/>
      <c r="D6365" s="18"/>
      <c r="E6365" s="18"/>
      <c r="F6365" s="18"/>
      <c r="G6365" s="18"/>
      <c r="H6365" s="18"/>
      <c r="I6365" s="18"/>
      <c r="J6365" s="18"/>
      <c r="K6365" s="18"/>
      <c r="L6365" s="18"/>
      <c r="M6365" s="18"/>
      <c r="N6365" s="18"/>
      <c r="O6365" s="18"/>
      <c r="P6365" s="19"/>
      <c r="Q6365" s="19"/>
      <c r="R6365" s="19"/>
      <c r="S6365" s="19"/>
      <c r="T6365" s="19"/>
      <c r="U6365" s="19"/>
      <c r="V6365" s="19"/>
      <c r="W6365" s="19"/>
      <c r="X6365" s="19"/>
      <c r="Y6365" s="19"/>
      <c r="Z6365" s="19"/>
      <c r="AA6365" s="19"/>
    </row>
    <row r="6366" spans="1:27" s="1" customFormat="1" ht="14.1" customHeight="1" outlineLevel="2" x14ac:dyDescent="0.2">
      <c r="A6366" s="17">
        <v>11362</v>
      </c>
      <c r="B6366" s="17"/>
      <c r="C6366" s="17"/>
      <c r="D6366" s="18" t="s">
        <v>3164</v>
      </c>
      <c r="E6366" s="18"/>
      <c r="F6366" s="18"/>
      <c r="G6366" s="18"/>
      <c r="H6366" s="18"/>
      <c r="I6366" s="18"/>
      <c r="J6366" s="18"/>
      <c r="K6366" s="18"/>
      <c r="L6366" s="18"/>
      <c r="M6366" s="18"/>
      <c r="N6366" s="18"/>
      <c r="O6366" s="18"/>
      <c r="P6366" s="19">
        <v>500</v>
      </c>
      <c r="Q6366" s="19"/>
      <c r="R6366" s="19"/>
      <c r="S6366" s="19"/>
      <c r="T6366" s="19">
        <v>400</v>
      </c>
      <c r="U6366" s="19"/>
      <c r="V6366" s="19"/>
      <c r="W6366" s="19"/>
      <c r="X6366" s="19">
        <v>3</v>
      </c>
      <c r="Y6366" s="19"/>
      <c r="Z6366" s="19"/>
      <c r="AA6366" s="19"/>
    </row>
    <row r="6367" spans="1:27" s="1" customFormat="1" ht="14.1" customHeight="1" outlineLevel="2" x14ac:dyDescent="0.2">
      <c r="A6367" s="17"/>
      <c r="B6367" s="17"/>
      <c r="C6367" s="17"/>
      <c r="D6367" s="18"/>
      <c r="E6367" s="18"/>
      <c r="F6367" s="18"/>
      <c r="G6367" s="18"/>
      <c r="H6367" s="18"/>
      <c r="I6367" s="18"/>
      <c r="J6367" s="18"/>
      <c r="K6367" s="18"/>
      <c r="L6367" s="18"/>
      <c r="M6367" s="18"/>
      <c r="N6367" s="18"/>
      <c r="O6367" s="18"/>
      <c r="P6367" s="19"/>
      <c r="Q6367" s="19"/>
      <c r="R6367" s="19"/>
      <c r="S6367" s="19"/>
      <c r="T6367" s="19"/>
      <c r="U6367" s="19"/>
      <c r="V6367" s="19"/>
      <c r="W6367" s="19"/>
      <c r="X6367" s="19"/>
      <c r="Y6367" s="19"/>
      <c r="Z6367" s="19"/>
      <c r="AA6367" s="19"/>
    </row>
    <row r="6368" spans="1:27" s="1" customFormat="1" ht="11.1" customHeight="1" outlineLevel="2" x14ac:dyDescent="0.2">
      <c r="A6368" s="17">
        <v>17280</v>
      </c>
      <c r="B6368" s="17"/>
      <c r="C6368" s="17"/>
      <c r="D6368" s="18" t="s">
        <v>3165</v>
      </c>
      <c r="E6368" s="18"/>
      <c r="F6368" s="18"/>
      <c r="G6368" s="18"/>
      <c r="H6368" s="18"/>
      <c r="I6368" s="18"/>
      <c r="J6368" s="18"/>
      <c r="K6368" s="18"/>
      <c r="L6368" s="18"/>
      <c r="M6368" s="18"/>
      <c r="N6368" s="18"/>
      <c r="O6368" s="18"/>
      <c r="P6368" s="19">
        <v>130</v>
      </c>
      <c r="Q6368" s="19"/>
      <c r="R6368" s="19"/>
      <c r="S6368" s="19"/>
      <c r="T6368" s="19">
        <v>80</v>
      </c>
      <c r="U6368" s="19"/>
      <c r="V6368" s="19"/>
      <c r="W6368" s="19"/>
      <c r="X6368" s="19">
        <v>100</v>
      </c>
      <c r="Y6368" s="19"/>
      <c r="Z6368" s="19"/>
      <c r="AA6368" s="19"/>
    </row>
    <row r="6369" spans="1:27" s="1" customFormat="1" ht="11.1" customHeight="1" outlineLevel="2" x14ac:dyDescent="0.2">
      <c r="A6369" s="17"/>
      <c r="B6369" s="17"/>
      <c r="C6369" s="17"/>
      <c r="D6369" s="18"/>
      <c r="E6369" s="18"/>
      <c r="F6369" s="18"/>
      <c r="G6369" s="18"/>
      <c r="H6369" s="18"/>
      <c r="I6369" s="18"/>
      <c r="J6369" s="18"/>
      <c r="K6369" s="18"/>
      <c r="L6369" s="18"/>
      <c r="M6369" s="18"/>
      <c r="N6369" s="18"/>
      <c r="O6369" s="18"/>
      <c r="P6369" s="19"/>
      <c r="Q6369" s="19"/>
      <c r="R6369" s="19"/>
      <c r="S6369" s="19"/>
      <c r="T6369" s="19"/>
      <c r="U6369" s="19"/>
      <c r="V6369" s="19"/>
      <c r="W6369" s="19"/>
      <c r="X6369" s="19"/>
      <c r="Y6369" s="19"/>
      <c r="Z6369" s="19"/>
      <c r="AA6369" s="19"/>
    </row>
    <row r="6370" spans="1:27" s="1" customFormat="1" ht="11.1" customHeight="1" outlineLevel="2" x14ac:dyDescent="0.2">
      <c r="A6370" s="17">
        <v>10147</v>
      </c>
      <c r="B6370" s="17"/>
      <c r="C6370" s="17"/>
      <c r="D6370" s="18" t="s">
        <v>3166</v>
      </c>
      <c r="E6370" s="18"/>
      <c r="F6370" s="18"/>
      <c r="G6370" s="18"/>
      <c r="H6370" s="18"/>
      <c r="I6370" s="18"/>
      <c r="J6370" s="18"/>
      <c r="K6370" s="18"/>
      <c r="L6370" s="18"/>
      <c r="M6370" s="18"/>
      <c r="N6370" s="18"/>
      <c r="O6370" s="18"/>
      <c r="P6370" s="19">
        <v>90</v>
      </c>
      <c r="Q6370" s="19"/>
      <c r="R6370" s="19"/>
      <c r="S6370" s="19"/>
      <c r="T6370" s="19">
        <v>60</v>
      </c>
      <c r="U6370" s="19"/>
      <c r="V6370" s="19"/>
      <c r="W6370" s="19"/>
      <c r="X6370" s="19">
        <v>5</v>
      </c>
      <c r="Y6370" s="19"/>
      <c r="Z6370" s="19"/>
      <c r="AA6370" s="19"/>
    </row>
    <row r="6371" spans="1:27" s="1" customFormat="1" ht="11.1" customHeight="1" outlineLevel="2" x14ac:dyDescent="0.2">
      <c r="A6371" s="17"/>
      <c r="B6371" s="17"/>
      <c r="C6371" s="17"/>
      <c r="D6371" s="18"/>
      <c r="E6371" s="18"/>
      <c r="F6371" s="18"/>
      <c r="G6371" s="18"/>
      <c r="H6371" s="18"/>
      <c r="I6371" s="18"/>
      <c r="J6371" s="18"/>
      <c r="K6371" s="18"/>
      <c r="L6371" s="18"/>
      <c r="M6371" s="18"/>
      <c r="N6371" s="18"/>
      <c r="O6371" s="18"/>
      <c r="P6371" s="19"/>
      <c r="Q6371" s="19"/>
      <c r="R6371" s="19"/>
      <c r="S6371" s="19"/>
      <c r="T6371" s="19"/>
      <c r="U6371" s="19"/>
      <c r="V6371" s="19"/>
      <c r="W6371" s="19"/>
      <c r="X6371" s="19"/>
      <c r="Y6371" s="19"/>
      <c r="Z6371" s="19"/>
      <c r="AA6371" s="19"/>
    </row>
    <row r="6372" spans="1:27" s="1" customFormat="1" ht="11.1" customHeight="1" outlineLevel="2" x14ac:dyDescent="0.2">
      <c r="A6372" s="17">
        <v>10146</v>
      </c>
      <c r="B6372" s="17"/>
      <c r="C6372" s="17"/>
      <c r="D6372" s="18" t="s">
        <v>3167</v>
      </c>
      <c r="E6372" s="18"/>
      <c r="F6372" s="18"/>
      <c r="G6372" s="18"/>
      <c r="H6372" s="18"/>
      <c r="I6372" s="18"/>
      <c r="J6372" s="18"/>
      <c r="K6372" s="18"/>
      <c r="L6372" s="18"/>
      <c r="M6372" s="18"/>
      <c r="N6372" s="18"/>
      <c r="O6372" s="18"/>
      <c r="P6372" s="19">
        <v>90</v>
      </c>
      <c r="Q6372" s="19"/>
      <c r="R6372" s="19"/>
      <c r="S6372" s="19"/>
      <c r="T6372" s="19">
        <v>60</v>
      </c>
      <c r="U6372" s="19"/>
      <c r="V6372" s="19"/>
      <c r="W6372" s="19"/>
      <c r="X6372" s="19">
        <v>2</v>
      </c>
      <c r="Y6372" s="19"/>
      <c r="Z6372" s="19"/>
      <c r="AA6372" s="19"/>
    </row>
    <row r="6373" spans="1:27" s="1" customFormat="1" ht="11.1" customHeight="1" outlineLevel="2" x14ac:dyDescent="0.2">
      <c r="A6373" s="17"/>
      <c r="B6373" s="17"/>
      <c r="C6373" s="17"/>
      <c r="D6373" s="18"/>
      <c r="E6373" s="18"/>
      <c r="F6373" s="18"/>
      <c r="G6373" s="18"/>
      <c r="H6373" s="18"/>
      <c r="I6373" s="18"/>
      <c r="J6373" s="18"/>
      <c r="K6373" s="18"/>
      <c r="L6373" s="18"/>
      <c r="M6373" s="18"/>
      <c r="N6373" s="18"/>
      <c r="O6373" s="18"/>
      <c r="P6373" s="19"/>
      <c r="Q6373" s="19"/>
      <c r="R6373" s="19"/>
      <c r="S6373" s="19"/>
      <c r="T6373" s="19"/>
      <c r="U6373" s="19"/>
      <c r="V6373" s="19"/>
      <c r="W6373" s="19"/>
      <c r="X6373" s="19"/>
      <c r="Y6373" s="19"/>
      <c r="Z6373" s="19"/>
      <c r="AA6373" s="19"/>
    </row>
    <row r="6374" spans="1:27" s="1" customFormat="1" ht="11.1" customHeight="1" outlineLevel="2" x14ac:dyDescent="0.2">
      <c r="A6374" s="17">
        <v>10145</v>
      </c>
      <c r="B6374" s="17"/>
      <c r="C6374" s="17"/>
      <c r="D6374" s="18" t="s">
        <v>3168</v>
      </c>
      <c r="E6374" s="18"/>
      <c r="F6374" s="18"/>
      <c r="G6374" s="18"/>
      <c r="H6374" s="18"/>
      <c r="I6374" s="18"/>
      <c r="J6374" s="18"/>
      <c r="K6374" s="18"/>
      <c r="L6374" s="18"/>
      <c r="M6374" s="18"/>
      <c r="N6374" s="18"/>
      <c r="O6374" s="18"/>
      <c r="P6374" s="19">
        <v>90</v>
      </c>
      <c r="Q6374" s="19"/>
      <c r="R6374" s="19"/>
      <c r="S6374" s="19"/>
      <c r="T6374" s="19">
        <v>60</v>
      </c>
      <c r="U6374" s="19"/>
      <c r="V6374" s="19"/>
      <c r="W6374" s="19"/>
      <c r="X6374" s="19">
        <v>7</v>
      </c>
      <c r="Y6374" s="19"/>
      <c r="Z6374" s="19"/>
      <c r="AA6374" s="19"/>
    </row>
    <row r="6375" spans="1:27" s="1" customFormat="1" ht="11.1" customHeight="1" outlineLevel="2" x14ac:dyDescent="0.2">
      <c r="A6375" s="17"/>
      <c r="B6375" s="17"/>
      <c r="C6375" s="17"/>
      <c r="D6375" s="18"/>
      <c r="E6375" s="18"/>
      <c r="F6375" s="18"/>
      <c r="G6375" s="18"/>
      <c r="H6375" s="18"/>
      <c r="I6375" s="18"/>
      <c r="J6375" s="18"/>
      <c r="K6375" s="18"/>
      <c r="L6375" s="18"/>
      <c r="M6375" s="18"/>
      <c r="N6375" s="18"/>
      <c r="O6375" s="18"/>
      <c r="P6375" s="19"/>
      <c r="Q6375" s="19"/>
      <c r="R6375" s="19"/>
      <c r="S6375" s="19"/>
      <c r="T6375" s="19"/>
      <c r="U6375" s="19"/>
      <c r="V6375" s="19"/>
      <c r="W6375" s="19"/>
      <c r="X6375" s="19"/>
      <c r="Y6375" s="19"/>
      <c r="Z6375" s="19"/>
      <c r="AA6375" s="19"/>
    </row>
    <row r="6376" spans="1:27" s="1" customFormat="1" ht="11.1" customHeight="1" outlineLevel="2" x14ac:dyDescent="0.2">
      <c r="A6376" s="17">
        <v>10151</v>
      </c>
      <c r="B6376" s="17"/>
      <c r="C6376" s="17"/>
      <c r="D6376" s="18" t="s">
        <v>3169</v>
      </c>
      <c r="E6376" s="18"/>
      <c r="F6376" s="18"/>
      <c r="G6376" s="18"/>
      <c r="H6376" s="18"/>
      <c r="I6376" s="18"/>
      <c r="J6376" s="18"/>
      <c r="K6376" s="18"/>
      <c r="L6376" s="18"/>
      <c r="M6376" s="18"/>
      <c r="N6376" s="18"/>
      <c r="O6376" s="18"/>
      <c r="P6376" s="19">
        <v>90</v>
      </c>
      <c r="Q6376" s="19"/>
      <c r="R6376" s="19"/>
      <c r="S6376" s="19"/>
      <c r="T6376" s="19">
        <v>60</v>
      </c>
      <c r="U6376" s="19"/>
      <c r="V6376" s="19"/>
      <c r="W6376" s="19"/>
      <c r="X6376" s="19">
        <v>10</v>
      </c>
      <c r="Y6376" s="19"/>
      <c r="Z6376" s="19"/>
      <c r="AA6376" s="19"/>
    </row>
    <row r="6377" spans="1:27" s="1" customFormat="1" ht="11.1" customHeight="1" outlineLevel="2" x14ac:dyDescent="0.2">
      <c r="A6377" s="17"/>
      <c r="B6377" s="17"/>
      <c r="C6377" s="17"/>
      <c r="D6377" s="18"/>
      <c r="E6377" s="18"/>
      <c r="F6377" s="18"/>
      <c r="G6377" s="18"/>
      <c r="H6377" s="18"/>
      <c r="I6377" s="18"/>
      <c r="J6377" s="18"/>
      <c r="K6377" s="18"/>
      <c r="L6377" s="18"/>
      <c r="M6377" s="18"/>
      <c r="N6377" s="18"/>
      <c r="O6377" s="18"/>
      <c r="P6377" s="19"/>
      <c r="Q6377" s="19"/>
      <c r="R6377" s="19"/>
      <c r="S6377" s="19"/>
      <c r="T6377" s="19"/>
      <c r="U6377" s="19"/>
      <c r="V6377" s="19"/>
      <c r="W6377" s="19"/>
      <c r="X6377" s="19"/>
      <c r="Y6377" s="19"/>
      <c r="Z6377" s="19"/>
      <c r="AA6377" s="19"/>
    </row>
    <row r="6378" spans="1:27" s="1" customFormat="1" ht="11.1" customHeight="1" outlineLevel="2" x14ac:dyDescent="0.2">
      <c r="A6378" s="17">
        <v>10150</v>
      </c>
      <c r="B6378" s="17"/>
      <c r="C6378" s="17"/>
      <c r="D6378" s="18" t="s">
        <v>3170</v>
      </c>
      <c r="E6378" s="18"/>
      <c r="F6378" s="18"/>
      <c r="G6378" s="18"/>
      <c r="H6378" s="18"/>
      <c r="I6378" s="18"/>
      <c r="J6378" s="18"/>
      <c r="K6378" s="18"/>
      <c r="L6378" s="18"/>
      <c r="M6378" s="18"/>
      <c r="N6378" s="18"/>
      <c r="O6378" s="18"/>
      <c r="P6378" s="19">
        <v>90</v>
      </c>
      <c r="Q6378" s="19"/>
      <c r="R6378" s="19"/>
      <c r="S6378" s="19"/>
      <c r="T6378" s="19">
        <v>60</v>
      </c>
      <c r="U6378" s="19"/>
      <c r="V6378" s="19"/>
      <c r="W6378" s="19"/>
      <c r="X6378" s="19">
        <v>10</v>
      </c>
      <c r="Y6378" s="19"/>
      <c r="Z6378" s="19"/>
      <c r="AA6378" s="19"/>
    </row>
    <row r="6379" spans="1:27" s="1" customFormat="1" ht="11.1" customHeight="1" outlineLevel="2" x14ac:dyDescent="0.2">
      <c r="A6379" s="17"/>
      <c r="B6379" s="17"/>
      <c r="C6379" s="17"/>
      <c r="D6379" s="18"/>
      <c r="E6379" s="18"/>
      <c r="F6379" s="18"/>
      <c r="G6379" s="18"/>
      <c r="H6379" s="18"/>
      <c r="I6379" s="18"/>
      <c r="J6379" s="18"/>
      <c r="K6379" s="18"/>
      <c r="L6379" s="18"/>
      <c r="M6379" s="18"/>
      <c r="N6379" s="18"/>
      <c r="O6379" s="18"/>
      <c r="P6379" s="19"/>
      <c r="Q6379" s="19"/>
      <c r="R6379" s="19"/>
      <c r="S6379" s="19"/>
      <c r="T6379" s="19"/>
      <c r="U6379" s="19"/>
      <c r="V6379" s="19"/>
      <c r="W6379" s="19"/>
      <c r="X6379" s="19"/>
      <c r="Y6379" s="19"/>
      <c r="Z6379" s="19"/>
      <c r="AA6379" s="19"/>
    </row>
    <row r="6380" spans="1:27" s="1" customFormat="1" ht="14.1" customHeight="1" outlineLevel="2" x14ac:dyDescent="0.2">
      <c r="A6380" s="17">
        <v>13821</v>
      </c>
      <c r="B6380" s="17"/>
      <c r="C6380" s="17"/>
      <c r="D6380" s="18" t="s">
        <v>3171</v>
      </c>
      <c r="E6380" s="18"/>
      <c r="F6380" s="18"/>
      <c r="G6380" s="18"/>
      <c r="H6380" s="18"/>
      <c r="I6380" s="18"/>
      <c r="J6380" s="18"/>
      <c r="K6380" s="18"/>
      <c r="L6380" s="18"/>
      <c r="M6380" s="18"/>
      <c r="N6380" s="18"/>
      <c r="O6380" s="18"/>
      <c r="P6380" s="19">
        <v>100</v>
      </c>
      <c r="Q6380" s="19"/>
      <c r="R6380" s="19"/>
      <c r="S6380" s="19"/>
      <c r="T6380" s="19">
        <v>70</v>
      </c>
      <c r="U6380" s="19"/>
      <c r="V6380" s="19"/>
      <c r="W6380" s="19"/>
      <c r="X6380" s="19">
        <v>45</v>
      </c>
      <c r="Y6380" s="19"/>
      <c r="Z6380" s="19"/>
      <c r="AA6380" s="19"/>
    </row>
    <row r="6381" spans="1:27" s="1" customFormat="1" ht="14.1" customHeight="1" outlineLevel="2" x14ac:dyDescent="0.2">
      <c r="A6381" s="17"/>
      <c r="B6381" s="17"/>
      <c r="C6381" s="17"/>
      <c r="D6381" s="18"/>
      <c r="E6381" s="18"/>
      <c r="F6381" s="18"/>
      <c r="G6381" s="18"/>
      <c r="H6381" s="18"/>
      <c r="I6381" s="18"/>
      <c r="J6381" s="18"/>
      <c r="K6381" s="18"/>
      <c r="L6381" s="18"/>
      <c r="M6381" s="18"/>
      <c r="N6381" s="18"/>
      <c r="O6381" s="18"/>
      <c r="P6381" s="19"/>
      <c r="Q6381" s="19"/>
      <c r="R6381" s="19"/>
      <c r="S6381" s="19"/>
      <c r="T6381" s="19"/>
      <c r="U6381" s="19"/>
      <c r="V6381" s="19"/>
      <c r="W6381" s="19"/>
      <c r="X6381" s="19"/>
      <c r="Y6381" s="19"/>
      <c r="Z6381" s="19"/>
      <c r="AA6381" s="19"/>
    </row>
    <row r="6382" spans="1:27" s="1" customFormat="1" ht="11.1" customHeight="1" outlineLevel="2" x14ac:dyDescent="0.2">
      <c r="A6382" s="17">
        <v>10152</v>
      </c>
      <c r="B6382" s="17"/>
      <c r="C6382" s="17"/>
      <c r="D6382" s="18" t="s">
        <v>3172</v>
      </c>
      <c r="E6382" s="18"/>
      <c r="F6382" s="18"/>
      <c r="G6382" s="18"/>
      <c r="H6382" s="18"/>
      <c r="I6382" s="18"/>
      <c r="J6382" s="18"/>
      <c r="K6382" s="18"/>
      <c r="L6382" s="18"/>
      <c r="M6382" s="18"/>
      <c r="N6382" s="18"/>
      <c r="O6382" s="18"/>
      <c r="P6382" s="19">
        <v>90</v>
      </c>
      <c r="Q6382" s="19"/>
      <c r="R6382" s="19"/>
      <c r="S6382" s="19"/>
      <c r="T6382" s="19">
        <v>60</v>
      </c>
      <c r="U6382" s="19"/>
      <c r="V6382" s="19"/>
      <c r="W6382" s="19"/>
      <c r="X6382" s="19">
        <v>1</v>
      </c>
      <c r="Y6382" s="19"/>
      <c r="Z6382" s="19"/>
      <c r="AA6382" s="19"/>
    </row>
    <row r="6383" spans="1:27" s="1" customFormat="1" ht="11.1" customHeight="1" outlineLevel="2" x14ac:dyDescent="0.2">
      <c r="A6383" s="17"/>
      <c r="B6383" s="17"/>
      <c r="C6383" s="17"/>
      <c r="D6383" s="18"/>
      <c r="E6383" s="18"/>
      <c r="F6383" s="18"/>
      <c r="G6383" s="18"/>
      <c r="H6383" s="18"/>
      <c r="I6383" s="18"/>
      <c r="J6383" s="18"/>
      <c r="K6383" s="18"/>
      <c r="L6383" s="18"/>
      <c r="M6383" s="18"/>
      <c r="N6383" s="18"/>
      <c r="O6383" s="18"/>
      <c r="P6383" s="19"/>
      <c r="Q6383" s="19"/>
      <c r="R6383" s="19"/>
      <c r="S6383" s="19"/>
      <c r="T6383" s="19"/>
      <c r="U6383" s="19"/>
      <c r="V6383" s="19"/>
      <c r="W6383" s="19"/>
      <c r="X6383" s="19"/>
      <c r="Y6383" s="19"/>
      <c r="Z6383" s="19"/>
      <c r="AA6383" s="19"/>
    </row>
    <row r="6384" spans="1:27" s="1" customFormat="1" ht="14.1" customHeight="1" outlineLevel="2" x14ac:dyDescent="0.2">
      <c r="A6384" s="17">
        <v>15690</v>
      </c>
      <c r="B6384" s="17"/>
      <c r="C6384" s="17"/>
      <c r="D6384" s="18" t="s">
        <v>3173</v>
      </c>
      <c r="E6384" s="18"/>
      <c r="F6384" s="18"/>
      <c r="G6384" s="18"/>
      <c r="H6384" s="18"/>
      <c r="I6384" s="18"/>
      <c r="J6384" s="18"/>
      <c r="K6384" s="18"/>
      <c r="L6384" s="18"/>
      <c r="M6384" s="18"/>
      <c r="N6384" s="18"/>
      <c r="O6384" s="18"/>
      <c r="P6384" s="19">
        <v>100</v>
      </c>
      <c r="Q6384" s="19"/>
      <c r="R6384" s="19"/>
      <c r="S6384" s="19"/>
      <c r="T6384" s="19">
        <v>70</v>
      </c>
      <c r="U6384" s="19"/>
      <c r="V6384" s="19"/>
      <c r="W6384" s="19"/>
      <c r="X6384" s="19">
        <v>38</v>
      </c>
      <c r="Y6384" s="19"/>
      <c r="Z6384" s="19"/>
      <c r="AA6384" s="19"/>
    </row>
    <row r="6385" spans="1:27" s="1" customFormat="1" ht="14.1" customHeight="1" outlineLevel="2" x14ac:dyDescent="0.2">
      <c r="A6385" s="17"/>
      <c r="B6385" s="17"/>
      <c r="C6385" s="17"/>
      <c r="D6385" s="18"/>
      <c r="E6385" s="18"/>
      <c r="F6385" s="18"/>
      <c r="G6385" s="18"/>
      <c r="H6385" s="18"/>
      <c r="I6385" s="18"/>
      <c r="J6385" s="18"/>
      <c r="K6385" s="18"/>
      <c r="L6385" s="18"/>
      <c r="M6385" s="18"/>
      <c r="N6385" s="18"/>
      <c r="O6385" s="18"/>
      <c r="P6385" s="19"/>
      <c r="Q6385" s="19"/>
      <c r="R6385" s="19"/>
      <c r="S6385" s="19"/>
      <c r="T6385" s="19"/>
      <c r="U6385" s="19"/>
      <c r="V6385" s="19"/>
      <c r="W6385" s="19"/>
      <c r="X6385" s="19"/>
      <c r="Y6385" s="19"/>
      <c r="Z6385" s="19"/>
      <c r="AA6385" s="19"/>
    </row>
    <row r="6386" spans="1:27" s="1" customFormat="1" ht="14.1" customHeight="1" outlineLevel="2" x14ac:dyDescent="0.2">
      <c r="A6386" s="17">
        <v>10932</v>
      </c>
      <c r="B6386" s="17"/>
      <c r="C6386" s="17"/>
      <c r="D6386" s="18" t="s">
        <v>3174</v>
      </c>
      <c r="E6386" s="18"/>
      <c r="F6386" s="18"/>
      <c r="G6386" s="18"/>
      <c r="H6386" s="18"/>
      <c r="I6386" s="18"/>
      <c r="J6386" s="18"/>
      <c r="K6386" s="18"/>
      <c r="L6386" s="18"/>
      <c r="M6386" s="18"/>
      <c r="N6386" s="18"/>
      <c r="O6386" s="18"/>
      <c r="P6386" s="19">
        <v>100</v>
      </c>
      <c r="Q6386" s="19"/>
      <c r="R6386" s="19"/>
      <c r="S6386" s="19"/>
      <c r="T6386" s="19">
        <v>70</v>
      </c>
      <c r="U6386" s="19"/>
      <c r="V6386" s="19"/>
      <c r="W6386" s="19"/>
      <c r="X6386" s="19">
        <v>125</v>
      </c>
      <c r="Y6386" s="19"/>
      <c r="Z6386" s="19"/>
      <c r="AA6386" s="19"/>
    </row>
    <row r="6387" spans="1:27" s="1" customFormat="1" ht="14.1" customHeight="1" outlineLevel="2" x14ac:dyDescent="0.2">
      <c r="A6387" s="17"/>
      <c r="B6387" s="17"/>
      <c r="C6387" s="17"/>
      <c r="D6387" s="18"/>
      <c r="E6387" s="18"/>
      <c r="F6387" s="18"/>
      <c r="G6387" s="18"/>
      <c r="H6387" s="18"/>
      <c r="I6387" s="18"/>
      <c r="J6387" s="18"/>
      <c r="K6387" s="18"/>
      <c r="L6387" s="18"/>
      <c r="M6387" s="18"/>
      <c r="N6387" s="18"/>
      <c r="O6387" s="18"/>
      <c r="P6387" s="19"/>
      <c r="Q6387" s="19"/>
      <c r="R6387" s="19"/>
      <c r="S6387" s="19"/>
      <c r="T6387" s="19"/>
      <c r="U6387" s="19"/>
      <c r="V6387" s="19"/>
      <c r="W6387" s="19"/>
      <c r="X6387" s="19"/>
      <c r="Y6387" s="19"/>
      <c r="Z6387" s="19"/>
      <c r="AA6387" s="19"/>
    </row>
    <row r="6388" spans="1:27" s="1" customFormat="1" ht="11.1" customHeight="1" outlineLevel="2" x14ac:dyDescent="0.2">
      <c r="A6388" s="17">
        <v>6441</v>
      </c>
      <c r="B6388" s="17"/>
      <c r="C6388" s="17"/>
      <c r="D6388" s="18" t="s">
        <v>3175</v>
      </c>
      <c r="E6388" s="18"/>
      <c r="F6388" s="18"/>
      <c r="G6388" s="18"/>
      <c r="H6388" s="18"/>
      <c r="I6388" s="18"/>
      <c r="J6388" s="18"/>
      <c r="K6388" s="18"/>
      <c r="L6388" s="18"/>
      <c r="M6388" s="18"/>
      <c r="N6388" s="18"/>
      <c r="O6388" s="18"/>
      <c r="P6388" s="19">
        <v>100</v>
      </c>
      <c r="Q6388" s="19"/>
      <c r="R6388" s="19"/>
      <c r="S6388" s="19"/>
      <c r="T6388" s="19">
        <v>60</v>
      </c>
      <c r="U6388" s="19"/>
      <c r="V6388" s="19"/>
      <c r="W6388" s="19"/>
      <c r="X6388" s="19">
        <v>1</v>
      </c>
      <c r="Y6388" s="19"/>
      <c r="Z6388" s="19"/>
      <c r="AA6388" s="19"/>
    </row>
    <row r="6389" spans="1:27" s="1" customFormat="1" ht="11.1" customHeight="1" outlineLevel="2" x14ac:dyDescent="0.2">
      <c r="A6389" s="17"/>
      <c r="B6389" s="17"/>
      <c r="C6389" s="17"/>
      <c r="D6389" s="18"/>
      <c r="E6389" s="18"/>
      <c r="F6389" s="18"/>
      <c r="G6389" s="18"/>
      <c r="H6389" s="18"/>
      <c r="I6389" s="18"/>
      <c r="J6389" s="18"/>
      <c r="K6389" s="18"/>
      <c r="L6389" s="18"/>
      <c r="M6389" s="18"/>
      <c r="N6389" s="18"/>
      <c r="O6389" s="18"/>
      <c r="P6389" s="19"/>
      <c r="Q6389" s="19"/>
      <c r="R6389" s="19"/>
      <c r="S6389" s="19"/>
      <c r="T6389" s="19"/>
      <c r="U6389" s="19"/>
      <c r="V6389" s="19"/>
      <c r="W6389" s="19"/>
      <c r="X6389" s="19"/>
      <c r="Y6389" s="19"/>
      <c r="Z6389" s="19"/>
      <c r="AA6389" s="19"/>
    </row>
    <row r="6390" spans="1:27" s="1" customFormat="1" ht="11.1" customHeight="1" outlineLevel="2" x14ac:dyDescent="0.2">
      <c r="A6390" s="17">
        <v>11689</v>
      </c>
      <c r="B6390" s="17"/>
      <c r="C6390" s="17"/>
      <c r="D6390" s="18" t="s">
        <v>3176</v>
      </c>
      <c r="E6390" s="18"/>
      <c r="F6390" s="18"/>
      <c r="G6390" s="18"/>
      <c r="H6390" s="18"/>
      <c r="I6390" s="18"/>
      <c r="J6390" s="18"/>
      <c r="K6390" s="18"/>
      <c r="L6390" s="18"/>
      <c r="M6390" s="18"/>
      <c r="N6390" s="18"/>
      <c r="O6390" s="18"/>
      <c r="P6390" s="19">
        <v>100</v>
      </c>
      <c r="Q6390" s="19"/>
      <c r="R6390" s="19"/>
      <c r="S6390" s="19"/>
      <c r="T6390" s="19">
        <v>70</v>
      </c>
      <c r="U6390" s="19"/>
      <c r="V6390" s="19"/>
      <c r="W6390" s="19"/>
      <c r="X6390" s="19">
        <v>1</v>
      </c>
      <c r="Y6390" s="19"/>
      <c r="Z6390" s="19"/>
      <c r="AA6390" s="19"/>
    </row>
    <row r="6391" spans="1:27" s="1" customFormat="1" ht="11.1" customHeight="1" outlineLevel="2" x14ac:dyDescent="0.2">
      <c r="A6391" s="17"/>
      <c r="B6391" s="17"/>
      <c r="C6391" s="17"/>
      <c r="D6391" s="18"/>
      <c r="E6391" s="18"/>
      <c r="F6391" s="18"/>
      <c r="G6391" s="18"/>
      <c r="H6391" s="18"/>
      <c r="I6391" s="18"/>
      <c r="J6391" s="18"/>
      <c r="K6391" s="18"/>
      <c r="L6391" s="18"/>
      <c r="M6391" s="18"/>
      <c r="N6391" s="18"/>
      <c r="O6391" s="18"/>
      <c r="P6391" s="19"/>
      <c r="Q6391" s="19"/>
      <c r="R6391" s="19"/>
      <c r="S6391" s="19"/>
      <c r="T6391" s="19"/>
      <c r="U6391" s="19"/>
      <c r="V6391" s="19"/>
      <c r="W6391" s="19"/>
      <c r="X6391" s="19"/>
      <c r="Y6391" s="19"/>
      <c r="Z6391" s="19"/>
      <c r="AA6391" s="19"/>
    </row>
    <row r="6392" spans="1:27" s="1" customFormat="1" ht="11.1" customHeight="1" outlineLevel="2" x14ac:dyDescent="0.2">
      <c r="A6392" s="17">
        <v>16417</v>
      </c>
      <c r="B6392" s="17"/>
      <c r="C6392" s="17"/>
      <c r="D6392" s="18" t="s">
        <v>3177</v>
      </c>
      <c r="E6392" s="18"/>
      <c r="F6392" s="18"/>
      <c r="G6392" s="18"/>
      <c r="H6392" s="18"/>
      <c r="I6392" s="18"/>
      <c r="J6392" s="18"/>
      <c r="K6392" s="18"/>
      <c r="L6392" s="18"/>
      <c r="M6392" s="18"/>
      <c r="N6392" s="18"/>
      <c r="O6392" s="18"/>
      <c r="P6392" s="19">
        <v>100</v>
      </c>
      <c r="Q6392" s="19"/>
      <c r="R6392" s="19"/>
      <c r="S6392" s="19"/>
      <c r="T6392" s="19">
        <v>70</v>
      </c>
      <c r="U6392" s="19"/>
      <c r="V6392" s="19"/>
      <c r="W6392" s="19"/>
      <c r="X6392" s="19">
        <v>50</v>
      </c>
      <c r="Y6392" s="19"/>
      <c r="Z6392" s="19"/>
      <c r="AA6392" s="19"/>
    </row>
    <row r="6393" spans="1:27" s="1" customFormat="1" ht="11.1" customHeight="1" outlineLevel="2" x14ac:dyDescent="0.2">
      <c r="A6393" s="17"/>
      <c r="B6393" s="17"/>
      <c r="C6393" s="17"/>
      <c r="D6393" s="18"/>
      <c r="E6393" s="18"/>
      <c r="F6393" s="18"/>
      <c r="G6393" s="18"/>
      <c r="H6393" s="18"/>
      <c r="I6393" s="18"/>
      <c r="J6393" s="18"/>
      <c r="K6393" s="18"/>
      <c r="L6393" s="18"/>
      <c r="M6393" s="18"/>
      <c r="N6393" s="18"/>
      <c r="O6393" s="18"/>
      <c r="P6393" s="19"/>
      <c r="Q6393" s="19"/>
      <c r="R6393" s="19"/>
      <c r="S6393" s="19"/>
      <c r="T6393" s="19"/>
      <c r="U6393" s="19"/>
      <c r="V6393" s="19"/>
      <c r="W6393" s="19"/>
      <c r="X6393" s="19"/>
      <c r="Y6393" s="19"/>
      <c r="Z6393" s="19"/>
      <c r="AA6393" s="19"/>
    </row>
    <row r="6394" spans="1:27" s="1" customFormat="1" ht="11.1" customHeight="1" outlineLevel="2" x14ac:dyDescent="0.2">
      <c r="A6394" s="17">
        <v>12559</v>
      </c>
      <c r="B6394" s="17"/>
      <c r="C6394" s="17"/>
      <c r="D6394" s="18" t="s">
        <v>3178</v>
      </c>
      <c r="E6394" s="18"/>
      <c r="F6394" s="18"/>
      <c r="G6394" s="18"/>
      <c r="H6394" s="18"/>
      <c r="I6394" s="18"/>
      <c r="J6394" s="18"/>
      <c r="K6394" s="18"/>
      <c r="L6394" s="18"/>
      <c r="M6394" s="18"/>
      <c r="N6394" s="18"/>
      <c r="O6394" s="18"/>
      <c r="P6394" s="19">
        <v>100</v>
      </c>
      <c r="Q6394" s="19"/>
      <c r="R6394" s="19"/>
      <c r="S6394" s="19"/>
      <c r="T6394" s="19">
        <v>70</v>
      </c>
      <c r="U6394" s="19"/>
      <c r="V6394" s="19"/>
      <c r="W6394" s="19"/>
      <c r="X6394" s="19">
        <v>9</v>
      </c>
      <c r="Y6394" s="19"/>
      <c r="Z6394" s="19"/>
      <c r="AA6394" s="19"/>
    </row>
    <row r="6395" spans="1:27" s="1" customFormat="1" ht="11.1" customHeight="1" outlineLevel="2" x14ac:dyDescent="0.2">
      <c r="A6395" s="17"/>
      <c r="B6395" s="17"/>
      <c r="C6395" s="17"/>
      <c r="D6395" s="18"/>
      <c r="E6395" s="18"/>
      <c r="F6395" s="18"/>
      <c r="G6395" s="18"/>
      <c r="H6395" s="18"/>
      <c r="I6395" s="18"/>
      <c r="J6395" s="18"/>
      <c r="K6395" s="18"/>
      <c r="L6395" s="18"/>
      <c r="M6395" s="18"/>
      <c r="N6395" s="18"/>
      <c r="O6395" s="18"/>
      <c r="P6395" s="19"/>
      <c r="Q6395" s="19"/>
      <c r="R6395" s="19"/>
      <c r="S6395" s="19"/>
      <c r="T6395" s="19"/>
      <c r="U6395" s="19"/>
      <c r="V6395" s="19"/>
      <c r="W6395" s="19"/>
      <c r="X6395" s="19"/>
      <c r="Y6395" s="19"/>
      <c r="Z6395" s="19"/>
      <c r="AA6395" s="19"/>
    </row>
    <row r="6396" spans="1:27" s="1" customFormat="1" ht="14.1" customHeight="1" outlineLevel="2" x14ac:dyDescent="0.2">
      <c r="A6396" s="17">
        <v>13538</v>
      </c>
      <c r="B6396" s="17"/>
      <c r="C6396" s="17"/>
      <c r="D6396" s="18" t="s">
        <v>3179</v>
      </c>
      <c r="E6396" s="18"/>
      <c r="F6396" s="18"/>
      <c r="G6396" s="18"/>
      <c r="H6396" s="18"/>
      <c r="I6396" s="18"/>
      <c r="J6396" s="18"/>
      <c r="K6396" s="18"/>
      <c r="L6396" s="18"/>
      <c r="M6396" s="18"/>
      <c r="N6396" s="18"/>
      <c r="O6396" s="18"/>
      <c r="P6396" s="19">
        <v>100</v>
      </c>
      <c r="Q6396" s="19"/>
      <c r="R6396" s="19"/>
      <c r="S6396" s="19"/>
      <c r="T6396" s="19">
        <v>70</v>
      </c>
      <c r="U6396" s="19"/>
      <c r="V6396" s="19"/>
      <c r="W6396" s="19"/>
      <c r="X6396" s="19">
        <v>45</v>
      </c>
      <c r="Y6396" s="19"/>
      <c r="Z6396" s="19"/>
      <c r="AA6396" s="19"/>
    </row>
    <row r="6397" spans="1:27" s="1" customFormat="1" ht="14.1" customHeight="1" outlineLevel="2" x14ac:dyDescent="0.2">
      <c r="A6397" s="17"/>
      <c r="B6397" s="17"/>
      <c r="C6397" s="17"/>
      <c r="D6397" s="18"/>
      <c r="E6397" s="18"/>
      <c r="F6397" s="18"/>
      <c r="G6397" s="18"/>
      <c r="H6397" s="18"/>
      <c r="I6397" s="18"/>
      <c r="J6397" s="18"/>
      <c r="K6397" s="18"/>
      <c r="L6397" s="18"/>
      <c r="M6397" s="18"/>
      <c r="N6397" s="18"/>
      <c r="O6397" s="18"/>
      <c r="P6397" s="19"/>
      <c r="Q6397" s="19"/>
      <c r="R6397" s="19"/>
      <c r="S6397" s="19"/>
      <c r="T6397" s="19"/>
      <c r="U6397" s="19"/>
      <c r="V6397" s="19"/>
      <c r="W6397" s="19"/>
      <c r="X6397" s="19"/>
      <c r="Y6397" s="19"/>
      <c r="Z6397" s="19"/>
      <c r="AA6397" s="19"/>
    </row>
    <row r="6398" spans="1:27" s="1" customFormat="1" ht="14.1" customHeight="1" outlineLevel="2" x14ac:dyDescent="0.2">
      <c r="A6398" s="17">
        <v>10933</v>
      </c>
      <c r="B6398" s="17"/>
      <c r="C6398" s="17"/>
      <c r="D6398" s="18" t="s">
        <v>3180</v>
      </c>
      <c r="E6398" s="18"/>
      <c r="F6398" s="18"/>
      <c r="G6398" s="18"/>
      <c r="H6398" s="18"/>
      <c r="I6398" s="18"/>
      <c r="J6398" s="18"/>
      <c r="K6398" s="18"/>
      <c r="L6398" s="18"/>
      <c r="M6398" s="18"/>
      <c r="N6398" s="18"/>
      <c r="O6398" s="18"/>
      <c r="P6398" s="19">
        <v>100</v>
      </c>
      <c r="Q6398" s="19"/>
      <c r="R6398" s="19"/>
      <c r="S6398" s="19"/>
      <c r="T6398" s="19">
        <v>70</v>
      </c>
      <c r="U6398" s="19"/>
      <c r="V6398" s="19"/>
      <c r="W6398" s="19"/>
      <c r="X6398" s="19">
        <v>11</v>
      </c>
      <c r="Y6398" s="19"/>
      <c r="Z6398" s="19"/>
      <c r="AA6398" s="19"/>
    </row>
    <row r="6399" spans="1:27" s="1" customFormat="1" ht="14.1" customHeight="1" outlineLevel="2" x14ac:dyDescent="0.2">
      <c r="A6399" s="17"/>
      <c r="B6399" s="17"/>
      <c r="C6399" s="17"/>
      <c r="D6399" s="18"/>
      <c r="E6399" s="18"/>
      <c r="F6399" s="18"/>
      <c r="G6399" s="18"/>
      <c r="H6399" s="18"/>
      <c r="I6399" s="18"/>
      <c r="J6399" s="18"/>
      <c r="K6399" s="18"/>
      <c r="L6399" s="18"/>
      <c r="M6399" s="18"/>
      <c r="N6399" s="18"/>
      <c r="O6399" s="18"/>
      <c r="P6399" s="19"/>
      <c r="Q6399" s="19"/>
      <c r="R6399" s="19"/>
      <c r="S6399" s="19"/>
      <c r="T6399" s="19"/>
      <c r="U6399" s="19"/>
      <c r="V6399" s="19"/>
      <c r="W6399" s="19"/>
      <c r="X6399" s="19"/>
      <c r="Y6399" s="19"/>
      <c r="Z6399" s="19"/>
      <c r="AA6399" s="19"/>
    </row>
    <row r="6400" spans="1:27" s="1" customFormat="1" ht="14.1" customHeight="1" outlineLevel="2" x14ac:dyDescent="0.2">
      <c r="A6400" s="17">
        <v>10153</v>
      </c>
      <c r="B6400" s="17"/>
      <c r="C6400" s="17"/>
      <c r="D6400" s="18" t="s">
        <v>3181</v>
      </c>
      <c r="E6400" s="18"/>
      <c r="F6400" s="18"/>
      <c r="G6400" s="18"/>
      <c r="H6400" s="18"/>
      <c r="I6400" s="18"/>
      <c r="J6400" s="18"/>
      <c r="K6400" s="18"/>
      <c r="L6400" s="18"/>
      <c r="M6400" s="18"/>
      <c r="N6400" s="18"/>
      <c r="O6400" s="18"/>
      <c r="P6400" s="19">
        <v>100</v>
      </c>
      <c r="Q6400" s="19"/>
      <c r="R6400" s="19"/>
      <c r="S6400" s="19"/>
      <c r="T6400" s="19">
        <v>60</v>
      </c>
      <c r="U6400" s="19"/>
      <c r="V6400" s="19"/>
      <c r="W6400" s="19"/>
      <c r="X6400" s="19">
        <v>6</v>
      </c>
      <c r="Y6400" s="19"/>
      <c r="Z6400" s="19"/>
      <c r="AA6400" s="19"/>
    </row>
    <row r="6401" spans="1:27" s="1" customFormat="1" ht="14.1" customHeight="1" outlineLevel="2" x14ac:dyDescent="0.2">
      <c r="A6401" s="17"/>
      <c r="B6401" s="17"/>
      <c r="C6401" s="17"/>
      <c r="D6401" s="18"/>
      <c r="E6401" s="18"/>
      <c r="F6401" s="18"/>
      <c r="G6401" s="18"/>
      <c r="H6401" s="18"/>
      <c r="I6401" s="18"/>
      <c r="J6401" s="18"/>
      <c r="K6401" s="18"/>
      <c r="L6401" s="18"/>
      <c r="M6401" s="18"/>
      <c r="N6401" s="18"/>
      <c r="O6401" s="18"/>
      <c r="P6401" s="19"/>
      <c r="Q6401" s="19"/>
      <c r="R6401" s="19"/>
      <c r="S6401" s="19"/>
      <c r="T6401" s="19"/>
      <c r="U6401" s="19"/>
      <c r="V6401" s="19"/>
      <c r="W6401" s="19"/>
      <c r="X6401" s="19"/>
      <c r="Y6401" s="19"/>
      <c r="Z6401" s="19"/>
      <c r="AA6401" s="19"/>
    </row>
    <row r="6402" spans="1:27" s="1" customFormat="1" ht="14.1" customHeight="1" outlineLevel="2" x14ac:dyDescent="0.2">
      <c r="A6402" s="17">
        <v>11688</v>
      </c>
      <c r="B6402" s="17"/>
      <c r="C6402" s="17"/>
      <c r="D6402" s="18" t="s">
        <v>3182</v>
      </c>
      <c r="E6402" s="18"/>
      <c r="F6402" s="18"/>
      <c r="G6402" s="18"/>
      <c r="H6402" s="18"/>
      <c r="I6402" s="18"/>
      <c r="J6402" s="18"/>
      <c r="K6402" s="18"/>
      <c r="L6402" s="18"/>
      <c r="M6402" s="18"/>
      <c r="N6402" s="18"/>
      <c r="O6402" s="18"/>
      <c r="P6402" s="19">
        <v>90</v>
      </c>
      <c r="Q6402" s="19"/>
      <c r="R6402" s="19"/>
      <c r="S6402" s="19"/>
      <c r="T6402" s="19">
        <v>60</v>
      </c>
      <c r="U6402" s="19"/>
      <c r="V6402" s="19"/>
      <c r="W6402" s="19"/>
      <c r="X6402" s="19">
        <v>43</v>
      </c>
      <c r="Y6402" s="19"/>
      <c r="Z6402" s="19"/>
      <c r="AA6402" s="19"/>
    </row>
    <row r="6403" spans="1:27" s="1" customFormat="1" ht="14.1" customHeight="1" outlineLevel="2" x14ac:dyDescent="0.2">
      <c r="A6403" s="17"/>
      <c r="B6403" s="17"/>
      <c r="C6403" s="17"/>
      <c r="D6403" s="18"/>
      <c r="E6403" s="18"/>
      <c r="F6403" s="18"/>
      <c r="G6403" s="18"/>
      <c r="H6403" s="18"/>
      <c r="I6403" s="18"/>
      <c r="J6403" s="18"/>
      <c r="K6403" s="18"/>
      <c r="L6403" s="18"/>
      <c r="M6403" s="18"/>
      <c r="N6403" s="18"/>
      <c r="O6403" s="18"/>
      <c r="P6403" s="19"/>
      <c r="Q6403" s="19"/>
      <c r="R6403" s="19"/>
      <c r="S6403" s="19"/>
      <c r="T6403" s="19"/>
      <c r="U6403" s="19"/>
      <c r="V6403" s="19"/>
      <c r="W6403" s="19"/>
      <c r="X6403" s="19"/>
      <c r="Y6403" s="19"/>
      <c r="Z6403" s="19"/>
      <c r="AA6403" s="19"/>
    </row>
    <row r="6404" spans="1:27" s="1" customFormat="1" ht="11.1" customHeight="1" outlineLevel="2" x14ac:dyDescent="0.2">
      <c r="A6404" s="17">
        <v>15675</v>
      </c>
      <c r="B6404" s="17"/>
      <c r="C6404" s="17"/>
      <c r="D6404" s="18" t="s">
        <v>3183</v>
      </c>
      <c r="E6404" s="18"/>
      <c r="F6404" s="18"/>
      <c r="G6404" s="18"/>
      <c r="H6404" s="18"/>
      <c r="I6404" s="18"/>
      <c r="J6404" s="18"/>
      <c r="K6404" s="18"/>
      <c r="L6404" s="18"/>
      <c r="M6404" s="18"/>
      <c r="N6404" s="18"/>
      <c r="O6404" s="18"/>
      <c r="P6404" s="19">
        <v>400</v>
      </c>
      <c r="Q6404" s="19"/>
      <c r="R6404" s="19"/>
      <c r="S6404" s="19"/>
      <c r="T6404" s="19">
        <v>340</v>
      </c>
      <c r="U6404" s="19"/>
      <c r="V6404" s="19"/>
      <c r="W6404" s="19"/>
      <c r="X6404" s="19">
        <v>10</v>
      </c>
      <c r="Y6404" s="19"/>
      <c r="Z6404" s="19"/>
      <c r="AA6404" s="19"/>
    </row>
    <row r="6405" spans="1:27" s="1" customFormat="1" ht="11.1" customHeight="1" outlineLevel="2" x14ac:dyDescent="0.2">
      <c r="A6405" s="17"/>
      <c r="B6405" s="17"/>
      <c r="C6405" s="17"/>
      <c r="D6405" s="18"/>
      <c r="E6405" s="18"/>
      <c r="F6405" s="18"/>
      <c r="G6405" s="18"/>
      <c r="H6405" s="18"/>
      <c r="I6405" s="18"/>
      <c r="J6405" s="18"/>
      <c r="K6405" s="18"/>
      <c r="L6405" s="18"/>
      <c r="M6405" s="18"/>
      <c r="N6405" s="18"/>
      <c r="O6405" s="18"/>
      <c r="P6405" s="19"/>
      <c r="Q6405" s="19"/>
      <c r="R6405" s="19"/>
      <c r="S6405" s="19"/>
      <c r="T6405" s="19"/>
      <c r="U6405" s="19"/>
      <c r="V6405" s="19"/>
      <c r="W6405" s="19"/>
      <c r="X6405" s="19"/>
      <c r="Y6405" s="19"/>
      <c r="Z6405" s="19"/>
      <c r="AA6405" s="19"/>
    </row>
    <row r="6406" spans="1:27" s="1" customFormat="1" ht="11.1" customHeight="1" outlineLevel="2" x14ac:dyDescent="0.2">
      <c r="A6406" s="17">
        <v>12588</v>
      </c>
      <c r="B6406" s="17"/>
      <c r="C6406" s="17"/>
      <c r="D6406" s="18" t="s">
        <v>3184</v>
      </c>
      <c r="E6406" s="18"/>
      <c r="F6406" s="18"/>
      <c r="G6406" s="18"/>
      <c r="H6406" s="18"/>
      <c r="I6406" s="18"/>
      <c r="J6406" s="18"/>
      <c r="K6406" s="18"/>
      <c r="L6406" s="18"/>
      <c r="M6406" s="18"/>
      <c r="N6406" s="18"/>
      <c r="O6406" s="18"/>
      <c r="P6406" s="19">
        <v>100</v>
      </c>
      <c r="Q6406" s="19"/>
      <c r="R6406" s="19"/>
      <c r="S6406" s="19"/>
      <c r="T6406" s="19">
        <v>70</v>
      </c>
      <c r="U6406" s="19"/>
      <c r="V6406" s="19"/>
      <c r="W6406" s="19"/>
      <c r="X6406" s="19">
        <v>16</v>
      </c>
      <c r="Y6406" s="19"/>
      <c r="Z6406" s="19"/>
      <c r="AA6406" s="19"/>
    </row>
    <row r="6407" spans="1:27" s="1" customFormat="1" ht="11.1" customHeight="1" outlineLevel="2" x14ac:dyDescent="0.2">
      <c r="A6407" s="17"/>
      <c r="B6407" s="17"/>
      <c r="C6407" s="17"/>
      <c r="D6407" s="18"/>
      <c r="E6407" s="18"/>
      <c r="F6407" s="18"/>
      <c r="G6407" s="18"/>
      <c r="H6407" s="18"/>
      <c r="I6407" s="18"/>
      <c r="J6407" s="18"/>
      <c r="K6407" s="18"/>
      <c r="L6407" s="18"/>
      <c r="M6407" s="18"/>
      <c r="N6407" s="18"/>
      <c r="O6407" s="18"/>
      <c r="P6407" s="19"/>
      <c r="Q6407" s="19"/>
      <c r="R6407" s="19"/>
      <c r="S6407" s="19"/>
      <c r="T6407" s="19"/>
      <c r="U6407" s="19"/>
      <c r="V6407" s="19"/>
      <c r="W6407" s="19"/>
      <c r="X6407" s="19"/>
      <c r="Y6407" s="19"/>
      <c r="Z6407" s="19"/>
      <c r="AA6407" s="19"/>
    </row>
    <row r="6408" spans="1:27" s="1" customFormat="1" ht="14.1" customHeight="1" outlineLevel="2" x14ac:dyDescent="0.2">
      <c r="A6408" s="17">
        <v>10149</v>
      </c>
      <c r="B6408" s="17"/>
      <c r="C6408" s="17"/>
      <c r="D6408" s="18" t="s">
        <v>3185</v>
      </c>
      <c r="E6408" s="18"/>
      <c r="F6408" s="18"/>
      <c r="G6408" s="18"/>
      <c r="H6408" s="18"/>
      <c r="I6408" s="18"/>
      <c r="J6408" s="18"/>
      <c r="K6408" s="18"/>
      <c r="L6408" s="18"/>
      <c r="M6408" s="18"/>
      <c r="N6408" s="18"/>
      <c r="O6408" s="18"/>
      <c r="P6408" s="19">
        <v>90</v>
      </c>
      <c r="Q6408" s="19"/>
      <c r="R6408" s="19"/>
      <c r="S6408" s="19"/>
      <c r="T6408" s="19">
        <v>60</v>
      </c>
      <c r="U6408" s="19"/>
      <c r="V6408" s="19"/>
      <c r="W6408" s="19"/>
      <c r="X6408" s="19">
        <v>10</v>
      </c>
      <c r="Y6408" s="19"/>
      <c r="Z6408" s="19"/>
      <c r="AA6408" s="19"/>
    </row>
    <row r="6409" spans="1:27" s="1" customFormat="1" ht="14.1" customHeight="1" outlineLevel="2" x14ac:dyDescent="0.2">
      <c r="A6409" s="17"/>
      <c r="B6409" s="17"/>
      <c r="C6409" s="17"/>
      <c r="D6409" s="18"/>
      <c r="E6409" s="18"/>
      <c r="F6409" s="18"/>
      <c r="G6409" s="18"/>
      <c r="H6409" s="18"/>
      <c r="I6409" s="18"/>
      <c r="J6409" s="18"/>
      <c r="K6409" s="18"/>
      <c r="L6409" s="18"/>
      <c r="M6409" s="18"/>
      <c r="N6409" s="18"/>
      <c r="O6409" s="18"/>
      <c r="P6409" s="19"/>
      <c r="Q6409" s="19"/>
      <c r="R6409" s="19"/>
      <c r="S6409" s="19"/>
      <c r="T6409" s="19"/>
      <c r="U6409" s="19"/>
      <c r="V6409" s="19"/>
      <c r="W6409" s="19"/>
      <c r="X6409" s="19"/>
      <c r="Y6409" s="19"/>
      <c r="Z6409" s="19"/>
      <c r="AA6409" s="19"/>
    </row>
    <row r="6410" spans="1:27" s="1" customFormat="1" ht="14.1" customHeight="1" outlineLevel="2" x14ac:dyDescent="0.2">
      <c r="A6410" s="17">
        <v>10148</v>
      </c>
      <c r="B6410" s="17"/>
      <c r="C6410" s="17"/>
      <c r="D6410" s="18" t="s">
        <v>3186</v>
      </c>
      <c r="E6410" s="18"/>
      <c r="F6410" s="18"/>
      <c r="G6410" s="18"/>
      <c r="H6410" s="18"/>
      <c r="I6410" s="18"/>
      <c r="J6410" s="18"/>
      <c r="K6410" s="18"/>
      <c r="L6410" s="18"/>
      <c r="M6410" s="18"/>
      <c r="N6410" s="18"/>
      <c r="O6410" s="18"/>
      <c r="P6410" s="19">
        <v>90</v>
      </c>
      <c r="Q6410" s="19"/>
      <c r="R6410" s="19"/>
      <c r="S6410" s="19"/>
      <c r="T6410" s="19">
        <v>60</v>
      </c>
      <c r="U6410" s="19"/>
      <c r="V6410" s="19"/>
      <c r="W6410" s="19"/>
      <c r="X6410" s="19">
        <v>4</v>
      </c>
      <c r="Y6410" s="19"/>
      <c r="Z6410" s="19"/>
      <c r="AA6410" s="19"/>
    </row>
    <row r="6411" spans="1:27" s="1" customFormat="1" ht="14.1" customHeight="1" outlineLevel="2" x14ac:dyDescent="0.2">
      <c r="A6411" s="17"/>
      <c r="B6411" s="17"/>
      <c r="C6411" s="17"/>
      <c r="D6411" s="18"/>
      <c r="E6411" s="18"/>
      <c r="F6411" s="18"/>
      <c r="G6411" s="18"/>
      <c r="H6411" s="18"/>
      <c r="I6411" s="18"/>
      <c r="J6411" s="18"/>
      <c r="K6411" s="18"/>
      <c r="L6411" s="18"/>
      <c r="M6411" s="18"/>
      <c r="N6411" s="18"/>
      <c r="O6411" s="18"/>
      <c r="P6411" s="19"/>
      <c r="Q6411" s="19"/>
      <c r="R6411" s="19"/>
      <c r="S6411" s="19"/>
      <c r="T6411" s="19"/>
      <c r="U6411" s="19"/>
      <c r="V6411" s="19"/>
      <c r="W6411" s="19"/>
      <c r="X6411" s="19"/>
      <c r="Y6411" s="19"/>
      <c r="Z6411" s="19"/>
      <c r="AA6411" s="19"/>
    </row>
    <row r="6412" spans="1:27" s="1" customFormat="1" ht="14.1" customHeight="1" outlineLevel="2" x14ac:dyDescent="0.2">
      <c r="A6412" s="17">
        <v>15149</v>
      </c>
      <c r="B6412" s="17"/>
      <c r="C6412" s="17"/>
      <c r="D6412" s="18" t="s">
        <v>3187</v>
      </c>
      <c r="E6412" s="18"/>
      <c r="F6412" s="18"/>
      <c r="G6412" s="18"/>
      <c r="H6412" s="18"/>
      <c r="I6412" s="18"/>
      <c r="J6412" s="18"/>
      <c r="K6412" s="18"/>
      <c r="L6412" s="18"/>
      <c r="M6412" s="18"/>
      <c r="N6412" s="18"/>
      <c r="O6412" s="18"/>
      <c r="P6412" s="19">
        <v>100</v>
      </c>
      <c r="Q6412" s="19"/>
      <c r="R6412" s="19"/>
      <c r="S6412" s="19"/>
      <c r="T6412" s="19">
        <v>70</v>
      </c>
      <c r="U6412" s="19"/>
      <c r="V6412" s="19"/>
      <c r="W6412" s="19"/>
      <c r="X6412" s="19">
        <v>34</v>
      </c>
      <c r="Y6412" s="19"/>
      <c r="Z6412" s="19"/>
      <c r="AA6412" s="19"/>
    </row>
    <row r="6413" spans="1:27" s="1" customFormat="1" ht="14.1" customHeight="1" outlineLevel="2" x14ac:dyDescent="0.2">
      <c r="A6413" s="17"/>
      <c r="B6413" s="17"/>
      <c r="C6413" s="17"/>
      <c r="D6413" s="18"/>
      <c r="E6413" s="18"/>
      <c r="F6413" s="18"/>
      <c r="G6413" s="18"/>
      <c r="H6413" s="18"/>
      <c r="I6413" s="18"/>
      <c r="J6413" s="18"/>
      <c r="K6413" s="18"/>
      <c r="L6413" s="18"/>
      <c r="M6413" s="18"/>
      <c r="N6413" s="18"/>
      <c r="O6413" s="18"/>
      <c r="P6413" s="19"/>
      <c r="Q6413" s="19"/>
      <c r="R6413" s="19"/>
      <c r="S6413" s="19"/>
      <c r="T6413" s="19"/>
      <c r="U6413" s="19"/>
      <c r="V6413" s="19"/>
      <c r="W6413" s="19"/>
      <c r="X6413" s="19"/>
      <c r="Y6413" s="19"/>
      <c r="Z6413" s="19"/>
      <c r="AA6413" s="19"/>
    </row>
    <row r="6414" spans="1:27" s="1" customFormat="1" ht="11.1" customHeight="1" outlineLevel="1" x14ac:dyDescent="0.2">
      <c r="A6414" s="16" t="s">
        <v>3188</v>
      </c>
      <c r="B6414" s="16"/>
      <c r="C6414" s="16"/>
      <c r="D6414" s="16"/>
      <c r="E6414" s="16"/>
      <c r="F6414" s="16"/>
      <c r="G6414" s="16"/>
      <c r="H6414" s="16"/>
      <c r="I6414" s="16"/>
      <c r="J6414" s="16"/>
      <c r="K6414" s="16"/>
      <c r="L6414" s="16"/>
      <c r="M6414" s="16"/>
      <c r="N6414" s="16"/>
      <c r="O6414" s="16"/>
      <c r="P6414" s="16"/>
      <c r="Q6414" s="16"/>
      <c r="R6414" s="16"/>
      <c r="S6414" s="16"/>
      <c r="T6414" s="16"/>
      <c r="U6414" s="16"/>
      <c r="V6414" s="16"/>
      <c r="W6414" s="16"/>
      <c r="X6414" s="16"/>
      <c r="Y6414" s="16"/>
      <c r="Z6414" s="16"/>
      <c r="AA6414" s="16"/>
    </row>
    <row r="6415" spans="1:27" s="1" customFormat="1" ht="11.1" customHeight="1" outlineLevel="1" x14ac:dyDescent="0.2">
      <c r="A6415" s="16"/>
      <c r="B6415" s="16"/>
      <c r="C6415" s="16"/>
      <c r="D6415" s="16"/>
      <c r="E6415" s="16"/>
      <c r="F6415" s="16"/>
      <c r="G6415" s="16"/>
      <c r="H6415" s="16"/>
      <c r="I6415" s="16"/>
      <c r="J6415" s="16"/>
      <c r="K6415" s="16"/>
      <c r="L6415" s="16"/>
      <c r="M6415" s="16"/>
      <c r="N6415" s="16"/>
      <c r="O6415" s="16"/>
      <c r="P6415" s="16"/>
      <c r="Q6415" s="16"/>
      <c r="R6415" s="16"/>
      <c r="S6415" s="16"/>
      <c r="T6415" s="16"/>
      <c r="U6415" s="16"/>
      <c r="V6415" s="16"/>
      <c r="W6415" s="16"/>
      <c r="X6415" s="16"/>
      <c r="Y6415" s="16"/>
      <c r="Z6415" s="16"/>
      <c r="AA6415" s="16"/>
    </row>
    <row r="6416" spans="1:27" s="1" customFormat="1" ht="11.1" customHeight="1" outlineLevel="2" x14ac:dyDescent="0.2">
      <c r="A6416" s="17">
        <v>17784</v>
      </c>
      <c r="B6416" s="17"/>
      <c r="C6416" s="17"/>
      <c r="D6416" s="18" t="s">
        <v>3189</v>
      </c>
      <c r="E6416" s="18"/>
      <c r="F6416" s="18"/>
      <c r="G6416" s="18"/>
      <c r="H6416" s="18"/>
      <c r="I6416" s="18"/>
      <c r="J6416" s="18"/>
      <c r="K6416" s="18"/>
      <c r="L6416" s="18"/>
      <c r="M6416" s="18"/>
      <c r="N6416" s="18"/>
      <c r="O6416" s="18"/>
      <c r="P6416" s="19">
        <v>100</v>
      </c>
      <c r="Q6416" s="19"/>
      <c r="R6416" s="19"/>
      <c r="S6416" s="19"/>
      <c r="T6416" s="19">
        <v>70</v>
      </c>
      <c r="U6416" s="19"/>
      <c r="V6416" s="19"/>
      <c r="W6416" s="19"/>
      <c r="X6416" s="19">
        <v>20</v>
      </c>
      <c r="Y6416" s="19"/>
      <c r="Z6416" s="19"/>
      <c r="AA6416" s="19"/>
    </row>
    <row r="6417" spans="1:27" s="1" customFormat="1" ht="11.1" customHeight="1" outlineLevel="2" x14ac:dyDescent="0.2">
      <c r="A6417" s="17"/>
      <c r="B6417" s="17"/>
      <c r="C6417" s="17"/>
      <c r="D6417" s="18"/>
      <c r="E6417" s="18"/>
      <c r="F6417" s="18"/>
      <c r="G6417" s="18"/>
      <c r="H6417" s="18"/>
      <c r="I6417" s="18"/>
      <c r="J6417" s="18"/>
      <c r="K6417" s="18"/>
      <c r="L6417" s="18"/>
      <c r="M6417" s="18"/>
      <c r="N6417" s="18"/>
      <c r="O6417" s="18"/>
      <c r="P6417" s="19"/>
      <c r="Q6417" s="19"/>
      <c r="R6417" s="19"/>
      <c r="S6417" s="19"/>
      <c r="T6417" s="19"/>
      <c r="U6417" s="19"/>
      <c r="V6417" s="19"/>
      <c r="W6417" s="19"/>
      <c r="X6417" s="19"/>
      <c r="Y6417" s="19"/>
      <c r="Z6417" s="19"/>
      <c r="AA6417" s="19"/>
    </row>
    <row r="6418" spans="1:27" s="1" customFormat="1" ht="14.1" customHeight="1" outlineLevel="2" x14ac:dyDescent="0.2">
      <c r="A6418" s="17">
        <v>17731</v>
      </c>
      <c r="B6418" s="17"/>
      <c r="C6418" s="17"/>
      <c r="D6418" s="18" t="s">
        <v>3190</v>
      </c>
      <c r="E6418" s="18"/>
      <c r="F6418" s="18"/>
      <c r="G6418" s="18"/>
      <c r="H6418" s="18"/>
      <c r="I6418" s="18"/>
      <c r="J6418" s="18"/>
      <c r="K6418" s="18"/>
      <c r="L6418" s="18"/>
      <c r="M6418" s="18"/>
      <c r="N6418" s="18"/>
      <c r="O6418" s="18"/>
      <c r="P6418" s="19">
        <v>100</v>
      </c>
      <c r="Q6418" s="19"/>
      <c r="R6418" s="19"/>
      <c r="S6418" s="19"/>
      <c r="T6418" s="19">
        <v>70</v>
      </c>
      <c r="U6418" s="19"/>
      <c r="V6418" s="19"/>
      <c r="W6418" s="19"/>
      <c r="X6418" s="19">
        <v>18</v>
      </c>
      <c r="Y6418" s="19"/>
      <c r="Z6418" s="19"/>
      <c r="AA6418" s="19"/>
    </row>
    <row r="6419" spans="1:27" s="1" customFormat="1" ht="14.1" customHeight="1" outlineLevel="2" x14ac:dyDescent="0.2">
      <c r="A6419" s="17"/>
      <c r="B6419" s="17"/>
      <c r="C6419" s="17"/>
      <c r="D6419" s="18"/>
      <c r="E6419" s="18"/>
      <c r="F6419" s="18"/>
      <c r="G6419" s="18"/>
      <c r="H6419" s="18"/>
      <c r="I6419" s="18"/>
      <c r="J6419" s="18"/>
      <c r="K6419" s="18"/>
      <c r="L6419" s="18"/>
      <c r="M6419" s="18"/>
      <c r="N6419" s="18"/>
      <c r="O6419" s="18"/>
      <c r="P6419" s="19"/>
      <c r="Q6419" s="19"/>
      <c r="R6419" s="19"/>
      <c r="S6419" s="19"/>
      <c r="T6419" s="19"/>
      <c r="U6419" s="19"/>
      <c r="V6419" s="19"/>
      <c r="W6419" s="19"/>
      <c r="X6419" s="19"/>
      <c r="Y6419" s="19"/>
      <c r="Z6419" s="19"/>
      <c r="AA6419" s="19"/>
    </row>
    <row r="6420" spans="1:27" s="1" customFormat="1" ht="11.1" customHeight="1" outlineLevel="2" x14ac:dyDescent="0.2">
      <c r="A6420" s="17">
        <v>17744</v>
      </c>
      <c r="B6420" s="17"/>
      <c r="C6420" s="17"/>
      <c r="D6420" s="18" t="s">
        <v>3191</v>
      </c>
      <c r="E6420" s="18"/>
      <c r="F6420" s="18"/>
      <c r="G6420" s="18"/>
      <c r="H6420" s="18"/>
      <c r="I6420" s="18"/>
      <c r="J6420" s="18"/>
      <c r="K6420" s="18"/>
      <c r="L6420" s="18"/>
      <c r="M6420" s="18"/>
      <c r="N6420" s="18"/>
      <c r="O6420" s="18"/>
      <c r="P6420" s="19">
        <v>100</v>
      </c>
      <c r="Q6420" s="19"/>
      <c r="R6420" s="19"/>
      <c r="S6420" s="19"/>
      <c r="T6420" s="19">
        <v>70</v>
      </c>
      <c r="U6420" s="19"/>
      <c r="V6420" s="19"/>
      <c r="W6420" s="19"/>
      <c r="X6420" s="19">
        <v>20</v>
      </c>
      <c r="Y6420" s="19"/>
      <c r="Z6420" s="19"/>
      <c r="AA6420" s="19"/>
    </row>
    <row r="6421" spans="1:27" s="1" customFormat="1" ht="11.1" customHeight="1" outlineLevel="2" x14ac:dyDescent="0.2">
      <c r="A6421" s="17"/>
      <c r="B6421" s="17"/>
      <c r="C6421" s="17"/>
      <c r="D6421" s="18"/>
      <c r="E6421" s="18"/>
      <c r="F6421" s="18"/>
      <c r="G6421" s="18"/>
      <c r="H6421" s="18"/>
      <c r="I6421" s="18"/>
      <c r="J6421" s="18"/>
      <c r="K6421" s="18"/>
      <c r="L6421" s="18"/>
      <c r="M6421" s="18"/>
      <c r="N6421" s="18"/>
      <c r="O6421" s="18"/>
      <c r="P6421" s="19"/>
      <c r="Q6421" s="19"/>
      <c r="R6421" s="19"/>
      <c r="S6421" s="19"/>
      <c r="T6421" s="19"/>
      <c r="U6421" s="19"/>
      <c r="V6421" s="19"/>
      <c r="W6421" s="19"/>
      <c r="X6421" s="19"/>
      <c r="Y6421" s="19"/>
      <c r="Z6421" s="19"/>
      <c r="AA6421" s="19"/>
    </row>
    <row r="6422" spans="1:27" s="1" customFormat="1" ht="11.1" customHeight="1" outlineLevel="2" x14ac:dyDescent="0.2">
      <c r="A6422" s="17">
        <v>17729</v>
      </c>
      <c r="B6422" s="17"/>
      <c r="C6422" s="17"/>
      <c r="D6422" s="18" t="s">
        <v>3192</v>
      </c>
      <c r="E6422" s="18"/>
      <c r="F6422" s="18"/>
      <c r="G6422" s="18"/>
      <c r="H6422" s="18"/>
      <c r="I6422" s="18"/>
      <c r="J6422" s="18"/>
      <c r="K6422" s="18"/>
      <c r="L6422" s="18"/>
      <c r="M6422" s="18"/>
      <c r="N6422" s="18"/>
      <c r="O6422" s="18"/>
      <c r="P6422" s="19">
        <v>100</v>
      </c>
      <c r="Q6422" s="19"/>
      <c r="R6422" s="19"/>
      <c r="S6422" s="19"/>
      <c r="T6422" s="19">
        <v>70</v>
      </c>
      <c r="U6422" s="19"/>
      <c r="V6422" s="19"/>
      <c r="W6422" s="19"/>
      <c r="X6422" s="19">
        <v>20</v>
      </c>
      <c r="Y6422" s="19"/>
      <c r="Z6422" s="19"/>
      <c r="AA6422" s="19"/>
    </row>
    <row r="6423" spans="1:27" s="1" customFormat="1" ht="11.1" customHeight="1" outlineLevel="2" x14ac:dyDescent="0.2">
      <c r="A6423" s="17"/>
      <c r="B6423" s="17"/>
      <c r="C6423" s="17"/>
      <c r="D6423" s="18"/>
      <c r="E6423" s="18"/>
      <c r="F6423" s="18"/>
      <c r="G6423" s="18"/>
      <c r="H6423" s="18"/>
      <c r="I6423" s="18"/>
      <c r="J6423" s="18"/>
      <c r="K6423" s="18"/>
      <c r="L6423" s="18"/>
      <c r="M6423" s="18"/>
      <c r="N6423" s="18"/>
      <c r="O6423" s="18"/>
      <c r="P6423" s="19"/>
      <c r="Q6423" s="19"/>
      <c r="R6423" s="19"/>
      <c r="S6423" s="19"/>
      <c r="T6423" s="19"/>
      <c r="U6423" s="19"/>
      <c r="V6423" s="19"/>
      <c r="W6423" s="19"/>
      <c r="X6423" s="19"/>
      <c r="Y6423" s="19"/>
      <c r="Z6423" s="19"/>
      <c r="AA6423" s="19"/>
    </row>
    <row r="6424" spans="1:27" s="1" customFormat="1" ht="11.1" customHeight="1" outlineLevel="2" x14ac:dyDescent="0.2">
      <c r="A6424" s="17">
        <v>17726</v>
      </c>
      <c r="B6424" s="17"/>
      <c r="C6424" s="17"/>
      <c r="D6424" s="18" t="s">
        <v>3193</v>
      </c>
      <c r="E6424" s="18"/>
      <c r="F6424" s="18"/>
      <c r="G6424" s="18"/>
      <c r="H6424" s="18"/>
      <c r="I6424" s="18"/>
      <c r="J6424" s="18"/>
      <c r="K6424" s="18"/>
      <c r="L6424" s="18"/>
      <c r="M6424" s="18"/>
      <c r="N6424" s="18"/>
      <c r="O6424" s="18"/>
      <c r="P6424" s="19">
        <v>100</v>
      </c>
      <c r="Q6424" s="19"/>
      <c r="R6424" s="19"/>
      <c r="S6424" s="19"/>
      <c r="T6424" s="19">
        <v>70</v>
      </c>
      <c r="U6424" s="19"/>
      <c r="V6424" s="19"/>
      <c r="W6424" s="19"/>
      <c r="X6424" s="19">
        <v>20</v>
      </c>
      <c r="Y6424" s="19"/>
      <c r="Z6424" s="19"/>
      <c r="AA6424" s="19"/>
    </row>
    <row r="6425" spans="1:27" s="1" customFormat="1" ht="11.1" customHeight="1" outlineLevel="2" x14ac:dyDescent="0.2">
      <c r="A6425" s="17"/>
      <c r="B6425" s="17"/>
      <c r="C6425" s="17"/>
      <c r="D6425" s="18"/>
      <c r="E6425" s="18"/>
      <c r="F6425" s="18"/>
      <c r="G6425" s="18"/>
      <c r="H6425" s="18"/>
      <c r="I6425" s="18"/>
      <c r="J6425" s="18"/>
      <c r="K6425" s="18"/>
      <c r="L6425" s="18"/>
      <c r="M6425" s="18"/>
      <c r="N6425" s="18"/>
      <c r="O6425" s="18"/>
      <c r="P6425" s="19"/>
      <c r="Q6425" s="19"/>
      <c r="R6425" s="19"/>
      <c r="S6425" s="19"/>
      <c r="T6425" s="19"/>
      <c r="U6425" s="19"/>
      <c r="V6425" s="19"/>
      <c r="W6425" s="19"/>
      <c r="X6425" s="19"/>
      <c r="Y6425" s="19"/>
      <c r="Z6425" s="19"/>
      <c r="AA6425" s="19"/>
    </row>
    <row r="6426" spans="1:27" s="1" customFormat="1" ht="11.1" customHeight="1" outlineLevel="2" x14ac:dyDescent="0.2">
      <c r="A6426" s="17">
        <v>17739</v>
      </c>
      <c r="B6426" s="17"/>
      <c r="C6426" s="17"/>
      <c r="D6426" s="18" t="s">
        <v>3194</v>
      </c>
      <c r="E6426" s="18"/>
      <c r="F6426" s="18"/>
      <c r="G6426" s="18"/>
      <c r="H6426" s="18"/>
      <c r="I6426" s="18"/>
      <c r="J6426" s="18"/>
      <c r="K6426" s="18"/>
      <c r="L6426" s="18"/>
      <c r="M6426" s="18"/>
      <c r="N6426" s="18"/>
      <c r="O6426" s="18"/>
      <c r="P6426" s="19">
        <v>100</v>
      </c>
      <c r="Q6426" s="19"/>
      <c r="R6426" s="19"/>
      <c r="S6426" s="19"/>
      <c r="T6426" s="19">
        <v>70</v>
      </c>
      <c r="U6426" s="19"/>
      <c r="V6426" s="19"/>
      <c r="W6426" s="19"/>
      <c r="X6426" s="19">
        <v>20</v>
      </c>
      <c r="Y6426" s="19"/>
      <c r="Z6426" s="19"/>
      <c r="AA6426" s="19"/>
    </row>
    <row r="6427" spans="1:27" s="1" customFormat="1" ht="11.1" customHeight="1" outlineLevel="2" x14ac:dyDescent="0.2">
      <c r="A6427" s="17"/>
      <c r="B6427" s="17"/>
      <c r="C6427" s="17"/>
      <c r="D6427" s="18"/>
      <c r="E6427" s="18"/>
      <c r="F6427" s="18"/>
      <c r="G6427" s="18"/>
      <c r="H6427" s="18"/>
      <c r="I6427" s="18"/>
      <c r="J6427" s="18"/>
      <c r="K6427" s="18"/>
      <c r="L6427" s="18"/>
      <c r="M6427" s="18"/>
      <c r="N6427" s="18"/>
      <c r="O6427" s="18"/>
      <c r="P6427" s="19"/>
      <c r="Q6427" s="19"/>
      <c r="R6427" s="19"/>
      <c r="S6427" s="19"/>
      <c r="T6427" s="19"/>
      <c r="U6427" s="19"/>
      <c r="V6427" s="19"/>
      <c r="W6427" s="19"/>
      <c r="X6427" s="19"/>
      <c r="Y6427" s="19"/>
      <c r="Z6427" s="19"/>
      <c r="AA6427" s="19"/>
    </row>
    <row r="6428" spans="1:27" s="1" customFormat="1" ht="11.1" customHeight="1" outlineLevel="2" x14ac:dyDescent="0.2">
      <c r="A6428" s="17">
        <v>17735</v>
      </c>
      <c r="B6428" s="17"/>
      <c r="C6428" s="17"/>
      <c r="D6428" s="18" t="s">
        <v>3195</v>
      </c>
      <c r="E6428" s="18"/>
      <c r="F6428" s="18"/>
      <c r="G6428" s="18"/>
      <c r="H6428" s="18"/>
      <c r="I6428" s="18"/>
      <c r="J6428" s="18"/>
      <c r="K6428" s="18"/>
      <c r="L6428" s="18"/>
      <c r="M6428" s="18"/>
      <c r="N6428" s="18"/>
      <c r="O6428" s="18"/>
      <c r="P6428" s="19">
        <v>100</v>
      </c>
      <c r="Q6428" s="19"/>
      <c r="R6428" s="19"/>
      <c r="S6428" s="19"/>
      <c r="T6428" s="19">
        <v>70</v>
      </c>
      <c r="U6428" s="19"/>
      <c r="V6428" s="19"/>
      <c r="W6428" s="19"/>
      <c r="X6428" s="19">
        <v>20</v>
      </c>
      <c r="Y6428" s="19"/>
      <c r="Z6428" s="19"/>
      <c r="AA6428" s="19"/>
    </row>
    <row r="6429" spans="1:27" s="1" customFormat="1" ht="11.1" customHeight="1" outlineLevel="2" x14ac:dyDescent="0.2">
      <c r="A6429" s="17"/>
      <c r="B6429" s="17"/>
      <c r="C6429" s="17"/>
      <c r="D6429" s="18"/>
      <c r="E6429" s="18"/>
      <c r="F6429" s="18"/>
      <c r="G6429" s="18"/>
      <c r="H6429" s="18"/>
      <c r="I6429" s="18"/>
      <c r="J6429" s="18"/>
      <c r="K6429" s="18"/>
      <c r="L6429" s="18"/>
      <c r="M6429" s="18"/>
      <c r="N6429" s="18"/>
      <c r="O6429" s="18"/>
      <c r="P6429" s="19"/>
      <c r="Q6429" s="19"/>
      <c r="R6429" s="19"/>
      <c r="S6429" s="19"/>
      <c r="T6429" s="19"/>
      <c r="U6429" s="19"/>
      <c r="V6429" s="19"/>
      <c r="W6429" s="19"/>
      <c r="X6429" s="19"/>
      <c r="Y6429" s="19"/>
      <c r="Z6429" s="19"/>
      <c r="AA6429" s="19"/>
    </row>
    <row r="6430" spans="1:27" s="1" customFormat="1" ht="11.1" customHeight="1" outlineLevel="2" x14ac:dyDescent="0.2">
      <c r="A6430" s="17">
        <v>17733</v>
      </c>
      <c r="B6430" s="17"/>
      <c r="C6430" s="17"/>
      <c r="D6430" s="18" t="s">
        <v>3196</v>
      </c>
      <c r="E6430" s="18"/>
      <c r="F6430" s="18"/>
      <c r="G6430" s="18"/>
      <c r="H6430" s="18"/>
      <c r="I6430" s="18"/>
      <c r="J6430" s="18"/>
      <c r="K6430" s="18"/>
      <c r="L6430" s="18"/>
      <c r="M6430" s="18"/>
      <c r="N6430" s="18"/>
      <c r="O6430" s="18"/>
      <c r="P6430" s="19">
        <v>100</v>
      </c>
      <c r="Q6430" s="19"/>
      <c r="R6430" s="19"/>
      <c r="S6430" s="19"/>
      <c r="T6430" s="19">
        <v>70</v>
      </c>
      <c r="U6430" s="19"/>
      <c r="V6430" s="19"/>
      <c r="W6430" s="19"/>
      <c r="X6430" s="19">
        <v>20</v>
      </c>
      <c r="Y6430" s="19"/>
      <c r="Z6430" s="19"/>
      <c r="AA6430" s="19"/>
    </row>
    <row r="6431" spans="1:27" s="1" customFormat="1" ht="11.1" customHeight="1" outlineLevel="2" x14ac:dyDescent="0.2">
      <c r="A6431" s="17"/>
      <c r="B6431" s="17"/>
      <c r="C6431" s="17"/>
      <c r="D6431" s="18"/>
      <c r="E6431" s="18"/>
      <c r="F6431" s="18"/>
      <c r="G6431" s="18"/>
      <c r="H6431" s="18"/>
      <c r="I6431" s="18"/>
      <c r="J6431" s="18"/>
      <c r="K6431" s="18"/>
      <c r="L6431" s="18"/>
      <c r="M6431" s="18"/>
      <c r="N6431" s="18"/>
      <c r="O6431" s="18"/>
      <c r="P6431" s="19"/>
      <c r="Q6431" s="19"/>
      <c r="R6431" s="19"/>
      <c r="S6431" s="19"/>
      <c r="T6431" s="19"/>
      <c r="U6431" s="19"/>
      <c r="V6431" s="19"/>
      <c r="W6431" s="19"/>
      <c r="X6431" s="19"/>
      <c r="Y6431" s="19"/>
      <c r="Z6431" s="19"/>
      <c r="AA6431" s="19"/>
    </row>
    <row r="6432" spans="1:27" s="1" customFormat="1" ht="11.1" customHeight="1" outlineLevel="2" x14ac:dyDescent="0.2">
      <c r="A6432" s="17">
        <v>17774</v>
      </c>
      <c r="B6432" s="17"/>
      <c r="C6432" s="17"/>
      <c r="D6432" s="18" t="s">
        <v>3197</v>
      </c>
      <c r="E6432" s="18"/>
      <c r="F6432" s="18"/>
      <c r="G6432" s="18"/>
      <c r="H6432" s="18"/>
      <c r="I6432" s="18"/>
      <c r="J6432" s="18"/>
      <c r="K6432" s="18"/>
      <c r="L6432" s="18"/>
      <c r="M6432" s="18"/>
      <c r="N6432" s="18"/>
      <c r="O6432" s="18"/>
      <c r="P6432" s="19">
        <v>100</v>
      </c>
      <c r="Q6432" s="19"/>
      <c r="R6432" s="19"/>
      <c r="S6432" s="19"/>
      <c r="T6432" s="19">
        <v>70</v>
      </c>
      <c r="U6432" s="19"/>
      <c r="V6432" s="19"/>
      <c r="W6432" s="19"/>
      <c r="X6432" s="19">
        <v>20</v>
      </c>
      <c r="Y6432" s="19"/>
      <c r="Z6432" s="19"/>
      <c r="AA6432" s="19"/>
    </row>
    <row r="6433" spans="1:27" s="1" customFormat="1" ht="11.1" customHeight="1" outlineLevel="2" x14ac:dyDescent="0.2">
      <c r="A6433" s="17"/>
      <c r="B6433" s="17"/>
      <c r="C6433" s="17"/>
      <c r="D6433" s="18"/>
      <c r="E6433" s="18"/>
      <c r="F6433" s="18"/>
      <c r="G6433" s="18"/>
      <c r="H6433" s="18"/>
      <c r="I6433" s="18"/>
      <c r="J6433" s="18"/>
      <c r="K6433" s="18"/>
      <c r="L6433" s="18"/>
      <c r="M6433" s="18"/>
      <c r="N6433" s="18"/>
      <c r="O6433" s="18"/>
      <c r="P6433" s="19"/>
      <c r="Q6433" s="19"/>
      <c r="R6433" s="19"/>
      <c r="S6433" s="19"/>
      <c r="T6433" s="19"/>
      <c r="U6433" s="19"/>
      <c r="V6433" s="19"/>
      <c r="W6433" s="19"/>
      <c r="X6433" s="19"/>
      <c r="Y6433" s="19"/>
      <c r="Z6433" s="19"/>
      <c r="AA6433" s="19"/>
    </row>
    <row r="6434" spans="1:27" s="1" customFormat="1" ht="11.1" customHeight="1" outlineLevel="2" x14ac:dyDescent="0.2">
      <c r="A6434" s="17">
        <v>17779</v>
      </c>
      <c r="B6434" s="17"/>
      <c r="C6434" s="17"/>
      <c r="D6434" s="18" t="s">
        <v>3198</v>
      </c>
      <c r="E6434" s="18"/>
      <c r="F6434" s="18"/>
      <c r="G6434" s="18"/>
      <c r="H6434" s="18"/>
      <c r="I6434" s="18"/>
      <c r="J6434" s="18"/>
      <c r="K6434" s="18"/>
      <c r="L6434" s="18"/>
      <c r="M6434" s="18"/>
      <c r="N6434" s="18"/>
      <c r="O6434" s="18"/>
      <c r="P6434" s="19">
        <v>100</v>
      </c>
      <c r="Q6434" s="19"/>
      <c r="R6434" s="19"/>
      <c r="S6434" s="19"/>
      <c r="T6434" s="19">
        <v>70</v>
      </c>
      <c r="U6434" s="19"/>
      <c r="V6434" s="19"/>
      <c r="W6434" s="19"/>
      <c r="X6434" s="19">
        <v>20</v>
      </c>
      <c r="Y6434" s="19"/>
      <c r="Z6434" s="19"/>
      <c r="AA6434" s="19"/>
    </row>
    <row r="6435" spans="1:27" s="1" customFormat="1" ht="11.1" customHeight="1" outlineLevel="2" x14ac:dyDescent="0.2">
      <c r="A6435" s="17"/>
      <c r="B6435" s="17"/>
      <c r="C6435" s="17"/>
      <c r="D6435" s="18"/>
      <c r="E6435" s="18"/>
      <c r="F6435" s="18"/>
      <c r="G6435" s="18"/>
      <c r="H6435" s="18"/>
      <c r="I6435" s="18"/>
      <c r="J6435" s="18"/>
      <c r="K6435" s="18"/>
      <c r="L6435" s="18"/>
      <c r="M6435" s="18"/>
      <c r="N6435" s="18"/>
      <c r="O6435" s="18"/>
      <c r="P6435" s="19"/>
      <c r="Q6435" s="19"/>
      <c r="R6435" s="19"/>
      <c r="S6435" s="19"/>
      <c r="T6435" s="19"/>
      <c r="U6435" s="19"/>
      <c r="V6435" s="19"/>
      <c r="W6435" s="19"/>
      <c r="X6435" s="19"/>
      <c r="Y6435" s="19"/>
      <c r="Z6435" s="19"/>
      <c r="AA6435" s="19"/>
    </row>
    <row r="6436" spans="1:27" s="1" customFormat="1" ht="11.1" customHeight="1" outlineLevel="2" x14ac:dyDescent="0.2">
      <c r="A6436" s="17">
        <v>17738</v>
      </c>
      <c r="B6436" s="17"/>
      <c r="C6436" s="17"/>
      <c r="D6436" s="18" t="s">
        <v>3199</v>
      </c>
      <c r="E6436" s="18"/>
      <c r="F6436" s="18"/>
      <c r="G6436" s="18"/>
      <c r="H6436" s="18"/>
      <c r="I6436" s="18"/>
      <c r="J6436" s="18"/>
      <c r="K6436" s="18"/>
      <c r="L6436" s="18"/>
      <c r="M6436" s="18"/>
      <c r="N6436" s="18"/>
      <c r="O6436" s="18"/>
      <c r="P6436" s="19">
        <v>100</v>
      </c>
      <c r="Q6436" s="19"/>
      <c r="R6436" s="19"/>
      <c r="S6436" s="19"/>
      <c r="T6436" s="19">
        <v>70</v>
      </c>
      <c r="U6436" s="19"/>
      <c r="V6436" s="19"/>
      <c r="W6436" s="19"/>
      <c r="X6436" s="19">
        <v>42</v>
      </c>
      <c r="Y6436" s="19"/>
      <c r="Z6436" s="19"/>
      <c r="AA6436" s="19"/>
    </row>
    <row r="6437" spans="1:27" s="1" customFormat="1" ht="11.1" customHeight="1" outlineLevel="2" x14ac:dyDescent="0.2">
      <c r="A6437" s="17"/>
      <c r="B6437" s="17"/>
      <c r="C6437" s="17"/>
      <c r="D6437" s="18"/>
      <c r="E6437" s="18"/>
      <c r="F6437" s="18"/>
      <c r="G6437" s="18"/>
      <c r="H6437" s="18"/>
      <c r="I6437" s="18"/>
      <c r="J6437" s="18"/>
      <c r="K6437" s="18"/>
      <c r="L6437" s="18"/>
      <c r="M6437" s="18"/>
      <c r="N6437" s="18"/>
      <c r="O6437" s="18"/>
      <c r="P6437" s="19"/>
      <c r="Q6437" s="19"/>
      <c r="R6437" s="19"/>
      <c r="S6437" s="19"/>
      <c r="T6437" s="19"/>
      <c r="U6437" s="19"/>
      <c r="V6437" s="19"/>
      <c r="W6437" s="19"/>
      <c r="X6437" s="19"/>
      <c r="Y6437" s="19"/>
      <c r="Z6437" s="19"/>
      <c r="AA6437" s="19"/>
    </row>
    <row r="6438" spans="1:27" s="1" customFormat="1" ht="11.1" customHeight="1" outlineLevel="2" x14ac:dyDescent="0.2">
      <c r="A6438" s="17">
        <v>17727</v>
      </c>
      <c r="B6438" s="17"/>
      <c r="C6438" s="17"/>
      <c r="D6438" s="18" t="s">
        <v>3200</v>
      </c>
      <c r="E6438" s="18"/>
      <c r="F6438" s="18"/>
      <c r="G6438" s="18"/>
      <c r="H6438" s="18"/>
      <c r="I6438" s="18"/>
      <c r="J6438" s="18"/>
      <c r="K6438" s="18"/>
      <c r="L6438" s="18"/>
      <c r="M6438" s="18"/>
      <c r="N6438" s="18"/>
      <c r="O6438" s="18"/>
      <c r="P6438" s="19">
        <v>100</v>
      </c>
      <c r="Q6438" s="19"/>
      <c r="R6438" s="19"/>
      <c r="S6438" s="19"/>
      <c r="T6438" s="19">
        <v>70</v>
      </c>
      <c r="U6438" s="19"/>
      <c r="V6438" s="19"/>
      <c r="W6438" s="19"/>
      <c r="X6438" s="19">
        <v>40</v>
      </c>
      <c r="Y6438" s="19"/>
      <c r="Z6438" s="19"/>
      <c r="AA6438" s="19"/>
    </row>
    <row r="6439" spans="1:27" s="1" customFormat="1" ht="11.1" customHeight="1" outlineLevel="2" x14ac:dyDescent="0.2">
      <c r="A6439" s="17"/>
      <c r="B6439" s="17"/>
      <c r="C6439" s="17"/>
      <c r="D6439" s="18"/>
      <c r="E6439" s="18"/>
      <c r="F6439" s="18"/>
      <c r="G6439" s="18"/>
      <c r="H6439" s="18"/>
      <c r="I6439" s="18"/>
      <c r="J6439" s="18"/>
      <c r="K6439" s="18"/>
      <c r="L6439" s="18"/>
      <c r="M6439" s="18"/>
      <c r="N6439" s="18"/>
      <c r="O6439" s="18"/>
      <c r="P6439" s="19"/>
      <c r="Q6439" s="19"/>
      <c r="R6439" s="19"/>
      <c r="S6439" s="19"/>
      <c r="T6439" s="19"/>
      <c r="U6439" s="19"/>
      <c r="V6439" s="19"/>
      <c r="W6439" s="19"/>
      <c r="X6439" s="19"/>
      <c r="Y6439" s="19"/>
      <c r="Z6439" s="19"/>
      <c r="AA6439" s="19"/>
    </row>
    <row r="6440" spans="1:27" s="1" customFormat="1" ht="11.1" customHeight="1" outlineLevel="2" x14ac:dyDescent="0.2">
      <c r="A6440" s="17">
        <v>17728</v>
      </c>
      <c r="B6440" s="17"/>
      <c r="C6440" s="17"/>
      <c r="D6440" s="18" t="s">
        <v>3201</v>
      </c>
      <c r="E6440" s="18"/>
      <c r="F6440" s="18"/>
      <c r="G6440" s="18"/>
      <c r="H6440" s="18"/>
      <c r="I6440" s="18"/>
      <c r="J6440" s="18"/>
      <c r="K6440" s="18"/>
      <c r="L6440" s="18"/>
      <c r="M6440" s="18"/>
      <c r="N6440" s="18"/>
      <c r="O6440" s="18"/>
      <c r="P6440" s="19">
        <v>100</v>
      </c>
      <c r="Q6440" s="19"/>
      <c r="R6440" s="19"/>
      <c r="S6440" s="19"/>
      <c r="T6440" s="19">
        <v>70</v>
      </c>
      <c r="U6440" s="19"/>
      <c r="V6440" s="19"/>
      <c r="W6440" s="19"/>
      <c r="X6440" s="19">
        <v>39</v>
      </c>
      <c r="Y6440" s="19"/>
      <c r="Z6440" s="19"/>
      <c r="AA6440" s="19"/>
    </row>
    <row r="6441" spans="1:27" s="1" customFormat="1" ht="11.1" customHeight="1" outlineLevel="2" x14ac:dyDescent="0.2">
      <c r="A6441" s="17"/>
      <c r="B6441" s="17"/>
      <c r="C6441" s="17"/>
      <c r="D6441" s="18"/>
      <c r="E6441" s="18"/>
      <c r="F6441" s="18"/>
      <c r="G6441" s="18"/>
      <c r="H6441" s="18"/>
      <c r="I6441" s="18"/>
      <c r="J6441" s="18"/>
      <c r="K6441" s="18"/>
      <c r="L6441" s="18"/>
      <c r="M6441" s="18"/>
      <c r="N6441" s="18"/>
      <c r="O6441" s="18"/>
      <c r="P6441" s="19"/>
      <c r="Q6441" s="19"/>
      <c r="R6441" s="19"/>
      <c r="S6441" s="19"/>
      <c r="T6441" s="19"/>
      <c r="U6441" s="19"/>
      <c r="V6441" s="19"/>
      <c r="W6441" s="19"/>
      <c r="X6441" s="19"/>
      <c r="Y6441" s="19"/>
      <c r="Z6441" s="19"/>
      <c r="AA6441" s="19"/>
    </row>
    <row r="6442" spans="1:27" s="1" customFormat="1" ht="11.1" customHeight="1" outlineLevel="2" x14ac:dyDescent="0.2">
      <c r="A6442" s="17">
        <v>17736</v>
      </c>
      <c r="B6442" s="17"/>
      <c r="C6442" s="17"/>
      <c r="D6442" s="18" t="s">
        <v>3202</v>
      </c>
      <c r="E6442" s="18"/>
      <c r="F6442" s="18"/>
      <c r="G6442" s="18"/>
      <c r="H6442" s="18"/>
      <c r="I6442" s="18"/>
      <c r="J6442" s="18"/>
      <c r="K6442" s="18"/>
      <c r="L6442" s="18"/>
      <c r="M6442" s="18"/>
      <c r="N6442" s="18"/>
      <c r="O6442" s="18"/>
      <c r="P6442" s="19">
        <v>100</v>
      </c>
      <c r="Q6442" s="19"/>
      <c r="R6442" s="19"/>
      <c r="S6442" s="19"/>
      <c r="T6442" s="19">
        <v>70</v>
      </c>
      <c r="U6442" s="19"/>
      <c r="V6442" s="19"/>
      <c r="W6442" s="19"/>
      <c r="X6442" s="19">
        <v>20</v>
      </c>
      <c r="Y6442" s="19"/>
      <c r="Z6442" s="19"/>
      <c r="AA6442" s="19"/>
    </row>
    <row r="6443" spans="1:27" s="1" customFormat="1" ht="11.1" customHeight="1" outlineLevel="2" x14ac:dyDescent="0.2">
      <c r="A6443" s="17"/>
      <c r="B6443" s="17"/>
      <c r="C6443" s="17"/>
      <c r="D6443" s="18"/>
      <c r="E6443" s="18"/>
      <c r="F6443" s="18"/>
      <c r="G6443" s="18"/>
      <c r="H6443" s="18"/>
      <c r="I6443" s="18"/>
      <c r="J6443" s="18"/>
      <c r="K6443" s="18"/>
      <c r="L6443" s="18"/>
      <c r="M6443" s="18"/>
      <c r="N6443" s="18"/>
      <c r="O6443" s="18"/>
      <c r="P6443" s="19"/>
      <c r="Q6443" s="19"/>
      <c r="R6443" s="19"/>
      <c r="S6443" s="19"/>
      <c r="T6443" s="19"/>
      <c r="U6443" s="19"/>
      <c r="V6443" s="19"/>
      <c r="W6443" s="19"/>
      <c r="X6443" s="19"/>
      <c r="Y6443" s="19"/>
      <c r="Z6443" s="19"/>
      <c r="AA6443" s="19"/>
    </row>
    <row r="6444" spans="1:27" s="1" customFormat="1" ht="11.1" customHeight="1" outlineLevel="2" x14ac:dyDescent="0.2">
      <c r="A6444" s="17">
        <v>17768</v>
      </c>
      <c r="B6444" s="17"/>
      <c r="C6444" s="17"/>
      <c r="D6444" s="18" t="s">
        <v>3203</v>
      </c>
      <c r="E6444" s="18"/>
      <c r="F6444" s="18"/>
      <c r="G6444" s="18"/>
      <c r="H6444" s="18"/>
      <c r="I6444" s="18"/>
      <c r="J6444" s="18"/>
      <c r="K6444" s="18"/>
      <c r="L6444" s="18"/>
      <c r="M6444" s="18"/>
      <c r="N6444" s="18"/>
      <c r="O6444" s="18"/>
      <c r="P6444" s="19">
        <v>100</v>
      </c>
      <c r="Q6444" s="19"/>
      <c r="R6444" s="19"/>
      <c r="S6444" s="19"/>
      <c r="T6444" s="19">
        <v>70</v>
      </c>
      <c r="U6444" s="19"/>
      <c r="V6444" s="19"/>
      <c r="W6444" s="19"/>
      <c r="X6444" s="19">
        <v>20</v>
      </c>
      <c r="Y6444" s="19"/>
      <c r="Z6444" s="19"/>
      <c r="AA6444" s="19"/>
    </row>
    <row r="6445" spans="1:27" s="1" customFormat="1" ht="11.1" customHeight="1" outlineLevel="2" x14ac:dyDescent="0.2">
      <c r="A6445" s="17"/>
      <c r="B6445" s="17"/>
      <c r="C6445" s="17"/>
      <c r="D6445" s="18"/>
      <c r="E6445" s="18"/>
      <c r="F6445" s="18"/>
      <c r="G6445" s="18"/>
      <c r="H6445" s="18"/>
      <c r="I6445" s="18"/>
      <c r="J6445" s="18"/>
      <c r="K6445" s="18"/>
      <c r="L6445" s="18"/>
      <c r="M6445" s="18"/>
      <c r="N6445" s="18"/>
      <c r="O6445" s="18"/>
      <c r="P6445" s="19"/>
      <c r="Q6445" s="19"/>
      <c r="R6445" s="19"/>
      <c r="S6445" s="19"/>
      <c r="T6445" s="19"/>
      <c r="U6445" s="19"/>
      <c r="V6445" s="19"/>
      <c r="W6445" s="19"/>
      <c r="X6445" s="19"/>
      <c r="Y6445" s="19"/>
      <c r="Z6445" s="19"/>
      <c r="AA6445" s="19"/>
    </row>
    <row r="6446" spans="1:27" s="1" customFormat="1" ht="11.1" customHeight="1" outlineLevel="2" x14ac:dyDescent="0.2">
      <c r="A6446" s="17">
        <v>17740</v>
      </c>
      <c r="B6446" s="17"/>
      <c r="C6446" s="17"/>
      <c r="D6446" s="18" t="s">
        <v>3204</v>
      </c>
      <c r="E6446" s="18"/>
      <c r="F6446" s="18"/>
      <c r="G6446" s="18"/>
      <c r="H6446" s="18"/>
      <c r="I6446" s="18"/>
      <c r="J6446" s="18"/>
      <c r="K6446" s="18"/>
      <c r="L6446" s="18"/>
      <c r="M6446" s="18"/>
      <c r="N6446" s="18"/>
      <c r="O6446" s="18"/>
      <c r="P6446" s="19">
        <v>100</v>
      </c>
      <c r="Q6446" s="19"/>
      <c r="R6446" s="19"/>
      <c r="S6446" s="19"/>
      <c r="T6446" s="19">
        <v>70</v>
      </c>
      <c r="U6446" s="19"/>
      <c r="V6446" s="19"/>
      <c r="W6446" s="19"/>
      <c r="X6446" s="19">
        <v>20</v>
      </c>
      <c r="Y6446" s="19"/>
      <c r="Z6446" s="19"/>
      <c r="AA6446" s="19"/>
    </row>
    <row r="6447" spans="1:27" s="1" customFormat="1" ht="11.1" customHeight="1" outlineLevel="2" x14ac:dyDescent="0.2">
      <c r="A6447" s="17"/>
      <c r="B6447" s="17"/>
      <c r="C6447" s="17"/>
      <c r="D6447" s="18"/>
      <c r="E6447" s="18"/>
      <c r="F6447" s="18"/>
      <c r="G6447" s="18"/>
      <c r="H6447" s="18"/>
      <c r="I6447" s="18"/>
      <c r="J6447" s="18"/>
      <c r="K6447" s="18"/>
      <c r="L6447" s="18"/>
      <c r="M6447" s="18"/>
      <c r="N6447" s="18"/>
      <c r="O6447" s="18"/>
      <c r="P6447" s="19"/>
      <c r="Q6447" s="19"/>
      <c r="R6447" s="19"/>
      <c r="S6447" s="19"/>
      <c r="T6447" s="19"/>
      <c r="U6447" s="19"/>
      <c r="V6447" s="19"/>
      <c r="W6447" s="19"/>
      <c r="X6447" s="19"/>
      <c r="Y6447" s="19"/>
      <c r="Z6447" s="19"/>
      <c r="AA6447" s="19"/>
    </row>
    <row r="6448" spans="1:27" s="1" customFormat="1" ht="11.1" customHeight="1" outlineLevel="2" x14ac:dyDescent="0.2">
      <c r="A6448" s="17">
        <v>17730</v>
      </c>
      <c r="B6448" s="17"/>
      <c r="C6448" s="17"/>
      <c r="D6448" s="18" t="s">
        <v>3205</v>
      </c>
      <c r="E6448" s="18"/>
      <c r="F6448" s="18"/>
      <c r="G6448" s="18"/>
      <c r="H6448" s="18"/>
      <c r="I6448" s="18"/>
      <c r="J6448" s="18"/>
      <c r="K6448" s="18"/>
      <c r="L6448" s="18"/>
      <c r="M6448" s="18"/>
      <c r="N6448" s="18"/>
      <c r="O6448" s="18"/>
      <c r="P6448" s="19">
        <v>100</v>
      </c>
      <c r="Q6448" s="19"/>
      <c r="R6448" s="19"/>
      <c r="S6448" s="19"/>
      <c r="T6448" s="19">
        <v>70</v>
      </c>
      <c r="U6448" s="19"/>
      <c r="V6448" s="19"/>
      <c r="W6448" s="19"/>
      <c r="X6448" s="19">
        <v>20</v>
      </c>
      <c r="Y6448" s="19"/>
      <c r="Z6448" s="19"/>
      <c r="AA6448" s="19"/>
    </row>
    <row r="6449" spans="1:27" s="1" customFormat="1" ht="11.1" customHeight="1" outlineLevel="2" x14ac:dyDescent="0.2">
      <c r="A6449" s="17"/>
      <c r="B6449" s="17"/>
      <c r="C6449" s="17"/>
      <c r="D6449" s="18"/>
      <c r="E6449" s="18"/>
      <c r="F6449" s="18"/>
      <c r="G6449" s="18"/>
      <c r="H6449" s="18"/>
      <c r="I6449" s="18"/>
      <c r="J6449" s="18"/>
      <c r="K6449" s="18"/>
      <c r="L6449" s="18"/>
      <c r="M6449" s="18"/>
      <c r="N6449" s="18"/>
      <c r="O6449" s="18"/>
      <c r="P6449" s="19"/>
      <c r="Q6449" s="19"/>
      <c r="R6449" s="19"/>
      <c r="S6449" s="19"/>
      <c r="T6449" s="19"/>
      <c r="U6449" s="19"/>
      <c r="V6449" s="19"/>
      <c r="W6449" s="19"/>
      <c r="X6449" s="19"/>
      <c r="Y6449" s="19"/>
      <c r="Z6449" s="19"/>
      <c r="AA6449" s="19"/>
    </row>
    <row r="6450" spans="1:27" s="1" customFormat="1" ht="11.1" customHeight="1" outlineLevel="2" x14ac:dyDescent="0.2">
      <c r="A6450" s="17">
        <v>17732</v>
      </c>
      <c r="B6450" s="17"/>
      <c r="C6450" s="17"/>
      <c r="D6450" s="18" t="s">
        <v>3206</v>
      </c>
      <c r="E6450" s="18"/>
      <c r="F6450" s="18"/>
      <c r="G6450" s="18"/>
      <c r="H6450" s="18"/>
      <c r="I6450" s="18"/>
      <c r="J6450" s="18"/>
      <c r="K6450" s="18"/>
      <c r="L6450" s="18"/>
      <c r="M6450" s="18"/>
      <c r="N6450" s="18"/>
      <c r="O6450" s="18"/>
      <c r="P6450" s="19">
        <v>100</v>
      </c>
      <c r="Q6450" s="19"/>
      <c r="R6450" s="19"/>
      <c r="S6450" s="19"/>
      <c r="T6450" s="19">
        <v>70</v>
      </c>
      <c r="U6450" s="19"/>
      <c r="V6450" s="19"/>
      <c r="W6450" s="19"/>
      <c r="X6450" s="19">
        <v>20</v>
      </c>
      <c r="Y6450" s="19"/>
      <c r="Z6450" s="19"/>
      <c r="AA6450" s="19"/>
    </row>
    <row r="6451" spans="1:27" s="1" customFormat="1" ht="11.1" customHeight="1" outlineLevel="2" x14ac:dyDescent="0.2">
      <c r="A6451" s="17"/>
      <c r="B6451" s="17"/>
      <c r="C6451" s="17"/>
      <c r="D6451" s="18"/>
      <c r="E6451" s="18"/>
      <c r="F6451" s="18"/>
      <c r="G6451" s="18"/>
      <c r="H6451" s="18"/>
      <c r="I6451" s="18"/>
      <c r="J6451" s="18"/>
      <c r="K6451" s="18"/>
      <c r="L6451" s="18"/>
      <c r="M6451" s="18"/>
      <c r="N6451" s="18"/>
      <c r="O6451" s="18"/>
      <c r="P6451" s="19"/>
      <c r="Q6451" s="19"/>
      <c r="R6451" s="19"/>
      <c r="S6451" s="19"/>
      <c r="T6451" s="19"/>
      <c r="U6451" s="19"/>
      <c r="V6451" s="19"/>
      <c r="W6451" s="19"/>
      <c r="X6451" s="19"/>
      <c r="Y6451" s="19"/>
      <c r="Z6451" s="19"/>
      <c r="AA6451" s="19"/>
    </row>
    <row r="6452" spans="1:27" s="1" customFormat="1" ht="11.1" customHeight="1" outlineLevel="2" x14ac:dyDescent="0.2">
      <c r="A6452" s="17">
        <v>17773</v>
      </c>
      <c r="B6452" s="17"/>
      <c r="C6452" s="17"/>
      <c r="D6452" s="18" t="s">
        <v>3207</v>
      </c>
      <c r="E6452" s="18"/>
      <c r="F6452" s="18"/>
      <c r="G6452" s="18"/>
      <c r="H6452" s="18"/>
      <c r="I6452" s="18"/>
      <c r="J6452" s="18"/>
      <c r="K6452" s="18"/>
      <c r="L6452" s="18"/>
      <c r="M6452" s="18"/>
      <c r="N6452" s="18"/>
      <c r="O6452" s="18"/>
      <c r="P6452" s="19">
        <v>100</v>
      </c>
      <c r="Q6452" s="19"/>
      <c r="R6452" s="19"/>
      <c r="S6452" s="19"/>
      <c r="T6452" s="19">
        <v>70</v>
      </c>
      <c r="U6452" s="19"/>
      <c r="V6452" s="19"/>
      <c r="W6452" s="19"/>
      <c r="X6452" s="19">
        <v>20</v>
      </c>
      <c r="Y6452" s="19"/>
      <c r="Z6452" s="19"/>
      <c r="AA6452" s="19"/>
    </row>
    <row r="6453" spans="1:27" s="1" customFormat="1" ht="11.1" customHeight="1" outlineLevel="2" x14ac:dyDescent="0.2">
      <c r="A6453" s="17"/>
      <c r="B6453" s="17"/>
      <c r="C6453" s="17"/>
      <c r="D6453" s="18"/>
      <c r="E6453" s="18"/>
      <c r="F6453" s="18"/>
      <c r="G6453" s="18"/>
      <c r="H6453" s="18"/>
      <c r="I6453" s="18"/>
      <c r="J6453" s="18"/>
      <c r="K6453" s="18"/>
      <c r="L6453" s="18"/>
      <c r="M6453" s="18"/>
      <c r="N6453" s="18"/>
      <c r="O6453" s="18"/>
      <c r="P6453" s="19"/>
      <c r="Q6453" s="19"/>
      <c r="R6453" s="19"/>
      <c r="S6453" s="19"/>
      <c r="T6453" s="19"/>
      <c r="U6453" s="19"/>
      <c r="V6453" s="19"/>
      <c r="W6453" s="19"/>
      <c r="X6453" s="19"/>
      <c r="Y6453" s="19"/>
      <c r="Z6453" s="19"/>
      <c r="AA6453" s="19"/>
    </row>
    <row r="6454" spans="1:27" s="1" customFormat="1" ht="14.1" customHeight="1" outlineLevel="2" x14ac:dyDescent="0.2">
      <c r="A6454" s="17">
        <v>17777</v>
      </c>
      <c r="B6454" s="17"/>
      <c r="C6454" s="17"/>
      <c r="D6454" s="18" t="s">
        <v>3208</v>
      </c>
      <c r="E6454" s="18"/>
      <c r="F6454" s="18"/>
      <c r="G6454" s="18"/>
      <c r="H6454" s="18"/>
      <c r="I6454" s="18"/>
      <c r="J6454" s="18"/>
      <c r="K6454" s="18"/>
      <c r="L6454" s="18"/>
      <c r="M6454" s="18"/>
      <c r="N6454" s="18"/>
      <c r="O6454" s="18"/>
      <c r="P6454" s="19">
        <v>100</v>
      </c>
      <c r="Q6454" s="19"/>
      <c r="R6454" s="19"/>
      <c r="S6454" s="19"/>
      <c r="T6454" s="19">
        <v>70</v>
      </c>
      <c r="U6454" s="19"/>
      <c r="V6454" s="19"/>
      <c r="W6454" s="19"/>
      <c r="X6454" s="19">
        <v>20</v>
      </c>
      <c r="Y6454" s="19"/>
      <c r="Z6454" s="19"/>
      <c r="AA6454" s="19"/>
    </row>
    <row r="6455" spans="1:27" s="1" customFormat="1" ht="14.1" customHeight="1" outlineLevel="2" x14ac:dyDescent="0.2">
      <c r="A6455" s="17"/>
      <c r="B6455" s="17"/>
      <c r="C6455" s="17"/>
      <c r="D6455" s="18"/>
      <c r="E6455" s="18"/>
      <c r="F6455" s="18"/>
      <c r="G6455" s="18"/>
      <c r="H6455" s="18"/>
      <c r="I6455" s="18"/>
      <c r="J6455" s="18"/>
      <c r="K6455" s="18"/>
      <c r="L6455" s="18"/>
      <c r="M6455" s="18"/>
      <c r="N6455" s="18"/>
      <c r="O6455" s="18"/>
      <c r="P6455" s="19"/>
      <c r="Q6455" s="19"/>
      <c r="R6455" s="19"/>
      <c r="S6455" s="19"/>
      <c r="T6455" s="19"/>
      <c r="U6455" s="19"/>
      <c r="V6455" s="19"/>
      <c r="W6455" s="19"/>
      <c r="X6455" s="19"/>
      <c r="Y6455" s="19"/>
      <c r="Z6455" s="19"/>
      <c r="AA6455" s="19"/>
    </row>
    <row r="6456" spans="1:27" s="1" customFormat="1" ht="11.1" customHeight="1" outlineLevel="2" x14ac:dyDescent="0.2">
      <c r="A6456" s="17">
        <v>17782</v>
      </c>
      <c r="B6456" s="17"/>
      <c r="C6456" s="17"/>
      <c r="D6456" s="18" t="s">
        <v>3209</v>
      </c>
      <c r="E6456" s="18"/>
      <c r="F6456" s="18"/>
      <c r="G6456" s="18"/>
      <c r="H6456" s="18"/>
      <c r="I6456" s="18"/>
      <c r="J6456" s="18"/>
      <c r="K6456" s="18"/>
      <c r="L6456" s="18"/>
      <c r="M6456" s="18"/>
      <c r="N6456" s="18"/>
      <c r="O6456" s="18"/>
      <c r="P6456" s="19">
        <v>100</v>
      </c>
      <c r="Q6456" s="19"/>
      <c r="R6456" s="19"/>
      <c r="S6456" s="19"/>
      <c r="T6456" s="19">
        <v>70</v>
      </c>
      <c r="U6456" s="19"/>
      <c r="V6456" s="19"/>
      <c r="W6456" s="19"/>
      <c r="X6456" s="19">
        <v>20</v>
      </c>
      <c r="Y6456" s="19"/>
      <c r="Z6456" s="19"/>
      <c r="AA6456" s="19"/>
    </row>
    <row r="6457" spans="1:27" s="1" customFormat="1" ht="11.1" customHeight="1" outlineLevel="2" x14ac:dyDescent="0.2">
      <c r="A6457" s="17"/>
      <c r="B6457" s="17"/>
      <c r="C6457" s="17"/>
      <c r="D6457" s="18"/>
      <c r="E6457" s="18"/>
      <c r="F6457" s="18"/>
      <c r="G6457" s="18"/>
      <c r="H6457" s="18"/>
      <c r="I6457" s="18"/>
      <c r="J6457" s="18"/>
      <c r="K6457" s="18"/>
      <c r="L6457" s="18"/>
      <c r="M6457" s="18"/>
      <c r="N6457" s="18"/>
      <c r="O6457" s="18"/>
      <c r="P6457" s="19"/>
      <c r="Q6457" s="19"/>
      <c r="R6457" s="19"/>
      <c r="S6457" s="19"/>
      <c r="T6457" s="19"/>
      <c r="U6457" s="19"/>
      <c r="V6457" s="19"/>
      <c r="W6457" s="19"/>
      <c r="X6457" s="19"/>
      <c r="Y6457" s="19"/>
      <c r="Z6457" s="19"/>
      <c r="AA6457" s="19"/>
    </row>
    <row r="6458" spans="1:27" s="1" customFormat="1" ht="14.1" customHeight="1" outlineLevel="2" x14ac:dyDescent="0.2">
      <c r="A6458" s="17">
        <v>17725</v>
      </c>
      <c r="B6458" s="17"/>
      <c r="C6458" s="17"/>
      <c r="D6458" s="18" t="s">
        <v>3210</v>
      </c>
      <c r="E6458" s="18"/>
      <c r="F6458" s="18"/>
      <c r="G6458" s="18"/>
      <c r="H6458" s="18"/>
      <c r="I6458" s="18"/>
      <c r="J6458" s="18"/>
      <c r="K6458" s="18"/>
      <c r="L6458" s="18"/>
      <c r="M6458" s="18"/>
      <c r="N6458" s="18"/>
      <c r="O6458" s="18"/>
      <c r="P6458" s="19">
        <v>100</v>
      </c>
      <c r="Q6458" s="19"/>
      <c r="R6458" s="19"/>
      <c r="S6458" s="19"/>
      <c r="T6458" s="19">
        <v>70</v>
      </c>
      <c r="U6458" s="19"/>
      <c r="V6458" s="19"/>
      <c r="W6458" s="19"/>
      <c r="X6458" s="19">
        <v>20</v>
      </c>
      <c r="Y6458" s="19"/>
      <c r="Z6458" s="19"/>
      <c r="AA6458" s="19"/>
    </row>
    <row r="6459" spans="1:27" s="1" customFormat="1" ht="14.1" customHeight="1" outlineLevel="2" x14ac:dyDescent="0.2">
      <c r="A6459" s="17"/>
      <c r="B6459" s="17"/>
      <c r="C6459" s="17"/>
      <c r="D6459" s="18"/>
      <c r="E6459" s="18"/>
      <c r="F6459" s="18"/>
      <c r="G6459" s="18"/>
      <c r="H6459" s="18"/>
      <c r="I6459" s="18"/>
      <c r="J6459" s="18"/>
      <c r="K6459" s="18"/>
      <c r="L6459" s="18"/>
      <c r="M6459" s="18"/>
      <c r="N6459" s="18"/>
      <c r="O6459" s="18"/>
      <c r="P6459" s="19"/>
      <c r="Q6459" s="19"/>
      <c r="R6459" s="19"/>
      <c r="S6459" s="19"/>
      <c r="T6459" s="19"/>
      <c r="U6459" s="19"/>
      <c r="V6459" s="19"/>
      <c r="W6459" s="19"/>
      <c r="X6459" s="19"/>
      <c r="Y6459" s="19"/>
      <c r="Z6459" s="19"/>
      <c r="AA6459" s="19"/>
    </row>
    <row r="6460" spans="1:27" s="1" customFormat="1" ht="11.1" customHeight="1" outlineLevel="2" x14ac:dyDescent="0.2">
      <c r="A6460" s="17">
        <v>17783</v>
      </c>
      <c r="B6460" s="17"/>
      <c r="C6460" s="17"/>
      <c r="D6460" s="18" t="s">
        <v>3211</v>
      </c>
      <c r="E6460" s="18"/>
      <c r="F6460" s="18"/>
      <c r="G6460" s="18"/>
      <c r="H6460" s="18"/>
      <c r="I6460" s="18"/>
      <c r="J6460" s="18"/>
      <c r="K6460" s="18"/>
      <c r="L6460" s="18"/>
      <c r="M6460" s="18"/>
      <c r="N6460" s="18"/>
      <c r="O6460" s="18"/>
      <c r="P6460" s="19">
        <v>100</v>
      </c>
      <c r="Q6460" s="19"/>
      <c r="R6460" s="19"/>
      <c r="S6460" s="19"/>
      <c r="T6460" s="19">
        <v>70</v>
      </c>
      <c r="U6460" s="19"/>
      <c r="V6460" s="19"/>
      <c r="W6460" s="19"/>
      <c r="X6460" s="19">
        <v>20</v>
      </c>
      <c r="Y6460" s="19"/>
      <c r="Z6460" s="19"/>
      <c r="AA6460" s="19"/>
    </row>
    <row r="6461" spans="1:27" s="1" customFormat="1" ht="11.1" customHeight="1" outlineLevel="2" x14ac:dyDescent="0.2">
      <c r="A6461" s="17"/>
      <c r="B6461" s="17"/>
      <c r="C6461" s="17"/>
      <c r="D6461" s="18"/>
      <c r="E6461" s="18"/>
      <c r="F6461" s="18"/>
      <c r="G6461" s="18"/>
      <c r="H6461" s="18"/>
      <c r="I6461" s="18"/>
      <c r="J6461" s="18"/>
      <c r="K6461" s="18"/>
      <c r="L6461" s="18"/>
      <c r="M6461" s="18"/>
      <c r="N6461" s="18"/>
      <c r="O6461" s="18"/>
      <c r="P6461" s="19"/>
      <c r="Q6461" s="19"/>
      <c r="R6461" s="19"/>
      <c r="S6461" s="19"/>
      <c r="T6461" s="19"/>
      <c r="U6461" s="19"/>
      <c r="V6461" s="19"/>
      <c r="W6461" s="19"/>
      <c r="X6461" s="19"/>
      <c r="Y6461" s="19"/>
      <c r="Z6461" s="19"/>
      <c r="AA6461" s="19"/>
    </row>
    <row r="6462" spans="1:27" s="1" customFormat="1" ht="11.1" customHeight="1" outlineLevel="2" x14ac:dyDescent="0.2">
      <c r="A6462" s="17">
        <v>17769</v>
      </c>
      <c r="B6462" s="17"/>
      <c r="C6462" s="17"/>
      <c r="D6462" s="18" t="s">
        <v>3212</v>
      </c>
      <c r="E6462" s="18"/>
      <c r="F6462" s="18"/>
      <c r="G6462" s="18"/>
      <c r="H6462" s="18"/>
      <c r="I6462" s="18"/>
      <c r="J6462" s="18"/>
      <c r="K6462" s="18"/>
      <c r="L6462" s="18"/>
      <c r="M6462" s="18"/>
      <c r="N6462" s="18"/>
      <c r="O6462" s="18"/>
      <c r="P6462" s="19">
        <v>100</v>
      </c>
      <c r="Q6462" s="19"/>
      <c r="R6462" s="19"/>
      <c r="S6462" s="19"/>
      <c r="T6462" s="19">
        <v>70</v>
      </c>
      <c r="U6462" s="19"/>
      <c r="V6462" s="19"/>
      <c r="W6462" s="19"/>
      <c r="X6462" s="19">
        <v>20</v>
      </c>
      <c r="Y6462" s="19"/>
      <c r="Z6462" s="19"/>
      <c r="AA6462" s="19"/>
    </row>
    <row r="6463" spans="1:27" s="1" customFormat="1" ht="11.1" customHeight="1" outlineLevel="2" x14ac:dyDescent="0.2">
      <c r="A6463" s="17"/>
      <c r="B6463" s="17"/>
      <c r="C6463" s="17"/>
      <c r="D6463" s="18"/>
      <c r="E6463" s="18"/>
      <c r="F6463" s="18"/>
      <c r="G6463" s="18"/>
      <c r="H6463" s="18"/>
      <c r="I6463" s="18"/>
      <c r="J6463" s="18"/>
      <c r="K6463" s="18"/>
      <c r="L6463" s="18"/>
      <c r="M6463" s="18"/>
      <c r="N6463" s="18"/>
      <c r="O6463" s="18"/>
      <c r="P6463" s="19"/>
      <c r="Q6463" s="19"/>
      <c r="R6463" s="19"/>
      <c r="S6463" s="19"/>
      <c r="T6463" s="19"/>
      <c r="U6463" s="19"/>
      <c r="V6463" s="19"/>
      <c r="W6463" s="19"/>
      <c r="X6463" s="19"/>
      <c r="Y6463" s="19"/>
      <c r="Z6463" s="19"/>
      <c r="AA6463" s="19"/>
    </row>
    <row r="6464" spans="1:27" s="1" customFormat="1" ht="11.1" customHeight="1" outlineLevel="2" x14ac:dyDescent="0.2">
      <c r="A6464" s="17">
        <v>17775</v>
      </c>
      <c r="B6464" s="17"/>
      <c r="C6464" s="17"/>
      <c r="D6464" s="18" t="s">
        <v>3213</v>
      </c>
      <c r="E6464" s="18"/>
      <c r="F6464" s="18"/>
      <c r="G6464" s="18"/>
      <c r="H6464" s="18"/>
      <c r="I6464" s="18"/>
      <c r="J6464" s="18"/>
      <c r="K6464" s="18"/>
      <c r="L6464" s="18"/>
      <c r="M6464" s="18"/>
      <c r="N6464" s="18"/>
      <c r="O6464" s="18"/>
      <c r="P6464" s="19">
        <v>100</v>
      </c>
      <c r="Q6464" s="19"/>
      <c r="R6464" s="19"/>
      <c r="S6464" s="19"/>
      <c r="T6464" s="19">
        <v>70</v>
      </c>
      <c r="U6464" s="19"/>
      <c r="V6464" s="19"/>
      <c r="W6464" s="19"/>
      <c r="X6464" s="19">
        <v>20</v>
      </c>
      <c r="Y6464" s="19"/>
      <c r="Z6464" s="19"/>
      <c r="AA6464" s="19"/>
    </row>
    <row r="6465" spans="1:27" s="1" customFormat="1" ht="11.1" customHeight="1" outlineLevel="2" x14ac:dyDescent="0.2">
      <c r="A6465" s="17"/>
      <c r="B6465" s="17"/>
      <c r="C6465" s="17"/>
      <c r="D6465" s="18"/>
      <c r="E6465" s="18"/>
      <c r="F6465" s="18"/>
      <c r="G6465" s="18"/>
      <c r="H6465" s="18"/>
      <c r="I6465" s="18"/>
      <c r="J6465" s="18"/>
      <c r="K6465" s="18"/>
      <c r="L6465" s="18"/>
      <c r="M6465" s="18"/>
      <c r="N6465" s="18"/>
      <c r="O6465" s="18"/>
      <c r="P6465" s="19"/>
      <c r="Q6465" s="19"/>
      <c r="R6465" s="19"/>
      <c r="S6465" s="19"/>
      <c r="T6465" s="19"/>
      <c r="U6465" s="19"/>
      <c r="V6465" s="19"/>
      <c r="W6465" s="19"/>
      <c r="X6465" s="19"/>
      <c r="Y6465" s="19"/>
      <c r="Z6465" s="19"/>
      <c r="AA6465" s="19"/>
    </row>
    <row r="6466" spans="1:27" s="1" customFormat="1" ht="11.1" customHeight="1" outlineLevel="2" x14ac:dyDescent="0.2">
      <c r="A6466" s="17">
        <v>17778</v>
      </c>
      <c r="B6466" s="17"/>
      <c r="C6466" s="17"/>
      <c r="D6466" s="18" t="s">
        <v>3214</v>
      </c>
      <c r="E6466" s="18"/>
      <c r="F6466" s="18"/>
      <c r="G6466" s="18"/>
      <c r="H6466" s="18"/>
      <c r="I6466" s="18"/>
      <c r="J6466" s="18"/>
      <c r="K6466" s="18"/>
      <c r="L6466" s="18"/>
      <c r="M6466" s="18"/>
      <c r="N6466" s="18"/>
      <c r="O6466" s="18"/>
      <c r="P6466" s="19">
        <v>100</v>
      </c>
      <c r="Q6466" s="19"/>
      <c r="R6466" s="19"/>
      <c r="S6466" s="19"/>
      <c r="T6466" s="19">
        <v>70</v>
      </c>
      <c r="U6466" s="19"/>
      <c r="V6466" s="19"/>
      <c r="W6466" s="19"/>
      <c r="X6466" s="19">
        <v>19</v>
      </c>
      <c r="Y6466" s="19"/>
      <c r="Z6466" s="19"/>
      <c r="AA6466" s="19"/>
    </row>
    <row r="6467" spans="1:27" s="1" customFormat="1" ht="11.1" customHeight="1" outlineLevel="2" x14ac:dyDescent="0.2">
      <c r="A6467" s="17"/>
      <c r="B6467" s="17"/>
      <c r="C6467" s="17"/>
      <c r="D6467" s="18"/>
      <c r="E6467" s="18"/>
      <c r="F6467" s="18"/>
      <c r="G6467" s="18"/>
      <c r="H6467" s="18"/>
      <c r="I6467" s="18"/>
      <c r="J6467" s="18"/>
      <c r="K6467" s="18"/>
      <c r="L6467" s="18"/>
      <c r="M6467" s="18"/>
      <c r="N6467" s="18"/>
      <c r="O6467" s="18"/>
      <c r="P6467" s="19"/>
      <c r="Q6467" s="19"/>
      <c r="R6467" s="19"/>
      <c r="S6467" s="19"/>
      <c r="T6467" s="19"/>
      <c r="U6467" s="19"/>
      <c r="V6467" s="19"/>
      <c r="W6467" s="19"/>
      <c r="X6467" s="19"/>
      <c r="Y6467" s="19"/>
      <c r="Z6467" s="19"/>
      <c r="AA6467" s="19"/>
    </row>
    <row r="6468" spans="1:27" s="1" customFormat="1" ht="11.1" customHeight="1" outlineLevel="2" x14ac:dyDescent="0.2">
      <c r="A6468" s="17">
        <v>17776</v>
      </c>
      <c r="B6468" s="17"/>
      <c r="C6468" s="17"/>
      <c r="D6468" s="18" t="s">
        <v>3215</v>
      </c>
      <c r="E6468" s="18"/>
      <c r="F6468" s="18"/>
      <c r="G6468" s="18"/>
      <c r="H6468" s="18"/>
      <c r="I6468" s="18"/>
      <c r="J6468" s="18"/>
      <c r="K6468" s="18"/>
      <c r="L6468" s="18"/>
      <c r="M6468" s="18"/>
      <c r="N6468" s="18"/>
      <c r="O6468" s="18"/>
      <c r="P6468" s="19">
        <v>100</v>
      </c>
      <c r="Q6468" s="19"/>
      <c r="R6468" s="19"/>
      <c r="S6468" s="19"/>
      <c r="T6468" s="19">
        <v>70</v>
      </c>
      <c r="U6468" s="19"/>
      <c r="V6468" s="19"/>
      <c r="W6468" s="19"/>
      <c r="X6468" s="19">
        <v>20</v>
      </c>
      <c r="Y6468" s="19"/>
      <c r="Z6468" s="19"/>
      <c r="AA6468" s="19"/>
    </row>
    <row r="6469" spans="1:27" s="1" customFormat="1" ht="11.1" customHeight="1" outlineLevel="2" x14ac:dyDescent="0.2">
      <c r="A6469" s="17"/>
      <c r="B6469" s="17"/>
      <c r="C6469" s="17"/>
      <c r="D6469" s="18"/>
      <c r="E6469" s="18"/>
      <c r="F6469" s="18"/>
      <c r="G6469" s="18"/>
      <c r="H6469" s="18"/>
      <c r="I6469" s="18"/>
      <c r="J6469" s="18"/>
      <c r="K6469" s="18"/>
      <c r="L6469" s="18"/>
      <c r="M6469" s="18"/>
      <c r="N6469" s="18"/>
      <c r="O6469" s="18"/>
      <c r="P6469" s="19"/>
      <c r="Q6469" s="19"/>
      <c r="R6469" s="19"/>
      <c r="S6469" s="19"/>
      <c r="T6469" s="19"/>
      <c r="U6469" s="19"/>
      <c r="V6469" s="19"/>
      <c r="W6469" s="19"/>
      <c r="X6469" s="19"/>
      <c r="Y6469" s="19"/>
      <c r="Z6469" s="19"/>
      <c r="AA6469" s="19"/>
    </row>
    <row r="6470" spans="1:27" s="1" customFormat="1" ht="11.1" customHeight="1" outlineLevel="2" x14ac:dyDescent="0.2">
      <c r="A6470" s="17">
        <v>17772</v>
      </c>
      <c r="B6470" s="17"/>
      <c r="C6470" s="17"/>
      <c r="D6470" s="18" t="s">
        <v>3216</v>
      </c>
      <c r="E6470" s="18"/>
      <c r="F6470" s="18"/>
      <c r="G6470" s="18"/>
      <c r="H6470" s="18"/>
      <c r="I6470" s="18"/>
      <c r="J6470" s="18"/>
      <c r="K6470" s="18"/>
      <c r="L6470" s="18"/>
      <c r="M6470" s="18"/>
      <c r="N6470" s="18"/>
      <c r="O6470" s="18"/>
      <c r="P6470" s="19">
        <v>100</v>
      </c>
      <c r="Q6470" s="19"/>
      <c r="R6470" s="19"/>
      <c r="S6470" s="19"/>
      <c r="T6470" s="19">
        <v>70</v>
      </c>
      <c r="U6470" s="19"/>
      <c r="V6470" s="19"/>
      <c r="W6470" s="19"/>
      <c r="X6470" s="19">
        <v>17</v>
      </c>
      <c r="Y6470" s="19"/>
      <c r="Z6470" s="19"/>
      <c r="AA6470" s="19"/>
    </row>
    <row r="6471" spans="1:27" s="1" customFormat="1" ht="11.1" customHeight="1" outlineLevel="2" x14ac:dyDescent="0.2">
      <c r="A6471" s="17"/>
      <c r="B6471" s="17"/>
      <c r="C6471" s="17"/>
      <c r="D6471" s="18"/>
      <c r="E6471" s="18"/>
      <c r="F6471" s="18"/>
      <c r="G6471" s="18"/>
      <c r="H6471" s="18"/>
      <c r="I6471" s="18"/>
      <c r="J6471" s="18"/>
      <c r="K6471" s="18"/>
      <c r="L6471" s="18"/>
      <c r="M6471" s="18"/>
      <c r="N6471" s="18"/>
      <c r="O6471" s="18"/>
      <c r="P6471" s="19"/>
      <c r="Q6471" s="19"/>
      <c r="R6471" s="19"/>
      <c r="S6471" s="19"/>
      <c r="T6471" s="19"/>
      <c r="U6471" s="19"/>
      <c r="V6471" s="19"/>
      <c r="W6471" s="19"/>
      <c r="X6471" s="19"/>
      <c r="Y6471" s="19"/>
      <c r="Z6471" s="19"/>
      <c r="AA6471" s="19"/>
    </row>
    <row r="6472" spans="1:27" s="1" customFormat="1" ht="11.1" customHeight="1" outlineLevel="1" x14ac:dyDescent="0.2">
      <c r="A6472" s="16" t="s">
        <v>3217</v>
      </c>
      <c r="B6472" s="16"/>
      <c r="C6472" s="16"/>
      <c r="D6472" s="16"/>
      <c r="E6472" s="16"/>
      <c r="F6472" s="16"/>
      <c r="G6472" s="16"/>
      <c r="H6472" s="16"/>
      <c r="I6472" s="16"/>
      <c r="J6472" s="16"/>
      <c r="K6472" s="16"/>
      <c r="L6472" s="16"/>
      <c r="M6472" s="16"/>
      <c r="N6472" s="16"/>
      <c r="O6472" s="16"/>
      <c r="P6472" s="16"/>
      <c r="Q6472" s="16"/>
      <c r="R6472" s="16"/>
      <c r="S6472" s="16"/>
      <c r="T6472" s="16"/>
      <c r="U6472" s="16"/>
      <c r="V6472" s="16"/>
      <c r="W6472" s="16"/>
      <c r="X6472" s="16"/>
      <c r="Y6472" s="16"/>
      <c r="Z6472" s="16"/>
      <c r="AA6472" s="16"/>
    </row>
    <row r="6473" spans="1:27" s="1" customFormat="1" ht="11.1" customHeight="1" outlineLevel="1" x14ac:dyDescent="0.2">
      <c r="A6473" s="16"/>
      <c r="B6473" s="16"/>
      <c r="C6473" s="16"/>
      <c r="D6473" s="16"/>
      <c r="E6473" s="16"/>
      <c r="F6473" s="16"/>
      <c r="G6473" s="16"/>
      <c r="H6473" s="16"/>
      <c r="I6473" s="16"/>
      <c r="J6473" s="16"/>
      <c r="K6473" s="16"/>
      <c r="L6473" s="16"/>
      <c r="M6473" s="16"/>
      <c r="N6473" s="16"/>
      <c r="O6473" s="16"/>
      <c r="P6473" s="16"/>
      <c r="Q6473" s="16"/>
      <c r="R6473" s="16"/>
      <c r="S6473" s="16"/>
      <c r="T6473" s="16"/>
      <c r="U6473" s="16"/>
      <c r="V6473" s="16"/>
      <c r="W6473" s="16"/>
      <c r="X6473" s="16"/>
      <c r="Y6473" s="16"/>
      <c r="Z6473" s="16"/>
      <c r="AA6473" s="16"/>
    </row>
    <row r="6474" spans="1:27" s="1" customFormat="1" ht="11.1" customHeight="1" outlineLevel="2" x14ac:dyDescent="0.2">
      <c r="A6474" s="17">
        <v>17788</v>
      </c>
      <c r="B6474" s="17"/>
      <c r="C6474" s="17"/>
      <c r="D6474" s="18" t="s">
        <v>3218</v>
      </c>
      <c r="E6474" s="18"/>
      <c r="F6474" s="18"/>
      <c r="G6474" s="18"/>
      <c r="H6474" s="18"/>
      <c r="I6474" s="18"/>
      <c r="J6474" s="18"/>
      <c r="K6474" s="18"/>
      <c r="L6474" s="18"/>
      <c r="M6474" s="18"/>
      <c r="N6474" s="18"/>
      <c r="O6474" s="18"/>
      <c r="P6474" s="19">
        <v>100</v>
      </c>
      <c r="Q6474" s="19"/>
      <c r="R6474" s="19"/>
      <c r="S6474" s="19"/>
      <c r="T6474" s="19">
        <v>70</v>
      </c>
      <c r="U6474" s="19"/>
      <c r="V6474" s="19"/>
      <c r="W6474" s="19"/>
      <c r="X6474" s="19">
        <v>20</v>
      </c>
      <c r="Y6474" s="19"/>
      <c r="Z6474" s="19"/>
      <c r="AA6474" s="19"/>
    </row>
    <row r="6475" spans="1:27" s="1" customFormat="1" ht="11.1" customHeight="1" outlineLevel="2" x14ac:dyDescent="0.2">
      <c r="A6475" s="17"/>
      <c r="B6475" s="17"/>
      <c r="C6475" s="17"/>
      <c r="D6475" s="18"/>
      <c r="E6475" s="18"/>
      <c r="F6475" s="18"/>
      <c r="G6475" s="18"/>
      <c r="H6475" s="18"/>
      <c r="I6475" s="18"/>
      <c r="J6475" s="18"/>
      <c r="K6475" s="18"/>
      <c r="L6475" s="18"/>
      <c r="M6475" s="18"/>
      <c r="N6475" s="18"/>
      <c r="O6475" s="18"/>
      <c r="P6475" s="19"/>
      <c r="Q6475" s="19"/>
      <c r="R6475" s="19"/>
      <c r="S6475" s="19"/>
      <c r="T6475" s="19"/>
      <c r="U6475" s="19"/>
      <c r="V6475" s="19"/>
      <c r="W6475" s="19"/>
      <c r="X6475" s="19"/>
      <c r="Y6475" s="19"/>
      <c r="Z6475" s="19"/>
      <c r="AA6475" s="19"/>
    </row>
    <row r="6476" spans="1:27" s="1" customFormat="1" ht="11.1" customHeight="1" outlineLevel="1" x14ac:dyDescent="0.2">
      <c r="A6476" s="16" t="s">
        <v>3219</v>
      </c>
      <c r="B6476" s="16"/>
      <c r="C6476" s="16"/>
      <c r="D6476" s="16"/>
      <c r="E6476" s="16"/>
      <c r="F6476" s="16"/>
      <c r="G6476" s="16"/>
      <c r="H6476" s="16"/>
      <c r="I6476" s="16"/>
      <c r="J6476" s="16"/>
      <c r="K6476" s="16"/>
      <c r="L6476" s="16"/>
      <c r="M6476" s="16"/>
      <c r="N6476" s="16"/>
      <c r="O6476" s="16"/>
      <c r="P6476" s="16"/>
      <c r="Q6476" s="16"/>
      <c r="R6476" s="16"/>
      <c r="S6476" s="16"/>
      <c r="T6476" s="16"/>
      <c r="U6476" s="16"/>
      <c r="V6476" s="16"/>
      <c r="W6476" s="16"/>
      <c r="X6476" s="16"/>
      <c r="Y6476" s="16"/>
      <c r="Z6476" s="16"/>
      <c r="AA6476" s="16"/>
    </row>
    <row r="6477" spans="1:27" s="1" customFormat="1" ht="11.1" customHeight="1" outlineLevel="1" x14ac:dyDescent="0.2">
      <c r="A6477" s="16"/>
      <c r="B6477" s="16"/>
      <c r="C6477" s="16"/>
      <c r="D6477" s="16"/>
      <c r="E6477" s="16"/>
      <c r="F6477" s="16"/>
      <c r="G6477" s="16"/>
      <c r="H6477" s="16"/>
      <c r="I6477" s="16"/>
      <c r="J6477" s="16"/>
      <c r="K6477" s="16"/>
      <c r="L6477" s="16"/>
      <c r="M6477" s="16"/>
      <c r="N6477" s="16"/>
      <c r="O6477" s="16"/>
      <c r="P6477" s="16"/>
      <c r="Q6477" s="16"/>
      <c r="R6477" s="16"/>
      <c r="S6477" s="16"/>
      <c r="T6477" s="16"/>
      <c r="U6477" s="16"/>
      <c r="V6477" s="16"/>
      <c r="W6477" s="16"/>
      <c r="X6477" s="16"/>
      <c r="Y6477" s="16"/>
      <c r="Z6477" s="16"/>
      <c r="AA6477" s="16"/>
    </row>
    <row r="6478" spans="1:27" s="1" customFormat="1" ht="11.1" customHeight="1" outlineLevel="2" x14ac:dyDescent="0.2">
      <c r="A6478" s="17">
        <v>15191</v>
      </c>
      <c r="B6478" s="17"/>
      <c r="C6478" s="17"/>
      <c r="D6478" s="18" t="s">
        <v>3220</v>
      </c>
      <c r="E6478" s="18"/>
      <c r="F6478" s="18"/>
      <c r="G6478" s="18"/>
      <c r="H6478" s="18"/>
      <c r="I6478" s="18"/>
      <c r="J6478" s="18"/>
      <c r="K6478" s="18"/>
      <c r="L6478" s="18"/>
      <c r="M6478" s="18"/>
      <c r="N6478" s="18"/>
      <c r="O6478" s="18"/>
      <c r="P6478" s="19">
        <v>160</v>
      </c>
      <c r="Q6478" s="19"/>
      <c r="R6478" s="19"/>
      <c r="S6478" s="19"/>
      <c r="T6478" s="19">
        <v>120</v>
      </c>
      <c r="U6478" s="19"/>
      <c r="V6478" s="19"/>
      <c r="W6478" s="19"/>
      <c r="X6478" s="19">
        <v>2</v>
      </c>
      <c r="Y6478" s="19"/>
      <c r="Z6478" s="19"/>
      <c r="AA6478" s="19"/>
    </row>
    <row r="6479" spans="1:27" s="1" customFormat="1" ht="11.1" customHeight="1" outlineLevel="2" x14ac:dyDescent="0.2">
      <c r="A6479" s="17"/>
      <c r="B6479" s="17"/>
      <c r="C6479" s="17"/>
      <c r="D6479" s="18"/>
      <c r="E6479" s="18"/>
      <c r="F6479" s="18"/>
      <c r="G6479" s="18"/>
      <c r="H6479" s="18"/>
      <c r="I6479" s="18"/>
      <c r="J6479" s="18"/>
      <c r="K6479" s="18"/>
      <c r="L6479" s="18"/>
      <c r="M6479" s="18"/>
      <c r="N6479" s="18"/>
      <c r="O6479" s="18"/>
      <c r="P6479" s="19"/>
      <c r="Q6479" s="19"/>
      <c r="R6479" s="19"/>
      <c r="S6479" s="19"/>
      <c r="T6479" s="19"/>
      <c r="U6479" s="19"/>
      <c r="V6479" s="19"/>
      <c r="W6479" s="19"/>
      <c r="X6479" s="19"/>
      <c r="Y6479" s="19"/>
      <c r="Z6479" s="19"/>
      <c r="AA6479" s="19"/>
    </row>
    <row r="6480" spans="1:27" s="1" customFormat="1" ht="14.1" customHeight="1" outlineLevel="2" x14ac:dyDescent="0.2">
      <c r="A6480" s="17">
        <v>12521</v>
      </c>
      <c r="B6480" s="17"/>
      <c r="C6480" s="17"/>
      <c r="D6480" s="18" t="s">
        <v>3221</v>
      </c>
      <c r="E6480" s="18"/>
      <c r="F6480" s="18"/>
      <c r="G6480" s="18"/>
      <c r="H6480" s="18"/>
      <c r="I6480" s="18"/>
      <c r="J6480" s="18"/>
      <c r="K6480" s="18"/>
      <c r="L6480" s="18"/>
      <c r="M6480" s="18"/>
      <c r="N6480" s="18"/>
      <c r="O6480" s="18"/>
      <c r="P6480" s="19">
        <v>400</v>
      </c>
      <c r="Q6480" s="19"/>
      <c r="R6480" s="19"/>
      <c r="S6480" s="19"/>
      <c r="T6480" s="19">
        <v>300</v>
      </c>
      <c r="U6480" s="19"/>
      <c r="V6480" s="19"/>
      <c r="W6480" s="19"/>
      <c r="X6480" s="19">
        <v>15</v>
      </c>
      <c r="Y6480" s="19"/>
      <c r="Z6480" s="19"/>
      <c r="AA6480" s="19"/>
    </row>
    <row r="6481" spans="1:27" s="1" customFormat="1" ht="14.1" customHeight="1" outlineLevel="2" x14ac:dyDescent="0.2">
      <c r="A6481" s="17"/>
      <c r="B6481" s="17"/>
      <c r="C6481" s="17"/>
      <c r="D6481" s="18"/>
      <c r="E6481" s="18"/>
      <c r="F6481" s="18"/>
      <c r="G6481" s="18"/>
      <c r="H6481" s="18"/>
      <c r="I6481" s="18"/>
      <c r="J6481" s="18"/>
      <c r="K6481" s="18"/>
      <c r="L6481" s="18"/>
      <c r="M6481" s="18"/>
      <c r="N6481" s="18"/>
      <c r="O6481" s="18"/>
      <c r="P6481" s="19"/>
      <c r="Q6481" s="19"/>
      <c r="R6481" s="19"/>
      <c r="S6481" s="19"/>
      <c r="T6481" s="19"/>
      <c r="U6481" s="19"/>
      <c r="V6481" s="19"/>
      <c r="W6481" s="19"/>
      <c r="X6481" s="19"/>
      <c r="Y6481" s="19"/>
      <c r="Z6481" s="19"/>
      <c r="AA6481" s="19"/>
    </row>
    <row r="6482" spans="1:27" s="1" customFormat="1" ht="11.1" customHeight="1" outlineLevel="1" x14ac:dyDescent="0.2">
      <c r="A6482" s="16" t="s">
        <v>3222</v>
      </c>
      <c r="B6482" s="16"/>
      <c r="C6482" s="16"/>
      <c r="D6482" s="16"/>
      <c r="E6482" s="16"/>
      <c r="F6482" s="16"/>
      <c r="G6482" s="16"/>
      <c r="H6482" s="16"/>
      <c r="I6482" s="16"/>
      <c r="J6482" s="16"/>
      <c r="K6482" s="16"/>
      <c r="L6482" s="16"/>
      <c r="M6482" s="16"/>
      <c r="N6482" s="16"/>
      <c r="O6482" s="16"/>
      <c r="P6482" s="16"/>
      <c r="Q6482" s="16"/>
      <c r="R6482" s="16"/>
      <c r="S6482" s="16"/>
      <c r="T6482" s="16"/>
      <c r="U6482" s="16"/>
      <c r="V6482" s="16"/>
      <c r="W6482" s="16"/>
      <c r="X6482" s="16"/>
      <c r="Y6482" s="16"/>
      <c r="Z6482" s="16"/>
      <c r="AA6482" s="16"/>
    </row>
    <row r="6483" spans="1:27" s="1" customFormat="1" ht="11.1" customHeight="1" outlineLevel="1" x14ac:dyDescent="0.2">
      <c r="A6483" s="16"/>
      <c r="B6483" s="16"/>
      <c r="C6483" s="16"/>
      <c r="D6483" s="16"/>
      <c r="E6483" s="16"/>
      <c r="F6483" s="16"/>
      <c r="G6483" s="16"/>
      <c r="H6483" s="16"/>
      <c r="I6483" s="16"/>
      <c r="J6483" s="16"/>
      <c r="K6483" s="16"/>
      <c r="L6483" s="16"/>
      <c r="M6483" s="16"/>
      <c r="N6483" s="16"/>
      <c r="O6483" s="16"/>
      <c r="P6483" s="16"/>
      <c r="Q6483" s="16"/>
      <c r="R6483" s="16"/>
      <c r="S6483" s="16"/>
      <c r="T6483" s="16"/>
      <c r="U6483" s="16"/>
      <c r="V6483" s="16"/>
      <c r="W6483" s="16"/>
      <c r="X6483" s="16"/>
      <c r="Y6483" s="16"/>
      <c r="Z6483" s="16"/>
      <c r="AA6483" s="16"/>
    </row>
    <row r="6484" spans="1:27" s="1" customFormat="1" ht="11.1" customHeight="1" outlineLevel="2" x14ac:dyDescent="0.2">
      <c r="A6484" s="17">
        <v>5914</v>
      </c>
      <c r="B6484" s="17"/>
      <c r="C6484" s="17"/>
      <c r="D6484" s="18" t="s">
        <v>3223</v>
      </c>
      <c r="E6484" s="18"/>
      <c r="F6484" s="18"/>
      <c r="G6484" s="18"/>
      <c r="H6484" s="18"/>
      <c r="I6484" s="18"/>
      <c r="J6484" s="18"/>
      <c r="K6484" s="18"/>
      <c r="L6484" s="18"/>
      <c r="M6484" s="18"/>
      <c r="N6484" s="18"/>
      <c r="O6484" s="18"/>
      <c r="P6484" s="19">
        <v>90</v>
      </c>
      <c r="Q6484" s="19"/>
      <c r="R6484" s="19"/>
      <c r="S6484" s="19"/>
      <c r="T6484" s="19">
        <v>60</v>
      </c>
      <c r="U6484" s="19"/>
      <c r="V6484" s="19"/>
      <c r="W6484" s="19"/>
      <c r="X6484" s="19">
        <v>10</v>
      </c>
      <c r="Y6484" s="19"/>
      <c r="Z6484" s="19"/>
      <c r="AA6484" s="19"/>
    </row>
    <row r="6485" spans="1:27" s="1" customFormat="1" ht="11.1" customHeight="1" outlineLevel="2" x14ac:dyDescent="0.2">
      <c r="A6485" s="17"/>
      <c r="B6485" s="17"/>
      <c r="C6485" s="17"/>
      <c r="D6485" s="18"/>
      <c r="E6485" s="18"/>
      <c r="F6485" s="18"/>
      <c r="G6485" s="18"/>
      <c r="H6485" s="18"/>
      <c r="I6485" s="18"/>
      <c r="J6485" s="18"/>
      <c r="K6485" s="18"/>
      <c r="L6485" s="18"/>
      <c r="M6485" s="18"/>
      <c r="N6485" s="18"/>
      <c r="O6485" s="18"/>
      <c r="P6485" s="19"/>
      <c r="Q6485" s="19"/>
      <c r="R6485" s="19"/>
      <c r="S6485" s="19"/>
      <c r="T6485" s="19"/>
      <c r="U6485" s="19"/>
      <c r="V6485" s="19"/>
      <c r="W6485" s="19"/>
      <c r="X6485" s="19"/>
      <c r="Y6485" s="19"/>
      <c r="Z6485" s="19"/>
      <c r="AA6485" s="19"/>
    </row>
    <row r="6486" spans="1:27" s="1" customFormat="1" ht="11.1" customHeight="1" outlineLevel="2" x14ac:dyDescent="0.2">
      <c r="A6486" s="17">
        <v>11400</v>
      </c>
      <c r="B6486" s="17"/>
      <c r="C6486" s="17"/>
      <c r="D6486" s="18" t="s">
        <v>3224</v>
      </c>
      <c r="E6486" s="18"/>
      <c r="F6486" s="18"/>
      <c r="G6486" s="18"/>
      <c r="H6486" s="18"/>
      <c r="I6486" s="18"/>
      <c r="J6486" s="18"/>
      <c r="K6486" s="18"/>
      <c r="L6486" s="18"/>
      <c r="M6486" s="18"/>
      <c r="N6486" s="18"/>
      <c r="O6486" s="18"/>
      <c r="P6486" s="19">
        <v>90</v>
      </c>
      <c r="Q6486" s="19"/>
      <c r="R6486" s="19"/>
      <c r="S6486" s="19"/>
      <c r="T6486" s="19">
        <v>60</v>
      </c>
      <c r="U6486" s="19"/>
      <c r="V6486" s="19"/>
      <c r="W6486" s="19"/>
      <c r="X6486" s="19">
        <v>1</v>
      </c>
      <c r="Y6486" s="19"/>
      <c r="Z6486" s="19"/>
      <c r="AA6486" s="19"/>
    </row>
    <row r="6487" spans="1:27" s="1" customFormat="1" ht="11.1" customHeight="1" outlineLevel="2" x14ac:dyDescent="0.2">
      <c r="A6487" s="17"/>
      <c r="B6487" s="17"/>
      <c r="C6487" s="17"/>
      <c r="D6487" s="18"/>
      <c r="E6487" s="18"/>
      <c r="F6487" s="18"/>
      <c r="G6487" s="18"/>
      <c r="H6487" s="18"/>
      <c r="I6487" s="18"/>
      <c r="J6487" s="18"/>
      <c r="K6487" s="18"/>
      <c r="L6487" s="18"/>
      <c r="M6487" s="18"/>
      <c r="N6487" s="18"/>
      <c r="O6487" s="18"/>
      <c r="P6487" s="19"/>
      <c r="Q6487" s="19"/>
      <c r="R6487" s="19"/>
      <c r="S6487" s="19"/>
      <c r="T6487" s="19"/>
      <c r="U6487" s="19"/>
      <c r="V6487" s="19"/>
      <c r="W6487" s="19"/>
      <c r="X6487" s="19"/>
      <c r="Y6487" s="19"/>
      <c r="Z6487" s="19"/>
      <c r="AA6487" s="19"/>
    </row>
    <row r="6488" spans="1:27" s="1" customFormat="1" ht="11.1" customHeight="1" outlineLevel="2" x14ac:dyDescent="0.2">
      <c r="A6488" s="17">
        <v>6828</v>
      </c>
      <c r="B6488" s="17"/>
      <c r="C6488" s="17"/>
      <c r="D6488" s="18" t="s">
        <v>3225</v>
      </c>
      <c r="E6488" s="18"/>
      <c r="F6488" s="18"/>
      <c r="G6488" s="18"/>
      <c r="H6488" s="18"/>
      <c r="I6488" s="18"/>
      <c r="J6488" s="18"/>
      <c r="K6488" s="18"/>
      <c r="L6488" s="18"/>
      <c r="M6488" s="18"/>
      <c r="N6488" s="18"/>
      <c r="O6488" s="18"/>
      <c r="P6488" s="19">
        <v>90</v>
      </c>
      <c r="Q6488" s="19"/>
      <c r="R6488" s="19"/>
      <c r="S6488" s="19"/>
      <c r="T6488" s="19">
        <v>60</v>
      </c>
      <c r="U6488" s="19"/>
      <c r="V6488" s="19"/>
      <c r="W6488" s="19"/>
      <c r="X6488" s="19">
        <v>8</v>
      </c>
      <c r="Y6488" s="19"/>
      <c r="Z6488" s="19"/>
      <c r="AA6488" s="19"/>
    </row>
    <row r="6489" spans="1:27" s="1" customFormat="1" ht="11.1" customHeight="1" outlineLevel="2" x14ac:dyDescent="0.2">
      <c r="A6489" s="17"/>
      <c r="B6489" s="17"/>
      <c r="C6489" s="17"/>
      <c r="D6489" s="18"/>
      <c r="E6489" s="18"/>
      <c r="F6489" s="18"/>
      <c r="G6489" s="18"/>
      <c r="H6489" s="18"/>
      <c r="I6489" s="18"/>
      <c r="J6489" s="18"/>
      <c r="K6489" s="18"/>
      <c r="L6489" s="18"/>
      <c r="M6489" s="18"/>
      <c r="N6489" s="18"/>
      <c r="O6489" s="18"/>
      <c r="P6489" s="19"/>
      <c r="Q6489" s="19"/>
      <c r="R6489" s="19"/>
      <c r="S6489" s="19"/>
      <c r="T6489" s="19"/>
      <c r="U6489" s="19"/>
      <c r="V6489" s="19"/>
      <c r="W6489" s="19"/>
      <c r="X6489" s="19"/>
      <c r="Y6489" s="19"/>
      <c r="Z6489" s="19"/>
      <c r="AA6489" s="19"/>
    </row>
    <row r="6490" spans="1:27" s="1" customFormat="1" ht="11.1" customHeight="1" outlineLevel="1" x14ac:dyDescent="0.2">
      <c r="A6490" s="16" t="s">
        <v>3226</v>
      </c>
      <c r="B6490" s="16"/>
      <c r="C6490" s="16"/>
      <c r="D6490" s="16"/>
      <c r="E6490" s="16"/>
      <c r="F6490" s="16"/>
      <c r="G6490" s="16"/>
      <c r="H6490" s="16"/>
      <c r="I6490" s="16"/>
      <c r="J6490" s="16"/>
      <c r="K6490" s="16"/>
      <c r="L6490" s="16"/>
      <c r="M6490" s="16"/>
      <c r="N6490" s="16"/>
      <c r="O6490" s="16"/>
      <c r="P6490" s="16"/>
      <c r="Q6490" s="16"/>
      <c r="R6490" s="16"/>
      <c r="S6490" s="16"/>
      <c r="T6490" s="16"/>
      <c r="U6490" s="16"/>
      <c r="V6490" s="16"/>
      <c r="W6490" s="16"/>
      <c r="X6490" s="16"/>
      <c r="Y6490" s="16"/>
      <c r="Z6490" s="16"/>
      <c r="AA6490" s="16"/>
    </row>
    <row r="6491" spans="1:27" s="1" customFormat="1" ht="11.1" customHeight="1" outlineLevel="1" x14ac:dyDescent="0.2">
      <c r="A6491" s="16"/>
      <c r="B6491" s="16"/>
      <c r="C6491" s="16"/>
      <c r="D6491" s="16"/>
      <c r="E6491" s="16"/>
      <c r="F6491" s="16"/>
      <c r="G6491" s="16"/>
      <c r="H6491" s="16"/>
      <c r="I6491" s="16"/>
      <c r="J6491" s="16"/>
      <c r="K6491" s="16"/>
      <c r="L6491" s="16"/>
      <c r="M6491" s="16"/>
      <c r="N6491" s="16"/>
      <c r="O6491" s="16"/>
      <c r="P6491" s="16"/>
      <c r="Q6491" s="16"/>
      <c r="R6491" s="16"/>
      <c r="S6491" s="16"/>
      <c r="T6491" s="16"/>
      <c r="U6491" s="16"/>
      <c r="V6491" s="16"/>
      <c r="W6491" s="16"/>
      <c r="X6491" s="16"/>
      <c r="Y6491" s="16"/>
      <c r="Z6491" s="16"/>
      <c r="AA6491" s="16"/>
    </row>
    <row r="6492" spans="1:27" s="1" customFormat="1" ht="11.1" customHeight="1" outlineLevel="2" x14ac:dyDescent="0.2">
      <c r="A6492" s="17">
        <v>7618</v>
      </c>
      <c r="B6492" s="17"/>
      <c r="C6492" s="17"/>
      <c r="D6492" s="18" t="s">
        <v>3227</v>
      </c>
      <c r="E6492" s="18"/>
      <c r="F6492" s="18"/>
      <c r="G6492" s="18"/>
      <c r="H6492" s="18"/>
      <c r="I6492" s="18"/>
      <c r="J6492" s="18"/>
      <c r="K6492" s="18"/>
      <c r="L6492" s="18"/>
      <c r="M6492" s="18"/>
      <c r="N6492" s="18"/>
      <c r="O6492" s="18"/>
      <c r="P6492" s="19">
        <v>120</v>
      </c>
      <c r="Q6492" s="19"/>
      <c r="R6492" s="19"/>
      <c r="S6492" s="19"/>
      <c r="T6492" s="19">
        <v>110</v>
      </c>
      <c r="U6492" s="19"/>
      <c r="V6492" s="19"/>
      <c r="W6492" s="19"/>
      <c r="X6492" s="19">
        <v>1</v>
      </c>
      <c r="Y6492" s="19"/>
      <c r="Z6492" s="19"/>
      <c r="AA6492" s="19"/>
    </row>
    <row r="6493" spans="1:27" s="1" customFormat="1" ht="11.1" customHeight="1" outlineLevel="2" x14ac:dyDescent="0.2">
      <c r="A6493" s="17"/>
      <c r="B6493" s="17"/>
      <c r="C6493" s="17"/>
      <c r="D6493" s="18"/>
      <c r="E6493" s="18"/>
      <c r="F6493" s="18"/>
      <c r="G6493" s="18"/>
      <c r="H6493" s="18"/>
      <c r="I6493" s="18"/>
      <c r="J6493" s="18"/>
      <c r="K6493" s="18"/>
      <c r="L6493" s="18"/>
      <c r="M6493" s="18"/>
      <c r="N6493" s="18"/>
      <c r="O6493" s="18"/>
      <c r="P6493" s="19"/>
      <c r="Q6493" s="19"/>
      <c r="R6493" s="19"/>
      <c r="S6493" s="19"/>
      <c r="T6493" s="19"/>
      <c r="U6493" s="19"/>
      <c r="V6493" s="19"/>
      <c r="W6493" s="19"/>
      <c r="X6493" s="19"/>
      <c r="Y6493" s="19"/>
      <c r="Z6493" s="19"/>
      <c r="AA6493" s="19"/>
    </row>
    <row r="6494" spans="1:27" s="1" customFormat="1" ht="11.1" customHeight="1" outlineLevel="1" x14ac:dyDescent="0.2">
      <c r="A6494" s="16" t="s">
        <v>3228</v>
      </c>
      <c r="B6494" s="16"/>
      <c r="C6494" s="16"/>
      <c r="D6494" s="16"/>
      <c r="E6494" s="16"/>
      <c r="F6494" s="16"/>
      <c r="G6494" s="16"/>
      <c r="H6494" s="16"/>
      <c r="I6494" s="16"/>
      <c r="J6494" s="16"/>
      <c r="K6494" s="16"/>
      <c r="L6494" s="16"/>
      <c r="M6494" s="16"/>
      <c r="N6494" s="16"/>
      <c r="O6494" s="16"/>
      <c r="P6494" s="16"/>
      <c r="Q6494" s="16"/>
      <c r="R6494" s="16"/>
      <c r="S6494" s="16"/>
      <c r="T6494" s="16"/>
      <c r="U6494" s="16"/>
      <c r="V6494" s="16"/>
      <c r="W6494" s="16"/>
      <c r="X6494" s="16"/>
      <c r="Y6494" s="16"/>
      <c r="Z6494" s="16"/>
      <c r="AA6494" s="16"/>
    </row>
    <row r="6495" spans="1:27" s="1" customFormat="1" ht="11.1" customHeight="1" outlineLevel="1" x14ac:dyDescent="0.2">
      <c r="A6495" s="16"/>
      <c r="B6495" s="16"/>
      <c r="C6495" s="16"/>
      <c r="D6495" s="16"/>
      <c r="E6495" s="16"/>
      <c r="F6495" s="16"/>
      <c r="G6495" s="16"/>
      <c r="H6495" s="16"/>
      <c r="I6495" s="16"/>
      <c r="J6495" s="16"/>
      <c r="K6495" s="16"/>
      <c r="L6495" s="16"/>
      <c r="M6495" s="16"/>
      <c r="N6495" s="16"/>
      <c r="O6495" s="16"/>
      <c r="P6495" s="16"/>
      <c r="Q6495" s="16"/>
      <c r="R6495" s="16"/>
      <c r="S6495" s="16"/>
      <c r="T6495" s="16"/>
      <c r="U6495" s="16"/>
      <c r="V6495" s="16"/>
      <c r="W6495" s="16"/>
      <c r="X6495" s="16"/>
      <c r="Y6495" s="16"/>
      <c r="Z6495" s="16"/>
      <c r="AA6495" s="16"/>
    </row>
    <row r="6496" spans="1:27" s="1" customFormat="1" ht="11.1" customHeight="1" outlineLevel="2" x14ac:dyDescent="0.2">
      <c r="A6496" s="17">
        <v>11361</v>
      </c>
      <c r="B6496" s="17"/>
      <c r="C6496" s="17"/>
      <c r="D6496" s="18" t="s">
        <v>3229</v>
      </c>
      <c r="E6496" s="18"/>
      <c r="F6496" s="18"/>
      <c r="G6496" s="18"/>
      <c r="H6496" s="18"/>
      <c r="I6496" s="18"/>
      <c r="J6496" s="18"/>
      <c r="K6496" s="18"/>
      <c r="L6496" s="18"/>
      <c r="M6496" s="18"/>
      <c r="N6496" s="18"/>
      <c r="O6496" s="18"/>
      <c r="P6496" s="19">
        <v>450</v>
      </c>
      <c r="Q6496" s="19"/>
      <c r="R6496" s="19"/>
      <c r="S6496" s="19"/>
      <c r="T6496" s="19">
        <v>380</v>
      </c>
      <c r="U6496" s="19"/>
      <c r="V6496" s="19"/>
      <c r="W6496" s="19"/>
      <c r="X6496" s="19">
        <v>4</v>
      </c>
      <c r="Y6496" s="19"/>
      <c r="Z6496" s="19"/>
      <c r="AA6496" s="19"/>
    </row>
    <row r="6497" spans="1:27" s="1" customFormat="1" ht="11.1" customHeight="1" outlineLevel="2" x14ac:dyDescent="0.2">
      <c r="A6497" s="17"/>
      <c r="B6497" s="17"/>
      <c r="C6497" s="17"/>
      <c r="D6497" s="18"/>
      <c r="E6497" s="18"/>
      <c r="F6497" s="18"/>
      <c r="G6497" s="18"/>
      <c r="H6497" s="18"/>
      <c r="I6497" s="18"/>
      <c r="J6497" s="18"/>
      <c r="K6497" s="18"/>
      <c r="L6497" s="18"/>
      <c r="M6497" s="18"/>
      <c r="N6497" s="18"/>
      <c r="O6497" s="18"/>
      <c r="P6497" s="19"/>
      <c r="Q6497" s="19"/>
      <c r="R6497" s="19"/>
      <c r="S6497" s="19"/>
      <c r="T6497" s="19"/>
      <c r="U6497" s="19"/>
      <c r="V6497" s="19"/>
      <c r="W6497" s="19"/>
      <c r="X6497" s="19"/>
      <c r="Y6497" s="19"/>
      <c r="Z6497" s="19"/>
      <c r="AA6497" s="19"/>
    </row>
    <row r="6498" spans="1:27" s="1" customFormat="1" ht="11.1" customHeight="1" outlineLevel="1" x14ac:dyDescent="0.2">
      <c r="A6498" s="16" t="s">
        <v>3230</v>
      </c>
      <c r="B6498" s="16"/>
      <c r="C6498" s="16"/>
      <c r="D6498" s="16"/>
      <c r="E6498" s="16"/>
      <c r="F6498" s="16"/>
      <c r="G6498" s="16"/>
      <c r="H6498" s="16"/>
      <c r="I6498" s="16"/>
      <c r="J6498" s="16"/>
      <c r="K6498" s="16"/>
      <c r="L6498" s="16"/>
      <c r="M6498" s="16"/>
      <c r="N6498" s="16"/>
      <c r="O6498" s="16"/>
      <c r="P6498" s="16"/>
      <c r="Q6498" s="16"/>
      <c r="R6498" s="16"/>
      <c r="S6498" s="16"/>
      <c r="T6498" s="16"/>
      <c r="U6498" s="16"/>
      <c r="V6498" s="16"/>
      <c r="W6498" s="16"/>
      <c r="X6498" s="16"/>
      <c r="Y6498" s="16"/>
      <c r="Z6498" s="16"/>
      <c r="AA6498" s="16"/>
    </row>
    <row r="6499" spans="1:27" s="1" customFormat="1" ht="11.1" customHeight="1" outlineLevel="1" x14ac:dyDescent="0.2">
      <c r="A6499" s="16"/>
      <c r="B6499" s="16"/>
      <c r="C6499" s="16"/>
      <c r="D6499" s="16"/>
      <c r="E6499" s="16"/>
      <c r="F6499" s="16"/>
      <c r="G6499" s="16"/>
      <c r="H6499" s="16"/>
      <c r="I6499" s="16"/>
      <c r="J6499" s="16"/>
      <c r="K6499" s="16"/>
      <c r="L6499" s="16"/>
      <c r="M6499" s="16"/>
      <c r="N6499" s="16"/>
      <c r="O6499" s="16"/>
      <c r="P6499" s="16"/>
      <c r="Q6499" s="16"/>
      <c r="R6499" s="16"/>
      <c r="S6499" s="16"/>
      <c r="T6499" s="16"/>
      <c r="U6499" s="16"/>
      <c r="V6499" s="16"/>
      <c r="W6499" s="16"/>
      <c r="X6499" s="16"/>
      <c r="Y6499" s="16"/>
      <c r="Z6499" s="16"/>
      <c r="AA6499" s="16"/>
    </row>
    <row r="6500" spans="1:27" s="1" customFormat="1" ht="14.1" customHeight="1" outlineLevel="2" x14ac:dyDescent="0.2">
      <c r="A6500" s="17">
        <v>16420</v>
      </c>
      <c r="B6500" s="17"/>
      <c r="C6500" s="17"/>
      <c r="D6500" s="18" t="s">
        <v>3231</v>
      </c>
      <c r="E6500" s="18"/>
      <c r="F6500" s="18"/>
      <c r="G6500" s="18"/>
      <c r="H6500" s="18"/>
      <c r="I6500" s="18"/>
      <c r="J6500" s="18"/>
      <c r="K6500" s="18"/>
      <c r="L6500" s="18"/>
      <c r="M6500" s="18"/>
      <c r="N6500" s="18"/>
      <c r="O6500" s="18"/>
      <c r="P6500" s="19">
        <v>100</v>
      </c>
      <c r="Q6500" s="19"/>
      <c r="R6500" s="19"/>
      <c r="S6500" s="19"/>
      <c r="T6500" s="19">
        <v>70</v>
      </c>
      <c r="U6500" s="19"/>
      <c r="V6500" s="19"/>
      <c r="W6500" s="19"/>
      <c r="X6500" s="19">
        <v>50</v>
      </c>
      <c r="Y6500" s="19"/>
      <c r="Z6500" s="19"/>
      <c r="AA6500" s="19"/>
    </row>
    <row r="6501" spans="1:27" s="1" customFormat="1" ht="14.1" customHeight="1" outlineLevel="2" x14ac:dyDescent="0.2">
      <c r="A6501" s="17"/>
      <c r="B6501" s="17"/>
      <c r="C6501" s="17"/>
      <c r="D6501" s="18"/>
      <c r="E6501" s="18"/>
      <c r="F6501" s="18"/>
      <c r="G6501" s="18"/>
      <c r="H6501" s="18"/>
      <c r="I6501" s="18"/>
      <c r="J6501" s="18"/>
      <c r="K6501" s="18"/>
      <c r="L6501" s="18"/>
      <c r="M6501" s="18"/>
      <c r="N6501" s="18"/>
      <c r="O6501" s="18"/>
      <c r="P6501" s="19"/>
      <c r="Q6501" s="19"/>
      <c r="R6501" s="19"/>
      <c r="S6501" s="19"/>
      <c r="T6501" s="19"/>
      <c r="U6501" s="19"/>
      <c r="V6501" s="19"/>
      <c r="W6501" s="19"/>
      <c r="X6501" s="19"/>
      <c r="Y6501" s="19"/>
      <c r="Z6501" s="19"/>
      <c r="AA6501" s="19"/>
    </row>
    <row r="6502" spans="1:27" s="1" customFormat="1" ht="14.1" customHeight="1" outlineLevel="2" x14ac:dyDescent="0.2">
      <c r="A6502" s="17">
        <v>15152</v>
      </c>
      <c r="B6502" s="17"/>
      <c r="C6502" s="17"/>
      <c r="D6502" s="18" t="s">
        <v>3232</v>
      </c>
      <c r="E6502" s="18"/>
      <c r="F6502" s="18"/>
      <c r="G6502" s="18"/>
      <c r="H6502" s="18"/>
      <c r="I6502" s="18"/>
      <c r="J6502" s="18"/>
      <c r="K6502" s="18"/>
      <c r="L6502" s="18"/>
      <c r="M6502" s="18"/>
      <c r="N6502" s="18"/>
      <c r="O6502" s="18"/>
      <c r="P6502" s="19">
        <v>100</v>
      </c>
      <c r="Q6502" s="19"/>
      <c r="R6502" s="19"/>
      <c r="S6502" s="19"/>
      <c r="T6502" s="19">
        <v>70</v>
      </c>
      <c r="U6502" s="19"/>
      <c r="V6502" s="19"/>
      <c r="W6502" s="19"/>
      <c r="X6502" s="19">
        <v>46</v>
      </c>
      <c r="Y6502" s="19"/>
      <c r="Z6502" s="19"/>
      <c r="AA6502" s="19"/>
    </row>
    <row r="6503" spans="1:27" s="1" customFormat="1" ht="14.1" customHeight="1" outlineLevel="2" x14ac:dyDescent="0.2">
      <c r="A6503" s="17"/>
      <c r="B6503" s="17"/>
      <c r="C6503" s="17"/>
      <c r="D6503" s="18"/>
      <c r="E6503" s="18"/>
      <c r="F6503" s="18"/>
      <c r="G6503" s="18"/>
      <c r="H6503" s="18"/>
      <c r="I6503" s="18"/>
      <c r="J6503" s="18"/>
      <c r="K6503" s="18"/>
      <c r="L6503" s="18"/>
      <c r="M6503" s="18"/>
      <c r="N6503" s="18"/>
      <c r="O6503" s="18"/>
      <c r="P6503" s="19"/>
      <c r="Q6503" s="19"/>
      <c r="R6503" s="19"/>
      <c r="S6503" s="19"/>
      <c r="T6503" s="19"/>
      <c r="U6503" s="19"/>
      <c r="V6503" s="19"/>
      <c r="W6503" s="19"/>
      <c r="X6503" s="19"/>
      <c r="Y6503" s="19"/>
      <c r="Z6503" s="19"/>
      <c r="AA6503" s="19"/>
    </row>
    <row r="6504" spans="1:27" s="1" customFormat="1" ht="11.1" customHeight="1" outlineLevel="2" x14ac:dyDescent="0.2">
      <c r="A6504" s="17">
        <v>13638</v>
      </c>
      <c r="B6504" s="17"/>
      <c r="C6504" s="17"/>
      <c r="D6504" s="18" t="s">
        <v>3233</v>
      </c>
      <c r="E6504" s="18"/>
      <c r="F6504" s="18"/>
      <c r="G6504" s="18"/>
      <c r="H6504" s="18"/>
      <c r="I6504" s="18"/>
      <c r="J6504" s="18"/>
      <c r="K6504" s="18"/>
      <c r="L6504" s="18"/>
      <c r="M6504" s="18"/>
      <c r="N6504" s="18"/>
      <c r="O6504" s="18"/>
      <c r="P6504" s="19">
        <v>100</v>
      </c>
      <c r="Q6504" s="19"/>
      <c r="R6504" s="19"/>
      <c r="S6504" s="19"/>
      <c r="T6504" s="19">
        <v>70</v>
      </c>
      <c r="U6504" s="19"/>
      <c r="V6504" s="19"/>
      <c r="W6504" s="19"/>
      <c r="X6504" s="19">
        <v>43</v>
      </c>
      <c r="Y6504" s="19"/>
      <c r="Z6504" s="19"/>
      <c r="AA6504" s="19"/>
    </row>
    <row r="6505" spans="1:27" s="1" customFormat="1" ht="11.1" customHeight="1" outlineLevel="2" x14ac:dyDescent="0.2">
      <c r="A6505" s="17"/>
      <c r="B6505" s="17"/>
      <c r="C6505" s="17"/>
      <c r="D6505" s="18"/>
      <c r="E6505" s="18"/>
      <c r="F6505" s="18"/>
      <c r="G6505" s="18"/>
      <c r="H6505" s="18"/>
      <c r="I6505" s="18"/>
      <c r="J6505" s="18"/>
      <c r="K6505" s="18"/>
      <c r="L6505" s="18"/>
      <c r="M6505" s="18"/>
      <c r="N6505" s="18"/>
      <c r="O6505" s="18"/>
      <c r="P6505" s="19"/>
      <c r="Q6505" s="19"/>
      <c r="R6505" s="19"/>
      <c r="S6505" s="19"/>
      <c r="T6505" s="19"/>
      <c r="U6505" s="19"/>
      <c r="V6505" s="19"/>
      <c r="W6505" s="19"/>
      <c r="X6505" s="19"/>
      <c r="Y6505" s="19"/>
      <c r="Z6505" s="19"/>
      <c r="AA6505" s="19"/>
    </row>
    <row r="6506" spans="1:27" s="1" customFormat="1" ht="14.1" customHeight="1" outlineLevel="2" x14ac:dyDescent="0.2">
      <c r="A6506" s="17">
        <v>15151</v>
      </c>
      <c r="B6506" s="17"/>
      <c r="C6506" s="17"/>
      <c r="D6506" s="18" t="s">
        <v>3234</v>
      </c>
      <c r="E6506" s="18"/>
      <c r="F6506" s="18"/>
      <c r="G6506" s="18"/>
      <c r="H6506" s="18"/>
      <c r="I6506" s="18"/>
      <c r="J6506" s="18"/>
      <c r="K6506" s="18"/>
      <c r="L6506" s="18"/>
      <c r="M6506" s="18"/>
      <c r="N6506" s="18"/>
      <c r="O6506" s="18"/>
      <c r="P6506" s="19">
        <v>100</v>
      </c>
      <c r="Q6506" s="19"/>
      <c r="R6506" s="19"/>
      <c r="S6506" s="19"/>
      <c r="T6506" s="19">
        <v>70</v>
      </c>
      <c r="U6506" s="19"/>
      <c r="V6506" s="19"/>
      <c r="W6506" s="19"/>
      <c r="X6506" s="19">
        <v>38</v>
      </c>
      <c r="Y6506" s="19"/>
      <c r="Z6506" s="19"/>
      <c r="AA6506" s="19"/>
    </row>
    <row r="6507" spans="1:27" s="1" customFormat="1" ht="14.1" customHeight="1" outlineLevel="2" x14ac:dyDescent="0.2">
      <c r="A6507" s="17"/>
      <c r="B6507" s="17"/>
      <c r="C6507" s="17"/>
      <c r="D6507" s="18"/>
      <c r="E6507" s="18"/>
      <c r="F6507" s="18"/>
      <c r="G6507" s="18"/>
      <c r="H6507" s="18"/>
      <c r="I6507" s="18"/>
      <c r="J6507" s="18"/>
      <c r="K6507" s="18"/>
      <c r="L6507" s="18"/>
      <c r="M6507" s="18"/>
      <c r="N6507" s="18"/>
      <c r="O6507" s="18"/>
      <c r="P6507" s="19"/>
      <c r="Q6507" s="19"/>
      <c r="R6507" s="19"/>
      <c r="S6507" s="19"/>
      <c r="T6507" s="19"/>
      <c r="U6507" s="19"/>
      <c r="V6507" s="19"/>
      <c r="W6507" s="19"/>
      <c r="X6507" s="19"/>
      <c r="Y6507" s="19"/>
      <c r="Z6507" s="19"/>
      <c r="AA6507" s="19"/>
    </row>
    <row r="6508" spans="1:27" s="1" customFormat="1" ht="14.1" customHeight="1" outlineLevel="2" x14ac:dyDescent="0.2">
      <c r="A6508" s="17">
        <v>14709</v>
      </c>
      <c r="B6508" s="17"/>
      <c r="C6508" s="17"/>
      <c r="D6508" s="18" t="s">
        <v>3235</v>
      </c>
      <c r="E6508" s="18"/>
      <c r="F6508" s="18"/>
      <c r="G6508" s="18"/>
      <c r="H6508" s="18"/>
      <c r="I6508" s="18"/>
      <c r="J6508" s="18"/>
      <c r="K6508" s="18"/>
      <c r="L6508" s="18"/>
      <c r="M6508" s="18"/>
      <c r="N6508" s="18"/>
      <c r="O6508" s="18"/>
      <c r="P6508" s="19">
        <v>120</v>
      </c>
      <c r="Q6508" s="19"/>
      <c r="R6508" s="19"/>
      <c r="S6508" s="19"/>
      <c r="T6508" s="19">
        <v>80</v>
      </c>
      <c r="U6508" s="19"/>
      <c r="V6508" s="19"/>
      <c r="W6508" s="19"/>
      <c r="X6508" s="19">
        <v>93</v>
      </c>
      <c r="Y6508" s="19"/>
      <c r="Z6508" s="19"/>
      <c r="AA6508" s="19"/>
    </row>
    <row r="6509" spans="1:27" s="1" customFormat="1" ht="14.1" customHeight="1" outlineLevel="2" x14ac:dyDescent="0.2">
      <c r="A6509" s="17"/>
      <c r="B6509" s="17"/>
      <c r="C6509" s="17"/>
      <c r="D6509" s="18"/>
      <c r="E6509" s="18"/>
      <c r="F6509" s="18"/>
      <c r="G6509" s="18"/>
      <c r="H6509" s="18"/>
      <c r="I6509" s="18"/>
      <c r="J6509" s="18"/>
      <c r="K6509" s="18"/>
      <c r="L6509" s="18"/>
      <c r="M6509" s="18"/>
      <c r="N6509" s="18"/>
      <c r="O6509" s="18"/>
      <c r="P6509" s="19"/>
      <c r="Q6509" s="19"/>
      <c r="R6509" s="19"/>
      <c r="S6509" s="19"/>
      <c r="T6509" s="19"/>
      <c r="U6509" s="19"/>
      <c r="V6509" s="19"/>
      <c r="W6509" s="19"/>
      <c r="X6509" s="19"/>
      <c r="Y6509" s="19"/>
      <c r="Z6509" s="19"/>
      <c r="AA6509" s="19"/>
    </row>
    <row r="6510" spans="1:27" s="1" customFormat="1" ht="14.1" customHeight="1" outlineLevel="2" x14ac:dyDescent="0.2">
      <c r="A6510" s="17">
        <v>16421</v>
      </c>
      <c r="B6510" s="17"/>
      <c r="C6510" s="17"/>
      <c r="D6510" s="18" t="s">
        <v>3236</v>
      </c>
      <c r="E6510" s="18"/>
      <c r="F6510" s="18"/>
      <c r="G6510" s="18"/>
      <c r="H6510" s="18"/>
      <c r="I6510" s="18"/>
      <c r="J6510" s="18"/>
      <c r="K6510" s="18"/>
      <c r="L6510" s="18"/>
      <c r="M6510" s="18"/>
      <c r="N6510" s="18"/>
      <c r="O6510" s="18"/>
      <c r="P6510" s="19">
        <v>120</v>
      </c>
      <c r="Q6510" s="19"/>
      <c r="R6510" s="19"/>
      <c r="S6510" s="19"/>
      <c r="T6510" s="19">
        <v>90</v>
      </c>
      <c r="U6510" s="19"/>
      <c r="V6510" s="19"/>
      <c r="W6510" s="19"/>
      <c r="X6510" s="19">
        <v>48</v>
      </c>
      <c r="Y6510" s="19"/>
      <c r="Z6510" s="19"/>
      <c r="AA6510" s="19"/>
    </row>
    <row r="6511" spans="1:27" s="1" customFormat="1" ht="14.1" customHeight="1" outlineLevel="2" x14ac:dyDescent="0.2">
      <c r="A6511" s="17"/>
      <c r="B6511" s="17"/>
      <c r="C6511" s="17"/>
      <c r="D6511" s="18"/>
      <c r="E6511" s="18"/>
      <c r="F6511" s="18"/>
      <c r="G6511" s="18"/>
      <c r="H6511" s="18"/>
      <c r="I6511" s="18"/>
      <c r="J6511" s="18"/>
      <c r="K6511" s="18"/>
      <c r="L6511" s="18"/>
      <c r="M6511" s="18"/>
      <c r="N6511" s="18"/>
      <c r="O6511" s="18"/>
      <c r="P6511" s="19"/>
      <c r="Q6511" s="19"/>
      <c r="R6511" s="19"/>
      <c r="S6511" s="19"/>
      <c r="T6511" s="19"/>
      <c r="U6511" s="19"/>
      <c r="V6511" s="19"/>
      <c r="W6511" s="19"/>
      <c r="X6511" s="19"/>
      <c r="Y6511" s="19"/>
      <c r="Z6511" s="19"/>
      <c r="AA6511" s="19"/>
    </row>
    <row r="6512" spans="1:27" s="1" customFormat="1" ht="14.1" customHeight="1" outlineLevel="2" x14ac:dyDescent="0.2">
      <c r="A6512" s="17">
        <v>15154</v>
      </c>
      <c r="B6512" s="17"/>
      <c r="C6512" s="17"/>
      <c r="D6512" s="18" t="s">
        <v>3237</v>
      </c>
      <c r="E6512" s="18"/>
      <c r="F6512" s="18"/>
      <c r="G6512" s="18"/>
      <c r="H6512" s="18"/>
      <c r="I6512" s="18"/>
      <c r="J6512" s="18"/>
      <c r="K6512" s="18"/>
      <c r="L6512" s="18"/>
      <c r="M6512" s="18"/>
      <c r="N6512" s="18"/>
      <c r="O6512" s="18"/>
      <c r="P6512" s="19">
        <v>100</v>
      </c>
      <c r="Q6512" s="19"/>
      <c r="R6512" s="19"/>
      <c r="S6512" s="19"/>
      <c r="T6512" s="19">
        <v>70</v>
      </c>
      <c r="U6512" s="19"/>
      <c r="V6512" s="19"/>
      <c r="W6512" s="19"/>
      <c r="X6512" s="19">
        <v>50</v>
      </c>
      <c r="Y6512" s="19"/>
      <c r="Z6512" s="19"/>
      <c r="AA6512" s="19"/>
    </row>
    <row r="6513" spans="1:27" s="1" customFormat="1" ht="14.1" customHeight="1" outlineLevel="2" x14ac:dyDescent="0.2">
      <c r="A6513" s="17"/>
      <c r="B6513" s="17"/>
      <c r="C6513" s="17"/>
      <c r="D6513" s="18"/>
      <c r="E6513" s="18"/>
      <c r="F6513" s="18"/>
      <c r="G6513" s="18"/>
      <c r="H6513" s="18"/>
      <c r="I6513" s="18"/>
      <c r="J6513" s="18"/>
      <c r="K6513" s="18"/>
      <c r="L6513" s="18"/>
      <c r="M6513" s="18"/>
      <c r="N6513" s="18"/>
      <c r="O6513" s="18"/>
      <c r="P6513" s="19"/>
      <c r="Q6513" s="19"/>
      <c r="R6513" s="19"/>
      <c r="S6513" s="19"/>
      <c r="T6513" s="19"/>
      <c r="U6513" s="19"/>
      <c r="V6513" s="19"/>
      <c r="W6513" s="19"/>
      <c r="X6513" s="19"/>
      <c r="Y6513" s="19"/>
      <c r="Z6513" s="19"/>
      <c r="AA6513" s="19"/>
    </row>
    <row r="6514" spans="1:27" s="1" customFormat="1" ht="11.1" customHeight="1" outlineLevel="2" x14ac:dyDescent="0.2">
      <c r="A6514" s="17">
        <v>16066</v>
      </c>
      <c r="B6514" s="17"/>
      <c r="C6514" s="17"/>
      <c r="D6514" s="18" t="s">
        <v>3238</v>
      </c>
      <c r="E6514" s="18"/>
      <c r="F6514" s="18"/>
      <c r="G6514" s="18"/>
      <c r="H6514" s="18"/>
      <c r="I6514" s="18"/>
      <c r="J6514" s="18"/>
      <c r="K6514" s="18"/>
      <c r="L6514" s="18"/>
      <c r="M6514" s="18"/>
      <c r="N6514" s="18"/>
      <c r="O6514" s="18"/>
      <c r="P6514" s="19">
        <v>120</v>
      </c>
      <c r="Q6514" s="19"/>
      <c r="R6514" s="19"/>
      <c r="S6514" s="19"/>
      <c r="T6514" s="19">
        <v>80</v>
      </c>
      <c r="U6514" s="19"/>
      <c r="V6514" s="19"/>
      <c r="W6514" s="19"/>
      <c r="X6514" s="19">
        <v>45</v>
      </c>
      <c r="Y6514" s="19"/>
      <c r="Z6514" s="19"/>
      <c r="AA6514" s="19"/>
    </row>
    <row r="6515" spans="1:27" s="1" customFormat="1" ht="11.1" customHeight="1" outlineLevel="2" x14ac:dyDescent="0.2">
      <c r="A6515" s="17"/>
      <c r="B6515" s="17"/>
      <c r="C6515" s="17"/>
      <c r="D6515" s="18"/>
      <c r="E6515" s="18"/>
      <c r="F6515" s="18"/>
      <c r="G6515" s="18"/>
      <c r="H6515" s="18"/>
      <c r="I6515" s="18"/>
      <c r="J6515" s="18"/>
      <c r="K6515" s="18"/>
      <c r="L6515" s="18"/>
      <c r="M6515" s="18"/>
      <c r="N6515" s="18"/>
      <c r="O6515" s="18"/>
      <c r="P6515" s="19"/>
      <c r="Q6515" s="19"/>
      <c r="R6515" s="19"/>
      <c r="S6515" s="19"/>
      <c r="T6515" s="19"/>
      <c r="U6515" s="19"/>
      <c r="V6515" s="19"/>
      <c r="W6515" s="19"/>
      <c r="X6515" s="19"/>
      <c r="Y6515" s="19"/>
      <c r="Z6515" s="19"/>
      <c r="AA6515" s="19"/>
    </row>
    <row r="6516" spans="1:27" s="1" customFormat="1" ht="14.1" customHeight="1" outlineLevel="2" x14ac:dyDescent="0.2">
      <c r="A6516" s="17">
        <v>15150</v>
      </c>
      <c r="B6516" s="17"/>
      <c r="C6516" s="17"/>
      <c r="D6516" s="18" t="s">
        <v>3239</v>
      </c>
      <c r="E6516" s="18"/>
      <c r="F6516" s="18"/>
      <c r="G6516" s="18"/>
      <c r="H6516" s="18"/>
      <c r="I6516" s="18"/>
      <c r="J6516" s="18"/>
      <c r="K6516" s="18"/>
      <c r="L6516" s="18"/>
      <c r="M6516" s="18"/>
      <c r="N6516" s="18"/>
      <c r="O6516" s="18"/>
      <c r="P6516" s="19">
        <v>100</v>
      </c>
      <c r="Q6516" s="19"/>
      <c r="R6516" s="19"/>
      <c r="S6516" s="19"/>
      <c r="T6516" s="19">
        <v>70</v>
      </c>
      <c r="U6516" s="19"/>
      <c r="V6516" s="19"/>
      <c r="W6516" s="19"/>
      <c r="X6516" s="19">
        <v>48</v>
      </c>
      <c r="Y6516" s="19"/>
      <c r="Z6516" s="19"/>
      <c r="AA6516" s="19"/>
    </row>
    <row r="6517" spans="1:27" s="1" customFormat="1" ht="14.1" customHeight="1" outlineLevel="2" x14ac:dyDescent="0.2">
      <c r="A6517" s="17"/>
      <c r="B6517" s="17"/>
      <c r="C6517" s="17"/>
      <c r="D6517" s="18"/>
      <c r="E6517" s="18"/>
      <c r="F6517" s="18"/>
      <c r="G6517" s="18"/>
      <c r="H6517" s="18"/>
      <c r="I6517" s="18"/>
      <c r="J6517" s="18"/>
      <c r="K6517" s="18"/>
      <c r="L6517" s="18"/>
      <c r="M6517" s="18"/>
      <c r="N6517" s="18"/>
      <c r="O6517" s="18"/>
      <c r="P6517" s="19"/>
      <c r="Q6517" s="19"/>
      <c r="R6517" s="19"/>
      <c r="S6517" s="19"/>
      <c r="T6517" s="19"/>
      <c r="U6517" s="19"/>
      <c r="V6517" s="19"/>
      <c r="W6517" s="19"/>
      <c r="X6517" s="19"/>
      <c r="Y6517" s="19"/>
      <c r="Z6517" s="19"/>
      <c r="AA6517" s="19"/>
    </row>
    <row r="6518" spans="1:27" s="1" customFormat="1" ht="14.1" customHeight="1" outlineLevel="2" x14ac:dyDescent="0.2">
      <c r="A6518" s="17">
        <v>15153</v>
      </c>
      <c r="B6518" s="17"/>
      <c r="C6518" s="17"/>
      <c r="D6518" s="18" t="s">
        <v>3240</v>
      </c>
      <c r="E6518" s="18"/>
      <c r="F6518" s="18"/>
      <c r="G6518" s="18"/>
      <c r="H6518" s="18"/>
      <c r="I6518" s="18"/>
      <c r="J6518" s="18"/>
      <c r="K6518" s="18"/>
      <c r="L6518" s="18"/>
      <c r="M6518" s="18"/>
      <c r="N6518" s="18"/>
      <c r="O6518" s="18"/>
      <c r="P6518" s="19">
        <v>100</v>
      </c>
      <c r="Q6518" s="19"/>
      <c r="R6518" s="19"/>
      <c r="S6518" s="19"/>
      <c r="T6518" s="19">
        <v>70</v>
      </c>
      <c r="U6518" s="19"/>
      <c r="V6518" s="19"/>
      <c r="W6518" s="19"/>
      <c r="X6518" s="19">
        <v>43</v>
      </c>
      <c r="Y6518" s="19"/>
      <c r="Z6518" s="19"/>
      <c r="AA6518" s="19"/>
    </row>
    <row r="6519" spans="1:27" s="1" customFormat="1" ht="14.1" customHeight="1" outlineLevel="2" x14ac:dyDescent="0.2">
      <c r="A6519" s="17"/>
      <c r="B6519" s="17"/>
      <c r="C6519" s="17"/>
      <c r="D6519" s="18"/>
      <c r="E6519" s="18"/>
      <c r="F6519" s="18"/>
      <c r="G6519" s="18"/>
      <c r="H6519" s="18"/>
      <c r="I6519" s="18"/>
      <c r="J6519" s="18"/>
      <c r="K6519" s="18"/>
      <c r="L6519" s="18"/>
      <c r="M6519" s="18"/>
      <c r="N6519" s="18"/>
      <c r="O6519" s="18"/>
      <c r="P6519" s="19"/>
      <c r="Q6519" s="19"/>
      <c r="R6519" s="19"/>
      <c r="S6519" s="19"/>
      <c r="T6519" s="19"/>
      <c r="U6519" s="19"/>
      <c r="V6519" s="19"/>
      <c r="W6519" s="19"/>
      <c r="X6519" s="19"/>
      <c r="Y6519" s="19"/>
      <c r="Z6519" s="19"/>
      <c r="AA6519" s="19"/>
    </row>
    <row r="6520" spans="1:27" s="1" customFormat="1" ht="11.1" customHeight="1" outlineLevel="2" x14ac:dyDescent="0.2">
      <c r="A6520" s="17">
        <v>16067</v>
      </c>
      <c r="B6520" s="17"/>
      <c r="C6520" s="17"/>
      <c r="D6520" s="18" t="s">
        <v>3241</v>
      </c>
      <c r="E6520" s="18"/>
      <c r="F6520" s="18"/>
      <c r="G6520" s="18"/>
      <c r="H6520" s="18"/>
      <c r="I6520" s="18"/>
      <c r="J6520" s="18"/>
      <c r="K6520" s="18"/>
      <c r="L6520" s="18"/>
      <c r="M6520" s="18"/>
      <c r="N6520" s="18"/>
      <c r="O6520" s="18"/>
      <c r="P6520" s="19">
        <v>100</v>
      </c>
      <c r="Q6520" s="19"/>
      <c r="R6520" s="19"/>
      <c r="S6520" s="19"/>
      <c r="T6520" s="19">
        <v>70</v>
      </c>
      <c r="U6520" s="19"/>
      <c r="V6520" s="19"/>
      <c r="W6520" s="19"/>
      <c r="X6520" s="19">
        <v>41</v>
      </c>
      <c r="Y6520" s="19"/>
      <c r="Z6520" s="19"/>
      <c r="AA6520" s="19"/>
    </row>
    <row r="6521" spans="1:27" s="1" customFormat="1" ht="11.1" customHeight="1" outlineLevel="2" x14ac:dyDescent="0.2">
      <c r="A6521" s="17"/>
      <c r="B6521" s="17"/>
      <c r="C6521" s="17"/>
      <c r="D6521" s="18"/>
      <c r="E6521" s="18"/>
      <c r="F6521" s="18"/>
      <c r="G6521" s="18"/>
      <c r="H6521" s="18"/>
      <c r="I6521" s="18"/>
      <c r="J6521" s="18"/>
      <c r="K6521" s="18"/>
      <c r="L6521" s="18"/>
      <c r="M6521" s="18"/>
      <c r="N6521" s="18"/>
      <c r="O6521" s="18"/>
      <c r="P6521" s="19"/>
      <c r="Q6521" s="19"/>
      <c r="R6521" s="19"/>
      <c r="S6521" s="19"/>
      <c r="T6521" s="19"/>
      <c r="U6521" s="19"/>
      <c r="V6521" s="19"/>
      <c r="W6521" s="19"/>
      <c r="X6521" s="19"/>
      <c r="Y6521" s="19"/>
      <c r="Z6521" s="19"/>
      <c r="AA6521" s="19"/>
    </row>
    <row r="6522" spans="1:27" s="1" customFormat="1" ht="11.1" customHeight="1" outlineLevel="2" x14ac:dyDescent="0.2">
      <c r="A6522" s="17">
        <v>16068</v>
      </c>
      <c r="B6522" s="17"/>
      <c r="C6522" s="17"/>
      <c r="D6522" s="18" t="s">
        <v>3242</v>
      </c>
      <c r="E6522" s="18"/>
      <c r="F6522" s="18"/>
      <c r="G6522" s="18"/>
      <c r="H6522" s="18"/>
      <c r="I6522" s="18"/>
      <c r="J6522" s="18"/>
      <c r="K6522" s="18"/>
      <c r="L6522" s="18"/>
      <c r="M6522" s="18"/>
      <c r="N6522" s="18"/>
      <c r="O6522" s="18"/>
      <c r="P6522" s="19">
        <v>120</v>
      </c>
      <c r="Q6522" s="19"/>
      <c r="R6522" s="19"/>
      <c r="S6522" s="19"/>
      <c r="T6522" s="19">
        <v>80</v>
      </c>
      <c r="U6522" s="19"/>
      <c r="V6522" s="19"/>
      <c r="W6522" s="19"/>
      <c r="X6522" s="19">
        <v>44</v>
      </c>
      <c r="Y6522" s="19"/>
      <c r="Z6522" s="19"/>
      <c r="AA6522" s="19"/>
    </row>
    <row r="6523" spans="1:27" s="1" customFormat="1" ht="11.1" customHeight="1" outlineLevel="2" x14ac:dyDescent="0.2">
      <c r="A6523" s="17"/>
      <c r="B6523" s="17"/>
      <c r="C6523" s="17"/>
      <c r="D6523" s="18"/>
      <c r="E6523" s="18"/>
      <c r="F6523" s="18"/>
      <c r="G6523" s="18"/>
      <c r="H6523" s="18"/>
      <c r="I6523" s="18"/>
      <c r="J6523" s="18"/>
      <c r="K6523" s="18"/>
      <c r="L6523" s="18"/>
      <c r="M6523" s="18"/>
      <c r="N6523" s="18"/>
      <c r="O6523" s="18"/>
      <c r="P6523" s="19"/>
      <c r="Q6523" s="19"/>
      <c r="R6523" s="19"/>
      <c r="S6523" s="19"/>
      <c r="T6523" s="19"/>
      <c r="U6523" s="19"/>
      <c r="V6523" s="19"/>
      <c r="W6523" s="19"/>
      <c r="X6523" s="19"/>
      <c r="Y6523" s="19"/>
      <c r="Z6523" s="19"/>
      <c r="AA6523" s="19"/>
    </row>
    <row r="6524" spans="1:27" s="1" customFormat="1" ht="14.1" customHeight="1" outlineLevel="2" x14ac:dyDescent="0.2">
      <c r="A6524" s="17">
        <v>16069</v>
      </c>
      <c r="B6524" s="17"/>
      <c r="C6524" s="17"/>
      <c r="D6524" s="18" t="s">
        <v>3243</v>
      </c>
      <c r="E6524" s="18"/>
      <c r="F6524" s="18"/>
      <c r="G6524" s="18"/>
      <c r="H6524" s="18"/>
      <c r="I6524" s="18"/>
      <c r="J6524" s="18"/>
      <c r="K6524" s="18"/>
      <c r="L6524" s="18"/>
      <c r="M6524" s="18"/>
      <c r="N6524" s="18"/>
      <c r="O6524" s="18"/>
      <c r="P6524" s="19">
        <v>100</v>
      </c>
      <c r="Q6524" s="19"/>
      <c r="R6524" s="19"/>
      <c r="S6524" s="19"/>
      <c r="T6524" s="19">
        <v>70</v>
      </c>
      <c r="U6524" s="19"/>
      <c r="V6524" s="19"/>
      <c r="W6524" s="19"/>
      <c r="X6524" s="19">
        <v>50</v>
      </c>
      <c r="Y6524" s="19"/>
      <c r="Z6524" s="19"/>
      <c r="AA6524" s="19"/>
    </row>
    <row r="6525" spans="1:27" s="1" customFormat="1" ht="14.1" customHeight="1" outlineLevel="2" x14ac:dyDescent="0.2">
      <c r="A6525" s="17"/>
      <c r="B6525" s="17"/>
      <c r="C6525" s="17"/>
      <c r="D6525" s="18"/>
      <c r="E6525" s="18"/>
      <c r="F6525" s="18"/>
      <c r="G6525" s="18"/>
      <c r="H6525" s="18"/>
      <c r="I6525" s="18"/>
      <c r="J6525" s="18"/>
      <c r="K6525" s="18"/>
      <c r="L6525" s="18"/>
      <c r="M6525" s="18"/>
      <c r="N6525" s="18"/>
      <c r="O6525" s="18"/>
      <c r="P6525" s="19"/>
      <c r="Q6525" s="19"/>
      <c r="R6525" s="19"/>
      <c r="S6525" s="19"/>
      <c r="T6525" s="19"/>
      <c r="U6525" s="19"/>
      <c r="V6525" s="19"/>
      <c r="W6525" s="19"/>
      <c r="X6525" s="19"/>
      <c r="Y6525" s="19"/>
      <c r="Z6525" s="19"/>
      <c r="AA6525" s="19"/>
    </row>
    <row r="6526" spans="1:27" s="1" customFormat="1" ht="11.1" customHeight="1" outlineLevel="2" x14ac:dyDescent="0.2">
      <c r="A6526" s="17">
        <v>14713</v>
      </c>
      <c r="B6526" s="17"/>
      <c r="C6526" s="17"/>
      <c r="D6526" s="18" t="s">
        <v>3244</v>
      </c>
      <c r="E6526" s="18"/>
      <c r="F6526" s="18"/>
      <c r="G6526" s="18"/>
      <c r="H6526" s="18"/>
      <c r="I6526" s="18"/>
      <c r="J6526" s="18"/>
      <c r="K6526" s="18"/>
      <c r="L6526" s="18"/>
      <c r="M6526" s="18"/>
      <c r="N6526" s="18"/>
      <c r="O6526" s="18"/>
      <c r="P6526" s="19">
        <v>60</v>
      </c>
      <c r="Q6526" s="19"/>
      <c r="R6526" s="19"/>
      <c r="S6526" s="19"/>
      <c r="T6526" s="19">
        <v>60</v>
      </c>
      <c r="U6526" s="19"/>
      <c r="V6526" s="19"/>
      <c r="W6526" s="19"/>
      <c r="X6526" s="19">
        <v>31</v>
      </c>
      <c r="Y6526" s="19"/>
      <c r="Z6526" s="19"/>
      <c r="AA6526" s="19"/>
    </row>
    <row r="6527" spans="1:27" s="1" customFormat="1" ht="11.1" customHeight="1" outlineLevel="2" x14ac:dyDescent="0.2">
      <c r="A6527" s="17"/>
      <c r="B6527" s="17"/>
      <c r="C6527" s="17"/>
      <c r="D6527" s="18"/>
      <c r="E6527" s="18"/>
      <c r="F6527" s="18"/>
      <c r="G6527" s="18"/>
      <c r="H6527" s="18"/>
      <c r="I6527" s="18"/>
      <c r="J6527" s="18"/>
      <c r="K6527" s="18"/>
      <c r="L6527" s="18"/>
      <c r="M6527" s="18"/>
      <c r="N6527" s="18"/>
      <c r="O6527" s="18"/>
      <c r="P6527" s="19"/>
      <c r="Q6527" s="19"/>
      <c r="R6527" s="19"/>
      <c r="S6527" s="19"/>
      <c r="T6527" s="19"/>
      <c r="U6527" s="19"/>
      <c r="V6527" s="19"/>
      <c r="W6527" s="19"/>
      <c r="X6527" s="19"/>
      <c r="Y6527" s="19"/>
      <c r="Z6527" s="19"/>
      <c r="AA6527" s="19"/>
    </row>
    <row r="6528" spans="1:27" s="1" customFormat="1" ht="11.1" customHeight="1" outlineLevel="2" x14ac:dyDescent="0.2">
      <c r="A6528" s="17">
        <v>13639</v>
      </c>
      <c r="B6528" s="17"/>
      <c r="C6528" s="17"/>
      <c r="D6528" s="18" t="s">
        <v>3245</v>
      </c>
      <c r="E6528" s="18"/>
      <c r="F6528" s="18"/>
      <c r="G6528" s="18"/>
      <c r="H6528" s="18"/>
      <c r="I6528" s="18"/>
      <c r="J6528" s="18"/>
      <c r="K6528" s="18"/>
      <c r="L6528" s="18"/>
      <c r="M6528" s="18"/>
      <c r="N6528" s="18"/>
      <c r="O6528" s="18"/>
      <c r="P6528" s="19">
        <v>100</v>
      </c>
      <c r="Q6528" s="19"/>
      <c r="R6528" s="19"/>
      <c r="S6528" s="19"/>
      <c r="T6528" s="19">
        <v>70</v>
      </c>
      <c r="U6528" s="19"/>
      <c r="V6528" s="19"/>
      <c r="W6528" s="19"/>
      <c r="X6528" s="19">
        <v>16</v>
      </c>
      <c r="Y6528" s="19"/>
      <c r="Z6528" s="19"/>
      <c r="AA6528" s="19"/>
    </row>
    <row r="6529" spans="1:27" s="1" customFormat="1" ht="11.1" customHeight="1" outlineLevel="2" x14ac:dyDescent="0.2">
      <c r="A6529" s="17"/>
      <c r="B6529" s="17"/>
      <c r="C6529" s="17"/>
      <c r="D6529" s="18"/>
      <c r="E6529" s="18"/>
      <c r="F6529" s="18"/>
      <c r="G6529" s="18"/>
      <c r="H6529" s="18"/>
      <c r="I6529" s="18"/>
      <c r="J6529" s="18"/>
      <c r="K6529" s="18"/>
      <c r="L6529" s="18"/>
      <c r="M6529" s="18"/>
      <c r="N6529" s="18"/>
      <c r="O6529" s="18"/>
      <c r="P6529" s="19"/>
      <c r="Q6529" s="19"/>
      <c r="R6529" s="19"/>
      <c r="S6529" s="19"/>
      <c r="T6529" s="19"/>
      <c r="U6529" s="19"/>
      <c r="V6529" s="19"/>
      <c r="W6529" s="19"/>
      <c r="X6529" s="19"/>
      <c r="Y6529" s="19"/>
      <c r="Z6529" s="19"/>
      <c r="AA6529" s="19"/>
    </row>
    <row r="6530" spans="1:27" s="1" customFormat="1" ht="14.1" customHeight="1" outlineLevel="2" x14ac:dyDescent="0.2">
      <c r="A6530" s="17">
        <v>16422</v>
      </c>
      <c r="B6530" s="17"/>
      <c r="C6530" s="17"/>
      <c r="D6530" s="18" t="s">
        <v>3246</v>
      </c>
      <c r="E6530" s="18"/>
      <c r="F6530" s="18"/>
      <c r="G6530" s="18"/>
      <c r="H6530" s="18"/>
      <c r="I6530" s="18"/>
      <c r="J6530" s="18"/>
      <c r="K6530" s="18"/>
      <c r="L6530" s="18"/>
      <c r="M6530" s="18"/>
      <c r="N6530" s="18"/>
      <c r="O6530" s="18"/>
      <c r="P6530" s="19">
        <v>120</v>
      </c>
      <c r="Q6530" s="19"/>
      <c r="R6530" s="19"/>
      <c r="S6530" s="19"/>
      <c r="T6530" s="19">
        <v>90</v>
      </c>
      <c r="U6530" s="19"/>
      <c r="V6530" s="19"/>
      <c r="W6530" s="19"/>
      <c r="X6530" s="19">
        <v>33</v>
      </c>
      <c r="Y6530" s="19"/>
      <c r="Z6530" s="19"/>
      <c r="AA6530" s="19"/>
    </row>
    <row r="6531" spans="1:27" s="1" customFormat="1" ht="14.1" customHeight="1" outlineLevel="2" x14ac:dyDescent="0.2">
      <c r="A6531" s="17"/>
      <c r="B6531" s="17"/>
      <c r="C6531" s="17"/>
      <c r="D6531" s="18"/>
      <c r="E6531" s="18"/>
      <c r="F6531" s="18"/>
      <c r="G6531" s="18"/>
      <c r="H6531" s="18"/>
      <c r="I6531" s="18"/>
      <c r="J6531" s="18"/>
      <c r="K6531" s="18"/>
      <c r="L6531" s="18"/>
      <c r="M6531" s="18"/>
      <c r="N6531" s="18"/>
      <c r="O6531" s="18"/>
      <c r="P6531" s="19"/>
      <c r="Q6531" s="19"/>
      <c r="R6531" s="19"/>
      <c r="S6531" s="19"/>
      <c r="T6531" s="19"/>
      <c r="U6531" s="19"/>
      <c r="V6531" s="19"/>
      <c r="W6531" s="19"/>
      <c r="X6531" s="19"/>
      <c r="Y6531" s="19"/>
      <c r="Z6531" s="19"/>
      <c r="AA6531" s="19"/>
    </row>
    <row r="6532" spans="1:27" s="1" customFormat="1" ht="11.1" customHeight="1" outlineLevel="2" x14ac:dyDescent="0.2">
      <c r="A6532" s="17">
        <v>16423</v>
      </c>
      <c r="B6532" s="17"/>
      <c r="C6532" s="17"/>
      <c r="D6532" s="18" t="s">
        <v>3247</v>
      </c>
      <c r="E6532" s="18"/>
      <c r="F6532" s="18"/>
      <c r="G6532" s="18"/>
      <c r="H6532" s="18"/>
      <c r="I6532" s="18"/>
      <c r="J6532" s="18"/>
      <c r="K6532" s="18"/>
      <c r="L6532" s="18"/>
      <c r="M6532" s="18"/>
      <c r="N6532" s="18"/>
      <c r="O6532" s="18"/>
      <c r="P6532" s="19">
        <v>120</v>
      </c>
      <c r="Q6532" s="19"/>
      <c r="R6532" s="19"/>
      <c r="S6532" s="19"/>
      <c r="T6532" s="19">
        <v>90</v>
      </c>
      <c r="U6532" s="19"/>
      <c r="V6532" s="19"/>
      <c r="W6532" s="19"/>
      <c r="X6532" s="19">
        <v>48</v>
      </c>
      <c r="Y6532" s="19"/>
      <c r="Z6532" s="19"/>
      <c r="AA6532" s="19"/>
    </row>
    <row r="6533" spans="1:27" s="1" customFormat="1" ht="11.1" customHeight="1" outlineLevel="2" x14ac:dyDescent="0.2">
      <c r="A6533" s="17"/>
      <c r="B6533" s="17"/>
      <c r="C6533" s="17"/>
      <c r="D6533" s="18"/>
      <c r="E6533" s="18"/>
      <c r="F6533" s="18"/>
      <c r="G6533" s="18"/>
      <c r="H6533" s="18"/>
      <c r="I6533" s="18"/>
      <c r="J6533" s="18"/>
      <c r="K6533" s="18"/>
      <c r="L6533" s="18"/>
      <c r="M6533" s="18"/>
      <c r="N6533" s="18"/>
      <c r="O6533" s="18"/>
      <c r="P6533" s="19"/>
      <c r="Q6533" s="19"/>
      <c r="R6533" s="19"/>
      <c r="S6533" s="19"/>
      <c r="T6533" s="19"/>
      <c r="U6533" s="19"/>
      <c r="V6533" s="19"/>
      <c r="W6533" s="19"/>
      <c r="X6533" s="19"/>
      <c r="Y6533" s="19"/>
      <c r="Z6533" s="19"/>
      <c r="AA6533" s="19"/>
    </row>
    <row r="6534" spans="1:27" s="1" customFormat="1" ht="11.1" customHeight="1" outlineLevel="2" x14ac:dyDescent="0.2">
      <c r="A6534" s="17">
        <v>17800</v>
      </c>
      <c r="B6534" s="17"/>
      <c r="C6534" s="17"/>
      <c r="D6534" s="18" t="s">
        <v>3248</v>
      </c>
      <c r="E6534" s="18"/>
      <c r="F6534" s="18"/>
      <c r="G6534" s="18"/>
      <c r="H6534" s="18"/>
      <c r="I6534" s="18"/>
      <c r="J6534" s="18"/>
      <c r="K6534" s="18"/>
      <c r="L6534" s="18"/>
      <c r="M6534" s="18"/>
      <c r="N6534" s="18"/>
      <c r="O6534" s="18"/>
      <c r="P6534" s="19">
        <v>450</v>
      </c>
      <c r="Q6534" s="19"/>
      <c r="R6534" s="19"/>
      <c r="S6534" s="19"/>
      <c r="T6534" s="19">
        <v>350</v>
      </c>
      <c r="U6534" s="19"/>
      <c r="V6534" s="19"/>
      <c r="W6534" s="19"/>
      <c r="X6534" s="19">
        <v>10</v>
      </c>
      <c r="Y6534" s="19"/>
      <c r="Z6534" s="19"/>
      <c r="AA6534" s="19"/>
    </row>
    <row r="6535" spans="1:27" s="1" customFormat="1" ht="11.1" customHeight="1" outlineLevel="2" x14ac:dyDescent="0.2">
      <c r="A6535" s="17"/>
      <c r="B6535" s="17"/>
      <c r="C6535" s="17"/>
      <c r="D6535" s="18"/>
      <c r="E6535" s="18"/>
      <c r="F6535" s="18"/>
      <c r="G6535" s="18"/>
      <c r="H6535" s="18"/>
      <c r="I6535" s="18"/>
      <c r="J6535" s="18"/>
      <c r="K6535" s="18"/>
      <c r="L6535" s="18"/>
      <c r="M6535" s="18"/>
      <c r="N6535" s="18"/>
      <c r="O6535" s="18"/>
      <c r="P6535" s="19"/>
      <c r="Q6535" s="19"/>
      <c r="R6535" s="19"/>
      <c r="S6535" s="19"/>
      <c r="T6535" s="19"/>
      <c r="U6535" s="19"/>
      <c r="V6535" s="19"/>
      <c r="W6535" s="19"/>
      <c r="X6535" s="19"/>
      <c r="Y6535" s="19"/>
      <c r="Z6535" s="19"/>
      <c r="AA6535" s="19"/>
    </row>
    <row r="6536" spans="1:27" s="1" customFormat="1" ht="14.1" customHeight="1" outlineLevel="2" x14ac:dyDescent="0.2">
      <c r="A6536" s="17">
        <v>17801</v>
      </c>
      <c r="B6536" s="17"/>
      <c r="C6536" s="17"/>
      <c r="D6536" s="18" t="s">
        <v>3249</v>
      </c>
      <c r="E6536" s="18"/>
      <c r="F6536" s="18"/>
      <c r="G6536" s="18"/>
      <c r="H6536" s="18"/>
      <c r="I6536" s="18"/>
      <c r="J6536" s="18"/>
      <c r="K6536" s="18"/>
      <c r="L6536" s="18"/>
      <c r="M6536" s="18"/>
      <c r="N6536" s="18"/>
      <c r="O6536" s="18"/>
      <c r="P6536" s="19">
        <v>450</v>
      </c>
      <c r="Q6536" s="19"/>
      <c r="R6536" s="19"/>
      <c r="S6536" s="19"/>
      <c r="T6536" s="19">
        <v>350</v>
      </c>
      <c r="U6536" s="19"/>
      <c r="V6536" s="19"/>
      <c r="W6536" s="19"/>
      <c r="X6536" s="19">
        <v>10</v>
      </c>
      <c r="Y6536" s="19"/>
      <c r="Z6536" s="19"/>
      <c r="AA6536" s="19"/>
    </row>
    <row r="6537" spans="1:27" s="1" customFormat="1" ht="14.1" customHeight="1" outlineLevel="2" x14ac:dyDescent="0.2">
      <c r="A6537" s="17"/>
      <c r="B6537" s="17"/>
      <c r="C6537" s="17"/>
      <c r="D6537" s="18"/>
      <c r="E6537" s="18"/>
      <c r="F6537" s="18"/>
      <c r="G6537" s="18"/>
      <c r="H6537" s="18"/>
      <c r="I6537" s="18"/>
      <c r="J6537" s="18"/>
      <c r="K6537" s="18"/>
      <c r="L6537" s="18"/>
      <c r="M6537" s="18"/>
      <c r="N6537" s="18"/>
      <c r="O6537" s="18"/>
      <c r="P6537" s="19"/>
      <c r="Q6537" s="19"/>
      <c r="R6537" s="19"/>
      <c r="S6537" s="19"/>
      <c r="T6537" s="19"/>
      <c r="U6537" s="19"/>
      <c r="V6537" s="19"/>
      <c r="W6537" s="19"/>
      <c r="X6537" s="19"/>
      <c r="Y6537" s="19"/>
      <c r="Z6537" s="19"/>
      <c r="AA6537" s="19"/>
    </row>
    <row r="6538" spans="1:27" s="1" customFormat="1" ht="14.1" customHeight="1" outlineLevel="2" x14ac:dyDescent="0.2">
      <c r="A6538" s="17">
        <v>13119</v>
      </c>
      <c r="B6538" s="17"/>
      <c r="C6538" s="17"/>
      <c r="D6538" s="18" t="s">
        <v>3250</v>
      </c>
      <c r="E6538" s="18"/>
      <c r="F6538" s="18"/>
      <c r="G6538" s="18"/>
      <c r="H6538" s="18"/>
      <c r="I6538" s="18"/>
      <c r="J6538" s="18"/>
      <c r="K6538" s="18"/>
      <c r="L6538" s="18"/>
      <c r="M6538" s="18"/>
      <c r="N6538" s="18"/>
      <c r="O6538" s="18"/>
      <c r="P6538" s="19">
        <v>90</v>
      </c>
      <c r="Q6538" s="19"/>
      <c r="R6538" s="19"/>
      <c r="S6538" s="19"/>
      <c r="T6538" s="19">
        <v>60</v>
      </c>
      <c r="U6538" s="19"/>
      <c r="V6538" s="19"/>
      <c r="W6538" s="19"/>
      <c r="X6538" s="19">
        <v>135</v>
      </c>
      <c r="Y6538" s="19"/>
      <c r="Z6538" s="19"/>
      <c r="AA6538" s="19"/>
    </row>
    <row r="6539" spans="1:27" s="1" customFormat="1" ht="14.1" customHeight="1" outlineLevel="2" x14ac:dyDescent="0.2">
      <c r="A6539" s="17"/>
      <c r="B6539" s="17"/>
      <c r="C6539" s="17"/>
      <c r="D6539" s="18"/>
      <c r="E6539" s="18"/>
      <c r="F6539" s="18"/>
      <c r="G6539" s="18"/>
      <c r="H6539" s="18"/>
      <c r="I6539" s="18"/>
      <c r="J6539" s="18"/>
      <c r="K6539" s="18"/>
      <c r="L6539" s="18"/>
      <c r="M6539" s="18"/>
      <c r="N6539" s="18"/>
      <c r="O6539" s="18"/>
      <c r="P6539" s="19"/>
      <c r="Q6539" s="19"/>
      <c r="R6539" s="19"/>
      <c r="S6539" s="19"/>
      <c r="T6539" s="19"/>
      <c r="U6539" s="19"/>
      <c r="V6539" s="19"/>
      <c r="W6539" s="19"/>
      <c r="X6539" s="19"/>
      <c r="Y6539" s="19"/>
      <c r="Z6539" s="19"/>
      <c r="AA6539" s="19"/>
    </row>
    <row r="6540" spans="1:27" s="1" customFormat="1" ht="11.1" customHeight="1" outlineLevel="2" x14ac:dyDescent="0.2">
      <c r="A6540" s="17">
        <v>13120</v>
      </c>
      <c r="B6540" s="17"/>
      <c r="C6540" s="17"/>
      <c r="D6540" s="18" t="s">
        <v>3251</v>
      </c>
      <c r="E6540" s="18"/>
      <c r="F6540" s="18"/>
      <c r="G6540" s="18"/>
      <c r="H6540" s="18"/>
      <c r="I6540" s="18"/>
      <c r="J6540" s="18"/>
      <c r="K6540" s="18"/>
      <c r="L6540" s="18"/>
      <c r="M6540" s="18"/>
      <c r="N6540" s="18"/>
      <c r="O6540" s="18"/>
      <c r="P6540" s="19">
        <v>100</v>
      </c>
      <c r="Q6540" s="19"/>
      <c r="R6540" s="19"/>
      <c r="S6540" s="19"/>
      <c r="T6540" s="19">
        <v>70</v>
      </c>
      <c r="U6540" s="19"/>
      <c r="V6540" s="19"/>
      <c r="W6540" s="19"/>
      <c r="X6540" s="19">
        <v>48</v>
      </c>
      <c r="Y6540" s="19"/>
      <c r="Z6540" s="19"/>
      <c r="AA6540" s="19"/>
    </row>
    <row r="6541" spans="1:27" s="1" customFormat="1" ht="11.1" customHeight="1" outlineLevel="2" x14ac:dyDescent="0.2">
      <c r="A6541" s="17"/>
      <c r="B6541" s="17"/>
      <c r="C6541" s="17"/>
      <c r="D6541" s="18"/>
      <c r="E6541" s="18"/>
      <c r="F6541" s="18"/>
      <c r="G6541" s="18"/>
      <c r="H6541" s="18"/>
      <c r="I6541" s="18"/>
      <c r="J6541" s="18"/>
      <c r="K6541" s="18"/>
      <c r="L6541" s="18"/>
      <c r="M6541" s="18"/>
      <c r="N6541" s="18"/>
      <c r="O6541" s="18"/>
      <c r="P6541" s="19"/>
      <c r="Q6541" s="19"/>
      <c r="R6541" s="19"/>
      <c r="S6541" s="19"/>
      <c r="T6541" s="19"/>
      <c r="U6541" s="19"/>
      <c r="V6541" s="19"/>
      <c r="W6541" s="19"/>
      <c r="X6541" s="19"/>
      <c r="Y6541" s="19"/>
      <c r="Z6541" s="19"/>
      <c r="AA6541" s="19"/>
    </row>
    <row r="6542" spans="1:27" s="1" customFormat="1" ht="11.1" customHeight="1" outlineLevel="2" x14ac:dyDescent="0.2">
      <c r="A6542" s="17">
        <v>13121</v>
      </c>
      <c r="B6542" s="17"/>
      <c r="C6542" s="17"/>
      <c r="D6542" s="18" t="s">
        <v>3252</v>
      </c>
      <c r="E6542" s="18"/>
      <c r="F6542" s="18"/>
      <c r="G6542" s="18"/>
      <c r="H6542" s="18"/>
      <c r="I6542" s="18"/>
      <c r="J6542" s="18"/>
      <c r="K6542" s="18"/>
      <c r="L6542" s="18"/>
      <c r="M6542" s="18"/>
      <c r="N6542" s="18"/>
      <c r="O6542" s="18"/>
      <c r="P6542" s="19">
        <v>100</v>
      </c>
      <c r="Q6542" s="19"/>
      <c r="R6542" s="19"/>
      <c r="S6542" s="19"/>
      <c r="T6542" s="19">
        <v>70</v>
      </c>
      <c r="U6542" s="19"/>
      <c r="V6542" s="19"/>
      <c r="W6542" s="19"/>
      <c r="X6542" s="19">
        <v>50</v>
      </c>
      <c r="Y6542" s="19"/>
      <c r="Z6542" s="19"/>
      <c r="AA6542" s="19"/>
    </row>
    <row r="6543" spans="1:27" s="1" customFormat="1" ht="11.1" customHeight="1" outlineLevel="2" x14ac:dyDescent="0.2">
      <c r="A6543" s="17"/>
      <c r="B6543" s="17"/>
      <c r="C6543" s="17"/>
      <c r="D6543" s="18"/>
      <c r="E6543" s="18"/>
      <c r="F6543" s="18"/>
      <c r="G6543" s="18"/>
      <c r="H6543" s="18"/>
      <c r="I6543" s="18"/>
      <c r="J6543" s="18"/>
      <c r="K6543" s="18"/>
      <c r="L6543" s="18"/>
      <c r="M6543" s="18"/>
      <c r="N6543" s="18"/>
      <c r="O6543" s="18"/>
      <c r="P6543" s="19"/>
      <c r="Q6543" s="19"/>
      <c r="R6543" s="19"/>
      <c r="S6543" s="19"/>
      <c r="T6543" s="19"/>
      <c r="U6543" s="19"/>
      <c r="V6543" s="19"/>
      <c r="W6543" s="19"/>
      <c r="X6543" s="19"/>
      <c r="Y6543" s="19"/>
      <c r="Z6543" s="19"/>
      <c r="AA6543" s="19"/>
    </row>
    <row r="6544" spans="1:27" s="1" customFormat="1" ht="11.1" customHeight="1" outlineLevel="2" x14ac:dyDescent="0.2">
      <c r="A6544" s="17">
        <v>13122</v>
      </c>
      <c r="B6544" s="17"/>
      <c r="C6544" s="17"/>
      <c r="D6544" s="18" t="s">
        <v>3253</v>
      </c>
      <c r="E6544" s="18"/>
      <c r="F6544" s="18"/>
      <c r="G6544" s="18"/>
      <c r="H6544" s="18"/>
      <c r="I6544" s="18"/>
      <c r="J6544" s="18"/>
      <c r="K6544" s="18"/>
      <c r="L6544" s="18"/>
      <c r="M6544" s="18"/>
      <c r="N6544" s="18"/>
      <c r="O6544" s="18"/>
      <c r="P6544" s="19">
        <v>100</v>
      </c>
      <c r="Q6544" s="19"/>
      <c r="R6544" s="19"/>
      <c r="S6544" s="19"/>
      <c r="T6544" s="19">
        <v>70</v>
      </c>
      <c r="U6544" s="19"/>
      <c r="V6544" s="19"/>
      <c r="W6544" s="19"/>
      <c r="X6544" s="19">
        <v>49</v>
      </c>
      <c r="Y6544" s="19"/>
      <c r="Z6544" s="19"/>
      <c r="AA6544" s="19"/>
    </row>
    <row r="6545" spans="1:27" s="1" customFormat="1" ht="11.1" customHeight="1" outlineLevel="2" x14ac:dyDescent="0.2">
      <c r="A6545" s="17"/>
      <c r="B6545" s="17"/>
      <c r="C6545" s="17"/>
      <c r="D6545" s="18"/>
      <c r="E6545" s="18"/>
      <c r="F6545" s="18"/>
      <c r="G6545" s="18"/>
      <c r="H6545" s="18"/>
      <c r="I6545" s="18"/>
      <c r="J6545" s="18"/>
      <c r="K6545" s="18"/>
      <c r="L6545" s="18"/>
      <c r="M6545" s="18"/>
      <c r="N6545" s="18"/>
      <c r="O6545" s="18"/>
      <c r="P6545" s="19"/>
      <c r="Q6545" s="19"/>
      <c r="R6545" s="19"/>
      <c r="S6545" s="19"/>
      <c r="T6545" s="19"/>
      <c r="U6545" s="19"/>
      <c r="V6545" s="19"/>
      <c r="W6545" s="19"/>
      <c r="X6545" s="19"/>
      <c r="Y6545" s="19"/>
      <c r="Z6545" s="19"/>
      <c r="AA6545" s="19"/>
    </row>
    <row r="6546" spans="1:27" s="1" customFormat="1" ht="11.1" customHeight="1" outlineLevel="2" x14ac:dyDescent="0.2">
      <c r="A6546" s="17">
        <v>13123</v>
      </c>
      <c r="B6546" s="17"/>
      <c r="C6546" s="17"/>
      <c r="D6546" s="18" t="s">
        <v>3254</v>
      </c>
      <c r="E6546" s="18"/>
      <c r="F6546" s="18"/>
      <c r="G6546" s="18"/>
      <c r="H6546" s="18"/>
      <c r="I6546" s="18"/>
      <c r="J6546" s="18"/>
      <c r="K6546" s="18"/>
      <c r="L6546" s="18"/>
      <c r="M6546" s="18"/>
      <c r="N6546" s="18"/>
      <c r="O6546" s="18"/>
      <c r="P6546" s="19">
        <v>100</v>
      </c>
      <c r="Q6546" s="19"/>
      <c r="R6546" s="19"/>
      <c r="S6546" s="19"/>
      <c r="T6546" s="19">
        <v>70</v>
      </c>
      <c r="U6546" s="19"/>
      <c r="V6546" s="19"/>
      <c r="W6546" s="19"/>
      <c r="X6546" s="19">
        <v>48</v>
      </c>
      <c r="Y6546" s="19"/>
      <c r="Z6546" s="19"/>
      <c r="AA6546" s="19"/>
    </row>
    <row r="6547" spans="1:27" s="1" customFormat="1" ht="11.1" customHeight="1" outlineLevel="2" x14ac:dyDescent="0.2">
      <c r="A6547" s="17"/>
      <c r="B6547" s="17"/>
      <c r="C6547" s="17"/>
      <c r="D6547" s="18"/>
      <c r="E6547" s="18"/>
      <c r="F6547" s="18"/>
      <c r="G6547" s="18"/>
      <c r="H6547" s="18"/>
      <c r="I6547" s="18"/>
      <c r="J6547" s="18"/>
      <c r="K6547" s="18"/>
      <c r="L6547" s="18"/>
      <c r="M6547" s="18"/>
      <c r="N6547" s="18"/>
      <c r="O6547" s="18"/>
      <c r="P6547" s="19"/>
      <c r="Q6547" s="19"/>
      <c r="R6547" s="19"/>
      <c r="S6547" s="19"/>
      <c r="T6547" s="19"/>
      <c r="U6547" s="19"/>
      <c r="V6547" s="19"/>
      <c r="W6547" s="19"/>
      <c r="X6547" s="19"/>
      <c r="Y6547" s="19"/>
      <c r="Z6547" s="19"/>
      <c r="AA6547" s="19"/>
    </row>
    <row r="6548" spans="1:27" s="1" customFormat="1" ht="11.1" customHeight="1" outlineLevel="2" x14ac:dyDescent="0.2">
      <c r="A6548" s="17">
        <v>13124</v>
      </c>
      <c r="B6548" s="17"/>
      <c r="C6548" s="17"/>
      <c r="D6548" s="18" t="s">
        <v>3255</v>
      </c>
      <c r="E6548" s="18"/>
      <c r="F6548" s="18"/>
      <c r="G6548" s="18"/>
      <c r="H6548" s="18"/>
      <c r="I6548" s="18"/>
      <c r="J6548" s="18"/>
      <c r="K6548" s="18"/>
      <c r="L6548" s="18"/>
      <c r="M6548" s="18"/>
      <c r="N6548" s="18"/>
      <c r="O6548" s="18"/>
      <c r="P6548" s="19">
        <v>100</v>
      </c>
      <c r="Q6548" s="19"/>
      <c r="R6548" s="19"/>
      <c r="S6548" s="19"/>
      <c r="T6548" s="19">
        <v>70</v>
      </c>
      <c r="U6548" s="19"/>
      <c r="V6548" s="19"/>
      <c r="W6548" s="19"/>
      <c r="X6548" s="19">
        <v>48</v>
      </c>
      <c r="Y6548" s="19"/>
      <c r="Z6548" s="19"/>
      <c r="AA6548" s="19"/>
    </row>
    <row r="6549" spans="1:27" s="1" customFormat="1" ht="11.1" customHeight="1" outlineLevel="2" x14ac:dyDescent="0.2">
      <c r="A6549" s="17"/>
      <c r="B6549" s="17"/>
      <c r="C6549" s="17"/>
      <c r="D6549" s="18"/>
      <c r="E6549" s="18"/>
      <c r="F6549" s="18"/>
      <c r="G6549" s="18"/>
      <c r="H6549" s="18"/>
      <c r="I6549" s="18"/>
      <c r="J6549" s="18"/>
      <c r="K6549" s="18"/>
      <c r="L6549" s="18"/>
      <c r="M6549" s="18"/>
      <c r="N6549" s="18"/>
      <c r="O6549" s="18"/>
      <c r="P6549" s="19"/>
      <c r="Q6549" s="19"/>
      <c r="R6549" s="19"/>
      <c r="S6549" s="19"/>
      <c r="T6549" s="19"/>
      <c r="U6549" s="19"/>
      <c r="V6549" s="19"/>
      <c r="W6549" s="19"/>
      <c r="X6549" s="19"/>
      <c r="Y6549" s="19"/>
      <c r="Z6549" s="19"/>
      <c r="AA6549" s="19"/>
    </row>
    <row r="6550" spans="1:27" s="1" customFormat="1" ht="11.1" customHeight="1" outlineLevel="2" x14ac:dyDescent="0.2">
      <c r="A6550" s="17">
        <v>13125</v>
      </c>
      <c r="B6550" s="17"/>
      <c r="C6550" s="17"/>
      <c r="D6550" s="18" t="s">
        <v>3256</v>
      </c>
      <c r="E6550" s="18"/>
      <c r="F6550" s="18"/>
      <c r="G6550" s="18"/>
      <c r="H6550" s="18"/>
      <c r="I6550" s="18"/>
      <c r="J6550" s="18"/>
      <c r="K6550" s="18"/>
      <c r="L6550" s="18"/>
      <c r="M6550" s="18"/>
      <c r="N6550" s="18"/>
      <c r="O6550" s="18"/>
      <c r="P6550" s="19">
        <v>100</v>
      </c>
      <c r="Q6550" s="19"/>
      <c r="R6550" s="19"/>
      <c r="S6550" s="19"/>
      <c r="T6550" s="19">
        <v>70</v>
      </c>
      <c r="U6550" s="19"/>
      <c r="V6550" s="19"/>
      <c r="W6550" s="19"/>
      <c r="X6550" s="19">
        <v>49</v>
      </c>
      <c r="Y6550" s="19"/>
      <c r="Z6550" s="19"/>
      <c r="AA6550" s="19"/>
    </row>
    <row r="6551" spans="1:27" s="1" customFormat="1" ht="11.1" customHeight="1" outlineLevel="2" x14ac:dyDescent="0.2">
      <c r="A6551" s="17"/>
      <c r="B6551" s="17"/>
      <c r="C6551" s="17"/>
      <c r="D6551" s="18"/>
      <c r="E6551" s="18"/>
      <c r="F6551" s="18"/>
      <c r="G6551" s="18"/>
      <c r="H6551" s="18"/>
      <c r="I6551" s="18"/>
      <c r="J6551" s="18"/>
      <c r="K6551" s="18"/>
      <c r="L6551" s="18"/>
      <c r="M6551" s="18"/>
      <c r="N6551" s="18"/>
      <c r="O6551" s="18"/>
      <c r="P6551" s="19"/>
      <c r="Q6551" s="19"/>
      <c r="R6551" s="19"/>
      <c r="S6551" s="19"/>
      <c r="T6551" s="19"/>
      <c r="U6551" s="19"/>
      <c r="V6551" s="19"/>
      <c r="W6551" s="19"/>
      <c r="X6551" s="19"/>
      <c r="Y6551" s="19"/>
      <c r="Z6551" s="19"/>
      <c r="AA6551" s="19"/>
    </row>
    <row r="6552" spans="1:27" s="1" customFormat="1" ht="11.1" customHeight="1" outlineLevel="2" x14ac:dyDescent="0.2">
      <c r="A6552" s="17">
        <v>13127</v>
      </c>
      <c r="B6552" s="17"/>
      <c r="C6552" s="17"/>
      <c r="D6552" s="18" t="s">
        <v>3257</v>
      </c>
      <c r="E6552" s="18"/>
      <c r="F6552" s="18"/>
      <c r="G6552" s="18"/>
      <c r="H6552" s="18"/>
      <c r="I6552" s="18"/>
      <c r="J6552" s="18"/>
      <c r="K6552" s="18"/>
      <c r="L6552" s="18"/>
      <c r="M6552" s="18"/>
      <c r="N6552" s="18"/>
      <c r="O6552" s="18"/>
      <c r="P6552" s="19">
        <v>100</v>
      </c>
      <c r="Q6552" s="19"/>
      <c r="R6552" s="19"/>
      <c r="S6552" s="19"/>
      <c r="T6552" s="19">
        <v>70</v>
      </c>
      <c r="U6552" s="19"/>
      <c r="V6552" s="19"/>
      <c r="W6552" s="19"/>
      <c r="X6552" s="19">
        <v>50</v>
      </c>
      <c r="Y6552" s="19"/>
      <c r="Z6552" s="19"/>
      <c r="AA6552" s="19"/>
    </row>
    <row r="6553" spans="1:27" s="1" customFormat="1" ht="11.1" customHeight="1" outlineLevel="2" x14ac:dyDescent="0.2">
      <c r="A6553" s="17"/>
      <c r="B6553" s="17"/>
      <c r="C6553" s="17"/>
      <c r="D6553" s="18"/>
      <c r="E6553" s="18"/>
      <c r="F6553" s="18"/>
      <c r="G6553" s="18"/>
      <c r="H6553" s="18"/>
      <c r="I6553" s="18"/>
      <c r="J6553" s="18"/>
      <c r="K6553" s="18"/>
      <c r="L6553" s="18"/>
      <c r="M6553" s="18"/>
      <c r="N6553" s="18"/>
      <c r="O6553" s="18"/>
      <c r="P6553" s="19"/>
      <c r="Q6553" s="19"/>
      <c r="R6553" s="19"/>
      <c r="S6553" s="19"/>
      <c r="T6553" s="19"/>
      <c r="U6553" s="19"/>
      <c r="V6553" s="19"/>
      <c r="W6553" s="19"/>
      <c r="X6553" s="19"/>
      <c r="Y6553" s="19"/>
      <c r="Z6553" s="19"/>
      <c r="AA6553" s="19"/>
    </row>
    <row r="6554" spans="1:27" s="1" customFormat="1" ht="14.1" customHeight="1" outlineLevel="2" x14ac:dyDescent="0.2">
      <c r="A6554" s="17">
        <v>13126</v>
      </c>
      <c r="B6554" s="17"/>
      <c r="C6554" s="17"/>
      <c r="D6554" s="18" t="s">
        <v>3258</v>
      </c>
      <c r="E6554" s="18"/>
      <c r="F6554" s="18"/>
      <c r="G6554" s="18"/>
      <c r="H6554" s="18"/>
      <c r="I6554" s="18"/>
      <c r="J6554" s="18"/>
      <c r="K6554" s="18"/>
      <c r="L6554" s="18"/>
      <c r="M6554" s="18"/>
      <c r="N6554" s="18"/>
      <c r="O6554" s="18"/>
      <c r="P6554" s="19">
        <v>100</v>
      </c>
      <c r="Q6554" s="19"/>
      <c r="R6554" s="19"/>
      <c r="S6554" s="19"/>
      <c r="T6554" s="19">
        <v>70</v>
      </c>
      <c r="U6554" s="19"/>
      <c r="V6554" s="19"/>
      <c r="W6554" s="19"/>
      <c r="X6554" s="19">
        <v>50</v>
      </c>
      <c r="Y6554" s="19"/>
      <c r="Z6554" s="19"/>
      <c r="AA6554" s="19"/>
    </row>
    <row r="6555" spans="1:27" s="1" customFormat="1" ht="14.1" customHeight="1" outlineLevel="2" x14ac:dyDescent="0.2">
      <c r="A6555" s="17"/>
      <c r="B6555" s="17"/>
      <c r="C6555" s="17"/>
      <c r="D6555" s="18"/>
      <c r="E6555" s="18"/>
      <c r="F6555" s="18"/>
      <c r="G6555" s="18"/>
      <c r="H6555" s="18"/>
      <c r="I6555" s="18"/>
      <c r="J6555" s="18"/>
      <c r="K6555" s="18"/>
      <c r="L6555" s="18"/>
      <c r="M6555" s="18"/>
      <c r="N6555" s="18"/>
      <c r="O6555" s="18"/>
      <c r="P6555" s="19"/>
      <c r="Q6555" s="19"/>
      <c r="R6555" s="19"/>
      <c r="S6555" s="19"/>
      <c r="T6555" s="19"/>
      <c r="U6555" s="19"/>
      <c r="V6555" s="19"/>
      <c r="W6555" s="19"/>
      <c r="X6555" s="19"/>
      <c r="Y6555" s="19"/>
      <c r="Z6555" s="19"/>
      <c r="AA6555" s="19"/>
    </row>
    <row r="6556" spans="1:27" s="1" customFormat="1" ht="11.1" customHeight="1" outlineLevel="2" x14ac:dyDescent="0.2">
      <c r="A6556" s="17">
        <v>13128</v>
      </c>
      <c r="B6556" s="17"/>
      <c r="C6556" s="17"/>
      <c r="D6556" s="18" t="s">
        <v>3259</v>
      </c>
      <c r="E6556" s="18"/>
      <c r="F6556" s="18"/>
      <c r="G6556" s="18"/>
      <c r="H6556" s="18"/>
      <c r="I6556" s="18"/>
      <c r="J6556" s="18"/>
      <c r="K6556" s="18"/>
      <c r="L6556" s="18"/>
      <c r="M6556" s="18"/>
      <c r="N6556" s="18"/>
      <c r="O6556" s="18"/>
      <c r="P6556" s="19">
        <v>100</v>
      </c>
      <c r="Q6556" s="19"/>
      <c r="R6556" s="19"/>
      <c r="S6556" s="19"/>
      <c r="T6556" s="19">
        <v>70</v>
      </c>
      <c r="U6556" s="19"/>
      <c r="V6556" s="19"/>
      <c r="W6556" s="19"/>
      <c r="X6556" s="19">
        <v>49</v>
      </c>
      <c r="Y6556" s="19"/>
      <c r="Z6556" s="19"/>
      <c r="AA6556" s="19"/>
    </row>
    <row r="6557" spans="1:27" s="1" customFormat="1" ht="11.1" customHeight="1" outlineLevel="2" x14ac:dyDescent="0.2">
      <c r="A6557" s="17"/>
      <c r="B6557" s="17"/>
      <c r="C6557" s="17"/>
      <c r="D6557" s="18"/>
      <c r="E6557" s="18"/>
      <c r="F6557" s="18"/>
      <c r="G6557" s="18"/>
      <c r="H6557" s="18"/>
      <c r="I6557" s="18"/>
      <c r="J6557" s="18"/>
      <c r="K6557" s="18"/>
      <c r="L6557" s="18"/>
      <c r="M6557" s="18"/>
      <c r="N6557" s="18"/>
      <c r="O6557" s="18"/>
      <c r="P6557" s="19"/>
      <c r="Q6557" s="19"/>
      <c r="R6557" s="19"/>
      <c r="S6557" s="19"/>
      <c r="T6557" s="19"/>
      <c r="U6557" s="19"/>
      <c r="V6557" s="19"/>
      <c r="W6557" s="19"/>
      <c r="X6557" s="19"/>
      <c r="Y6557" s="19"/>
      <c r="Z6557" s="19"/>
      <c r="AA6557" s="19"/>
    </row>
    <row r="6558" spans="1:27" s="1" customFormat="1" ht="11.1" customHeight="1" outlineLevel="2" x14ac:dyDescent="0.2">
      <c r="A6558" s="17">
        <v>13129</v>
      </c>
      <c r="B6558" s="17"/>
      <c r="C6558" s="17"/>
      <c r="D6558" s="18" t="s">
        <v>3260</v>
      </c>
      <c r="E6558" s="18"/>
      <c r="F6558" s="18"/>
      <c r="G6558" s="18"/>
      <c r="H6558" s="18"/>
      <c r="I6558" s="18"/>
      <c r="J6558" s="18"/>
      <c r="K6558" s="18"/>
      <c r="L6558" s="18"/>
      <c r="M6558" s="18"/>
      <c r="N6558" s="18"/>
      <c r="O6558" s="18"/>
      <c r="P6558" s="19">
        <v>100</v>
      </c>
      <c r="Q6558" s="19"/>
      <c r="R6558" s="19"/>
      <c r="S6558" s="19"/>
      <c r="T6558" s="19">
        <v>70</v>
      </c>
      <c r="U6558" s="19"/>
      <c r="V6558" s="19"/>
      <c r="W6558" s="19"/>
      <c r="X6558" s="19">
        <v>49</v>
      </c>
      <c r="Y6558" s="19"/>
      <c r="Z6558" s="19"/>
      <c r="AA6558" s="19"/>
    </row>
    <row r="6559" spans="1:27" s="1" customFormat="1" ht="11.1" customHeight="1" outlineLevel="2" x14ac:dyDescent="0.2">
      <c r="A6559" s="17"/>
      <c r="B6559" s="17"/>
      <c r="C6559" s="17"/>
      <c r="D6559" s="18"/>
      <c r="E6559" s="18"/>
      <c r="F6559" s="18"/>
      <c r="G6559" s="18"/>
      <c r="H6559" s="18"/>
      <c r="I6559" s="18"/>
      <c r="J6559" s="18"/>
      <c r="K6559" s="18"/>
      <c r="L6559" s="18"/>
      <c r="M6559" s="18"/>
      <c r="N6559" s="18"/>
      <c r="O6559" s="18"/>
      <c r="P6559" s="19"/>
      <c r="Q6559" s="19"/>
      <c r="R6559" s="19"/>
      <c r="S6559" s="19"/>
      <c r="T6559" s="19"/>
      <c r="U6559" s="19"/>
      <c r="V6559" s="19"/>
      <c r="W6559" s="19"/>
      <c r="X6559" s="19"/>
      <c r="Y6559" s="19"/>
      <c r="Z6559" s="19"/>
      <c r="AA6559" s="19"/>
    </row>
    <row r="6560" spans="1:27" s="1" customFormat="1" ht="11.1" customHeight="1" outlineLevel="1" x14ac:dyDescent="0.2">
      <c r="A6560" s="16" t="s">
        <v>3261</v>
      </c>
      <c r="B6560" s="16"/>
      <c r="C6560" s="16"/>
      <c r="D6560" s="16"/>
      <c r="E6560" s="16"/>
      <c r="F6560" s="16"/>
      <c r="G6560" s="16"/>
      <c r="H6560" s="16"/>
      <c r="I6560" s="16"/>
      <c r="J6560" s="16"/>
      <c r="K6560" s="16"/>
      <c r="L6560" s="16"/>
      <c r="M6560" s="16"/>
      <c r="N6560" s="16"/>
      <c r="O6560" s="16"/>
      <c r="P6560" s="16"/>
      <c r="Q6560" s="16"/>
      <c r="R6560" s="16"/>
      <c r="S6560" s="16"/>
      <c r="T6560" s="16"/>
      <c r="U6560" s="16"/>
      <c r="V6560" s="16"/>
      <c r="W6560" s="16"/>
      <c r="X6560" s="16"/>
      <c r="Y6560" s="16"/>
      <c r="Z6560" s="16"/>
      <c r="AA6560" s="16"/>
    </row>
    <row r="6561" spans="1:27" s="1" customFormat="1" ht="11.1" customHeight="1" outlineLevel="1" x14ac:dyDescent="0.2">
      <c r="A6561" s="16"/>
      <c r="B6561" s="16"/>
      <c r="C6561" s="16"/>
      <c r="D6561" s="16"/>
      <c r="E6561" s="16"/>
      <c r="F6561" s="16"/>
      <c r="G6561" s="16"/>
      <c r="H6561" s="16"/>
      <c r="I6561" s="16"/>
      <c r="J6561" s="16"/>
      <c r="K6561" s="16"/>
      <c r="L6561" s="16"/>
      <c r="M6561" s="16"/>
      <c r="N6561" s="16"/>
      <c r="O6561" s="16"/>
      <c r="P6561" s="16"/>
      <c r="Q6561" s="16"/>
      <c r="R6561" s="16"/>
      <c r="S6561" s="16"/>
      <c r="T6561" s="16"/>
      <c r="U6561" s="16"/>
      <c r="V6561" s="16"/>
      <c r="W6561" s="16"/>
      <c r="X6561" s="16"/>
      <c r="Y6561" s="16"/>
      <c r="Z6561" s="16"/>
      <c r="AA6561" s="16"/>
    </row>
    <row r="6562" spans="1:27" s="1" customFormat="1" ht="14.1" customHeight="1" outlineLevel="2" x14ac:dyDescent="0.2">
      <c r="A6562" s="17">
        <v>15697</v>
      </c>
      <c r="B6562" s="17"/>
      <c r="C6562" s="17"/>
      <c r="D6562" s="18" t="s">
        <v>3262</v>
      </c>
      <c r="E6562" s="18"/>
      <c r="F6562" s="18"/>
      <c r="G6562" s="18"/>
      <c r="H6562" s="18"/>
      <c r="I6562" s="18"/>
      <c r="J6562" s="18"/>
      <c r="K6562" s="18"/>
      <c r="L6562" s="18"/>
      <c r="M6562" s="18"/>
      <c r="N6562" s="18"/>
      <c r="O6562" s="18"/>
      <c r="P6562" s="19">
        <v>990</v>
      </c>
      <c r="Q6562" s="19"/>
      <c r="R6562" s="19"/>
      <c r="S6562" s="19"/>
      <c r="T6562" s="19">
        <v>770</v>
      </c>
      <c r="U6562" s="19"/>
      <c r="V6562" s="19"/>
      <c r="W6562" s="19"/>
      <c r="X6562" s="19">
        <v>1</v>
      </c>
      <c r="Y6562" s="19"/>
      <c r="Z6562" s="19"/>
      <c r="AA6562" s="19"/>
    </row>
    <row r="6563" spans="1:27" s="1" customFormat="1" ht="14.1" customHeight="1" outlineLevel="2" x14ac:dyDescent="0.2">
      <c r="A6563" s="17"/>
      <c r="B6563" s="17"/>
      <c r="C6563" s="17"/>
      <c r="D6563" s="18"/>
      <c r="E6563" s="18"/>
      <c r="F6563" s="18"/>
      <c r="G6563" s="18"/>
      <c r="H6563" s="18"/>
      <c r="I6563" s="18"/>
      <c r="J6563" s="18"/>
      <c r="K6563" s="18"/>
      <c r="L6563" s="18"/>
      <c r="M6563" s="18"/>
      <c r="N6563" s="18"/>
      <c r="O6563" s="18"/>
      <c r="P6563" s="19"/>
      <c r="Q6563" s="19"/>
      <c r="R6563" s="19"/>
      <c r="S6563" s="19"/>
      <c r="T6563" s="19"/>
      <c r="U6563" s="19"/>
      <c r="V6563" s="19"/>
      <c r="W6563" s="19"/>
      <c r="X6563" s="19"/>
      <c r="Y6563" s="19"/>
      <c r="Z6563" s="19"/>
      <c r="AA6563" s="19"/>
    </row>
    <row r="6564" spans="1:27" s="1" customFormat="1" ht="14.1" customHeight="1" outlineLevel="2" x14ac:dyDescent="0.2">
      <c r="A6564" s="17">
        <v>13051</v>
      </c>
      <c r="B6564" s="17"/>
      <c r="C6564" s="17"/>
      <c r="D6564" s="18" t="s">
        <v>3263</v>
      </c>
      <c r="E6564" s="18"/>
      <c r="F6564" s="18"/>
      <c r="G6564" s="18"/>
      <c r="H6564" s="18"/>
      <c r="I6564" s="18"/>
      <c r="J6564" s="18"/>
      <c r="K6564" s="18"/>
      <c r="L6564" s="18"/>
      <c r="M6564" s="18"/>
      <c r="N6564" s="18"/>
      <c r="O6564" s="18"/>
      <c r="P6564" s="19">
        <v>100</v>
      </c>
      <c r="Q6564" s="19"/>
      <c r="R6564" s="19"/>
      <c r="S6564" s="19"/>
      <c r="T6564" s="19">
        <v>70</v>
      </c>
      <c r="U6564" s="19"/>
      <c r="V6564" s="19"/>
      <c r="W6564" s="19"/>
      <c r="X6564" s="19">
        <v>50</v>
      </c>
      <c r="Y6564" s="19"/>
      <c r="Z6564" s="19"/>
      <c r="AA6564" s="19"/>
    </row>
    <row r="6565" spans="1:27" s="1" customFormat="1" ht="14.1" customHeight="1" outlineLevel="2" x14ac:dyDescent="0.2">
      <c r="A6565" s="17"/>
      <c r="B6565" s="17"/>
      <c r="C6565" s="17"/>
      <c r="D6565" s="18"/>
      <c r="E6565" s="18"/>
      <c r="F6565" s="18"/>
      <c r="G6565" s="18"/>
      <c r="H6565" s="18"/>
      <c r="I6565" s="18"/>
      <c r="J6565" s="18"/>
      <c r="K6565" s="18"/>
      <c r="L6565" s="18"/>
      <c r="M6565" s="18"/>
      <c r="N6565" s="18"/>
      <c r="O6565" s="18"/>
      <c r="P6565" s="19"/>
      <c r="Q6565" s="19"/>
      <c r="R6565" s="19"/>
      <c r="S6565" s="19"/>
      <c r="T6565" s="19"/>
      <c r="U6565" s="19"/>
      <c r="V6565" s="19"/>
      <c r="W6565" s="19"/>
      <c r="X6565" s="19"/>
      <c r="Y6565" s="19"/>
      <c r="Z6565" s="19"/>
      <c r="AA6565" s="19"/>
    </row>
    <row r="6566" spans="1:27" s="1" customFormat="1" ht="14.1" customHeight="1" outlineLevel="2" x14ac:dyDescent="0.2">
      <c r="A6566" s="17">
        <v>1496</v>
      </c>
      <c r="B6566" s="17"/>
      <c r="C6566" s="17"/>
      <c r="D6566" s="18" t="s">
        <v>3264</v>
      </c>
      <c r="E6566" s="18"/>
      <c r="F6566" s="18"/>
      <c r="G6566" s="18"/>
      <c r="H6566" s="18"/>
      <c r="I6566" s="18"/>
      <c r="J6566" s="18"/>
      <c r="K6566" s="18"/>
      <c r="L6566" s="18"/>
      <c r="M6566" s="18"/>
      <c r="N6566" s="18"/>
      <c r="O6566" s="18"/>
      <c r="P6566" s="19">
        <v>90</v>
      </c>
      <c r="Q6566" s="19"/>
      <c r="R6566" s="19"/>
      <c r="S6566" s="19"/>
      <c r="T6566" s="19">
        <v>60</v>
      </c>
      <c r="U6566" s="19"/>
      <c r="V6566" s="19"/>
      <c r="W6566" s="19"/>
      <c r="X6566" s="19">
        <v>1</v>
      </c>
      <c r="Y6566" s="19"/>
      <c r="Z6566" s="19"/>
      <c r="AA6566" s="19"/>
    </row>
    <row r="6567" spans="1:27" s="1" customFormat="1" ht="14.1" customHeight="1" outlineLevel="2" x14ac:dyDescent="0.2">
      <c r="A6567" s="17"/>
      <c r="B6567" s="17"/>
      <c r="C6567" s="17"/>
      <c r="D6567" s="18"/>
      <c r="E6567" s="18"/>
      <c r="F6567" s="18"/>
      <c r="G6567" s="18"/>
      <c r="H6567" s="18"/>
      <c r="I6567" s="18"/>
      <c r="J6567" s="18"/>
      <c r="K6567" s="18"/>
      <c r="L6567" s="18"/>
      <c r="M6567" s="18"/>
      <c r="N6567" s="18"/>
      <c r="O6567" s="18"/>
      <c r="P6567" s="19"/>
      <c r="Q6567" s="19"/>
      <c r="R6567" s="19"/>
      <c r="S6567" s="19"/>
      <c r="T6567" s="19"/>
      <c r="U6567" s="19"/>
      <c r="V6567" s="19"/>
      <c r="W6567" s="19"/>
      <c r="X6567" s="19"/>
      <c r="Y6567" s="19"/>
      <c r="Z6567" s="19"/>
      <c r="AA6567" s="19"/>
    </row>
    <row r="6568" spans="1:27" s="1" customFormat="1" ht="11.1" customHeight="1" outlineLevel="2" x14ac:dyDescent="0.2">
      <c r="A6568" s="17">
        <v>1497</v>
      </c>
      <c r="B6568" s="17"/>
      <c r="C6568" s="17"/>
      <c r="D6568" s="18" t="s">
        <v>3265</v>
      </c>
      <c r="E6568" s="18"/>
      <c r="F6568" s="18"/>
      <c r="G6568" s="18"/>
      <c r="H6568" s="18"/>
      <c r="I6568" s="18"/>
      <c r="J6568" s="18"/>
      <c r="K6568" s="18"/>
      <c r="L6568" s="18"/>
      <c r="M6568" s="18"/>
      <c r="N6568" s="18"/>
      <c r="O6568" s="18"/>
      <c r="P6568" s="19">
        <v>90</v>
      </c>
      <c r="Q6568" s="19"/>
      <c r="R6568" s="19"/>
      <c r="S6568" s="19"/>
      <c r="T6568" s="19">
        <v>60</v>
      </c>
      <c r="U6568" s="19"/>
      <c r="V6568" s="19"/>
      <c r="W6568" s="19"/>
      <c r="X6568" s="19">
        <v>1</v>
      </c>
      <c r="Y6568" s="19"/>
      <c r="Z6568" s="19"/>
      <c r="AA6568" s="19"/>
    </row>
    <row r="6569" spans="1:27" s="1" customFormat="1" ht="11.1" customHeight="1" outlineLevel="2" x14ac:dyDescent="0.2">
      <c r="A6569" s="17"/>
      <c r="B6569" s="17"/>
      <c r="C6569" s="17"/>
      <c r="D6569" s="18"/>
      <c r="E6569" s="18"/>
      <c r="F6569" s="18"/>
      <c r="G6569" s="18"/>
      <c r="H6569" s="18"/>
      <c r="I6569" s="18"/>
      <c r="J6569" s="18"/>
      <c r="K6569" s="18"/>
      <c r="L6569" s="18"/>
      <c r="M6569" s="18"/>
      <c r="N6569" s="18"/>
      <c r="O6569" s="18"/>
      <c r="P6569" s="19"/>
      <c r="Q6569" s="19"/>
      <c r="R6569" s="19"/>
      <c r="S6569" s="19"/>
      <c r="T6569" s="19"/>
      <c r="U6569" s="19"/>
      <c r="V6569" s="19"/>
      <c r="W6569" s="19"/>
      <c r="X6569" s="19"/>
      <c r="Y6569" s="19"/>
      <c r="Z6569" s="19"/>
      <c r="AA6569" s="19"/>
    </row>
    <row r="6570" spans="1:27" s="1" customFormat="1" ht="14.1" customHeight="1" outlineLevel="2" x14ac:dyDescent="0.2">
      <c r="A6570" s="17">
        <v>6198</v>
      </c>
      <c r="B6570" s="17"/>
      <c r="C6570" s="17"/>
      <c r="D6570" s="18" t="s">
        <v>3266</v>
      </c>
      <c r="E6570" s="18"/>
      <c r="F6570" s="18"/>
      <c r="G6570" s="18"/>
      <c r="H6570" s="18"/>
      <c r="I6570" s="18"/>
      <c r="J6570" s="18"/>
      <c r="K6570" s="18"/>
      <c r="L6570" s="18"/>
      <c r="M6570" s="18"/>
      <c r="N6570" s="18"/>
      <c r="O6570" s="18"/>
      <c r="P6570" s="19">
        <v>250</v>
      </c>
      <c r="Q6570" s="19"/>
      <c r="R6570" s="19"/>
      <c r="S6570" s="19"/>
      <c r="T6570" s="19">
        <v>200</v>
      </c>
      <c r="U6570" s="19"/>
      <c r="V6570" s="19"/>
      <c r="W6570" s="19"/>
      <c r="X6570" s="19">
        <v>1</v>
      </c>
      <c r="Y6570" s="19"/>
      <c r="Z6570" s="19"/>
      <c r="AA6570" s="19"/>
    </row>
    <row r="6571" spans="1:27" s="1" customFormat="1" ht="14.1" customHeight="1" outlineLevel="2" x14ac:dyDescent="0.2">
      <c r="A6571" s="17"/>
      <c r="B6571" s="17"/>
      <c r="C6571" s="17"/>
      <c r="D6571" s="18"/>
      <c r="E6571" s="18"/>
      <c r="F6571" s="18"/>
      <c r="G6571" s="18"/>
      <c r="H6571" s="18"/>
      <c r="I6571" s="18"/>
      <c r="J6571" s="18"/>
      <c r="K6571" s="18"/>
      <c r="L6571" s="18"/>
      <c r="M6571" s="18"/>
      <c r="N6571" s="18"/>
      <c r="O6571" s="18"/>
      <c r="P6571" s="19"/>
      <c r="Q6571" s="19"/>
      <c r="R6571" s="19"/>
      <c r="S6571" s="19"/>
      <c r="T6571" s="19"/>
      <c r="U6571" s="19"/>
      <c r="V6571" s="19"/>
      <c r="W6571" s="19"/>
      <c r="X6571" s="19"/>
      <c r="Y6571" s="19"/>
      <c r="Z6571" s="19"/>
      <c r="AA6571" s="19"/>
    </row>
    <row r="6572" spans="1:27" s="1" customFormat="1" ht="14.1" customHeight="1" outlineLevel="2" x14ac:dyDescent="0.2">
      <c r="A6572" s="17">
        <v>6197</v>
      </c>
      <c r="B6572" s="17"/>
      <c r="C6572" s="17"/>
      <c r="D6572" s="18" t="s">
        <v>3267</v>
      </c>
      <c r="E6572" s="18"/>
      <c r="F6572" s="18"/>
      <c r="G6572" s="18"/>
      <c r="H6572" s="18"/>
      <c r="I6572" s="18"/>
      <c r="J6572" s="18"/>
      <c r="K6572" s="18"/>
      <c r="L6572" s="18"/>
      <c r="M6572" s="18"/>
      <c r="N6572" s="18"/>
      <c r="O6572" s="18"/>
      <c r="P6572" s="19">
        <v>250</v>
      </c>
      <c r="Q6572" s="19"/>
      <c r="R6572" s="19"/>
      <c r="S6572" s="19"/>
      <c r="T6572" s="19">
        <v>200</v>
      </c>
      <c r="U6572" s="19"/>
      <c r="V6572" s="19"/>
      <c r="W6572" s="19"/>
      <c r="X6572" s="19">
        <v>2</v>
      </c>
      <c r="Y6572" s="19"/>
      <c r="Z6572" s="19"/>
      <c r="AA6572" s="19"/>
    </row>
    <row r="6573" spans="1:27" s="1" customFormat="1" ht="14.1" customHeight="1" outlineLevel="2" x14ac:dyDescent="0.2">
      <c r="A6573" s="17"/>
      <c r="B6573" s="17"/>
      <c r="C6573" s="17"/>
      <c r="D6573" s="18"/>
      <c r="E6573" s="18"/>
      <c r="F6573" s="18"/>
      <c r="G6573" s="18"/>
      <c r="H6573" s="18"/>
      <c r="I6573" s="18"/>
      <c r="J6573" s="18"/>
      <c r="K6573" s="18"/>
      <c r="L6573" s="18"/>
      <c r="M6573" s="18"/>
      <c r="N6573" s="18"/>
      <c r="O6573" s="18"/>
      <c r="P6573" s="19"/>
      <c r="Q6573" s="19"/>
      <c r="R6573" s="19"/>
      <c r="S6573" s="19"/>
      <c r="T6573" s="19"/>
      <c r="U6573" s="19"/>
      <c r="V6573" s="19"/>
      <c r="W6573" s="19"/>
      <c r="X6573" s="19"/>
      <c r="Y6573" s="19"/>
      <c r="Z6573" s="19"/>
      <c r="AA6573" s="19"/>
    </row>
    <row r="6574" spans="1:27" s="1" customFormat="1" ht="14.1" customHeight="1" outlineLevel="2" x14ac:dyDescent="0.2">
      <c r="A6574" s="17">
        <v>6200</v>
      </c>
      <c r="B6574" s="17"/>
      <c r="C6574" s="17"/>
      <c r="D6574" s="18" t="s">
        <v>3268</v>
      </c>
      <c r="E6574" s="18"/>
      <c r="F6574" s="18"/>
      <c r="G6574" s="18"/>
      <c r="H6574" s="18"/>
      <c r="I6574" s="18"/>
      <c r="J6574" s="18"/>
      <c r="K6574" s="18"/>
      <c r="L6574" s="18"/>
      <c r="M6574" s="18"/>
      <c r="N6574" s="18"/>
      <c r="O6574" s="18"/>
      <c r="P6574" s="19">
        <v>250</v>
      </c>
      <c r="Q6574" s="19"/>
      <c r="R6574" s="19"/>
      <c r="S6574" s="19"/>
      <c r="T6574" s="19">
        <v>200</v>
      </c>
      <c r="U6574" s="19"/>
      <c r="V6574" s="19"/>
      <c r="W6574" s="19"/>
      <c r="X6574" s="19">
        <v>1</v>
      </c>
      <c r="Y6574" s="19"/>
      <c r="Z6574" s="19"/>
      <c r="AA6574" s="19"/>
    </row>
    <row r="6575" spans="1:27" s="1" customFormat="1" ht="14.1" customHeight="1" outlineLevel="2" x14ac:dyDescent="0.2">
      <c r="A6575" s="17"/>
      <c r="B6575" s="17"/>
      <c r="C6575" s="17"/>
      <c r="D6575" s="18"/>
      <c r="E6575" s="18"/>
      <c r="F6575" s="18"/>
      <c r="G6575" s="18"/>
      <c r="H6575" s="18"/>
      <c r="I6575" s="18"/>
      <c r="J6575" s="18"/>
      <c r="K6575" s="18"/>
      <c r="L6575" s="18"/>
      <c r="M6575" s="18"/>
      <c r="N6575" s="18"/>
      <c r="O6575" s="18"/>
      <c r="P6575" s="19"/>
      <c r="Q6575" s="19"/>
      <c r="R6575" s="19"/>
      <c r="S6575" s="19"/>
      <c r="T6575" s="19"/>
      <c r="U6575" s="19"/>
      <c r="V6575" s="19"/>
      <c r="W6575" s="19"/>
      <c r="X6575" s="19"/>
      <c r="Y6575" s="19"/>
      <c r="Z6575" s="19"/>
      <c r="AA6575" s="19"/>
    </row>
    <row r="6576" spans="1:27" s="1" customFormat="1" ht="14.1" customHeight="1" outlineLevel="2" x14ac:dyDescent="0.2">
      <c r="A6576" s="17">
        <v>11356</v>
      </c>
      <c r="B6576" s="17"/>
      <c r="C6576" s="17"/>
      <c r="D6576" s="18" t="s">
        <v>3269</v>
      </c>
      <c r="E6576" s="18"/>
      <c r="F6576" s="18"/>
      <c r="G6576" s="18"/>
      <c r="H6576" s="18"/>
      <c r="I6576" s="18"/>
      <c r="J6576" s="18"/>
      <c r="K6576" s="18"/>
      <c r="L6576" s="18"/>
      <c r="M6576" s="18"/>
      <c r="N6576" s="18"/>
      <c r="O6576" s="18"/>
      <c r="P6576" s="19">
        <v>90</v>
      </c>
      <c r="Q6576" s="19"/>
      <c r="R6576" s="19"/>
      <c r="S6576" s="19"/>
      <c r="T6576" s="19">
        <v>60</v>
      </c>
      <c r="U6576" s="19"/>
      <c r="V6576" s="19"/>
      <c r="W6576" s="19"/>
      <c r="X6576" s="19">
        <v>3</v>
      </c>
      <c r="Y6576" s="19"/>
      <c r="Z6576" s="19"/>
      <c r="AA6576" s="19"/>
    </row>
    <row r="6577" spans="1:27" s="1" customFormat="1" ht="14.1" customHeight="1" outlineLevel="2" x14ac:dyDescent="0.2">
      <c r="A6577" s="17"/>
      <c r="B6577" s="17"/>
      <c r="C6577" s="17"/>
      <c r="D6577" s="18"/>
      <c r="E6577" s="18"/>
      <c r="F6577" s="18"/>
      <c r="G6577" s="18"/>
      <c r="H6577" s="18"/>
      <c r="I6577" s="18"/>
      <c r="J6577" s="18"/>
      <c r="K6577" s="18"/>
      <c r="L6577" s="18"/>
      <c r="M6577" s="18"/>
      <c r="N6577" s="18"/>
      <c r="O6577" s="18"/>
      <c r="P6577" s="19"/>
      <c r="Q6577" s="19"/>
      <c r="R6577" s="19"/>
      <c r="S6577" s="19"/>
      <c r="T6577" s="19"/>
      <c r="U6577" s="19"/>
      <c r="V6577" s="19"/>
      <c r="W6577" s="19"/>
      <c r="X6577" s="19"/>
      <c r="Y6577" s="19"/>
      <c r="Z6577" s="19"/>
      <c r="AA6577" s="19"/>
    </row>
    <row r="6578" spans="1:27" s="1" customFormat="1" ht="14.1" customHeight="1" outlineLevel="2" x14ac:dyDescent="0.2">
      <c r="A6578" s="17">
        <v>13048</v>
      </c>
      <c r="B6578" s="17"/>
      <c r="C6578" s="17"/>
      <c r="D6578" s="18" t="s">
        <v>3270</v>
      </c>
      <c r="E6578" s="18"/>
      <c r="F6578" s="18"/>
      <c r="G6578" s="18"/>
      <c r="H6578" s="18"/>
      <c r="I6578" s="18"/>
      <c r="J6578" s="18"/>
      <c r="K6578" s="18"/>
      <c r="L6578" s="18"/>
      <c r="M6578" s="18"/>
      <c r="N6578" s="18"/>
      <c r="O6578" s="18"/>
      <c r="P6578" s="19">
        <v>100</v>
      </c>
      <c r="Q6578" s="19"/>
      <c r="R6578" s="19"/>
      <c r="S6578" s="19"/>
      <c r="T6578" s="19">
        <v>70</v>
      </c>
      <c r="U6578" s="19"/>
      <c r="V6578" s="19"/>
      <c r="W6578" s="19"/>
      <c r="X6578" s="19">
        <v>44</v>
      </c>
      <c r="Y6578" s="19"/>
      <c r="Z6578" s="19"/>
      <c r="AA6578" s="19"/>
    </row>
    <row r="6579" spans="1:27" s="1" customFormat="1" ht="14.1" customHeight="1" outlineLevel="2" x14ac:dyDescent="0.2">
      <c r="A6579" s="17"/>
      <c r="B6579" s="17"/>
      <c r="C6579" s="17"/>
      <c r="D6579" s="18"/>
      <c r="E6579" s="18"/>
      <c r="F6579" s="18"/>
      <c r="G6579" s="18"/>
      <c r="H6579" s="18"/>
      <c r="I6579" s="18"/>
      <c r="J6579" s="18"/>
      <c r="K6579" s="18"/>
      <c r="L6579" s="18"/>
      <c r="M6579" s="18"/>
      <c r="N6579" s="18"/>
      <c r="O6579" s="18"/>
      <c r="P6579" s="19"/>
      <c r="Q6579" s="19"/>
      <c r="R6579" s="19"/>
      <c r="S6579" s="19"/>
      <c r="T6579" s="19"/>
      <c r="U6579" s="19"/>
      <c r="V6579" s="19"/>
      <c r="W6579" s="19"/>
      <c r="X6579" s="19"/>
      <c r="Y6579" s="19"/>
      <c r="Z6579" s="19"/>
      <c r="AA6579" s="19"/>
    </row>
    <row r="6580" spans="1:27" s="1" customFormat="1" ht="14.1" customHeight="1" outlineLevel="2" x14ac:dyDescent="0.2">
      <c r="A6580" s="17">
        <v>13289</v>
      </c>
      <c r="B6580" s="17"/>
      <c r="C6580" s="17"/>
      <c r="D6580" s="18" t="s">
        <v>3271</v>
      </c>
      <c r="E6580" s="18"/>
      <c r="F6580" s="18"/>
      <c r="G6580" s="18"/>
      <c r="H6580" s="18"/>
      <c r="I6580" s="18"/>
      <c r="J6580" s="18"/>
      <c r="K6580" s="18"/>
      <c r="L6580" s="18"/>
      <c r="M6580" s="18"/>
      <c r="N6580" s="18"/>
      <c r="O6580" s="18"/>
      <c r="P6580" s="19">
        <v>90</v>
      </c>
      <c r="Q6580" s="19"/>
      <c r="R6580" s="19"/>
      <c r="S6580" s="19"/>
      <c r="T6580" s="19">
        <v>60</v>
      </c>
      <c r="U6580" s="19"/>
      <c r="V6580" s="19"/>
      <c r="W6580" s="19"/>
      <c r="X6580" s="19">
        <v>8</v>
      </c>
      <c r="Y6580" s="19"/>
      <c r="Z6580" s="19"/>
      <c r="AA6580" s="19"/>
    </row>
    <row r="6581" spans="1:27" s="1" customFormat="1" ht="14.1" customHeight="1" outlineLevel="2" x14ac:dyDescent="0.2">
      <c r="A6581" s="17"/>
      <c r="B6581" s="17"/>
      <c r="C6581" s="17"/>
      <c r="D6581" s="18"/>
      <c r="E6581" s="18"/>
      <c r="F6581" s="18"/>
      <c r="G6581" s="18"/>
      <c r="H6581" s="18"/>
      <c r="I6581" s="18"/>
      <c r="J6581" s="18"/>
      <c r="K6581" s="18"/>
      <c r="L6581" s="18"/>
      <c r="M6581" s="18"/>
      <c r="N6581" s="18"/>
      <c r="O6581" s="18"/>
      <c r="P6581" s="19"/>
      <c r="Q6581" s="19"/>
      <c r="R6581" s="19"/>
      <c r="S6581" s="19"/>
      <c r="T6581" s="19"/>
      <c r="U6581" s="19"/>
      <c r="V6581" s="19"/>
      <c r="W6581" s="19"/>
      <c r="X6581" s="19"/>
      <c r="Y6581" s="19"/>
      <c r="Z6581" s="19"/>
      <c r="AA6581" s="19"/>
    </row>
    <row r="6582" spans="1:27" s="1" customFormat="1" ht="14.1" customHeight="1" outlineLevel="2" x14ac:dyDescent="0.2">
      <c r="A6582" s="17">
        <v>11967</v>
      </c>
      <c r="B6582" s="17"/>
      <c r="C6582" s="17"/>
      <c r="D6582" s="18" t="s">
        <v>3272</v>
      </c>
      <c r="E6582" s="18"/>
      <c r="F6582" s="18"/>
      <c r="G6582" s="18"/>
      <c r="H6582" s="18"/>
      <c r="I6582" s="18"/>
      <c r="J6582" s="18"/>
      <c r="K6582" s="18"/>
      <c r="L6582" s="18"/>
      <c r="M6582" s="18"/>
      <c r="N6582" s="18"/>
      <c r="O6582" s="18"/>
      <c r="P6582" s="19">
        <v>120</v>
      </c>
      <c r="Q6582" s="19"/>
      <c r="R6582" s="19"/>
      <c r="S6582" s="19"/>
      <c r="T6582" s="19">
        <v>80</v>
      </c>
      <c r="U6582" s="19"/>
      <c r="V6582" s="19"/>
      <c r="W6582" s="19"/>
      <c r="X6582" s="19">
        <v>97</v>
      </c>
      <c r="Y6582" s="19"/>
      <c r="Z6582" s="19"/>
      <c r="AA6582" s="19"/>
    </row>
    <row r="6583" spans="1:27" s="1" customFormat="1" ht="14.1" customHeight="1" outlineLevel="2" x14ac:dyDescent="0.2">
      <c r="A6583" s="17"/>
      <c r="B6583" s="17"/>
      <c r="C6583" s="17"/>
      <c r="D6583" s="18"/>
      <c r="E6583" s="18"/>
      <c r="F6583" s="18"/>
      <c r="G6583" s="18"/>
      <c r="H6583" s="18"/>
      <c r="I6583" s="18"/>
      <c r="J6583" s="18"/>
      <c r="K6583" s="18"/>
      <c r="L6583" s="18"/>
      <c r="M6583" s="18"/>
      <c r="N6583" s="18"/>
      <c r="O6583" s="18"/>
      <c r="P6583" s="19"/>
      <c r="Q6583" s="19"/>
      <c r="R6583" s="19"/>
      <c r="S6583" s="19"/>
      <c r="T6583" s="19"/>
      <c r="U6583" s="19"/>
      <c r="V6583" s="19"/>
      <c r="W6583" s="19"/>
      <c r="X6583" s="19"/>
      <c r="Y6583" s="19"/>
      <c r="Z6583" s="19"/>
      <c r="AA6583" s="19"/>
    </row>
    <row r="6584" spans="1:27" s="1" customFormat="1" ht="14.1" customHeight="1" outlineLevel="2" x14ac:dyDescent="0.2">
      <c r="A6584" s="17">
        <v>7487</v>
      </c>
      <c r="B6584" s="17"/>
      <c r="C6584" s="17"/>
      <c r="D6584" s="18" t="s">
        <v>3273</v>
      </c>
      <c r="E6584" s="18"/>
      <c r="F6584" s="18"/>
      <c r="G6584" s="18"/>
      <c r="H6584" s="18"/>
      <c r="I6584" s="18"/>
      <c r="J6584" s="18"/>
      <c r="K6584" s="18"/>
      <c r="L6584" s="18"/>
      <c r="M6584" s="18"/>
      <c r="N6584" s="18"/>
      <c r="O6584" s="18"/>
      <c r="P6584" s="19">
        <v>90</v>
      </c>
      <c r="Q6584" s="19"/>
      <c r="R6584" s="19"/>
      <c r="S6584" s="19"/>
      <c r="T6584" s="19">
        <v>60</v>
      </c>
      <c r="U6584" s="19"/>
      <c r="V6584" s="19"/>
      <c r="W6584" s="19"/>
      <c r="X6584" s="19">
        <v>24</v>
      </c>
      <c r="Y6584" s="19"/>
      <c r="Z6584" s="19"/>
      <c r="AA6584" s="19"/>
    </row>
    <row r="6585" spans="1:27" s="1" customFormat="1" ht="14.1" customHeight="1" outlineLevel="2" x14ac:dyDescent="0.2">
      <c r="A6585" s="17"/>
      <c r="B6585" s="17"/>
      <c r="C6585" s="17"/>
      <c r="D6585" s="18"/>
      <c r="E6585" s="18"/>
      <c r="F6585" s="18"/>
      <c r="G6585" s="18"/>
      <c r="H6585" s="18"/>
      <c r="I6585" s="18"/>
      <c r="J6585" s="18"/>
      <c r="K6585" s="18"/>
      <c r="L6585" s="18"/>
      <c r="M6585" s="18"/>
      <c r="N6585" s="18"/>
      <c r="O6585" s="18"/>
      <c r="P6585" s="19"/>
      <c r="Q6585" s="19"/>
      <c r="R6585" s="19"/>
      <c r="S6585" s="19"/>
      <c r="T6585" s="19"/>
      <c r="U6585" s="19"/>
      <c r="V6585" s="19"/>
      <c r="W6585" s="19"/>
      <c r="X6585" s="19"/>
      <c r="Y6585" s="19"/>
      <c r="Z6585" s="19"/>
      <c r="AA6585" s="19"/>
    </row>
    <row r="6586" spans="1:27" s="1" customFormat="1" ht="14.1" customHeight="1" outlineLevel="2" x14ac:dyDescent="0.2">
      <c r="A6586" s="17">
        <v>11969</v>
      </c>
      <c r="B6586" s="17"/>
      <c r="C6586" s="17"/>
      <c r="D6586" s="18" t="s">
        <v>3274</v>
      </c>
      <c r="E6586" s="18"/>
      <c r="F6586" s="18"/>
      <c r="G6586" s="18"/>
      <c r="H6586" s="18"/>
      <c r="I6586" s="18"/>
      <c r="J6586" s="18"/>
      <c r="K6586" s="18"/>
      <c r="L6586" s="18"/>
      <c r="M6586" s="18"/>
      <c r="N6586" s="18"/>
      <c r="O6586" s="18"/>
      <c r="P6586" s="19">
        <v>100</v>
      </c>
      <c r="Q6586" s="19"/>
      <c r="R6586" s="19"/>
      <c r="S6586" s="19"/>
      <c r="T6586" s="19">
        <v>70</v>
      </c>
      <c r="U6586" s="19"/>
      <c r="V6586" s="19"/>
      <c r="W6586" s="19"/>
      <c r="X6586" s="19">
        <v>16</v>
      </c>
      <c r="Y6586" s="19"/>
      <c r="Z6586" s="19"/>
      <c r="AA6586" s="19"/>
    </row>
    <row r="6587" spans="1:27" s="1" customFormat="1" ht="14.1" customHeight="1" outlineLevel="2" x14ac:dyDescent="0.2">
      <c r="A6587" s="17"/>
      <c r="B6587" s="17"/>
      <c r="C6587" s="17"/>
      <c r="D6587" s="18"/>
      <c r="E6587" s="18"/>
      <c r="F6587" s="18"/>
      <c r="G6587" s="18"/>
      <c r="H6587" s="18"/>
      <c r="I6587" s="18"/>
      <c r="J6587" s="18"/>
      <c r="K6587" s="18"/>
      <c r="L6587" s="18"/>
      <c r="M6587" s="18"/>
      <c r="N6587" s="18"/>
      <c r="O6587" s="18"/>
      <c r="P6587" s="19"/>
      <c r="Q6587" s="19"/>
      <c r="R6587" s="19"/>
      <c r="S6587" s="19"/>
      <c r="T6587" s="19"/>
      <c r="U6587" s="19"/>
      <c r="V6587" s="19"/>
      <c r="W6587" s="19"/>
      <c r="X6587" s="19"/>
      <c r="Y6587" s="19"/>
      <c r="Z6587" s="19"/>
      <c r="AA6587" s="19"/>
    </row>
    <row r="6588" spans="1:27" s="1" customFormat="1" ht="14.1" customHeight="1" outlineLevel="2" x14ac:dyDescent="0.2">
      <c r="A6588" s="17">
        <v>9231</v>
      </c>
      <c r="B6588" s="17"/>
      <c r="C6588" s="17"/>
      <c r="D6588" s="18" t="s">
        <v>3275</v>
      </c>
      <c r="E6588" s="18"/>
      <c r="F6588" s="18"/>
      <c r="G6588" s="18"/>
      <c r="H6588" s="18"/>
      <c r="I6588" s="18"/>
      <c r="J6588" s="18"/>
      <c r="K6588" s="18"/>
      <c r="L6588" s="18"/>
      <c r="M6588" s="18"/>
      <c r="N6588" s="18"/>
      <c r="O6588" s="18"/>
      <c r="P6588" s="19">
        <v>90</v>
      </c>
      <c r="Q6588" s="19"/>
      <c r="R6588" s="19"/>
      <c r="S6588" s="19"/>
      <c r="T6588" s="19">
        <v>60</v>
      </c>
      <c r="U6588" s="19"/>
      <c r="V6588" s="19"/>
      <c r="W6588" s="19"/>
      <c r="X6588" s="19">
        <v>1</v>
      </c>
      <c r="Y6588" s="19"/>
      <c r="Z6588" s="19"/>
      <c r="AA6588" s="19"/>
    </row>
    <row r="6589" spans="1:27" s="1" customFormat="1" ht="14.1" customHeight="1" outlineLevel="2" x14ac:dyDescent="0.2">
      <c r="A6589" s="17"/>
      <c r="B6589" s="17"/>
      <c r="C6589" s="17"/>
      <c r="D6589" s="18"/>
      <c r="E6589" s="18"/>
      <c r="F6589" s="18"/>
      <c r="G6589" s="18"/>
      <c r="H6589" s="18"/>
      <c r="I6589" s="18"/>
      <c r="J6589" s="18"/>
      <c r="K6589" s="18"/>
      <c r="L6589" s="18"/>
      <c r="M6589" s="18"/>
      <c r="N6589" s="18"/>
      <c r="O6589" s="18"/>
      <c r="P6589" s="19"/>
      <c r="Q6589" s="19"/>
      <c r="R6589" s="19"/>
      <c r="S6589" s="19"/>
      <c r="T6589" s="19"/>
      <c r="U6589" s="19"/>
      <c r="V6589" s="19"/>
      <c r="W6589" s="19"/>
      <c r="X6589" s="19"/>
      <c r="Y6589" s="19"/>
      <c r="Z6589" s="19"/>
      <c r="AA6589" s="19"/>
    </row>
    <row r="6590" spans="1:27" s="1" customFormat="1" ht="14.1" customHeight="1" outlineLevel="2" x14ac:dyDescent="0.2">
      <c r="A6590" s="17">
        <v>10938</v>
      </c>
      <c r="B6590" s="17"/>
      <c r="C6590" s="17"/>
      <c r="D6590" s="18" t="s">
        <v>3276</v>
      </c>
      <c r="E6590" s="18"/>
      <c r="F6590" s="18"/>
      <c r="G6590" s="18"/>
      <c r="H6590" s="18"/>
      <c r="I6590" s="18"/>
      <c r="J6590" s="18"/>
      <c r="K6590" s="18"/>
      <c r="L6590" s="18"/>
      <c r="M6590" s="18"/>
      <c r="N6590" s="18"/>
      <c r="O6590" s="18"/>
      <c r="P6590" s="19">
        <v>100</v>
      </c>
      <c r="Q6590" s="19"/>
      <c r="R6590" s="19"/>
      <c r="S6590" s="19"/>
      <c r="T6590" s="19">
        <v>70</v>
      </c>
      <c r="U6590" s="19"/>
      <c r="V6590" s="19"/>
      <c r="W6590" s="19"/>
      <c r="X6590" s="19">
        <v>15</v>
      </c>
      <c r="Y6590" s="19"/>
      <c r="Z6590" s="19"/>
      <c r="AA6590" s="19"/>
    </row>
    <row r="6591" spans="1:27" s="1" customFormat="1" ht="14.1" customHeight="1" outlineLevel="2" x14ac:dyDescent="0.2">
      <c r="A6591" s="17"/>
      <c r="B6591" s="17"/>
      <c r="C6591" s="17"/>
      <c r="D6591" s="18"/>
      <c r="E6591" s="18"/>
      <c r="F6591" s="18"/>
      <c r="G6591" s="18"/>
      <c r="H6591" s="18"/>
      <c r="I6591" s="18"/>
      <c r="J6591" s="18"/>
      <c r="K6591" s="18"/>
      <c r="L6591" s="18"/>
      <c r="M6591" s="18"/>
      <c r="N6591" s="18"/>
      <c r="O6591" s="18"/>
      <c r="P6591" s="19"/>
      <c r="Q6591" s="19"/>
      <c r="R6591" s="19"/>
      <c r="S6591" s="19"/>
      <c r="T6591" s="19"/>
      <c r="U6591" s="19"/>
      <c r="V6591" s="19"/>
      <c r="W6591" s="19"/>
      <c r="X6591" s="19"/>
      <c r="Y6591" s="19"/>
      <c r="Z6591" s="19"/>
      <c r="AA6591" s="19"/>
    </row>
    <row r="6592" spans="1:27" s="1" customFormat="1" ht="14.1" customHeight="1" outlineLevel="2" x14ac:dyDescent="0.2">
      <c r="A6592" s="17">
        <v>9225</v>
      </c>
      <c r="B6592" s="17"/>
      <c r="C6592" s="17"/>
      <c r="D6592" s="18" t="s">
        <v>3277</v>
      </c>
      <c r="E6592" s="18"/>
      <c r="F6592" s="18"/>
      <c r="G6592" s="18"/>
      <c r="H6592" s="18"/>
      <c r="I6592" s="18"/>
      <c r="J6592" s="18"/>
      <c r="K6592" s="18"/>
      <c r="L6592" s="18"/>
      <c r="M6592" s="18"/>
      <c r="N6592" s="18"/>
      <c r="O6592" s="18"/>
      <c r="P6592" s="19">
        <v>90</v>
      </c>
      <c r="Q6592" s="19"/>
      <c r="R6592" s="19"/>
      <c r="S6592" s="19"/>
      <c r="T6592" s="19">
        <v>60</v>
      </c>
      <c r="U6592" s="19"/>
      <c r="V6592" s="19"/>
      <c r="W6592" s="19"/>
      <c r="X6592" s="19">
        <v>13</v>
      </c>
      <c r="Y6592" s="19"/>
      <c r="Z6592" s="19"/>
      <c r="AA6592" s="19"/>
    </row>
    <row r="6593" spans="1:27" s="1" customFormat="1" ht="14.1" customHeight="1" outlineLevel="2" x14ac:dyDescent="0.2">
      <c r="A6593" s="17"/>
      <c r="B6593" s="17"/>
      <c r="C6593" s="17"/>
      <c r="D6593" s="18"/>
      <c r="E6593" s="18"/>
      <c r="F6593" s="18"/>
      <c r="G6593" s="18"/>
      <c r="H6593" s="18"/>
      <c r="I6593" s="18"/>
      <c r="J6593" s="18"/>
      <c r="K6593" s="18"/>
      <c r="L6593" s="18"/>
      <c r="M6593" s="18"/>
      <c r="N6593" s="18"/>
      <c r="O6593" s="18"/>
      <c r="P6593" s="19"/>
      <c r="Q6593" s="19"/>
      <c r="R6593" s="19"/>
      <c r="S6593" s="19"/>
      <c r="T6593" s="19"/>
      <c r="U6593" s="19"/>
      <c r="V6593" s="19"/>
      <c r="W6593" s="19"/>
      <c r="X6593" s="19"/>
      <c r="Y6593" s="19"/>
      <c r="Z6593" s="19"/>
      <c r="AA6593" s="19"/>
    </row>
    <row r="6594" spans="1:27" s="1" customFormat="1" ht="14.1" customHeight="1" outlineLevel="2" x14ac:dyDescent="0.2">
      <c r="A6594" s="17">
        <v>10939</v>
      </c>
      <c r="B6594" s="17"/>
      <c r="C6594" s="17"/>
      <c r="D6594" s="18" t="s">
        <v>3278</v>
      </c>
      <c r="E6594" s="18"/>
      <c r="F6594" s="18"/>
      <c r="G6594" s="18"/>
      <c r="H6594" s="18"/>
      <c r="I6594" s="18"/>
      <c r="J6594" s="18"/>
      <c r="K6594" s="18"/>
      <c r="L6594" s="18"/>
      <c r="M6594" s="18"/>
      <c r="N6594" s="18"/>
      <c r="O6594" s="18"/>
      <c r="P6594" s="19">
        <v>100</v>
      </c>
      <c r="Q6594" s="19"/>
      <c r="R6594" s="19"/>
      <c r="S6594" s="19"/>
      <c r="T6594" s="19">
        <v>70</v>
      </c>
      <c r="U6594" s="19"/>
      <c r="V6594" s="19"/>
      <c r="W6594" s="19"/>
      <c r="X6594" s="19">
        <v>40</v>
      </c>
      <c r="Y6594" s="19"/>
      <c r="Z6594" s="19"/>
      <c r="AA6594" s="19"/>
    </row>
    <row r="6595" spans="1:27" s="1" customFormat="1" ht="14.1" customHeight="1" outlineLevel="2" x14ac:dyDescent="0.2">
      <c r="A6595" s="17"/>
      <c r="B6595" s="17"/>
      <c r="C6595" s="17"/>
      <c r="D6595" s="18"/>
      <c r="E6595" s="18"/>
      <c r="F6595" s="18"/>
      <c r="G6595" s="18"/>
      <c r="H6595" s="18"/>
      <c r="I6595" s="18"/>
      <c r="J6595" s="18"/>
      <c r="K6595" s="18"/>
      <c r="L6595" s="18"/>
      <c r="M6595" s="18"/>
      <c r="N6595" s="18"/>
      <c r="O6595" s="18"/>
      <c r="P6595" s="19"/>
      <c r="Q6595" s="19"/>
      <c r="R6595" s="19"/>
      <c r="S6595" s="19"/>
      <c r="T6595" s="19"/>
      <c r="U6595" s="19"/>
      <c r="V6595" s="19"/>
      <c r="W6595" s="19"/>
      <c r="X6595" s="19"/>
      <c r="Y6595" s="19"/>
      <c r="Z6595" s="19"/>
      <c r="AA6595" s="19"/>
    </row>
    <row r="6596" spans="1:27" s="1" customFormat="1" ht="14.1" customHeight="1" outlineLevel="2" x14ac:dyDescent="0.2">
      <c r="A6596" s="17">
        <v>10946</v>
      </c>
      <c r="B6596" s="17"/>
      <c r="C6596" s="17"/>
      <c r="D6596" s="18" t="s">
        <v>3279</v>
      </c>
      <c r="E6596" s="18"/>
      <c r="F6596" s="18"/>
      <c r="G6596" s="18"/>
      <c r="H6596" s="18"/>
      <c r="I6596" s="18"/>
      <c r="J6596" s="18"/>
      <c r="K6596" s="18"/>
      <c r="L6596" s="18"/>
      <c r="M6596" s="18"/>
      <c r="N6596" s="18"/>
      <c r="O6596" s="18"/>
      <c r="P6596" s="19">
        <v>100</v>
      </c>
      <c r="Q6596" s="19"/>
      <c r="R6596" s="19"/>
      <c r="S6596" s="19"/>
      <c r="T6596" s="19">
        <v>70</v>
      </c>
      <c r="U6596" s="19"/>
      <c r="V6596" s="19"/>
      <c r="W6596" s="19"/>
      <c r="X6596" s="19">
        <v>44</v>
      </c>
      <c r="Y6596" s="19"/>
      <c r="Z6596" s="19"/>
      <c r="AA6596" s="19"/>
    </row>
    <row r="6597" spans="1:27" s="1" customFormat="1" ht="14.1" customHeight="1" outlineLevel="2" x14ac:dyDescent="0.2">
      <c r="A6597" s="17"/>
      <c r="B6597" s="17"/>
      <c r="C6597" s="17"/>
      <c r="D6597" s="18"/>
      <c r="E6597" s="18"/>
      <c r="F6597" s="18"/>
      <c r="G6597" s="18"/>
      <c r="H6597" s="18"/>
      <c r="I6597" s="18"/>
      <c r="J6597" s="18"/>
      <c r="K6597" s="18"/>
      <c r="L6597" s="18"/>
      <c r="M6597" s="18"/>
      <c r="N6597" s="18"/>
      <c r="O6597" s="18"/>
      <c r="P6597" s="19"/>
      <c r="Q6597" s="19"/>
      <c r="R6597" s="19"/>
      <c r="S6597" s="19"/>
      <c r="T6597" s="19"/>
      <c r="U6597" s="19"/>
      <c r="V6597" s="19"/>
      <c r="W6597" s="19"/>
      <c r="X6597" s="19"/>
      <c r="Y6597" s="19"/>
      <c r="Z6597" s="19"/>
      <c r="AA6597" s="19"/>
    </row>
    <row r="6598" spans="1:27" s="1" customFormat="1" ht="14.1" customHeight="1" outlineLevel="2" x14ac:dyDescent="0.2">
      <c r="A6598" s="17">
        <v>9226</v>
      </c>
      <c r="B6598" s="17"/>
      <c r="C6598" s="17"/>
      <c r="D6598" s="18" t="s">
        <v>3280</v>
      </c>
      <c r="E6598" s="18"/>
      <c r="F6598" s="18"/>
      <c r="G6598" s="18"/>
      <c r="H6598" s="18"/>
      <c r="I6598" s="18"/>
      <c r="J6598" s="18"/>
      <c r="K6598" s="18"/>
      <c r="L6598" s="18"/>
      <c r="M6598" s="18"/>
      <c r="N6598" s="18"/>
      <c r="O6598" s="18"/>
      <c r="P6598" s="19">
        <v>90</v>
      </c>
      <c r="Q6598" s="19"/>
      <c r="R6598" s="19"/>
      <c r="S6598" s="19"/>
      <c r="T6598" s="19">
        <v>60</v>
      </c>
      <c r="U6598" s="19"/>
      <c r="V6598" s="19"/>
      <c r="W6598" s="19"/>
      <c r="X6598" s="19">
        <v>1</v>
      </c>
      <c r="Y6598" s="19"/>
      <c r="Z6598" s="19"/>
      <c r="AA6598" s="19"/>
    </row>
    <row r="6599" spans="1:27" s="1" customFormat="1" ht="14.1" customHeight="1" outlineLevel="2" x14ac:dyDescent="0.2">
      <c r="A6599" s="17"/>
      <c r="B6599" s="17"/>
      <c r="C6599" s="17"/>
      <c r="D6599" s="18"/>
      <c r="E6599" s="18"/>
      <c r="F6599" s="18"/>
      <c r="G6599" s="18"/>
      <c r="H6599" s="18"/>
      <c r="I6599" s="18"/>
      <c r="J6599" s="18"/>
      <c r="K6599" s="18"/>
      <c r="L6599" s="18"/>
      <c r="M6599" s="18"/>
      <c r="N6599" s="18"/>
      <c r="O6599" s="18"/>
      <c r="P6599" s="19"/>
      <c r="Q6599" s="19"/>
      <c r="R6599" s="19"/>
      <c r="S6599" s="19"/>
      <c r="T6599" s="19"/>
      <c r="U6599" s="19"/>
      <c r="V6599" s="19"/>
      <c r="W6599" s="19"/>
      <c r="X6599" s="19"/>
      <c r="Y6599" s="19"/>
      <c r="Z6599" s="19"/>
      <c r="AA6599" s="19"/>
    </row>
    <row r="6600" spans="1:27" s="1" customFormat="1" ht="14.1" customHeight="1" outlineLevel="2" x14ac:dyDescent="0.2">
      <c r="A6600" s="17">
        <v>10940</v>
      </c>
      <c r="B6600" s="17"/>
      <c r="C6600" s="17"/>
      <c r="D6600" s="18" t="s">
        <v>3281</v>
      </c>
      <c r="E6600" s="18"/>
      <c r="F6600" s="18"/>
      <c r="G6600" s="18"/>
      <c r="H6600" s="18"/>
      <c r="I6600" s="18"/>
      <c r="J6600" s="18"/>
      <c r="K6600" s="18"/>
      <c r="L6600" s="18"/>
      <c r="M6600" s="18"/>
      <c r="N6600" s="18"/>
      <c r="O6600" s="18"/>
      <c r="P6600" s="19">
        <v>100</v>
      </c>
      <c r="Q6600" s="19"/>
      <c r="R6600" s="19"/>
      <c r="S6600" s="19"/>
      <c r="T6600" s="19">
        <v>70</v>
      </c>
      <c r="U6600" s="19"/>
      <c r="V6600" s="19"/>
      <c r="W6600" s="19"/>
      <c r="X6600" s="19">
        <v>50</v>
      </c>
      <c r="Y6600" s="19"/>
      <c r="Z6600" s="19"/>
      <c r="AA6600" s="19"/>
    </row>
    <row r="6601" spans="1:27" s="1" customFormat="1" ht="14.1" customHeight="1" outlineLevel="2" x14ac:dyDescent="0.2">
      <c r="A6601" s="17"/>
      <c r="B6601" s="17"/>
      <c r="C6601" s="17"/>
      <c r="D6601" s="18"/>
      <c r="E6601" s="18"/>
      <c r="F6601" s="18"/>
      <c r="G6601" s="18"/>
      <c r="H6601" s="18"/>
      <c r="I6601" s="18"/>
      <c r="J6601" s="18"/>
      <c r="K6601" s="18"/>
      <c r="L6601" s="18"/>
      <c r="M6601" s="18"/>
      <c r="N6601" s="18"/>
      <c r="O6601" s="18"/>
      <c r="P6601" s="19"/>
      <c r="Q6601" s="19"/>
      <c r="R6601" s="19"/>
      <c r="S6601" s="19"/>
      <c r="T6601" s="19"/>
      <c r="U6601" s="19"/>
      <c r="V6601" s="19"/>
      <c r="W6601" s="19"/>
      <c r="X6601" s="19"/>
      <c r="Y6601" s="19"/>
      <c r="Z6601" s="19"/>
      <c r="AA6601" s="19"/>
    </row>
    <row r="6602" spans="1:27" s="1" customFormat="1" ht="14.1" customHeight="1" outlineLevel="2" x14ac:dyDescent="0.2">
      <c r="A6602" s="17">
        <v>9890</v>
      </c>
      <c r="B6602" s="17"/>
      <c r="C6602" s="17"/>
      <c r="D6602" s="18" t="s">
        <v>3282</v>
      </c>
      <c r="E6602" s="18"/>
      <c r="F6602" s="18"/>
      <c r="G6602" s="18"/>
      <c r="H6602" s="18"/>
      <c r="I6602" s="18"/>
      <c r="J6602" s="18"/>
      <c r="K6602" s="18"/>
      <c r="L6602" s="18"/>
      <c r="M6602" s="18"/>
      <c r="N6602" s="18"/>
      <c r="O6602" s="18"/>
      <c r="P6602" s="19">
        <v>90</v>
      </c>
      <c r="Q6602" s="19"/>
      <c r="R6602" s="19"/>
      <c r="S6602" s="19"/>
      <c r="T6602" s="19">
        <v>60</v>
      </c>
      <c r="U6602" s="19"/>
      <c r="V6602" s="19"/>
      <c r="W6602" s="19"/>
      <c r="X6602" s="19">
        <v>15</v>
      </c>
      <c r="Y6602" s="19"/>
      <c r="Z6602" s="19"/>
      <c r="AA6602" s="19"/>
    </row>
    <row r="6603" spans="1:27" s="1" customFormat="1" ht="14.1" customHeight="1" outlineLevel="2" x14ac:dyDescent="0.2">
      <c r="A6603" s="17"/>
      <c r="B6603" s="17"/>
      <c r="C6603" s="17"/>
      <c r="D6603" s="18"/>
      <c r="E6603" s="18"/>
      <c r="F6603" s="18"/>
      <c r="G6603" s="18"/>
      <c r="H6603" s="18"/>
      <c r="I6603" s="18"/>
      <c r="J6603" s="18"/>
      <c r="K6603" s="18"/>
      <c r="L6603" s="18"/>
      <c r="M6603" s="18"/>
      <c r="N6603" s="18"/>
      <c r="O6603" s="18"/>
      <c r="P6603" s="19"/>
      <c r="Q6603" s="19"/>
      <c r="R6603" s="19"/>
      <c r="S6603" s="19"/>
      <c r="T6603" s="19"/>
      <c r="U6603" s="19"/>
      <c r="V6603" s="19"/>
      <c r="W6603" s="19"/>
      <c r="X6603" s="19"/>
      <c r="Y6603" s="19"/>
      <c r="Z6603" s="19"/>
      <c r="AA6603" s="19"/>
    </row>
    <row r="6604" spans="1:27" s="1" customFormat="1" ht="14.1" customHeight="1" outlineLevel="2" x14ac:dyDescent="0.2">
      <c r="A6604" s="17">
        <v>10941</v>
      </c>
      <c r="B6604" s="17"/>
      <c r="C6604" s="17"/>
      <c r="D6604" s="18" t="s">
        <v>3283</v>
      </c>
      <c r="E6604" s="18"/>
      <c r="F6604" s="18"/>
      <c r="G6604" s="18"/>
      <c r="H6604" s="18"/>
      <c r="I6604" s="18"/>
      <c r="J6604" s="18"/>
      <c r="K6604" s="18"/>
      <c r="L6604" s="18"/>
      <c r="M6604" s="18"/>
      <c r="N6604" s="18"/>
      <c r="O6604" s="18"/>
      <c r="P6604" s="19">
        <v>100</v>
      </c>
      <c r="Q6604" s="19"/>
      <c r="R6604" s="19"/>
      <c r="S6604" s="19"/>
      <c r="T6604" s="19">
        <v>70</v>
      </c>
      <c r="U6604" s="19"/>
      <c r="V6604" s="19"/>
      <c r="W6604" s="19"/>
      <c r="X6604" s="19">
        <v>38</v>
      </c>
      <c r="Y6604" s="19"/>
      <c r="Z6604" s="19"/>
      <c r="AA6604" s="19"/>
    </row>
    <row r="6605" spans="1:27" s="1" customFormat="1" ht="14.1" customHeight="1" outlineLevel="2" x14ac:dyDescent="0.2">
      <c r="A6605" s="17"/>
      <c r="B6605" s="17"/>
      <c r="C6605" s="17"/>
      <c r="D6605" s="18"/>
      <c r="E6605" s="18"/>
      <c r="F6605" s="18"/>
      <c r="G6605" s="18"/>
      <c r="H6605" s="18"/>
      <c r="I6605" s="18"/>
      <c r="J6605" s="18"/>
      <c r="K6605" s="18"/>
      <c r="L6605" s="18"/>
      <c r="M6605" s="18"/>
      <c r="N6605" s="18"/>
      <c r="O6605" s="18"/>
      <c r="P6605" s="19"/>
      <c r="Q6605" s="19"/>
      <c r="R6605" s="19"/>
      <c r="S6605" s="19"/>
      <c r="T6605" s="19"/>
      <c r="U6605" s="19"/>
      <c r="V6605" s="19"/>
      <c r="W6605" s="19"/>
      <c r="X6605" s="19"/>
      <c r="Y6605" s="19"/>
      <c r="Z6605" s="19"/>
      <c r="AA6605" s="19"/>
    </row>
    <row r="6606" spans="1:27" s="1" customFormat="1" ht="14.1" customHeight="1" outlineLevel="2" x14ac:dyDescent="0.2">
      <c r="A6606" s="17">
        <v>10947</v>
      </c>
      <c r="B6606" s="17"/>
      <c r="C6606" s="17"/>
      <c r="D6606" s="18" t="s">
        <v>3284</v>
      </c>
      <c r="E6606" s="18"/>
      <c r="F6606" s="18"/>
      <c r="G6606" s="18"/>
      <c r="H6606" s="18"/>
      <c r="I6606" s="18"/>
      <c r="J6606" s="18"/>
      <c r="K6606" s="18"/>
      <c r="L6606" s="18"/>
      <c r="M6606" s="18"/>
      <c r="N6606" s="18"/>
      <c r="O6606" s="18"/>
      <c r="P6606" s="19">
        <v>100</v>
      </c>
      <c r="Q6606" s="19"/>
      <c r="R6606" s="19"/>
      <c r="S6606" s="19"/>
      <c r="T6606" s="19">
        <v>70</v>
      </c>
      <c r="U6606" s="19"/>
      <c r="V6606" s="19"/>
      <c r="W6606" s="19"/>
      <c r="X6606" s="19">
        <v>24</v>
      </c>
      <c r="Y6606" s="19"/>
      <c r="Z6606" s="19"/>
      <c r="AA6606" s="19"/>
    </row>
    <row r="6607" spans="1:27" s="1" customFormat="1" ht="14.1" customHeight="1" outlineLevel="2" x14ac:dyDescent="0.2">
      <c r="A6607" s="17"/>
      <c r="B6607" s="17"/>
      <c r="C6607" s="17"/>
      <c r="D6607" s="18"/>
      <c r="E6607" s="18"/>
      <c r="F6607" s="18"/>
      <c r="G6607" s="18"/>
      <c r="H6607" s="18"/>
      <c r="I6607" s="18"/>
      <c r="J6607" s="18"/>
      <c r="K6607" s="18"/>
      <c r="L6607" s="18"/>
      <c r="M6607" s="18"/>
      <c r="N6607" s="18"/>
      <c r="O6607" s="18"/>
      <c r="P6607" s="19"/>
      <c r="Q6607" s="19"/>
      <c r="R6607" s="19"/>
      <c r="S6607" s="19"/>
      <c r="T6607" s="19"/>
      <c r="U6607" s="19"/>
      <c r="V6607" s="19"/>
      <c r="W6607" s="19"/>
      <c r="X6607" s="19"/>
      <c r="Y6607" s="19"/>
      <c r="Z6607" s="19"/>
      <c r="AA6607" s="19"/>
    </row>
    <row r="6608" spans="1:27" s="1" customFormat="1" ht="14.1" customHeight="1" outlineLevel="2" x14ac:dyDescent="0.2">
      <c r="A6608" s="17">
        <v>14334</v>
      </c>
      <c r="B6608" s="17"/>
      <c r="C6608" s="17"/>
      <c r="D6608" s="18" t="s">
        <v>3285</v>
      </c>
      <c r="E6608" s="18"/>
      <c r="F6608" s="18"/>
      <c r="G6608" s="18"/>
      <c r="H6608" s="18"/>
      <c r="I6608" s="18"/>
      <c r="J6608" s="18"/>
      <c r="K6608" s="18"/>
      <c r="L6608" s="18"/>
      <c r="M6608" s="18"/>
      <c r="N6608" s="18"/>
      <c r="O6608" s="18"/>
      <c r="P6608" s="19">
        <v>100</v>
      </c>
      <c r="Q6608" s="19"/>
      <c r="R6608" s="19"/>
      <c r="S6608" s="19"/>
      <c r="T6608" s="19">
        <v>70</v>
      </c>
      <c r="U6608" s="19"/>
      <c r="V6608" s="19"/>
      <c r="W6608" s="19"/>
      <c r="X6608" s="19">
        <v>72</v>
      </c>
      <c r="Y6608" s="19"/>
      <c r="Z6608" s="19"/>
      <c r="AA6608" s="19"/>
    </row>
    <row r="6609" spans="1:27" s="1" customFormat="1" ht="14.1" customHeight="1" outlineLevel="2" x14ac:dyDescent="0.2">
      <c r="A6609" s="17"/>
      <c r="B6609" s="17"/>
      <c r="C6609" s="17"/>
      <c r="D6609" s="18"/>
      <c r="E6609" s="18"/>
      <c r="F6609" s="18"/>
      <c r="G6609" s="18"/>
      <c r="H6609" s="18"/>
      <c r="I6609" s="18"/>
      <c r="J6609" s="18"/>
      <c r="K6609" s="18"/>
      <c r="L6609" s="18"/>
      <c r="M6609" s="18"/>
      <c r="N6609" s="18"/>
      <c r="O6609" s="18"/>
      <c r="P6609" s="19"/>
      <c r="Q6609" s="19"/>
      <c r="R6609" s="19"/>
      <c r="S6609" s="19"/>
      <c r="T6609" s="19"/>
      <c r="U6609" s="19"/>
      <c r="V6609" s="19"/>
      <c r="W6609" s="19"/>
      <c r="X6609" s="19"/>
      <c r="Y6609" s="19"/>
      <c r="Z6609" s="19"/>
      <c r="AA6609" s="19"/>
    </row>
    <row r="6610" spans="1:27" s="1" customFormat="1" ht="14.1" customHeight="1" outlineLevel="2" x14ac:dyDescent="0.2">
      <c r="A6610" s="17">
        <v>10943</v>
      </c>
      <c r="B6610" s="17"/>
      <c r="C6610" s="17"/>
      <c r="D6610" s="18" t="s">
        <v>3286</v>
      </c>
      <c r="E6610" s="18"/>
      <c r="F6610" s="18"/>
      <c r="G6610" s="18"/>
      <c r="H6610" s="18"/>
      <c r="I6610" s="18"/>
      <c r="J6610" s="18"/>
      <c r="K6610" s="18"/>
      <c r="L6610" s="18"/>
      <c r="M6610" s="18"/>
      <c r="N6610" s="18"/>
      <c r="O6610" s="18"/>
      <c r="P6610" s="19">
        <v>100</v>
      </c>
      <c r="Q6610" s="19"/>
      <c r="R6610" s="19"/>
      <c r="S6610" s="19"/>
      <c r="T6610" s="19">
        <v>70</v>
      </c>
      <c r="U6610" s="19"/>
      <c r="V6610" s="19"/>
      <c r="W6610" s="19"/>
      <c r="X6610" s="19">
        <v>4</v>
      </c>
      <c r="Y6610" s="19"/>
      <c r="Z6610" s="19"/>
      <c r="AA6610" s="19"/>
    </row>
    <row r="6611" spans="1:27" s="1" customFormat="1" ht="14.1" customHeight="1" outlineLevel="2" x14ac:dyDescent="0.2">
      <c r="A6611" s="17"/>
      <c r="B6611" s="17"/>
      <c r="C6611" s="17"/>
      <c r="D6611" s="18"/>
      <c r="E6611" s="18"/>
      <c r="F6611" s="18"/>
      <c r="G6611" s="18"/>
      <c r="H6611" s="18"/>
      <c r="I6611" s="18"/>
      <c r="J6611" s="18"/>
      <c r="K6611" s="18"/>
      <c r="L6611" s="18"/>
      <c r="M6611" s="18"/>
      <c r="N6611" s="18"/>
      <c r="O6611" s="18"/>
      <c r="P6611" s="19"/>
      <c r="Q6611" s="19"/>
      <c r="R6611" s="19"/>
      <c r="S6611" s="19"/>
      <c r="T6611" s="19"/>
      <c r="U6611" s="19"/>
      <c r="V6611" s="19"/>
      <c r="W6611" s="19"/>
      <c r="X6611" s="19"/>
      <c r="Y6611" s="19"/>
      <c r="Z6611" s="19"/>
      <c r="AA6611" s="19"/>
    </row>
    <row r="6612" spans="1:27" s="1" customFormat="1" ht="14.1" customHeight="1" outlineLevel="2" x14ac:dyDescent="0.2">
      <c r="A6612" s="17">
        <v>10944</v>
      </c>
      <c r="B6612" s="17"/>
      <c r="C6612" s="17"/>
      <c r="D6612" s="18" t="s">
        <v>3287</v>
      </c>
      <c r="E6612" s="18"/>
      <c r="F6612" s="18"/>
      <c r="G6612" s="18"/>
      <c r="H6612" s="18"/>
      <c r="I6612" s="18"/>
      <c r="J6612" s="18"/>
      <c r="K6612" s="18"/>
      <c r="L6612" s="18"/>
      <c r="M6612" s="18"/>
      <c r="N6612" s="18"/>
      <c r="O6612" s="18"/>
      <c r="P6612" s="19">
        <v>100</v>
      </c>
      <c r="Q6612" s="19"/>
      <c r="R6612" s="19"/>
      <c r="S6612" s="19"/>
      <c r="T6612" s="19">
        <v>70</v>
      </c>
      <c r="U6612" s="19"/>
      <c r="V6612" s="19"/>
      <c r="W6612" s="19"/>
      <c r="X6612" s="19">
        <v>2</v>
      </c>
      <c r="Y6612" s="19"/>
      <c r="Z6612" s="19"/>
      <c r="AA6612" s="19"/>
    </row>
    <row r="6613" spans="1:27" s="1" customFormat="1" ht="14.1" customHeight="1" outlineLevel="2" x14ac:dyDescent="0.2">
      <c r="A6613" s="17"/>
      <c r="B6613" s="17"/>
      <c r="C6613" s="17"/>
      <c r="D6613" s="18"/>
      <c r="E6613" s="18"/>
      <c r="F6613" s="18"/>
      <c r="G6613" s="18"/>
      <c r="H6613" s="18"/>
      <c r="I6613" s="18"/>
      <c r="J6613" s="18"/>
      <c r="K6613" s="18"/>
      <c r="L6613" s="18"/>
      <c r="M6613" s="18"/>
      <c r="N6613" s="18"/>
      <c r="O6613" s="18"/>
      <c r="P6613" s="19"/>
      <c r="Q6613" s="19"/>
      <c r="R6613" s="19"/>
      <c r="S6613" s="19"/>
      <c r="T6613" s="19"/>
      <c r="U6613" s="19"/>
      <c r="V6613" s="19"/>
      <c r="W6613" s="19"/>
      <c r="X6613" s="19"/>
      <c r="Y6613" s="19"/>
      <c r="Z6613" s="19"/>
      <c r="AA6613" s="19"/>
    </row>
    <row r="6614" spans="1:27" s="1" customFormat="1" ht="14.1" customHeight="1" outlineLevel="2" x14ac:dyDescent="0.2">
      <c r="A6614" s="17">
        <v>10942</v>
      </c>
      <c r="B6614" s="17"/>
      <c r="C6614" s="17"/>
      <c r="D6614" s="18" t="s">
        <v>3288</v>
      </c>
      <c r="E6614" s="18"/>
      <c r="F6614" s="18"/>
      <c r="G6614" s="18"/>
      <c r="H6614" s="18"/>
      <c r="I6614" s="18"/>
      <c r="J6614" s="18"/>
      <c r="K6614" s="18"/>
      <c r="L6614" s="18"/>
      <c r="M6614" s="18"/>
      <c r="N6614" s="18"/>
      <c r="O6614" s="18"/>
      <c r="P6614" s="19">
        <v>100</v>
      </c>
      <c r="Q6614" s="19"/>
      <c r="R6614" s="19"/>
      <c r="S6614" s="19"/>
      <c r="T6614" s="19">
        <v>70</v>
      </c>
      <c r="U6614" s="19"/>
      <c r="V6614" s="19"/>
      <c r="W6614" s="19"/>
      <c r="X6614" s="19">
        <v>2</v>
      </c>
      <c r="Y6614" s="19"/>
      <c r="Z6614" s="19"/>
      <c r="AA6614" s="19"/>
    </row>
    <row r="6615" spans="1:27" s="1" customFormat="1" ht="14.1" customHeight="1" outlineLevel="2" x14ac:dyDescent="0.2">
      <c r="A6615" s="17"/>
      <c r="B6615" s="17"/>
      <c r="C6615" s="17"/>
      <c r="D6615" s="18"/>
      <c r="E6615" s="18"/>
      <c r="F6615" s="18"/>
      <c r="G6615" s="18"/>
      <c r="H6615" s="18"/>
      <c r="I6615" s="18"/>
      <c r="J6615" s="18"/>
      <c r="K6615" s="18"/>
      <c r="L6615" s="18"/>
      <c r="M6615" s="18"/>
      <c r="N6615" s="18"/>
      <c r="O6615" s="18"/>
      <c r="P6615" s="19"/>
      <c r="Q6615" s="19"/>
      <c r="R6615" s="19"/>
      <c r="S6615" s="19"/>
      <c r="T6615" s="19"/>
      <c r="U6615" s="19"/>
      <c r="V6615" s="19"/>
      <c r="W6615" s="19"/>
      <c r="X6615" s="19"/>
      <c r="Y6615" s="19"/>
      <c r="Z6615" s="19"/>
      <c r="AA6615" s="19"/>
    </row>
    <row r="6616" spans="1:27" s="1" customFormat="1" ht="14.1" customHeight="1" outlineLevel="2" x14ac:dyDescent="0.2">
      <c r="A6616" s="17">
        <v>10945</v>
      </c>
      <c r="B6616" s="17"/>
      <c r="C6616" s="17"/>
      <c r="D6616" s="18" t="s">
        <v>3289</v>
      </c>
      <c r="E6616" s="18"/>
      <c r="F6616" s="18"/>
      <c r="G6616" s="18"/>
      <c r="H6616" s="18"/>
      <c r="I6616" s="18"/>
      <c r="J6616" s="18"/>
      <c r="K6616" s="18"/>
      <c r="L6616" s="18"/>
      <c r="M6616" s="18"/>
      <c r="N6616" s="18"/>
      <c r="O6616" s="18"/>
      <c r="P6616" s="19">
        <v>100</v>
      </c>
      <c r="Q6616" s="19"/>
      <c r="R6616" s="19"/>
      <c r="S6616" s="19"/>
      <c r="T6616" s="19">
        <v>70</v>
      </c>
      <c r="U6616" s="19"/>
      <c r="V6616" s="19"/>
      <c r="W6616" s="19"/>
      <c r="X6616" s="19">
        <v>50</v>
      </c>
      <c r="Y6616" s="19"/>
      <c r="Z6616" s="19"/>
      <c r="AA6616" s="19"/>
    </row>
    <row r="6617" spans="1:27" s="1" customFormat="1" ht="14.1" customHeight="1" outlineLevel="2" x14ac:dyDescent="0.2">
      <c r="A6617" s="17"/>
      <c r="B6617" s="17"/>
      <c r="C6617" s="17"/>
      <c r="D6617" s="18"/>
      <c r="E6617" s="18"/>
      <c r="F6617" s="18"/>
      <c r="G6617" s="18"/>
      <c r="H6617" s="18"/>
      <c r="I6617" s="18"/>
      <c r="J6617" s="18"/>
      <c r="K6617" s="18"/>
      <c r="L6617" s="18"/>
      <c r="M6617" s="18"/>
      <c r="N6617" s="18"/>
      <c r="O6617" s="18"/>
      <c r="P6617" s="19"/>
      <c r="Q6617" s="19"/>
      <c r="R6617" s="19"/>
      <c r="S6617" s="19"/>
      <c r="T6617" s="19"/>
      <c r="U6617" s="19"/>
      <c r="V6617" s="19"/>
      <c r="W6617" s="19"/>
      <c r="X6617" s="19"/>
      <c r="Y6617" s="19"/>
      <c r="Z6617" s="19"/>
      <c r="AA6617" s="19"/>
    </row>
    <row r="6618" spans="1:27" s="1" customFormat="1" ht="14.1" customHeight="1" outlineLevel="2" x14ac:dyDescent="0.2">
      <c r="A6618" s="17">
        <v>16424</v>
      </c>
      <c r="B6618" s="17"/>
      <c r="C6618" s="17"/>
      <c r="D6618" s="18" t="s">
        <v>3290</v>
      </c>
      <c r="E6618" s="18"/>
      <c r="F6618" s="18"/>
      <c r="G6618" s="18"/>
      <c r="H6618" s="18"/>
      <c r="I6618" s="18"/>
      <c r="J6618" s="18"/>
      <c r="K6618" s="18"/>
      <c r="L6618" s="18"/>
      <c r="M6618" s="18"/>
      <c r="N6618" s="18"/>
      <c r="O6618" s="18"/>
      <c r="P6618" s="19">
        <v>120</v>
      </c>
      <c r="Q6618" s="19"/>
      <c r="R6618" s="19"/>
      <c r="S6618" s="19"/>
      <c r="T6618" s="19">
        <v>90</v>
      </c>
      <c r="U6618" s="19"/>
      <c r="V6618" s="19"/>
      <c r="W6618" s="19"/>
      <c r="X6618" s="19">
        <v>93</v>
      </c>
      <c r="Y6618" s="19"/>
      <c r="Z6618" s="19"/>
      <c r="AA6618" s="19"/>
    </row>
    <row r="6619" spans="1:27" s="1" customFormat="1" ht="14.1" customHeight="1" outlineLevel="2" x14ac:dyDescent="0.2">
      <c r="A6619" s="17"/>
      <c r="B6619" s="17"/>
      <c r="C6619" s="17"/>
      <c r="D6619" s="18"/>
      <c r="E6619" s="18"/>
      <c r="F6619" s="18"/>
      <c r="G6619" s="18"/>
      <c r="H6619" s="18"/>
      <c r="I6619" s="18"/>
      <c r="J6619" s="18"/>
      <c r="K6619" s="18"/>
      <c r="L6619" s="18"/>
      <c r="M6619" s="18"/>
      <c r="N6619" s="18"/>
      <c r="O6619" s="18"/>
      <c r="P6619" s="19"/>
      <c r="Q6619" s="19"/>
      <c r="R6619" s="19"/>
      <c r="S6619" s="19"/>
      <c r="T6619" s="19"/>
      <c r="U6619" s="19"/>
      <c r="V6619" s="19"/>
      <c r="W6619" s="19"/>
      <c r="X6619" s="19"/>
      <c r="Y6619" s="19"/>
      <c r="Z6619" s="19"/>
      <c r="AA6619" s="19"/>
    </row>
    <row r="6620" spans="1:27" s="1" customFormat="1" ht="14.1" customHeight="1" outlineLevel="2" x14ac:dyDescent="0.2">
      <c r="A6620" s="17">
        <v>11851</v>
      </c>
      <c r="B6620" s="17"/>
      <c r="C6620" s="17"/>
      <c r="D6620" s="18" t="s">
        <v>3291</v>
      </c>
      <c r="E6620" s="18"/>
      <c r="F6620" s="18"/>
      <c r="G6620" s="18"/>
      <c r="H6620" s="18"/>
      <c r="I6620" s="18"/>
      <c r="J6620" s="18"/>
      <c r="K6620" s="18"/>
      <c r="L6620" s="18"/>
      <c r="M6620" s="18"/>
      <c r="N6620" s="18"/>
      <c r="O6620" s="18"/>
      <c r="P6620" s="19">
        <v>90</v>
      </c>
      <c r="Q6620" s="19"/>
      <c r="R6620" s="19"/>
      <c r="S6620" s="19"/>
      <c r="T6620" s="19">
        <v>60</v>
      </c>
      <c r="U6620" s="19"/>
      <c r="V6620" s="19"/>
      <c r="W6620" s="19"/>
      <c r="X6620" s="19">
        <v>46</v>
      </c>
      <c r="Y6620" s="19"/>
      <c r="Z6620" s="19"/>
      <c r="AA6620" s="19"/>
    </row>
    <row r="6621" spans="1:27" s="1" customFormat="1" ht="14.1" customHeight="1" outlineLevel="2" x14ac:dyDescent="0.2">
      <c r="A6621" s="17"/>
      <c r="B6621" s="17"/>
      <c r="C6621" s="17"/>
      <c r="D6621" s="18"/>
      <c r="E6621" s="18"/>
      <c r="F6621" s="18"/>
      <c r="G6621" s="18"/>
      <c r="H6621" s="18"/>
      <c r="I6621" s="18"/>
      <c r="J6621" s="18"/>
      <c r="K6621" s="18"/>
      <c r="L6621" s="18"/>
      <c r="M6621" s="18"/>
      <c r="N6621" s="18"/>
      <c r="O6621" s="18"/>
      <c r="P6621" s="19"/>
      <c r="Q6621" s="19"/>
      <c r="R6621" s="19"/>
      <c r="S6621" s="19"/>
      <c r="T6621" s="19"/>
      <c r="U6621" s="19"/>
      <c r="V6621" s="19"/>
      <c r="W6621" s="19"/>
      <c r="X6621" s="19"/>
      <c r="Y6621" s="19"/>
      <c r="Z6621" s="19"/>
      <c r="AA6621" s="19"/>
    </row>
    <row r="6622" spans="1:27" s="1" customFormat="1" ht="14.1" customHeight="1" outlineLevel="2" x14ac:dyDescent="0.2">
      <c r="A6622" s="17">
        <v>11669</v>
      </c>
      <c r="B6622" s="17"/>
      <c r="C6622" s="17"/>
      <c r="D6622" s="18" t="s">
        <v>3292</v>
      </c>
      <c r="E6622" s="18"/>
      <c r="F6622" s="18"/>
      <c r="G6622" s="18"/>
      <c r="H6622" s="18"/>
      <c r="I6622" s="18"/>
      <c r="J6622" s="18"/>
      <c r="K6622" s="18"/>
      <c r="L6622" s="18"/>
      <c r="M6622" s="18"/>
      <c r="N6622" s="18"/>
      <c r="O6622" s="18"/>
      <c r="P6622" s="19">
        <v>100</v>
      </c>
      <c r="Q6622" s="19"/>
      <c r="R6622" s="19"/>
      <c r="S6622" s="19"/>
      <c r="T6622" s="19">
        <v>70</v>
      </c>
      <c r="U6622" s="19"/>
      <c r="V6622" s="19"/>
      <c r="W6622" s="19"/>
      <c r="X6622" s="19">
        <v>21</v>
      </c>
      <c r="Y6622" s="19"/>
      <c r="Z6622" s="19"/>
      <c r="AA6622" s="19"/>
    </row>
    <row r="6623" spans="1:27" s="1" customFormat="1" ht="14.1" customHeight="1" outlineLevel="2" x14ac:dyDescent="0.2">
      <c r="A6623" s="17"/>
      <c r="B6623" s="17"/>
      <c r="C6623" s="17"/>
      <c r="D6623" s="18"/>
      <c r="E6623" s="18"/>
      <c r="F6623" s="18"/>
      <c r="G6623" s="18"/>
      <c r="H6623" s="18"/>
      <c r="I6623" s="18"/>
      <c r="J6623" s="18"/>
      <c r="K6623" s="18"/>
      <c r="L6623" s="18"/>
      <c r="M6623" s="18"/>
      <c r="N6623" s="18"/>
      <c r="O6623" s="18"/>
      <c r="P6623" s="19"/>
      <c r="Q6623" s="19"/>
      <c r="R6623" s="19"/>
      <c r="S6623" s="19"/>
      <c r="T6623" s="19"/>
      <c r="U6623" s="19"/>
      <c r="V6623" s="19"/>
      <c r="W6623" s="19"/>
      <c r="X6623" s="19"/>
      <c r="Y6623" s="19"/>
      <c r="Z6623" s="19"/>
      <c r="AA6623" s="19"/>
    </row>
    <row r="6624" spans="1:27" s="1" customFormat="1" ht="14.1" customHeight="1" outlineLevel="2" x14ac:dyDescent="0.2">
      <c r="A6624" s="17">
        <v>11853</v>
      </c>
      <c r="B6624" s="17"/>
      <c r="C6624" s="17"/>
      <c r="D6624" s="18" t="s">
        <v>3293</v>
      </c>
      <c r="E6624" s="18"/>
      <c r="F6624" s="18"/>
      <c r="G6624" s="18"/>
      <c r="H6624" s="18"/>
      <c r="I6624" s="18"/>
      <c r="J6624" s="18"/>
      <c r="K6624" s="18"/>
      <c r="L6624" s="18"/>
      <c r="M6624" s="18"/>
      <c r="N6624" s="18"/>
      <c r="O6624" s="18"/>
      <c r="P6624" s="19">
        <v>90</v>
      </c>
      <c r="Q6624" s="19"/>
      <c r="R6624" s="19"/>
      <c r="S6624" s="19"/>
      <c r="T6624" s="19">
        <v>60</v>
      </c>
      <c r="U6624" s="19"/>
      <c r="V6624" s="19"/>
      <c r="W6624" s="19"/>
      <c r="X6624" s="19">
        <v>12</v>
      </c>
      <c r="Y6624" s="19"/>
      <c r="Z6624" s="19"/>
      <c r="AA6624" s="19"/>
    </row>
    <row r="6625" spans="1:27" s="1" customFormat="1" ht="14.1" customHeight="1" outlineLevel="2" x14ac:dyDescent="0.2">
      <c r="A6625" s="17"/>
      <c r="B6625" s="17"/>
      <c r="C6625" s="17"/>
      <c r="D6625" s="18"/>
      <c r="E6625" s="18"/>
      <c r="F6625" s="18"/>
      <c r="G6625" s="18"/>
      <c r="H6625" s="18"/>
      <c r="I6625" s="18"/>
      <c r="J6625" s="18"/>
      <c r="K6625" s="18"/>
      <c r="L6625" s="18"/>
      <c r="M6625" s="18"/>
      <c r="N6625" s="18"/>
      <c r="O6625" s="18"/>
      <c r="P6625" s="19"/>
      <c r="Q6625" s="19"/>
      <c r="R6625" s="19"/>
      <c r="S6625" s="19"/>
      <c r="T6625" s="19"/>
      <c r="U6625" s="19"/>
      <c r="V6625" s="19"/>
      <c r="W6625" s="19"/>
      <c r="X6625" s="19"/>
      <c r="Y6625" s="19"/>
      <c r="Z6625" s="19"/>
      <c r="AA6625" s="19"/>
    </row>
    <row r="6626" spans="1:27" s="1" customFormat="1" ht="14.1" customHeight="1" outlineLevel="2" x14ac:dyDescent="0.2">
      <c r="A6626" s="17">
        <v>7489</v>
      </c>
      <c r="B6626" s="17"/>
      <c r="C6626" s="17"/>
      <c r="D6626" s="18" t="s">
        <v>3294</v>
      </c>
      <c r="E6626" s="18"/>
      <c r="F6626" s="18"/>
      <c r="G6626" s="18"/>
      <c r="H6626" s="18"/>
      <c r="I6626" s="18"/>
      <c r="J6626" s="18"/>
      <c r="K6626" s="18"/>
      <c r="L6626" s="18"/>
      <c r="M6626" s="18"/>
      <c r="N6626" s="18"/>
      <c r="O6626" s="18"/>
      <c r="P6626" s="19">
        <v>90</v>
      </c>
      <c r="Q6626" s="19"/>
      <c r="R6626" s="19"/>
      <c r="S6626" s="19"/>
      <c r="T6626" s="19">
        <v>60</v>
      </c>
      <c r="U6626" s="19"/>
      <c r="V6626" s="19"/>
      <c r="W6626" s="19"/>
      <c r="X6626" s="19">
        <v>8</v>
      </c>
      <c r="Y6626" s="19"/>
      <c r="Z6626" s="19"/>
      <c r="AA6626" s="19"/>
    </row>
    <row r="6627" spans="1:27" s="1" customFormat="1" ht="14.1" customHeight="1" outlineLevel="2" x14ac:dyDescent="0.2">
      <c r="A6627" s="17"/>
      <c r="B6627" s="17"/>
      <c r="C6627" s="17"/>
      <c r="D6627" s="18"/>
      <c r="E6627" s="18"/>
      <c r="F6627" s="18"/>
      <c r="G6627" s="18"/>
      <c r="H6627" s="18"/>
      <c r="I6627" s="18"/>
      <c r="J6627" s="18"/>
      <c r="K6627" s="18"/>
      <c r="L6627" s="18"/>
      <c r="M6627" s="18"/>
      <c r="N6627" s="18"/>
      <c r="O6627" s="18"/>
      <c r="P6627" s="19"/>
      <c r="Q6627" s="19"/>
      <c r="R6627" s="19"/>
      <c r="S6627" s="19"/>
      <c r="T6627" s="19"/>
      <c r="U6627" s="19"/>
      <c r="V6627" s="19"/>
      <c r="W6627" s="19"/>
      <c r="X6627" s="19"/>
      <c r="Y6627" s="19"/>
      <c r="Z6627" s="19"/>
      <c r="AA6627" s="19"/>
    </row>
    <row r="6628" spans="1:27" s="1" customFormat="1" ht="14.1" customHeight="1" outlineLevel="2" x14ac:dyDescent="0.2">
      <c r="A6628" s="17">
        <v>10948</v>
      </c>
      <c r="B6628" s="17"/>
      <c r="C6628" s="17"/>
      <c r="D6628" s="18" t="s">
        <v>3295</v>
      </c>
      <c r="E6628" s="18"/>
      <c r="F6628" s="18"/>
      <c r="G6628" s="18"/>
      <c r="H6628" s="18"/>
      <c r="I6628" s="18"/>
      <c r="J6628" s="18"/>
      <c r="K6628" s="18"/>
      <c r="L6628" s="18"/>
      <c r="M6628" s="18"/>
      <c r="N6628" s="18"/>
      <c r="O6628" s="18"/>
      <c r="P6628" s="19">
        <v>100</v>
      </c>
      <c r="Q6628" s="19"/>
      <c r="R6628" s="19"/>
      <c r="S6628" s="19"/>
      <c r="T6628" s="19">
        <v>70</v>
      </c>
      <c r="U6628" s="19"/>
      <c r="V6628" s="19"/>
      <c r="W6628" s="19"/>
      <c r="X6628" s="19">
        <v>34</v>
      </c>
      <c r="Y6628" s="19"/>
      <c r="Z6628" s="19"/>
      <c r="AA6628" s="19"/>
    </row>
    <row r="6629" spans="1:27" s="1" customFormat="1" ht="14.1" customHeight="1" outlineLevel="2" x14ac:dyDescent="0.2">
      <c r="A6629" s="17"/>
      <c r="B6629" s="17"/>
      <c r="C6629" s="17"/>
      <c r="D6629" s="18"/>
      <c r="E6629" s="18"/>
      <c r="F6629" s="18"/>
      <c r="G6629" s="18"/>
      <c r="H6629" s="18"/>
      <c r="I6629" s="18"/>
      <c r="J6629" s="18"/>
      <c r="K6629" s="18"/>
      <c r="L6629" s="18"/>
      <c r="M6629" s="18"/>
      <c r="N6629" s="18"/>
      <c r="O6629" s="18"/>
      <c r="P6629" s="19"/>
      <c r="Q6629" s="19"/>
      <c r="R6629" s="19"/>
      <c r="S6629" s="19"/>
      <c r="T6629" s="19"/>
      <c r="U6629" s="19"/>
      <c r="V6629" s="19"/>
      <c r="W6629" s="19"/>
      <c r="X6629" s="19"/>
      <c r="Y6629" s="19"/>
      <c r="Z6629" s="19"/>
      <c r="AA6629" s="19"/>
    </row>
    <row r="6630" spans="1:27" s="1" customFormat="1" ht="14.1" customHeight="1" outlineLevel="2" x14ac:dyDescent="0.2">
      <c r="A6630" s="17">
        <v>9227</v>
      </c>
      <c r="B6630" s="17"/>
      <c r="C6630" s="17"/>
      <c r="D6630" s="18" t="s">
        <v>3296</v>
      </c>
      <c r="E6630" s="18"/>
      <c r="F6630" s="18"/>
      <c r="G6630" s="18"/>
      <c r="H6630" s="18"/>
      <c r="I6630" s="18"/>
      <c r="J6630" s="18"/>
      <c r="K6630" s="18"/>
      <c r="L6630" s="18"/>
      <c r="M6630" s="18"/>
      <c r="N6630" s="18"/>
      <c r="O6630" s="18"/>
      <c r="P6630" s="19">
        <v>90</v>
      </c>
      <c r="Q6630" s="19"/>
      <c r="R6630" s="19"/>
      <c r="S6630" s="19"/>
      <c r="T6630" s="19">
        <v>60</v>
      </c>
      <c r="U6630" s="19"/>
      <c r="V6630" s="19"/>
      <c r="W6630" s="19"/>
      <c r="X6630" s="19">
        <v>1</v>
      </c>
      <c r="Y6630" s="19"/>
      <c r="Z6630" s="19"/>
      <c r="AA6630" s="19"/>
    </row>
    <row r="6631" spans="1:27" s="1" customFormat="1" ht="14.1" customHeight="1" outlineLevel="2" x14ac:dyDescent="0.2">
      <c r="A6631" s="17"/>
      <c r="B6631" s="17"/>
      <c r="C6631" s="17"/>
      <c r="D6631" s="18"/>
      <c r="E6631" s="18"/>
      <c r="F6631" s="18"/>
      <c r="G6631" s="18"/>
      <c r="H6631" s="18"/>
      <c r="I6631" s="18"/>
      <c r="J6631" s="18"/>
      <c r="K6631" s="18"/>
      <c r="L6631" s="18"/>
      <c r="M6631" s="18"/>
      <c r="N6631" s="18"/>
      <c r="O6631" s="18"/>
      <c r="P6631" s="19"/>
      <c r="Q6631" s="19"/>
      <c r="R6631" s="19"/>
      <c r="S6631" s="19"/>
      <c r="T6631" s="19"/>
      <c r="U6631" s="19"/>
      <c r="V6631" s="19"/>
      <c r="W6631" s="19"/>
      <c r="X6631" s="19"/>
      <c r="Y6631" s="19"/>
      <c r="Z6631" s="19"/>
      <c r="AA6631" s="19"/>
    </row>
    <row r="6632" spans="1:27" s="1" customFormat="1" ht="14.1" customHeight="1" outlineLevel="2" x14ac:dyDescent="0.2">
      <c r="A6632" s="17">
        <v>13049</v>
      </c>
      <c r="B6632" s="17"/>
      <c r="C6632" s="17"/>
      <c r="D6632" s="18" t="s">
        <v>3297</v>
      </c>
      <c r="E6632" s="18"/>
      <c r="F6632" s="18"/>
      <c r="G6632" s="18"/>
      <c r="H6632" s="18"/>
      <c r="I6632" s="18"/>
      <c r="J6632" s="18"/>
      <c r="K6632" s="18"/>
      <c r="L6632" s="18"/>
      <c r="M6632" s="18"/>
      <c r="N6632" s="18"/>
      <c r="O6632" s="18"/>
      <c r="P6632" s="19">
        <v>100</v>
      </c>
      <c r="Q6632" s="19"/>
      <c r="R6632" s="19"/>
      <c r="S6632" s="19"/>
      <c r="T6632" s="19">
        <v>70</v>
      </c>
      <c r="U6632" s="19"/>
      <c r="V6632" s="19"/>
      <c r="W6632" s="19"/>
      <c r="X6632" s="19">
        <v>26</v>
      </c>
      <c r="Y6632" s="19"/>
      <c r="Z6632" s="19"/>
      <c r="AA6632" s="19"/>
    </row>
    <row r="6633" spans="1:27" s="1" customFormat="1" ht="14.1" customHeight="1" outlineLevel="2" x14ac:dyDescent="0.2">
      <c r="A6633" s="17"/>
      <c r="B6633" s="17"/>
      <c r="C6633" s="17"/>
      <c r="D6633" s="18"/>
      <c r="E6633" s="18"/>
      <c r="F6633" s="18"/>
      <c r="G6633" s="18"/>
      <c r="H6633" s="18"/>
      <c r="I6633" s="18"/>
      <c r="J6633" s="18"/>
      <c r="K6633" s="18"/>
      <c r="L6633" s="18"/>
      <c r="M6633" s="18"/>
      <c r="N6633" s="18"/>
      <c r="O6633" s="18"/>
      <c r="P6633" s="19"/>
      <c r="Q6633" s="19"/>
      <c r="R6633" s="19"/>
      <c r="S6633" s="19"/>
      <c r="T6633" s="19"/>
      <c r="U6633" s="19"/>
      <c r="V6633" s="19"/>
      <c r="W6633" s="19"/>
      <c r="X6633" s="19"/>
      <c r="Y6633" s="19"/>
      <c r="Z6633" s="19"/>
      <c r="AA6633" s="19"/>
    </row>
    <row r="6634" spans="1:27" s="1" customFormat="1" ht="14.1" customHeight="1" outlineLevel="2" x14ac:dyDescent="0.2">
      <c r="A6634" s="17">
        <v>13050</v>
      </c>
      <c r="B6634" s="17"/>
      <c r="C6634" s="17"/>
      <c r="D6634" s="18" t="s">
        <v>3298</v>
      </c>
      <c r="E6634" s="18"/>
      <c r="F6634" s="18"/>
      <c r="G6634" s="18"/>
      <c r="H6634" s="18"/>
      <c r="I6634" s="18"/>
      <c r="J6634" s="18"/>
      <c r="K6634" s="18"/>
      <c r="L6634" s="18"/>
      <c r="M6634" s="18"/>
      <c r="N6634" s="18"/>
      <c r="O6634" s="18"/>
      <c r="P6634" s="19">
        <v>100</v>
      </c>
      <c r="Q6634" s="19"/>
      <c r="R6634" s="19"/>
      <c r="S6634" s="19"/>
      <c r="T6634" s="19">
        <v>70</v>
      </c>
      <c r="U6634" s="19"/>
      <c r="V6634" s="19"/>
      <c r="W6634" s="19"/>
      <c r="X6634" s="19">
        <v>50</v>
      </c>
      <c r="Y6634" s="19"/>
      <c r="Z6634" s="19"/>
      <c r="AA6634" s="19"/>
    </row>
    <row r="6635" spans="1:27" s="1" customFormat="1" ht="14.1" customHeight="1" outlineLevel="2" x14ac:dyDescent="0.2">
      <c r="A6635" s="17"/>
      <c r="B6635" s="17"/>
      <c r="C6635" s="17"/>
      <c r="D6635" s="18"/>
      <c r="E6635" s="18"/>
      <c r="F6635" s="18"/>
      <c r="G6635" s="18"/>
      <c r="H6635" s="18"/>
      <c r="I6635" s="18"/>
      <c r="J6635" s="18"/>
      <c r="K6635" s="18"/>
      <c r="L6635" s="18"/>
      <c r="M6635" s="18"/>
      <c r="N6635" s="18"/>
      <c r="O6635" s="18"/>
      <c r="P6635" s="19"/>
      <c r="Q6635" s="19"/>
      <c r="R6635" s="19"/>
      <c r="S6635" s="19"/>
      <c r="T6635" s="19"/>
      <c r="U6635" s="19"/>
      <c r="V6635" s="19"/>
      <c r="W6635" s="19"/>
      <c r="X6635" s="19"/>
      <c r="Y6635" s="19"/>
      <c r="Z6635" s="19"/>
      <c r="AA6635" s="19"/>
    </row>
    <row r="6636" spans="1:27" s="1" customFormat="1" ht="14.1" customHeight="1" outlineLevel="2" x14ac:dyDescent="0.2">
      <c r="A6636" s="17">
        <v>10131</v>
      </c>
      <c r="B6636" s="17"/>
      <c r="C6636" s="17"/>
      <c r="D6636" s="18" t="s">
        <v>3299</v>
      </c>
      <c r="E6636" s="18"/>
      <c r="F6636" s="18"/>
      <c r="G6636" s="18"/>
      <c r="H6636" s="18"/>
      <c r="I6636" s="18"/>
      <c r="J6636" s="18"/>
      <c r="K6636" s="18"/>
      <c r="L6636" s="18"/>
      <c r="M6636" s="18"/>
      <c r="N6636" s="18"/>
      <c r="O6636" s="18"/>
      <c r="P6636" s="19">
        <v>100</v>
      </c>
      <c r="Q6636" s="19"/>
      <c r="R6636" s="19"/>
      <c r="S6636" s="19"/>
      <c r="T6636" s="19">
        <v>70</v>
      </c>
      <c r="U6636" s="19"/>
      <c r="V6636" s="19"/>
      <c r="W6636" s="19"/>
      <c r="X6636" s="19">
        <v>13</v>
      </c>
      <c r="Y6636" s="19"/>
      <c r="Z6636" s="19"/>
      <c r="AA6636" s="19"/>
    </row>
    <row r="6637" spans="1:27" s="1" customFormat="1" ht="14.1" customHeight="1" outlineLevel="2" x14ac:dyDescent="0.2">
      <c r="A6637" s="17"/>
      <c r="B6637" s="17"/>
      <c r="C6637" s="17"/>
      <c r="D6637" s="18"/>
      <c r="E6637" s="18"/>
      <c r="F6637" s="18"/>
      <c r="G6637" s="18"/>
      <c r="H6637" s="18"/>
      <c r="I6637" s="18"/>
      <c r="J6637" s="18"/>
      <c r="K6637" s="18"/>
      <c r="L6637" s="18"/>
      <c r="M6637" s="18"/>
      <c r="N6637" s="18"/>
      <c r="O6637" s="18"/>
      <c r="P6637" s="19"/>
      <c r="Q6637" s="19"/>
      <c r="R6637" s="19"/>
      <c r="S6637" s="19"/>
      <c r="T6637" s="19"/>
      <c r="U6637" s="19"/>
      <c r="V6637" s="19"/>
      <c r="W6637" s="19"/>
      <c r="X6637" s="19"/>
      <c r="Y6637" s="19"/>
      <c r="Z6637" s="19"/>
      <c r="AA6637" s="19"/>
    </row>
    <row r="6638" spans="1:27" s="1" customFormat="1" ht="14.1" customHeight="1" outlineLevel="2" x14ac:dyDescent="0.2">
      <c r="A6638" s="17">
        <v>13053</v>
      </c>
      <c r="B6638" s="17"/>
      <c r="C6638" s="17"/>
      <c r="D6638" s="18" t="s">
        <v>3300</v>
      </c>
      <c r="E6638" s="18"/>
      <c r="F6638" s="18"/>
      <c r="G6638" s="18"/>
      <c r="H6638" s="18"/>
      <c r="I6638" s="18"/>
      <c r="J6638" s="18"/>
      <c r="K6638" s="18"/>
      <c r="L6638" s="18"/>
      <c r="M6638" s="18"/>
      <c r="N6638" s="18"/>
      <c r="O6638" s="18"/>
      <c r="P6638" s="19">
        <v>100</v>
      </c>
      <c r="Q6638" s="19"/>
      <c r="R6638" s="19"/>
      <c r="S6638" s="19"/>
      <c r="T6638" s="19">
        <v>70</v>
      </c>
      <c r="U6638" s="19"/>
      <c r="V6638" s="19"/>
      <c r="W6638" s="19"/>
      <c r="X6638" s="19">
        <v>19</v>
      </c>
      <c r="Y6638" s="19"/>
      <c r="Z6638" s="19"/>
      <c r="AA6638" s="19"/>
    </row>
    <row r="6639" spans="1:27" s="1" customFormat="1" ht="14.1" customHeight="1" outlineLevel="2" x14ac:dyDescent="0.2">
      <c r="A6639" s="17"/>
      <c r="B6639" s="17"/>
      <c r="C6639" s="17"/>
      <c r="D6639" s="18"/>
      <c r="E6639" s="18"/>
      <c r="F6639" s="18"/>
      <c r="G6639" s="18"/>
      <c r="H6639" s="18"/>
      <c r="I6639" s="18"/>
      <c r="J6639" s="18"/>
      <c r="K6639" s="18"/>
      <c r="L6639" s="18"/>
      <c r="M6639" s="18"/>
      <c r="N6639" s="18"/>
      <c r="O6639" s="18"/>
      <c r="P6639" s="19"/>
      <c r="Q6639" s="19"/>
      <c r="R6639" s="19"/>
      <c r="S6639" s="19"/>
      <c r="T6639" s="19"/>
      <c r="U6639" s="19"/>
      <c r="V6639" s="19"/>
      <c r="W6639" s="19"/>
      <c r="X6639" s="19"/>
      <c r="Y6639" s="19"/>
      <c r="Z6639" s="19"/>
      <c r="AA6639" s="19"/>
    </row>
    <row r="6640" spans="1:27" s="1" customFormat="1" ht="14.1" customHeight="1" outlineLevel="2" x14ac:dyDescent="0.2">
      <c r="A6640" s="17">
        <v>13052</v>
      </c>
      <c r="B6640" s="17"/>
      <c r="C6640" s="17"/>
      <c r="D6640" s="18" t="s">
        <v>3301</v>
      </c>
      <c r="E6640" s="18"/>
      <c r="F6640" s="18"/>
      <c r="G6640" s="18"/>
      <c r="H6640" s="18"/>
      <c r="I6640" s="18"/>
      <c r="J6640" s="18"/>
      <c r="K6640" s="18"/>
      <c r="L6640" s="18"/>
      <c r="M6640" s="18"/>
      <c r="N6640" s="18"/>
      <c r="O6640" s="18"/>
      <c r="P6640" s="19">
        <v>100</v>
      </c>
      <c r="Q6640" s="19"/>
      <c r="R6640" s="19"/>
      <c r="S6640" s="19"/>
      <c r="T6640" s="19">
        <v>70</v>
      </c>
      <c r="U6640" s="19"/>
      <c r="V6640" s="19"/>
      <c r="W6640" s="19"/>
      <c r="X6640" s="19">
        <v>31</v>
      </c>
      <c r="Y6640" s="19"/>
      <c r="Z6640" s="19"/>
      <c r="AA6640" s="19"/>
    </row>
    <row r="6641" spans="1:27" s="1" customFormat="1" ht="14.1" customHeight="1" outlineLevel="2" x14ac:dyDescent="0.2">
      <c r="A6641" s="17"/>
      <c r="B6641" s="17"/>
      <c r="C6641" s="17"/>
      <c r="D6641" s="18"/>
      <c r="E6641" s="18"/>
      <c r="F6641" s="18"/>
      <c r="G6641" s="18"/>
      <c r="H6641" s="18"/>
      <c r="I6641" s="18"/>
      <c r="J6641" s="18"/>
      <c r="K6641" s="18"/>
      <c r="L6641" s="18"/>
      <c r="M6641" s="18"/>
      <c r="N6641" s="18"/>
      <c r="O6641" s="18"/>
      <c r="P6641" s="19"/>
      <c r="Q6641" s="19"/>
      <c r="R6641" s="19"/>
      <c r="S6641" s="19"/>
      <c r="T6641" s="19"/>
      <c r="U6641" s="19"/>
      <c r="V6641" s="19"/>
      <c r="W6641" s="19"/>
      <c r="X6641" s="19"/>
      <c r="Y6641" s="19"/>
      <c r="Z6641" s="19"/>
      <c r="AA6641" s="19"/>
    </row>
    <row r="6642" spans="1:27" s="1" customFormat="1" ht="14.1" customHeight="1" outlineLevel="2" x14ac:dyDescent="0.2">
      <c r="A6642" s="17">
        <v>10949</v>
      </c>
      <c r="B6642" s="17"/>
      <c r="C6642" s="17"/>
      <c r="D6642" s="18" t="s">
        <v>3302</v>
      </c>
      <c r="E6642" s="18"/>
      <c r="F6642" s="18"/>
      <c r="G6642" s="18"/>
      <c r="H6642" s="18"/>
      <c r="I6642" s="18"/>
      <c r="J6642" s="18"/>
      <c r="K6642" s="18"/>
      <c r="L6642" s="18"/>
      <c r="M6642" s="18"/>
      <c r="N6642" s="18"/>
      <c r="O6642" s="18"/>
      <c r="P6642" s="19">
        <v>100</v>
      </c>
      <c r="Q6642" s="19"/>
      <c r="R6642" s="19"/>
      <c r="S6642" s="19"/>
      <c r="T6642" s="19">
        <v>70</v>
      </c>
      <c r="U6642" s="19"/>
      <c r="V6642" s="19"/>
      <c r="W6642" s="19"/>
      <c r="X6642" s="19">
        <v>4</v>
      </c>
      <c r="Y6642" s="19"/>
      <c r="Z6642" s="19"/>
      <c r="AA6642" s="19"/>
    </row>
    <row r="6643" spans="1:27" s="1" customFormat="1" ht="14.1" customHeight="1" outlineLevel="2" x14ac:dyDescent="0.2">
      <c r="A6643" s="17"/>
      <c r="B6643" s="17"/>
      <c r="C6643" s="17"/>
      <c r="D6643" s="18"/>
      <c r="E6643" s="18"/>
      <c r="F6643" s="18"/>
      <c r="G6643" s="18"/>
      <c r="H6643" s="18"/>
      <c r="I6643" s="18"/>
      <c r="J6643" s="18"/>
      <c r="K6643" s="18"/>
      <c r="L6643" s="18"/>
      <c r="M6643" s="18"/>
      <c r="N6643" s="18"/>
      <c r="O6643" s="18"/>
      <c r="P6643" s="19"/>
      <c r="Q6643" s="19"/>
      <c r="R6643" s="19"/>
      <c r="S6643" s="19"/>
      <c r="T6643" s="19"/>
      <c r="U6643" s="19"/>
      <c r="V6643" s="19"/>
      <c r="W6643" s="19"/>
      <c r="X6643" s="19"/>
      <c r="Y6643" s="19"/>
      <c r="Z6643" s="19"/>
      <c r="AA6643" s="19"/>
    </row>
    <row r="6644" spans="1:27" s="1" customFormat="1" ht="14.1" customHeight="1" outlineLevel="2" x14ac:dyDescent="0.2">
      <c r="A6644" s="17">
        <v>10950</v>
      </c>
      <c r="B6644" s="17"/>
      <c r="C6644" s="17"/>
      <c r="D6644" s="18" t="s">
        <v>3303</v>
      </c>
      <c r="E6644" s="18"/>
      <c r="F6644" s="18"/>
      <c r="G6644" s="18"/>
      <c r="H6644" s="18"/>
      <c r="I6644" s="18"/>
      <c r="J6644" s="18"/>
      <c r="K6644" s="18"/>
      <c r="L6644" s="18"/>
      <c r="M6644" s="18"/>
      <c r="N6644" s="18"/>
      <c r="O6644" s="18"/>
      <c r="P6644" s="19">
        <v>100</v>
      </c>
      <c r="Q6644" s="19"/>
      <c r="R6644" s="19"/>
      <c r="S6644" s="19"/>
      <c r="T6644" s="19">
        <v>70</v>
      </c>
      <c r="U6644" s="19"/>
      <c r="V6644" s="19"/>
      <c r="W6644" s="19"/>
      <c r="X6644" s="19">
        <v>32</v>
      </c>
      <c r="Y6644" s="19"/>
      <c r="Z6644" s="19"/>
      <c r="AA6644" s="19"/>
    </row>
    <row r="6645" spans="1:27" s="1" customFormat="1" ht="14.1" customHeight="1" outlineLevel="2" x14ac:dyDescent="0.2">
      <c r="A6645" s="17"/>
      <c r="B6645" s="17"/>
      <c r="C6645" s="17"/>
      <c r="D6645" s="18"/>
      <c r="E6645" s="18"/>
      <c r="F6645" s="18"/>
      <c r="G6645" s="18"/>
      <c r="H6645" s="18"/>
      <c r="I6645" s="18"/>
      <c r="J6645" s="18"/>
      <c r="K6645" s="18"/>
      <c r="L6645" s="18"/>
      <c r="M6645" s="18"/>
      <c r="N6645" s="18"/>
      <c r="O6645" s="18"/>
      <c r="P6645" s="19"/>
      <c r="Q6645" s="19"/>
      <c r="R6645" s="19"/>
      <c r="S6645" s="19"/>
      <c r="T6645" s="19"/>
      <c r="U6645" s="19"/>
      <c r="V6645" s="19"/>
      <c r="W6645" s="19"/>
      <c r="X6645" s="19"/>
      <c r="Y6645" s="19"/>
      <c r="Z6645" s="19"/>
      <c r="AA6645" s="19"/>
    </row>
    <row r="6646" spans="1:27" s="1" customFormat="1" ht="14.1" customHeight="1" outlineLevel="2" x14ac:dyDescent="0.2">
      <c r="A6646" s="17">
        <v>9230</v>
      </c>
      <c r="B6646" s="17"/>
      <c r="C6646" s="17"/>
      <c r="D6646" s="18" t="s">
        <v>3304</v>
      </c>
      <c r="E6646" s="18"/>
      <c r="F6646" s="18"/>
      <c r="G6646" s="18"/>
      <c r="H6646" s="18"/>
      <c r="I6646" s="18"/>
      <c r="J6646" s="18"/>
      <c r="K6646" s="18"/>
      <c r="L6646" s="18"/>
      <c r="M6646" s="18"/>
      <c r="N6646" s="18"/>
      <c r="O6646" s="18"/>
      <c r="P6646" s="19">
        <v>90</v>
      </c>
      <c r="Q6646" s="19"/>
      <c r="R6646" s="19"/>
      <c r="S6646" s="19"/>
      <c r="T6646" s="19">
        <v>60</v>
      </c>
      <c r="U6646" s="19"/>
      <c r="V6646" s="19"/>
      <c r="W6646" s="19"/>
      <c r="X6646" s="19">
        <v>1</v>
      </c>
      <c r="Y6646" s="19"/>
      <c r="Z6646" s="19"/>
      <c r="AA6646" s="19"/>
    </row>
    <row r="6647" spans="1:27" s="1" customFormat="1" ht="14.1" customHeight="1" outlineLevel="2" x14ac:dyDescent="0.2">
      <c r="A6647" s="17"/>
      <c r="B6647" s="17"/>
      <c r="C6647" s="17"/>
      <c r="D6647" s="18"/>
      <c r="E6647" s="18"/>
      <c r="F6647" s="18"/>
      <c r="G6647" s="18"/>
      <c r="H6647" s="18"/>
      <c r="I6647" s="18"/>
      <c r="J6647" s="18"/>
      <c r="K6647" s="18"/>
      <c r="L6647" s="18"/>
      <c r="M6647" s="18"/>
      <c r="N6647" s="18"/>
      <c r="O6647" s="18"/>
      <c r="P6647" s="19"/>
      <c r="Q6647" s="19"/>
      <c r="R6647" s="19"/>
      <c r="S6647" s="19"/>
      <c r="T6647" s="19"/>
      <c r="U6647" s="19"/>
      <c r="V6647" s="19"/>
      <c r="W6647" s="19"/>
      <c r="X6647" s="19"/>
      <c r="Y6647" s="19"/>
      <c r="Z6647" s="19"/>
      <c r="AA6647" s="19"/>
    </row>
    <row r="6648" spans="1:27" s="1" customFormat="1" ht="14.1" customHeight="1" outlineLevel="2" x14ac:dyDescent="0.2">
      <c r="A6648" s="17">
        <v>9212</v>
      </c>
      <c r="B6648" s="17"/>
      <c r="C6648" s="17"/>
      <c r="D6648" s="18" t="s">
        <v>3305</v>
      </c>
      <c r="E6648" s="18"/>
      <c r="F6648" s="18"/>
      <c r="G6648" s="18"/>
      <c r="H6648" s="18"/>
      <c r="I6648" s="18"/>
      <c r="J6648" s="18"/>
      <c r="K6648" s="18"/>
      <c r="L6648" s="18"/>
      <c r="M6648" s="18"/>
      <c r="N6648" s="18"/>
      <c r="O6648" s="18"/>
      <c r="P6648" s="19">
        <v>90</v>
      </c>
      <c r="Q6648" s="19"/>
      <c r="R6648" s="19"/>
      <c r="S6648" s="19"/>
      <c r="T6648" s="19">
        <v>60</v>
      </c>
      <c r="U6648" s="19"/>
      <c r="V6648" s="19"/>
      <c r="W6648" s="19"/>
      <c r="X6648" s="19">
        <v>36</v>
      </c>
      <c r="Y6648" s="19"/>
      <c r="Z6648" s="19"/>
      <c r="AA6648" s="19"/>
    </row>
    <row r="6649" spans="1:27" s="1" customFormat="1" ht="14.1" customHeight="1" outlineLevel="2" x14ac:dyDescent="0.2">
      <c r="A6649" s="17"/>
      <c r="B6649" s="17"/>
      <c r="C6649" s="17"/>
      <c r="D6649" s="18"/>
      <c r="E6649" s="18"/>
      <c r="F6649" s="18"/>
      <c r="G6649" s="18"/>
      <c r="H6649" s="18"/>
      <c r="I6649" s="18"/>
      <c r="J6649" s="18"/>
      <c r="K6649" s="18"/>
      <c r="L6649" s="18"/>
      <c r="M6649" s="18"/>
      <c r="N6649" s="18"/>
      <c r="O6649" s="18"/>
      <c r="P6649" s="19"/>
      <c r="Q6649" s="19"/>
      <c r="R6649" s="19"/>
      <c r="S6649" s="19"/>
      <c r="T6649" s="19"/>
      <c r="U6649" s="19"/>
      <c r="V6649" s="19"/>
      <c r="W6649" s="19"/>
      <c r="X6649" s="19"/>
      <c r="Y6649" s="19"/>
      <c r="Z6649" s="19"/>
      <c r="AA6649" s="19"/>
    </row>
    <row r="6650" spans="1:27" s="1" customFormat="1" ht="14.1" customHeight="1" outlineLevel="2" x14ac:dyDescent="0.2">
      <c r="A6650" s="17">
        <v>10951</v>
      </c>
      <c r="B6650" s="17"/>
      <c r="C6650" s="17"/>
      <c r="D6650" s="18" t="s">
        <v>3306</v>
      </c>
      <c r="E6650" s="18"/>
      <c r="F6650" s="18"/>
      <c r="G6650" s="18"/>
      <c r="H6650" s="18"/>
      <c r="I6650" s="18"/>
      <c r="J6650" s="18"/>
      <c r="K6650" s="18"/>
      <c r="L6650" s="18"/>
      <c r="M6650" s="18"/>
      <c r="N6650" s="18"/>
      <c r="O6650" s="18"/>
      <c r="P6650" s="19">
        <v>100</v>
      </c>
      <c r="Q6650" s="19"/>
      <c r="R6650" s="19"/>
      <c r="S6650" s="19"/>
      <c r="T6650" s="19">
        <v>70</v>
      </c>
      <c r="U6650" s="19"/>
      <c r="V6650" s="19"/>
      <c r="W6650" s="19"/>
      <c r="X6650" s="19">
        <v>82</v>
      </c>
      <c r="Y6650" s="19"/>
      <c r="Z6650" s="19"/>
      <c r="AA6650" s="19"/>
    </row>
    <row r="6651" spans="1:27" s="1" customFormat="1" ht="14.1" customHeight="1" outlineLevel="2" x14ac:dyDescent="0.2">
      <c r="A6651" s="17"/>
      <c r="B6651" s="17"/>
      <c r="C6651" s="17"/>
      <c r="D6651" s="18"/>
      <c r="E6651" s="18"/>
      <c r="F6651" s="18"/>
      <c r="G6651" s="18"/>
      <c r="H6651" s="18"/>
      <c r="I6651" s="18"/>
      <c r="J6651" s="18"/>
      <c r="K6651" s="18"/>
      <c r="L6651" s="18"/>
      <c r="M6651" s="18"/>
      <c r="N6651" s="18"/>
      <c r="O6651" s="18"/>
      <c r="P6651" s="19"/>
      <c r="Q6651" s="19"/>
      <c r="R6651" s="19"/>
      <c r="S6651" s="19"/>
      <c r="T6651" s="19"/>
      <c r="U6651" s="19"/>
      <c r="V6651" s="19"/>
      <c r="W6651" s="19"/>
      <c r="X6651" s="19"/>
      <c r="Y6651" s="19"/>
      <c r="Z6651" s="19"/>
      <c r="AA6651" s="19"/>
    </row>
    <row r="6652" spans="1:27" s="1" customFormat="1" ht="14.1" customHeight="1" outlineLevel="2" x14ac:dyDescent="0.2">
      <c r="A6652" s="17">
        <v>11671</v>
      </c>
      <c r="B6652" s="17"/>
      <c r="C6652" s="17"/>
      <c r="D6652" s="18" t="s">
        <v>3307</v>
      </c>
      <c r="E6652" s="18"/>
      <c r="F6652" s="18"/>
      <c r="G6652" s="18"/>
      <c r="H6652" s="18"/>
      <c r="I6652" s="18"/>
      <c r="J6652" s="18"/>
      <c r="K6652" s="18"/>
      <c r="L6652" s="18"/>
      <c r="M6652" s="18"/>
      <c r="N6652" s="18"/>
      <c r="O6652" s="18"/>
      <c r="P6652" s="19">
        <v>90</v>
      </c>
      <c r="Q6652" s="19"/>
      <c r="R6652" s="19"/>
      <c r="S6652" s="19"/>
      <c r="T6652" s="19">
        <v>60</v>
      </c>
      <c r="U6652" s="19"/>
      <c r="V6652" s="19"/>
      <c r="W6652" s="19"/>
      <c r="X6652" s="19">
        <v>10</v>
      </c>
      <c r="Y6652" s="19"/>
      <c r="Z6652" s="19"/>
      <c r="AA6652" s="19"/>
    </row>
    <row r="6653" spans="1:27" s="1" customFormat="1" ht="14.1" customHeight="1" outlineLevel="2" x14ac:dyDescent="0.2">
      <c r="A6653" s="17"/>
      <c r="B6653" s="17"/>
      <c r="C6653" s="17"/>
      <c r="D6653" s="18"/>
      <c r="E6653" s="18"/>
      <c r="F6653" s="18"/>
      <c r="G6653" s="18"/>
      <c r="H6653" s="18"/>
      <c r="I6653" s="18"/>
      <c r="J6653" s="18"/>
      <c r="K6653" s="18"/>
      <c r="L6653" s="18"/>
      <c r="M6653" s="18"/>
      <c r="N6653" s="18"/>
      <c r="O6653" s="18"/>
      <c r="P6653" s="19"/>
      <c r="Q6653" s="19"/>
      <c r="R6653" s="19"/>
      <c r="S6653" s="19"/>
      <c r="T6653" s="19"/>
      <c r="U6653" s="19"/>
      <c r="V6653" s="19"/>
      <c r="W6653" s="19"/>
      <c r="X6653" s="19"/>
      <c r="Y6653" s="19"/>
      <c r="Z6653" s="19"/>
      <c r="AA6653" s="19"/>
    </row>
    <row r="6654" spans="1:27" s="1" customFormat="1" ht="14.1" customHeight="1" outlineLevel="2" x14ac:dyDescent="0.2">
      <c r="A6654" s="17">
        <v>11968</v>
      </c>
      <c r="B6654" s="17"/>
      <c r="C6654" s="17"/>
      <c r="D6654" s="18" t="s">
        <v>3308</v>
      </c>
      <c r="E6654" s="18"/>
      <c r="F6654" s="18"/>
      <c r="G6654" s="18"/>
      <c r="H6654" s="18"/>
      <c r="I6654" s="18"/>
      <c r="J6654" s="18"/>
      <c r="K6654" s="18"/>
      <c r="L6654" s="18"/>
      <c r="M6654" s="18"/>
      <c r="N6654" s="18"/>
      <c r="O6654" s="18"/>
      <c r="P6654" s="19">
        <v>100</v>
      </c>
      <c r="Q6654" s="19"/>
      <c r="R6654" s="19"/>
      <c r="S6654" s="19"/>
      <c r="T6654" s="19">
        <v>70</v>
      </c>
      <c r="U6654" s="19"/>
      <c r="V6654" s="19"/>
      <c r="W6654" s="19"/>
      <c r="X6654" s="19">
        <v>18</v>
      </c>
      <c r="Y6654" s="19"/>
      <c r="Z6654" s="19"/>
      <c r="AA6654" s="19"/>
    </row>
    <row r="6655" spans="1:27" s="1" customFormat="1" ht="14.1" customHeight="1" outlineLevel="2" x14ac:dyDescent="0.2">
      <c r="A6655" s="17"/>
      <c r="B6655" s="17"/>
      <c r="C6655" s="17"/>
      <c r="D6655" s="18"/>
      <c r="E6655" s="18"/>
      <c r="F6655" s="18"/>
      <c r="G6655" s="18"/>
      <c r="H6655" s="18"/>
      <c r="I6655" s="18"/>
      <c r="J6655" s="18"/>
      <c r="K6655" s="18"/>
      <c r="L6655" s="18"/>
      <c r="M6655" s="18"/>
      <c r="N6655" s="18"/>
      <c r="O6655" s="18"/>
      <c r="P6655" s="19"/>
      <c r="Q6655" s="19"/>
      <c r="R6655" s="19"/>
      <c r="S6655" s="19"/>
      <c r="T6655" s="19"/>
      <c r="U6655" s="19"/>
      <c r="V6655" s="19"/>
      <c r="W6655" s="19"/>
      <c r="X6655" s="19"/>
      <c r="Y6655" s="19"/>
      <c r="Z6655" s="19"/>
      <c r="AA6655" s="19"/>
    </row>
    <row r="6656" spans="1:27" s="1" customFormat="1" ht="14.1" customHeight="1" outlineLevel="2" x14ac:dyDescent="0.2">
      <c r="A6656" s="17">
        <v>12563</v>
      </c>
      <c r="B6656" s="17"/>
      <c r="C6656" s="17"/>
      <c r="D6656" s="18" t="s">
        <v>3309</v>
      </c>
      <c r="E6656" s="18"/>
      <c r="F6656" s="18"/>
      <c r="G6656" s="18"/>
      <c r="H6656" s="18"/>
      <c r="I6656" s="18"/>
      <c r="J6656" s="18"/>
      <c r="K6656" s="18"/>
      <c r="L6656" s="18"/>
      <c r="M6656" s="18"/>
      <c r="N6656" s="18"/>
      <c r="O6656" s="18"/>
      <c r="P6656" s="19">
        <v>100</v>
      </c>
      <c r="Q6656" s="19"/>
      <c r="R6656" s="19"/>
      <c r="S6656" s="19"/>
      <c r="T6656" s="19">
        <v>70</v>
      </c>
      <c r="U6656" s="19"/>
      <c r="V6656" s="19"/>
      <c r="W6656" s="19"/>
      <c r="X6656" s="19">
        <v>97</v>
      </c>
      <c r="Y6656" s="19"/>
      <c r="Z6656" s="19"/>
      <c r="AA6656" s="19"/>
    </row>
    <row r="6657" spans="1:27" s="1" customFormat="1" ht="14.1" customHeight="1" outlineLevel="2" x14ac:dyDescent="0.2">
      <c r="A6657" s="17"/>
      <c r="B6657" s="17"/>
      <c r="C6657" s="17"/>
      <c r="D6657" s="18"/>
      <c r="E6657" s="18"/>
      <c r="F6657" s="18"/>
      <c r="G6657" s="18"/>
      <c r="H6657" s="18"/>
      <c r="I6657" s="18"/>
      <c r="J6657" s="18"/>
      <c r="K6657" s="18"/>
      <c r="L6657" s="18"/>
      <c r="M6657" s="18"/>
      <c r="N6657" s="18"/>
      <c r="O6657" s="18"/>
      <c r="P6657" s="19"/>
      <c r="Q6657" s="19"/>
      <c r="R6657" s="19"/>
      <c r="S6657" s="19"/>
      <c r="T6657" s="19"/>
      <c r="U6657" s="19"/>
      <c r="V6657" s="19"/>
      <c r="W6657" s="19"/>
      <c r="X6657" s="19"/>
      <c r="Y6657" s="19"/>
      <c r="Z6657" s="19"/>
      <c r="AA6657" s="19"/>
    </row>
    <row r="6658" spans="1:27" s="1" customFormat="1" ht="14.1" customHeight="1" outlineLevel="2" x14ac:dyDescent="0.2">
      <c r="A6658" s="17">
        <v>12562</v>
      </c>
      <c r="B6658" s="17"/>
      <c r="C6658" s="17"/>
      <c r="D6658" s="18" t="s">
        <v>3310</v>
      </c>
      <c r="E6658" s="18"/>
      <c r="F6658" s="18"/>
      <c r="G6658" s="18"/>
      <c r="H6658" s="18"/>
      <c r="I6658" s="18"/>
      <c r="J6658" s="18"/>
      <c r="K6658" s="18"/>
      <c r="L6658" s="18"/>
      <c r="M6658" s="18"/>
      <c r="N6658" s="18"/>
      <c r="O6658" s="18"/>
      <c r="P6658" s="19">
        <v>100</v>
      </c>
      <c r="Q6658" s="19"/>
      <c r="R6658" s="19"/>
      <c r="S6658" s="19"/>
      <c r="T6658" s="19">
        <v>70</v>
      </c>
      <c r="U6658" s="19"/>
      <c r="V6658" s="19"/>
      <c r="W6658" s="19"/>
      <c r="X6658" s="19">
        <v>50</v>
      </c>
      <c r="Y6658" s="19"/>
      <c r="Z6658" s="19"/>
      <c r="AA6658" s="19"/>
    </row>
    <row r="6659" spans="1:27" s="1" customFormat="1" ht="14.1" customHeight="1" outlineLevel="2" x14ac:dyDescent="0.2">
      <c r="A6659" s="17"/>
      <c r="B6659" s="17"/>
      <c r="C6659" s="17"/>
      <c r="D6659" s="18"/>
      <c r="E6659" s="18"/>
      <c r="F6659" s="18"/>
      <c r="G6659" s="18"/>
      <c r="H6659" s="18"/>
      <c r="I6659" s="18"/>
      <c r="J6659" s="18"/>
      <c r="K6659" s="18"/>
      <c r="L6659" s="18"/>
      <c r="M6659" s="18"/>
      <c r="N6659" s="18"/>
      <c r="O6659" s="18"/>
      <c r="P6659" s="19"/>
      <c r="Q6659" s="19"/>
      <c r="R6659" s="19"/>
      <c r="S6659" s="19"/>
      <c r="T6659" s="19"/>
      <c r="U6659" s="19"/>
      <c r="V6659" s="19"/>
      <c r="W6659" s="19"/>
      <c r="X6659" s="19"/>
      <c r="Y6659" s="19"/>
      <c r="Z6659" s="19"/>
      <c r="AA6659" s="19"/>
    </row>
    <row r="6660" spans="1:27" s="1" customFormat="1" ht="14.1" customHeight="1" outlineLevel="2" x14ac:dyDescent="0.2">
      <c r="A6660" s="17">
        <v>10952</v>
      </c>
      <c r="B6660" s="17"/>
      <c r="C6660" s="17"/>
      <c r="D6660" s="18" t="s">
        <v>3311</v>
      </c>
      <c r="E6660" s="18"/>
      <c r="F6660" s="18"/>
      <c r="G6660" s="18"/>
      <c r="H6660" s="18"/>
      <c r="I6660" s="18"/>
      <c r="J6660" s="18"/>
      <c r="K6660" s="18"/>
      <c r="L6660" s="18"/>
      <c r="M6660" s="18"/>
      <c r="N6660" s="18"/>
      <c r="O6660" s="18"/>
      <c r="P6660" s="19">
        <v>100</v>
      </c>
      <c r="Q6660" s="19"/>
      <c r="R6660" s="19"/>
      <c r="S6660" s="19"/>
      <c r="T6660" s="19">
        <v>70</v>
      </c>
      <c r="U6660" s="19"/>
      <c r="V6660" s="19"/>
      <c r="W6660" s="19"/>
      <c r="X6660" s="19">
        <v>47</v>
      </c>
      <c r="Y6660" s="19"/>
      <c r="Z6660" s="19"/>
      <c r="AA6660" s="19"/>
    </row>
    <row r="6661" spans="1:27" s="1" customFormat="1" ht="14.1" customHeight="1" outlineLevel="2" x14ac:dyDescent="0.2">
      <c r="A6661" s="17"/>
      <c r="B6661" s="17"/>
      <c r="C6661" s="17"/>
      <c r="D6661" s="18"/>
      <c r="E6661" s="18"/>
      <c r="F6661" s="18"/>
      <c r="G6661" s="18"/>
      <c r="H6661" s="18"/>
      <c r="I6661" s="18"/>
      <c r="J6661" s="18"/>
      <c r="K6661" s="18"/>
      <c r="L6661" s="18"/>
      <c r="M6661" s="18"/>
      <c r="N6661" s="18"/>
      <c r="O6661" s="18"/>
      <c r="P6661" s="19"/>
      <c r="Q6661" s="19"/>
      <c r="R6661" s="19"/>
      <c r="S6661" s="19"/>
      <c r="T6661" s="19"/>
      <c r="U6661" s="19"/>
      <c r="V6661" s="19"/>
      <c r="W6661" s="19"/>
      <c r="X6661" s="19"/>
      <c r="Y6661" s="19"/>
      <c r="Z6661" s="19"/>
      <c r="AA6661" s="19"/>
    </row>
    <row r="6662" spans="1:27" s="1" customFormat="1" ht="14.1" customHeight="1" outlineLevel="2" x14ac:dyDescent="0.2">
      <c r="A6662" s="17">
        <v>10953</v>
      </c>
      <c r="B6662" s="17"/>
      <c r="C6662" s="17"/>
      <c r="D6662" s="18" t="s">
        <v>3312</v>
      </c>
      <c r="E6662" s="18"/>
      <c r="F6662" s="18"/>
      <c r="G6662" s="18"/>
      <c r="H6662" s="18"/>
      <c r="I6662" s="18"/>
      <c r="J6662" s="18"/>
      <c r="K6662" s="18"/>
      <c r="L6662" s="18"/>
      <c r="M6662" s="18"/>
      <c r="N6662" s="18"/>
      <c r="O6662" s="18"/>
      <c r="P6662" s="19">
        <v>100</v>
      </c>
      <c r="Q6662" s="19"/>
      <c r="R6662" s="19"/>
      <c r="S6662" s="19"/>
      <c r="T6662" s="19">
        <v>70</v>
      </c>
      <c r="U6662" s="19"/>
      <c r="V6662" s="19"/>
      <c r="W6662" s="19"/>
      <c r="X6662" s="19">
        <v>10</v>
      </c>
      <c r="Y6662" s="19"/>
      <c r="Z6662" s="19"/>
      <c r="AA6662" s="19"/>
    </row>
    <row r="6663" spans="1:27" s="1" customFormat="1" ht="14.1" customHeight="1" outlineLevel="2" x14ac:dyDescent="0.2">
      <c r="A6663" s="17"/>
      <c r="B6663" s="17"/>
      <c r="C6663" s="17"/>
      <c r="D6663" s="18"/>
      <c r="E6663" s="18"/>
      <c r="F6663" s="18"/>
      <c r="G6663" s="18"/>
      <c r="H6663" s="18"/>
      <c r="I6663" s="18"/>
      <c r="J6663" s="18"/>
      <c r="K6663" s="18"/>
      <c r="L6663" s="18"/>
      <c r="M6663" s="18"/>
      <c r="N6663" s="18"/>
      <c r="O6663" s="18"/>
      <c r="P6663" s="19"/>
      <c r="Q6663" s="19"/>
      <c r="R6663" s="19"/>
      <c r="S6663" s="19"/>
      <c r="T6663" s="19"/>
      <c r="U6663" s="19"/>
      <c r="V6663" s="19"/>
      <c r="W6663" s="19"/>
      <c r="X6663" s="19"/>
      <c r="Y6663" s="19"/>
      <c r="Z6663" s="19"/>
      <c r="AA6663" s="19"/>
    </row>
    <row r="6664" spans="1:27" s="1" customFormat="1" ht="14.1" customHeight="1" outlineLevel="2" x14ac:dyDescent="0.2">
      <c r="A6664" s="17">
        <v>9129</v>
      </c>
      <c r="B6664" s="17"/>
      <c r="C6664" s="17"/>
      <c r="D6664" s="18" t="s">
        <v>3313</v>
      </c>
      <c r="E6664" s="18"/>
      <c r="F6664" s="18"/>
      <c r="G6664" s="18"/>
      <c r="H6664" s="18"/>
      <c r="I6664" s="18"/>
      <c r="J6664" s="18"/>
      <c r="K6664" s="18"/>
      <c r="L6664" s="18"/>
      <c r="M6664" s="18"/>
      <c r="N6664" s="18"/>
      <c r="O6664" s="18"/>
      <c r="P6664" s="19">
        <v>90</v>
      </c>
      <c r="Q6664" s="19"/>
      <c r="R6664" s="19"/>
      <c r="S6664" s="19"/>
      <c r="T6664" s="19">
        <v>60</v>
      </c>
      <c r="U6664" s="19"/>
      <c r="V6664" s="19"/>
      <c r="W6664" s="19"/>
      <c r="X6664" s="19">
        <v>1</v>
      </c>
      <c r="Y6664" s="19"/>
      <c r="Z6664" s="19"/>
      <c r="AA6664" s="19"/>
    </row>
    <row r="6665" spans="1:27" s="1" customFormat="1" ht="14.1" customHeight="1" outlineLevel="2" x14ac:dyDescent="0.2">
      <c r="A6665" s="17"/>
      <c r="B6665" s="17"/>
      <c r="C6665" s="17"/>
      <c r="D6665" s="18"/>
      <c r="E6665" s="18"/>
      <c r="F6665" s="18"/>
      <c r="G6665" s="18"/>
      <c r="H6665" s="18"/>
      <c r="I6665" s="18"/>
      <c r="J6665" s="18"/>
      <c r="K6665" s="18"/>
      <c r="L6665" s="18"/>
      <c r="M6665" s="18"/>
      <c r="N6665" s="18"/>
      <c r="O6665" s="18"/>
      <c r="P6665" s="19"/>
      <c r="Q6665" s="19"/>
      <c r="R6665" s="19"/>
      <c r="S6665" s="19"/>
      <c r="T6665" s="19"/>
      <c r="U6665" s="19"/>
      <c r="V6665" s="19"/>
      <c r="W6665" s="19"/>
      <c r="X6665" s="19"/>
      <c r="Y6665" s="19"/>
      <c r="Z6665" s="19"/>
      <c r="AA6665" s="19"/>
    </row>
    <row r="6666" spans="1:27" s="1" customFormat="1" ht="14.1" customHeight="1" outlineLevel="2" x14ac:dyDescent="0.2">
      <c r="A6666" s="17">
        <v>13054</v>
      </c>
      <c r="B6666" s="17"/>
      <c r="C6666" s="17"/>
      <c r="D6666" s="18" t="s">
        <v>3314</v>
      </c>
      <c r="E6666" s="18"/>
      <c r="F6666" s="18"/>
      <c r="G6666" s="18"/>
      <c r="H6666" s="18"/>
      <c r="I6666" s="18"/>
      <c r="J6666" s="18"/>
      <c r="K6666" s="18"/>
      <c r="L6666" s="18"/>
      <c r="M6666" s="18"/>
      <c r="N6666" s="18"/>
      <c r="O6666" s="18"/>
      <c r="P6666" s="19">
        <v>100</v>
      </c>
      <c r="Q6666" s="19"/>
      <c r="R6666" s="19"/>
      <c r="S6666" s="19"/>
      <c r="T6666" s="19">
        <v>70</v>
      </c>
      <c r="U6666" s="19"/>
      <c r="V6666" s="19"/>
      <c r="W6666" s="19"/>
      <c r="X6666" s="19">
        <v>31</v>
      </c>
      <c r="Y6666" s="19"/>
      <c r="Z6666" s="19"/>
      <c r="AA6666" s="19"/>
    </row>
    <row r="6667" spans="1:27" s="1" customFormat="1" ht="14.1" customHeight="1" outlineLevel="2" x14ac:dyDescent="0.2">
      <c r="A6667" s="17"/>
      <c r="B6667" s="17"/>
      <c r="C6667" s="17"/>
      <c r="D6667" s="18"/>
      <c r="E6667" s="18"/>
      <c r="F6667" s="18"/>
      <c r="G6667" s="18"/>
      <c r="H6667" s="18"/>
      <c r="I6667" s="18"/>
      <c r="J6667" s="18"/>
      <c r="K6667" s="18"/>
      <c r="L6667" s="18"/>
      <c r="M6667" s="18"/>
      <c r="N6667" s="18"/>
      <c r="O6667" s="18"/>
      <c r="P6667" s="19"/>
      <c r="Q6667" s="19"/>
      <c r="R6667" s="19"/>
      <c r="S6667" s="19"/>
      <c r="T6667" s="19"/>
      <c r="U6667" s="19"/>
      <c r="V6667" s="19"/>
      <c r="W6667" s="19"/>
      <c r="X6667" s="19"/>
      <c r="Y6667" s="19"/>
      <c r="Z6667" s="19"/>
      <c r="AA6667" s="19"/>
    </row>
    <row r="6668" spans="1:27" s="1" customFormat="1" ht="14.1" customHeight="1" outlineLevel="2" x14ac:dyDescent="0.2">
      <c r="A6668" s="17">
        <v>11973</v>
      </c>
      <c r="B6668" s="17"/>
      <c r="C6668" s="17"/>
      <c r="D6668" s="18" t="s">
        <v>3315</v>
      </c>
      <c r="E6668" s="18"/>
      <c r="F6668" s="18"/>
      <c r="G6668" s="18"/>
      <c r="H6668" s="18"/>
      <c r="I6668" s="18"/>
      <c r="J6668" s="18"/>
      <c r="K6668" s="18"/>
      <c r="L6668" s="18"/>
      <c r="M6668" s="18"/>
      <c r="N6668" s="18"/>
      <c r="O6668" s="18"/>
      <c r="P6668" s="19">
        <v>100</v>
      </c>
      <c r="Q6668" s="19"/>
      <c r="R6668" s="19"/>
      <c r="S6668" s="19"/>
      <c r="T6668" s="19">
        <v>70</v>
      </c>
      <c r="U6668" s="19"/>
      <c r="V6668" s="19"/>
      <c r="W6668" s="19"/>
      <c r="X6668" s="19">
        <v>43</v>
      </c>
      <c r="Y6668" s="19"/>
      <c r="Z6668" s="19"/>
      <c r="AA6668" s="19"/>
    </row>
    <row r="6669" spans="1:27" s="1" customFormat="1" ht="14.1" customHeight="1" outlineLevel="2" x14ac:dyDescent="0.2">
      <c r="A6669" s="17"/>
      <c r="B6669" s="17"/>
      <c r="C6669" s="17"/>
      <c r="D6669" s="18"/>
      <c r="E6669" s="18"/>
      <c r="F6669" s="18"/>
      <c r="G6669" s="18"/>
      <c r="H6669" s="18"/>
      <c r="I6669" s="18"/>
      <c r="J6669" s="18"/>
      <c r="K6669" s="18"/>
      <c r="L6669" s="18"/>
      <c r="M6669" s="18"/>
      <c r="N6669" s="18"/>
      <c r="O6669" s="18"/>
      <c r="P6669" s="19"/>
      <c r="Q6669" s="19"/>
      <c r="R6669" s="19"/>
      <c r="S6669" s="19"/>
      <c r="T6669" s="19"/>
      <c r="U6669" s="19"/>
      <c r="V6669" s="19"/>
      <c r="W6669" s="19"/>
      <c r="X6669" s="19"/>
      <c r="Y6669" s="19"/>
      <c r="Z6669" s="19"/>
      <c r="AA6669" s="19"/>
    </row>
    <row r="6670" spans="1:27" s="1" customFormat="1" ht="14.1" customHeight="1" outlineLevel="2" x14ac:dyDescent="0.2">
      <c r="A6670" s="17">
        <v>8652</v>
      </c>
      <c r="B6670" s="17"/>
      <c r="C6670" s="17"/>
      <c r="D6670" s="18" t="s">
        <v>3316</v>
      </c>
      <c r="E6670" s="18"/>
      <c r="F6670" s="18"/>
      <c r="G6670" s="18"/>
      <c r="H6670" s="18"/>
      <c r="I6670" s="18"/>
      <c r="J6670" s="18"/>
      <c r="K6670" s="18"/>
      <c r="L6670" s="18"/>
      <c r="M6670" s="18"/>
      <c r="N6670" s="18"/>
      <c r="O6670" s="18"/>
      <c r="P6670" s="19">
        <v>90</v>
      </c>
      <c r="Q6670" s="19"/>
      <c r="R6670" s="19"/>
      <c r="S6670" s="19"/>
      <c r="T6670" s="19">
        <v>60</v>
      </c>
      <c r="U6670" s="19"/>
      <c r="V6670" s="19"/>
      <c r="W6670" s="19"/>
      <c r="X6670" s="19">
        <v>2</v>
      </c>
      <c r="Y6670" s="19"/>
      <c r="Z6670" s="19"/>
      <c r="AA6670" s="19"/>
    </row>
    <row r="6671" spans="1:27" s="1" customFormat="1" ht="14.1" customHeight="1" outlineLevel="2" x14ac:dyDescent="0.2">
      <c r="A6671" s="17"/>
      <c r="B6671" s="17"/>
      <c r="C6671" s="17"/>
      <c r="D6671" s="18"/>
      <c r="E6671" s="18"/>
      <c r="F6671" s="18"/>
      <c r="G6671" s="18"/>
      <c r="H6671" s="18"/>
      <c r="I6671" s="18"/>
      <c r="J6671" s="18"/>
      <c r="K6671" s="18"/>
      <c r="L6671" s="18"/>
      <c r="M6671" s="18"/>
      <c r="N6671" s="18"/>
      <c r="O6671" s="18"/>
      <c r="P6671" s="19"/>
      <c r="Q6671" s="19"/>
      <c r="R6671" s="19"/>
      <c r="S6671" s="19"/>
      <c r="T6671" s="19"/>
      <c r="U6671" s="19"/>
      <c r="V6671" s="19"/>
      <c r="W6671" s="19"/>
      <c r="X6671" s="19"/>
      <c r="Y6671" s="19"/>
      <c r="Z6671" s="19"/>
      <c r="AA6671" s="19"/>
    </row>
    <row r="6672" spans="1:27" s="1" customFormat="1" ht="14.1" customHeight="1" outlineLevel="2" x14ac:dyDescent="0.2">
      <c r="A6672" s="17">
        <v>8653</v>
      </c>
      <c r="B6672" s="17"/>
      <c r="C6672" s="17"/>
      <c r="D6672" s="18" t="s">
        <v>3317</v>
      </c>
      <c r="E6672" s="18"/>
      <c r="F6672" s="18"/>
      <c r="G6672" s="18"/>
      <c r="H6672" s="18"/>
      <c r="I6672" s="18"/>
      <c r="J6672" s="18"/>
      <c r="K6672" s="18"/>
      <c r="L6672" s="18"/>
      <c r="M6672" s="18"/>
      <c r="N6672" s="18"/>
      <c r="O6672" s="18"/>
      <c r="P6672" s="19">
        <v>90</v>
      </c>
      <c r="Q6672" s="19"/>
      <c r="R6672" s="19"/>
      <c r="S6672" s="19"/>
      <c r="T6672" s="19">
        <v>60</v>
      </c>
      <c r="U6672" s="19"/>
      <c r="V6672" s="19"/>
      <c r="W6672" s="19"/>
      <c r="X6672" s="19">
        <v>3</v>
      </c>
      <c r="Y6672" s="19"/>
      <c r="Z6672" s="19"/>
      <c r="AA6672" s="19"/>
    </row>
    <row r="6673" spans="1:27" s="1" customFormat="1" ht="14.1" customHeight="1" outlineLevel="2" x14ac:dyDescent="0.2">
      <c r="A6673" s="17"/>
      <c r="B6673" s="17"/>
      <c r="C6673" s="17"/>
      <c r="D6673" s="18"/>
      <c r="E6673" s="18"/>
      <c r="F6673" s="18"/>
      <c r="G6673" s="18"/>
      <c r="H6673" s="18"/>
      <c r="I6673" s="18"/>
      <c r="J6673" s="18"/>
      <c r="K6673" s="18"/>
      <c r="L6673" s="18"/>
      <c r="M6673" s="18"/>
      <c r="N6673" s="18"/>
      <c r="O6673" s="18"/>
      <c r="P6673" s="19"/>
      <c r="Q6673" s="19"/>
      <c r="R6673" s="19"/>
      <c r="S6673" s="19"/>
      <c r="T6673" s="19"/>
      <c r="U6673" s="19"/>
      <c r="V6673" s="19"/>
      <c r="W6673" s="19"/>
      <c r="X6673" s="19"/>
      <c r="Y6673" s="19"/>
      <c r="Z6673" s="19"/>
      <c r="AA6673" s="19"/>
    </row>
    <row r="6674" spans="1:27" s="1" customFormat="1" ht="14.1" customHeight="1" outlineLevel="2" x14ac:dyDescent="0.2">
      <c r="A6674" s="17">
        <v>8651</v>
      </c>
      <c r="B6674" s="17"/>
      <c r="C6674" s="17"/>
      <c r="D6674" s="18" t="s">
        <v>3318</v>
      </c>
      <c r="E6674" s="18"/>
      <c r="F6674" s="18"/>
      <c r="G6674" s="18"/>
      <c r="H6674" s="18"/>
      <c r="I6674" s="18"/>
      <c r="J6674" s="18"/>
      <c r="K6674" s="18"/>
      <c r="L6674" s="18"/>
      <c r="M6674" s="18"/>
      <c r="N6674" s="18"/>
      <c r="O6674" s="18"/>
      <c r="P6674" s="19">
        <v>90</v>
      </c>
      <c r="Q6674" s="19"/>
      <c r="R6674" s="19"/>
      <c r="S6674" s="19"/>
      <c r="T6674" s="19">
        <v>60</v>
      </c>
      <c r="U6674" s="19"/>
      <c r="V6674" s="19"/>
      <c r="W6674" s="19"/>
      <c r="X6674" s="19">
        <v>2</v>
      </c>
      <c r="Y6674" s="19"/>
      <c r="Z6674" s="19"/>
      <c r="AA6674" s="19"/>
    </row>
    <row r="6675" spans="1:27" s="1" customFormat="1" ht="14.1" customHeight="1" outlineLevel="2" x14ac:dyDescent="0.2">
      <c r="A6675" s="17"/>
      <c r="B6675" s="17"/>
      <c r="C6675" s="17"/>
      <c r="D6675" s="18"/>
      <c r="E6675" s="18"/>
      <c r="F6675" s="18"/>
      <c r="G6675" s="18"/>
      <c r="H6675" s="18"/>
      <c r="I6675" s="18"/>
      <c r="J6675" s="18"/>
      <c r="K6675" s="18"/>
      <c r="L6675" s="18"/>
      <c r="M6675" s="18"/>
      <c r="N6675" s="18"/>
      <c r="O6675" s="18"/>
      <c r="P6675" s="19"/>
      <c r="Q6675" s="19"/>
      <c r="R6675" s="19"/>
      <c r="S6675" s="19"/>
      <c r="T6675" s="19"/>
      <c r="U6675" s="19"/>
      <c r="V6675" s="19"/>
      <c r="W6675" s="19"/>
      <c r="X6675" s="19"/>
      <c r="Y6675" s="19"/>
      <c r="Z6675" s="19"/>
      <c r="AA6675" s="19"/>
    </row>
    <row r="6676" spans="1:27" s="1" customFormat="1" ht="14.1" customHeight="1" outlineLevel="2" x14ac:dyDescent="0.2">
      <c r="A6676" s="17">
        <v>6995</v>
      </c>
      <c r="B6676" s="17"/>
      <c r="C6676" s="17"/>
      <c r="D6676" s="18" t="s">
        <v>3319</v>
      </c>
      <c r="E6676" s="18"/>
      <c r="F6676" s="18"/>
      <c r="G6676" s="18"/>
      <c r="H6676" s="18"/>
      <c r="I6676" s="18"/>
      <c r="J6676" s="18"/>
      <c r="K6676" s="18"/>
      <c r="L6676" s="18"/>
      <c r="M6676" s="18"/>
      <c r="N6676" s="18"/>
      <c r="O6676" s="18"/>
      <c r="P6676" s="19">
        <v>90</v>
      </c>
      <c r="Q6676" s="19"/>
      <c r="R6676" s="19"/>
      <c r="S6676" s="19"/>
      <c r="T6676" s="19">
        <v>60</v>
      </c>
      <c r="U6676" s="19"/>
      <c r="V6676" s="19"/>
      <c r="W6676" s="19"/>
      <c r="X6676" s="19">
        <v>10</v>
      </c>
      <c r="Y6676" s="19"/>
      <c r="Z6676" s="19"/>
      <c r="AA6676" s="19"/>
    </row>
    <row r="6677" spans="1:27" s="1" customFormat="1" ht="14.1" customHeight="1" outlineLevel="2" x14ac:dyDescent="0.2">
      <c r="A6677" s="17"/>
      <c r="B6677" s="17"/>
      <c r="C6677" s="17"/>
      <c r="D6677" s="18"/>
      <c r="E6677" s="18"/>
      <c r="F6677" s="18"/>
      <c r="G6677" s="18"/>
      <c r="H6677" s="18"/>
      <c r="I6677" s="18"/>
      <c r="J6677" s="18"/>
      <c r="K6677" s="18"/>
      <c r="L6677" s="18"/>
      <c r="M6677" s="18"/>
      <c r="N6677" s="18"/>
      <c r="O6677" s="18"/>
      <c r="P6677" s="19"/>
      <c r="Q6677" s="19"/>
      <c r="R6677" s="19"/>
      <c r="S6677" s="19"/>
      <c r="T6677" s="19"/>
      <c r="U6677" s="19"/>
      <c r="V6677" s="19"/>
      <c r="W6677" s="19"/>
      <c r="X6677" s="19"/>
      <c r="Y6677" s="19"/>
      <c r="Z6677" s="19"/>
      <c r="AA6677" s="19"/>
    </row>
    <row r="6678" spans="1:27" s="1" customFormat="1" ht="14.1" customHeight="1" outlineLevel="2" x14ac:dyDescent="0.2">
      <c r="A6678" s="17">
        <v>13055</v>
      </c>
      <c r="B6678" s="17"/>
      <c r="C6678" s="17"/>
      <c r="D6678" s="18" t="s">
        <v>3320</v>
      </c>
      <c r="E6678" s="18"/>
      <c r="F6678" s="18"/>
      <c r="G6678" s="18"/>
      <c r="H6678" s="18"/>
      <c r="I6678" s="18"/>
      <c r="J6678" s="18"/>
      <c r="K6678" s="18"/>
      <c r="L6678" s="18"/>
      <c r="M6678" s="18"/>
      <c r="N6678" s="18"/>
      <c r="O6678" s="18"/>
      <c r="P6678" s="19">
        <v>100</v>
      </c>
      <c r="Q6678" s="19"/>
      <c r="R6678" s="19"/>
      <c r="S6678" s="19"/>
      <c r="T6678" s="19">
        <v>70</v>
      </c>
      <c r="U6678" s="19"/>
      <c r="V6678" s="19"/>
      <c r="W6678" s="19"/>
      <c r="X6678" s="19">
        <v>48</v>
      </c>
      <c r="Y6678" s="19"/>
      <c r="Z6678" s="19"/>
      <c r="AA6678" s="19"/>
    </row>
    <row r="6679" spans="1:27" s="1" customFormat="1" ht="14.1" customHeight="1" outlineLevel="2" x14ac:dyDescent="0.2">
      <c r="A6679" s="17"/>
      <c r="B6679" s="17"/>
      <c r="C6679" s="17"/>
      <c r="D6679" s="18"/>
      <c r="E6679" s="18"/>
      <c r="F6679" s="18"/>
      <c r="G6679" s="18"/>
      <c r="H6679" s="18"/>
      <c r="I6679" s="18"/>
      <c r="J6679" s="18"/>
      <c r="K6679" s="18"/>
      <c r="L6679" s="18"/>
      <c r="M6679" s="18"/>
      <c r="N6679" s="18"/>
      <c r="O6679" s="18"/>
      <c r="P6679" s="19"/>
      <c r="Q6679" s="19"/>
      <c r="R6679" s="19"/>
      <c r="S6679" s="19"/>
      <c r="T6679" s="19"/>
      <c r="U6679" s="19"/>
      <c r="V6679" s="19"/>
      <c r="W6679" s="19"/>
      <c r="X6679" s="19"/>
      <c r="Y6679" s="19"/>
      <c r="Z6679" s="19"/>
      <c r="AA6679" s="19"/>
    </row>
    <row r="6680" spans="1:27" s="1" customFormat="1" ht="14.1" customHeight="1" outlineLevel="2" x14ac:dyDescent="0.2">
      <c r="A6680" s="17">
        <v>11982</v>
      </c>
      <c r="B6680" s="17"/>
      <c r="C6680" s="17"/>
      <c r="D6680" s="18" t="s">
        <v>3321</v>
      </c>
      <c r="E6680" s="18"/>
      <c r="F6680" s="18"/>
      <c r="G6680" s="18"/>
      <c r="H6680" s="18"/>
      <c r="I6680" s="18"/>
      <c r="J6680" s="18"/>
      <c r="K6680" s="18"/>
      <c r="L6680" s="18"/>
      <c r="M6680" s="18"/>
      <c r="N6680" s="18"/>
      <c r="O6680" s="18"/>
      <c r="P6680" s="19">
        <v>90</v>
      </c>
      <c r="Q6680" s="19"/>
      <c r="R6680" s="19"/>
      <c r="S6680" s="19"/>
      <c r="T6680" s="19">
        <v>60</v>
      </c>
      <c r="U6680" s="19"/>
      <c r="V6680" s="19"/>
      <c r="W6680" s="19"/>
      <c r="X6680" s="19">
        <v>1</v>
      </c>
      <c r="Y6680" s="19"/>
      <c r="Z6680" s="19"/>
      <c r="AA6680" s="19"/>
    </row>
    <row r="6681" spans="1:27" s="1" customFormat="1" ht="14.1" customHeight="1" outlineLevel="2" x14ac:dyDescent="0.2">
      <c r="A6681" s="17"/>
      <c r="B6681" s="17"/>
      <c r="C6681" s="17"/>
      <c r="D6681" s="18"/>
      <c r="E6681" s="18"/>
      <c r="F6681" s="18"/>
      <c r="G6681" s="18"/>
      <c r="H6681" s="18"/>
      <c r="I6681" s="18"/>
      <c r="J6681" s="18"/>
      <c r="K6681" s="18"/>
      <c r="L6681" s="18"/>
      <c r="M6681" s="18"/>
      <c r="N6681" s="18"/>
      <c r="O6681" s="18"/>
      <c r="P6681" s="19"/>
      <c r="Q6681" s="19"/>
      <c r="R6681" s="19"/>
      <c r="S6681" s="19"/>
      <c r="T6681" s="19"/>
      <c r="U6681" s="19"/>
      <c r="V6681" s="19"/>
      <c r="W6681" s="19"/>
      <c r="X6681" s="19"/>
      <c r="Y6681" s="19"/>
      <c r="Z6681" s="19"/>
      <c r="AA6681" s="19"/>
    </row>
    <row r="6682" spans="1:27" s="1" customFormat="1" ht="14.1" customHeight="1" outlineLevel="2" x14ac:dyDescent="0.2">
      <c r="A6682" s="17">
        <v>11981</v>
      </c>
      <c r="B6682" s="17"/>
      <c r="C6682" s="17"/>
      <c r="D6682" s="18" t="s">
        <v>3322</v>
      </c>
      <c r="E6682" s="18"/>
      <c r="F6682" s="18"/>
      <c r="G6682" s="18"/>
      <c r="H6682" s="18"/>
      <c r="I6682" s="18"/>
      <c r="J6682" s="18"/>
      <c r="K6682" s="18"/>
      <c r="L6682" s="18"/>
      <c r="M6682" s="18"/>
      <c r="N6682" s="18"/>
      <c r="O6682" s="18"/>
      <c r="P6682" s="19">
        <v>90</v>
      </c>
      <c r="Q6682" s="19"/>
      <c r="R6682" s="19"/>
      <c r="S6682" s="19"/>
      <c r="T6682" s="19">
        <v>60</v>
      </c>
      <c r="U6682" s="19"/>
      <c r="V6682" s="19"/>
      <c r="W6682" s="19"/>
      <c r="X6682" s="19">
        <v>1</v>
      </c>
      <c r="Y6682" s="19"/>
      <c r="Z6682" s="19"/>
      <c r="AA6682" s="19"/>
    </row>
    <row r="6683" spans="1:27" s="1" customFormat="1" ht="14.1" customHeight="1" outlineLevel="2" x14ac:dyDescent="0.2">
      <c r="A6683" s="17"/>
      <c r="B6683" s="17"/>
      <c r="C6683" s="17"/>
      <c r="D6683" s="18"/>
      <c r="E6683" s="18"/>
      <c r="F6683" s="18"/>
      <c r="G6683" s="18"/>
      <c r="H6683" s="18"/>
      <c r="I6683" s="18"/>
      <c r="J6683" s="18"/>
      <c r="K6683" s="18"/>
      <c r="L6683" s="18"/>
      <c r="M6683" s="18"/>
      <c r="N6683" s="18"/>
      <c r="O6683" s="18"/>
      <c r="P6683" s="19"/>
      <c r="Q6683" s="19"/>
      <c r="R6683" s="19"/>
      <c r="S6683" s="19"/>
      <c r="T6683" s="19"/>
      <c r="U6683" s="19"/>
      <c r="V6683" s="19"/>
      <c r="W6683" s="19"/>
      <c r="X6683" s="19"/>
      <c r="Y6683" s="19"/>
      <c r="Z6683" s="19"/>
      <c r="AA6683" s="19"/>
    </row>
    <row r="6684" spans="1:27" s="1" customFormat="1" ht="14.1" customHeight="1" outlineLevel="2" x14ac:dyDescent="0.2">
      <c r="A6684" s="17">
        <v>10954</v>
      </c>
      <c r="B6684" s="17"/>
      <c r="C6684" s="17"/>
      <c r="D6684" s="18" t="s">
        <v>3323</v>
      </c>
      <c r="E6684" s="18"/>
      <c r="F6684" s="18"/>
      <c r="G6684" s="18"/>
      <c r="H6684" s="18"/>
      <c r="I6684" s="18"/>
      <c r="J6684" s="18"/>
      <c r="K6684" s="18"/>
      <c r="L6684" s="18"/>
      <c r="M6684" s="18"/>
      <c r="N6684" s="18"/>
      <c r="O6684" s="18"/>
      <c r="P6684" s="19">
        <v>630</v>
      </c>
      <c r="Q6684" s="19"/>
      <c r="R6684" s="19"/>
      <c r="S6684" s="19"/>
      <c r="T6684" s="19">
        <v>570</v>
      </c>
      <c r="U6684" s="19"/>
      <c r="V6684" s="19"/>
      <c r="W6684" s="19"/>
      <c r="X6684" s="19">
        <v>28</v>
      </c>
      <c r="Y6684" s="19"/>
      <c r="Z6684" s="19"/>
      <c r="AA6684" s="19"/>
    </row>
    <row r="6685" spans="1:27" s="1" customFormat="1" ht="14.1" customHeight="1" outlineLevel="2" x14ac:dyDescent="0.2">
      <c r="A6685" s="17"/>
      <c r="B6685" s="17"/>
      <c r="C6685" s="17"/>
      <c r="D6685" s="18"/>
      <c r="E6685" s="18"/>
      <c r="F6685" s="18"/>
      <c r="G6685" s="18"/>
      <c r="H6685" s="18"/>
      <c r="I6685" s="18"/>
      <c r="J6685" s="18"/>
      <c r="K6685" s="18"/>
      <c r="L6685" s="18"/>
      <c r="M6685" s="18"/>
      <c r="N6685" s="18"/>
      <c r="O6685" s="18"/>
      <c r="P6685" s="19"/>
      <c r="Q6685" s="19"/>
      <c r="R6685" s="19"/>
      <c r="S6685" s="19"/>
      <c r="T6685" s="19"/>
      <c r="U6685" s="19"/>
      <c r="V6685" s="19"/>
      <c r="W6685" s="19"/>
      <c r="X6685" s="19"/>
      <c r="Y6685" s="19"/>
      <c r="Z6685" s="19"/>
      <c r="AA6685" s="19"/>
    </row>
    <row r="6686" spans="1:27" s="1" customFormat="1" ht="14.1" customHeight="1" outlineLevel="2" x14ac:dyDescent="0.2">
      <c r="A6686" s="17">
        <v>10956</v>
      </c>
      <c r="B6686" s="17"/>
      <c r="C6686" s="17"/>
      <c r="D6686" s="18" t="s">
        <v>3324</v>
      </c>
      <c r="E6686" s="18"/>
      <c r="F6686" s="18"/>
      <c r="G6686" s="18"/>
      <c r="H6686" s="18"/>
      <c r="I6686" s="18"/>
      <c r="J6686" s="18"/>
      <c r="K6686" s="18"/>
      <c r="L6686" s="18"/>
      <c r="M6686" s="18"/>
      <c r="N6686" s="18"/>
      <c r="O6686" s="18"/>
      <c r="P6686" s="19">
        <v>480</v>
      </c>
      <c r="Q6686" s="19"/>
      <c r="R6686" s="19"/>
      <c r="S6686" s="19"/>
      <c r="T6686" s="19">
        <v>370</v>
      </c>
      <c r="U6686" s="19"/>
      <c r="V6686" s="19"/>
      <c r="W6686" s="19"/>
      <c r="X6686" s="19">
        <v>18</v>
      </c>
      <c r="Y6686" s="19"/>
      <c r="Z6686" s="19"/>
      <c r="AA6686" s="19"/>
    </row>
    <row r="6687" spans="1:27" s="1" customFormat="1" ht="14.1" customHeight="1" outlineLevel="2" x14ac:dyDescent="0.2">
      <c r="A6687" s="17"/>
      <c r="B6687" s="17"/>
      <c r="C6687" s="17"/>
      <c r="D6687" s="18"/>
      <c r="E6687" s="18"/>
      <c r="F6687" s="18"/>
      <c r="G6687" s="18"/>
      <c r="H6687" s="18"/>
      <c r="I6687" s="18"/>
      <c r="J6687" s="18"/>
      <c r="K6687" s="18"/>
      <c r="L6687" s="18"/>
      <c r="M6687" s="18"/>
      <c r="N6687" s="18"/>
      <c r="O6687" s="18"/>
      <c r="P6687" s="19"/>
      <c r="Q6687" s="19"/>
      <c r="R6687" s="19"/>
      <c r="S6687" s="19"/>
      <c r="T6687" s="19"/>
      <c r="U6687" s="19"/>
      <c r="V6687" s="19"/>
      <c r="W6687" s="19"/>
      <c r="X6687" s="19"/>
      <c r="Y6687" s="19"/>
      <c r="Z6687" s="19"/>
      <c r="AA6687" s="19"/>
    </row>
    <row r="6688" spans="1:27" s="1" customFormat="1" ht="14.1" customHeight="1" outlineLevel="2" x14ac:dyDescent="0.2">
      <c r="A6688" s="17">
        <v>10957</v>
      </c>
      <c r="B6688" s="17"/>
      <c r="C6688" s="17"/>
      <c r="D6688" s="18" t="s">
        <v>3325</v>
      </c>
      <c r="E6688" s="18"/>
      <c r="F6688" s="18"/>
      <c r="G6688" s="18"/>
      <c r="H6688" s="18"/>
      <c r="I6688" s="18"/>
      <c r="J6688" s="18"/>
      <c r="K6688" s="18"/>
      <c r="L6688" s="18"/>
      <c r="M6688" s="18"/>
      <c r="N6688" s="18"/>
      <c r="O6688" s="18"/>
      <c r="P6688" s="19">
        <v>630</v>
      </c>
      <c r="Q6688" s="19"/>
      <c r="R6688" s="19"/>
      <c r="S6688" s="19"/>
      <c r="T6688" s="19">
        <v>570</v>
      </c>
      <c r="U6688" s="19"/>
      <c r="V6688" s="19"/>
      <c r="W6688" s="19"/>
      <c r="X6688" s="19">
        <v>12</v>
      </c>
      <c r="Y6688" s="19"/>
      <c r="Z6688" s="19"/>
      <c r="AA6688" s="19"/>
    </row>
    <row r="6689" spans="1:27" s="1" customFormat="1" ht="14.1" customHeight="1" outlineLevel="2" x14ac:dyDescent="0.2">
      <c r="A6689" s="17"/>
      <c r="B6689" s="17"/>
      <c r="C6689" s="17"/>
      <c r="D6689" s="18"/>
      <c r="E6689" s="18"/>
      <c r="F6689" s="18"/>
      <c r="G6689" s="18"/>
      <c r="H6689" s="18"/>
      <c r="I6689" s="18"/>
      <c r="J6689" s="18"/>
      <c r="K6689" s="18"/>
      <c r="L6689" s="18"/>
      <c r="M6689" s="18"/>
      <c r="N6689" s="18"/>
      <c r="O6689" s="18"/>
      <c r="P6689" s="19"/>
      <c r="Q6689" s="19"/>
      <c r="R6689" s="19"/>
      <c r="S6689" s="19"/>
      <c r="T6689" s="19"/>
      <c r="U6689" s="19"/>
      <c r="V6689" s="19"/>
      <c r="W6689" s="19"/>
      <c r="X6689" s="19"/>
      <c r="Y6689" s="19"/>
      <c r="Z6689" s="19"/>
      <c r="AA6689" s="19"/>
    </row>
    <row r="6690" spans="1:27" s="1" customFormat="1" ht="14.1" customHeight="1" outlineLevel="2" x14ac:dyDescent="0.2">
      <c r="A6690" s="17">
        <v>10958</v>
      </c>
      <c r="B6690" s="17"/>
      <c r="C6690" s="17"/>
      <c r="D6690" s="18" t="s">
        <v>3326</v>
      </c>
      <c r="E6690" s="18"/>
      <c r="F6690" s="18"/>
      <c r="G6690" s="18"/>
      <c r="H6690" s="18"/>
      <c r="I6690" s="18"/>
      <c r="J6690" s="18"/>
      <c r="K6690" s="18"/>
      <c r="L6690" s="18"/>
      <c r="M6690" s="18"/>
      <c r="N6690" s="18"/>
      <c r="O6690" s="18"/>
      <c r="P6690" s="19">
        <v>520</v>
      </c>
      <c r="Q6690" s="19"/>
      <c r="R6690" s="19"/>
      <c r="S6690" s="19"/>
      <c r="T6690" s="19">
        <v>470</v>
      </c>
      <c r="U6690" s="19"/>
      <c r="V6690" s="19"/>
      <c r="W6690" s="19"/>
      <c r="X6690" s="19">
        <v>1</v>
      </c>
      <c r="Y6690" s="19"/>
      <c r="Z6690" s="19"/>
      <c r="AA6690" s="19"/>
    </row>
    <row r="6691" spans="1:27" s="1" customFormat="1" ht="14.1" customHeight="1" outlineLevel="2" x14ac:dyDescent="0.2">
      <c r="A6691" s="17"/>
      <c r="B6691" s="17"/>
      <c r="C6691" s="17"/>
      <c r="D6691" s="18"/>
      <c r="E6691" s="18"/>
      <c r="F6691" s="18"/>
      <c r="G6691" s="18"/>
      <c r="H6691" s="18"/>
      <c r="I6691" s="18"/>
      <c r="J6691" s="18"/>
      <c r="K6691" s="18"/>
      <c r="L6691" s="18"/>
      <c r="M6691" s="18"/>
      <c r="N6691" s="18"/>
      <c r="O6691" s="18"/>
      <c r="P6691" s="19"/>
      <c r="Q6691" s="19"/>
      <c r="R6691" s="19"/>
      <c r="S6691" s="19"/>
      <c r="T6691" s="19"/>
      <c r="U6691" s="19"/>
      <c r="V6691" s="19"/>
      <c r="W6691" s="19"/>
      <c r="X6691" s="19"/>
      <c r="Y6691" s="19"/>
      <c r="Z6691" s="19"/>
      <c r="AA6691" s="19"/>
    </row>
    <row r="6692" spans="1:27" s="1" customFormat="1" ht="14.1" customHeight="1" outlineLevel="2" x14ac:dyDescent="0.2">
      <c r="A6692" s="17">
        <v>7998</v>
      </c>
      <c r="B6692" s="17"/>
      <c r="C6692" s="17"/>
      <c r="D6692" s="18" t="s">
        <v>3327</v>
      </c>
      <c r="E6692" s="18"/>
      <c r="F6692" s="18"/>
      <c r="G6692" s="18"/>
      <c r="H6692" s="18"/>
      <c r="I6692" s="18"/>
      <c r="J6692" s="18"/>
      <c r="K6692" s="18"/>
      <c r="L6692" s="18"/>
      <c r="M6692" s="18"/>
      <c r="N6692" s="18"/>
      <c r="O6692" s="18"/>
      <c r="P6692" s="19">
        <v>470</v>
      </c>
      <c r="Q6692" s="19"/>
      <c r="R6692" s="19"/>
      <c r="S6692" s="19"/>
      <c r="T6692" s="19">
        <v>420</v>
      </c>
      <c r="U6692" s="19"/>
      <c r="V6692" s="19"/>
      <c r="W6692" s="19"/>
      <c r="X6692" s="19">
        <v>1</v>
      </c>
      <c r="Y6692" s="19"/>
      <c r="Z6692" s="19"/>
      <c r="AA6692" s="19"/>
    </row>
    <row r="6693" spans="1:27" s="1" customFormat="1" ht="14.1" customHeight="1" outlineLevel="2" x14ac:dyDescent="0.2">
      <c r="A6693" s="17"/>
      <c r="B6693" s="17"/>
      <c r="C6693" s="17"/>
      <c r="D6693" s="18"/>
      <c r="E6693" s="18"/>
      <c r="F6693" s="18"/>
      <c r="G6693" s="18"/>
      <c r="H6693" s="18"/>
      <c r="I6693" s="18"/>
      <c r="J6693" s="18"/>
      <c r="K6693" s="18"/>
      <c r="L6693" s="18"/>
      <c r="M6693" s="18"/>
      <c r="N6693" s="18"/>
      <c r="O6693" s="18"/>
      <c r="P6693" s="19"/>
      <c r="Q6693" s="19"/>
      <c r="R6693" s="19"/>
      <c r="S6693" s="19"/>
      <c r="T6693" s="19"/>
      <c r="U6693" s="19"/>
      <c r="V6693" s="19"/>
      <c r="W6693" s="19"/>
      <c r="X6693" s="19"/>
      <c r="Y6693" s="19"/>
      <c r="Z6693" s="19"/>
      <c r="AA6693" s="19"/>
    </row>
    <row r="6694" spans="1:27" s="1" customFormat="1" ht="14.1" customHeight="1" outlineLevel="2" x14ac:dyDescent="0.2">
      <c r="A6694" s="17">
        <v>9232</v>
      </c>
      <c r="B6694" s="17"/>
      <c r="C6694" s="17"/>
      <c r="D6694" s="18" t="s">
        <v>3328</v>
      </c>
      <c r="E6694" s="18"/>
      <c r="F6694" s="18"/>
      <c r="G6694" s="18"/>
      <c r="H6694" s="18"/>
      <c r="I6694" s="18"/>
      <c r="J6694" s="18"/>
      <c r="K6694" s="18"/>
      <c r="L6694" s="18"/>
      <c r="M6694" s="18"/>
      <c r="N6694" s="18"/>
      <c r="O6694" s="18"/>
      <c r="P6694" s="19">
        <v>140</v>
      </c>
      <c r="Q6694" s="19"/>
      <c r="R6694" s="19"/>
      <c r="S6694" s="19"/>
      <c r="T6694" s="19">
        <v>120</v>
      </c>
      <c r="U6694" s="19"/>
      <c r="V6694" s="19"/>
      <c r="W6694" s="19"/>
      <c r="X6694" s="19">
        <v>9</v>
      </c>
      <c r="Y6694" s="19"/>
      <c r="Z6694" s="19"/>
      <c r="AA6694" s="19"/>
    </row>
    <row r="6695" spans="1:27" s="1" customFormat="1" ht="14.1" customHeight="1" outlineLevel="2" x14ac:dyDescent="0.2">
      <c r="A6695" s="17"/>
      <c r="B6695" s="17"/>
      <c r="C6695" s="17"/>
      <c r="D6695" s="18"/>
      <c r="E6695" s="18"/>
      <c r="F6695" s="18"/>
      <c r="G6695" s="18"/>
      <c r="H6695" s="18"/>
      <c r="I6695" s="18"/>
      <c r="J6695" s="18"/>
      <c r="K6695" s="18"/>
      <c r="L6695" s="18"/>
      <c r="M6695" s="18"/>
      <c r="N6695" s="18"/>
      <c r="O6695" s="18"/>
      <c r="P6695" s="19"/>
      <c r="Q6695" s="19"/>
      <c r="R6695" s="19"/>
      <c r="S6695" s="19"/>
      <c r="T6695" s="19"/>
      <c r="U6695" s="19"/>
      <c r="V6695" s="19"/>
      <c r="W6695" s="19"/>
      <c r="X6695" s="19"/>
      <c r="Y6695" s="19"/>
      <c r="Z6695" s="19"/>
      <c r="AA6695" s="19"/>
    </row>
    <row r="6696" spans="1:27" s="1" customFormat="1" ht="14.1" customHeight="1" outlineLevel="2" x14ac:dyDescent="0.2">
      <c r="A6696" s="17">
        <v>10960</v>
      </c>
      <c r="B6696" s="17"/>
      <c r="C6696" s="17"/>
      <c r="D6696" s="18" t="s">
        <v>3329</v>
      </c>
      <c r="E6696" s="18"/>
      <c r="F6696" s="18"/>
      <c r="G6696" s="18"/>
      <c r="H6696" s="18"/>
      <c r="I6696" s="18"/>
      <c r="J6696" s="18"/>
      <c r="K6696" s="18"/>
      <c r="L6696" s="18"/>
      <c r="M6696" s="18"/>
      <c r="N6696" s="18"/>
      <c r="O6696" s="18"/>
      <c r="P6696" s="19">
        <v>160</v>
      </c>
      <c r="Q6696" s="19"/>
      <c r="R6696" s="19"/>
      <c r="S6696" s="19"/>
      <c r="T6696" s="19">
        <v>130</v>
      </c>
      <c r="U6696" s="19"/>
      <c r="V6696" s="19"/>
      <c r="W6696" s="19"/>
      <c r="X6696" s="19">
        <v>7</v>
      </c>
      <c r="Y6696" s="19"/>
      <c r="Z6696" s="19"/>
      <c r="AA6696" s="19"/>
    </row>
    <row r="6697" spans="1:27" s="1" customFormat="1" ht="14.1" customHeight="1" outlineLevel="2" x14ac:dyDescent="0.2">
      <c r="A6697" s="17"/>
      <c r="B6697" s="17"/>
      <c r="C6697" s="17"/>
      <c r="D6697" s="18"/>
      <c r="E6697" s="18"/>
      <c r="F6697" s="18"/>
      <c r="G6697" s="18"/>
      <c r="H6697" s="18"/>
      <c r="I6697" s="18"/>
      <c r="J6697" s="18"/>
      <c r="K6697" s="18"/>
      <c r="L6697" s="18"/>
      <c r="M6697" s="18"/>
      <c r="N6697" s="18"/>
      <c r="O6697" s="18"/>
      <c r="P6697" s="19"/>
      <c r="Q6697" s="19"/>
      <c r="R6697" s="19"/>
      <c r="S6697" s="19"/>
      <c r="T6697" s="19"/>
      <c r="U6697" s="19"/>
      <c r="V6697" s="19"/>
      <c r="W6697" s="19"/>
      <c r="X6697" s="19"/>
      <c r="Y6697" s="19"/>
      <c r="Z6697" s="19"/>
      <c r="AA6697" s="19"/>
    </row>
    <row r="6698" spans="1:27" s="1" customFormat="1" ht="14.1" customHeight="1" outlineLevel="2" x14ac:dyDescent="0.2">
      <c r="A6698" s="17">
        <v>10961</v>
      </c>
      <c r="B6698" s="17"/>
      <c r="C6698" s="17"/>
      <c r="D6698" s="18" t="s">
        <v>3330</v>
      </c>
      <c r="E6698" s="18"/>
      <c r="F6698" s="18"/>
      <c r="G6698" s="18"/>
      <c r="H6698" s="18"/>
      <c r="I6698" s="18"/>
      <c r="J6698" s="18"/>
      <c r="K6698" s="18"/>
      <c r="L6698" s="18"/>
      <c r="M6698" s="18"/>
      <c r="N6698" s="18"/>
      <c r="O6698" s="18"/>
      <c r="P6698" s="19">
        <v>450</v>
      </c>
      <c r="Q6698" s="19"/>
      <c r="R6698" s="19"/>
      <c r="S6698" s="19"/>
      <c r="T6698" s="19">
        <v>390</v>
      </c>
      <c r="U6698" s="19"/>
      <c r="V6698" s="19"/>
      <c r="W6698" s="19"/>
      <c r="X6698" s="19">
        <v>2</v>
      </c>
      <c r="Y6698" s="19"/>
      <c r="Z6698" s="19"/>
      <c r="AA6698" s="19"/>
    </row>
    <row r="6699" spans="1:27" s="1" customFormat="1" ht="14.1" customHeight="1" outlineLevel="2" x14ac:dyDescent="0.2">
      <c r="A6699" s="17"/>
      <c r="B6699" s="17"/>
      <c r="C6699" s="17"/>
      <c r="D6699" s="18"/>
      <c r="E6699" s="18"/>
      <c r="F6699" s="18"/>
      <c r="G6699" s="18"/>
      <c r="H6699" s="18"/>
      <c r="I6699" s="18"/>
      <c r="J6699" s="18"/>
      <c r="K6699" s="18"/>
      <c r="L6699" s="18"/>
      <c r="M6699" s="18"/>
      <c r="N6699" s="18"/>
      <c r="O6699" s="18"/>
      <c r="P6699" s="19"/>
      <c r="Q6699" s="19"/>
      <c r="R6699" s="19"/>
      <c r="S6699" s="19"/>
      <c r="T6699" s="19"/>
      <c r="U6699" s="19"/>
      <c r="V6699" s="19"/>
      <c r="W6699" s="19"/>
      <c r="X6699" s="19"/>
      <c r="Y6699" s="19"/>
      <c r="Z6699" s="19"/>
      <c r="AA6699" s="19"/>
    </row>
    <row r="6700" spans="1:27" s="1" customFormat="1" ht="14.1" customHeight="1" outlineLevel="2" x14ac:dyDescent="0.2">
      <c r="A6700" s="17">
        <v>10962</v>
      </c>
      <c r="B6700" s="17"/>
      <c r="C6700" s="17"/>
      <c r="D6700" s="18" t="s">
        <v>3331</v>
      </c>
      <c r="E6700" s="18"/>
      <c r="F6700" s="18"/>
      <c r="G6700" s="18"/>
      <c r="H6700" s="18"/>
      <c r="I6700" s="18"/>
      <c r="J6700" s="18"/>
      <c r="K6700" s="18"/>
      <c r="L6700" s="18"/>
      <c r="M6700" s="18"/>
      <c r="N6700" s="18"/>
      <c r="O6700" s="18"/>
      <c r="P6700" s="19">
        <v>100</v>
      </c>
      <c r="Q6700" s="19"/>
      <c r="R6700" s="19"/>
      <c r="S6700" s="19"/>
      <c r="T6700" s="19">
        <v>70</v>
      </c>
      <c r="U6700" s="19"/>
      <c r="V6700" s="19"/>
      <c r="W6700" s="19"/>
      <c r="X6700" s="19">
        <v>43</v>
      </c>
      <c r="Y6700" s="19"/>
      <c r="Z6700" s="19"/>
      <c r="AA6700" s="19"/>
    </row>
    <row r="6701" spans="1:27" s="1" customFormat="1" ht="14.1" customHeight="1" outlineLevel="2" x14ac:dyDescent="0.2">
      <c r="A6701" s="17"/>
      <c r="B6701" s="17"/>
      <c r="C6701" s="17"/>
      <c r="D6701" s="18"/>
      <c r="E6701" s="18"/>
      <c r="F6701" s="18"/>
      <c r="G6701" s="18"/>
      <c r="H6701" s="18"/>
      <c r="I6701" s="18"/>
      <c r="J6701" s="18"/>
      <c r="K6701" s="18"/>
      <c r="L6701" s="18"/>
      <c r="M6701" s="18"/>
      <c r="N6701" s="18"/>
      <c r="O6701" s="18"/>
      <c r="P6701" s="19"/>
      <c r="Q6701" s="19"/>
      <c r="R6701" s="19"/>
      <c r="S6701" s="19"/>
      <c r="T6701" s="19"/>
      <c r="U6701" s="19"/>
      <c r="V6701" s="19"/>
      <c r="W6701" s="19"/>
      <c r="X6701" s="19"/>
      <c r="Y6701" s="19"/>
      <c r="Z6701" s="19"/>
      <c r="AA6701" s="19"/>
    </row>
    <row r="6702" spans="1:27" s="1" customFormat="1" ht="14.1" customHeight="1" outlineLevel="2" x14ac:dyDescent="0.2">
      <c r="A6702" s="17">
        <v>10963</v>
      </c>
      <c r="B6702" s="17"/>
      <c r="C6702" s="17"/>
      <c r="D6702" s="18" t="s">
        <v>3332</v>
      </c>
      <c r="E6702" s="18"/>
      <c r="F6702" s="18"/>
      <c r="G6702" s="18"/>
      <c r="H6702" s="18"/>
      <c r="I6702" s="18"/>
      <c r="J6702" s="18"/>
      <c r="K6702" s="18"/>
      <c r="L6702" s="18"/>
      <c r="M6702" s="18"/>
      <c r="N6702" s="18"/>
      <c r="O6702" s="18"/>
      <c r="P6702" s="19">
        <v>650</v>
      </c>
      <c r="Q6702" s="19"/>
      <c r="R6702" s="19"/>
      <c r="S6702" s="19"/>
      <c r="T6702" s="19">
        <v>570</v>
      </c>
      <c r="U6702" s="19"/>
      <c r="V6702" s="19"/>
      <c r="W6702" s="19"/>
      <c r="X6702" s="19">
        <v>2</v>
      </c>
      <c r="Y6702" s="19"/>
      <c r="Z6702" s="19"/>
      <c r="AA6702" s="19"/>
    </row>
    <row r="6703" spans="1:27" s="1" customFormat="1" ht="14.1" customHeight="1" outlineLevel="2" x14ac:dyDescent="0.2">
      <c r="A6703" s="17"/>
      <c r="B6703" s="17"/>
      <c r="C6703" s="17"/>
      <c r="D6703" s="18"/>
      <c r="E6703" s="18"/>
      <c r="F6703" s="18"/>
      <c r="G6703" s="18"/>
      <c r="H6703" s="18"/>
      <c r="I6703" s="18"/>
      <c r="J6703" s="18"/>
      <c r="K6703" s="18"/>
      <c r="L6703" s="18"/>
      <c r="M6703" s="18"/>
      <c r="N6703" s="18"/>
      <c r="O6703" s="18"/>
      <c r="P6703" s="19"/>
      <c r="Q6703" s="19"/>
      <c r="R6703" s="19"/>
      <c r="S6703" s="19"/>
      <c r="T6703" s="19"/>
      <c r="U6703" s="19"/>
      <c r="V6703" s="19"/>
      <c r="W6703" s="19"/>
      <c r="X6703" s="19"/>
      <c r="Y6703" s="19"/>
      <c r="Z6703" s="19"/>
      <c r="AA6703" s="19"/>
    </row>
    <row r="6704" spans="1:27" s="1" customFormat="1" ht="14.1" customHeight="1" outlineLevel="2" x14ac:dyDescent="0.2">
      <c r="A6704" s="17">
        <v>10964</v>
      </c>
      <c r="B6704" s="17"/>
      <c r="C6704" s="17"/>
      <c r="D6704" s="18" t="s">
        <v>3333</v>
      </c>
      <c r="E6704" s="18"/>
      <c r="F6704" s="18"/>
      <c r="G6704" s="18"/>
      <c r="H6704" s="18"/>
      <c r="I6704" s="18"/>
      <c r="J6704" s="18"/>
      <c r="K6704" s="18"/>
      <c r="L6704" s="18"/>
      <c r="M6704" s="18"/>
      <c r="N6704" s="18"/>
      <c r="O6704" s="18"/>
      <c r="P6704" s="19">
        <v>520</v>
      </c>
      <c r="Q6704" s="19"/>
      <c r="R6704" s="19"/>
      <c r="S6704" s="19"/>
      <c r="T6704" s="19">
        <v>450</v>
      </c>
      <c r="U6704" s="19"/>
      <c r="V6704" s="19"/>
      <c r="W6704" s="19"/>
      <c r="X6704" s="19">
        <v>3</v>
      </c>
      <c r="Y6704" s="19"/>
      <c r="Z6704" s="19"/>
      <c r="AA6704" s="19"/>
    </row>
    <row r="6705" spans="1:27" s="1" customFormat="1" ht="14.1" customHeight="1" outlineLevel="2" x14ac:dyDescent="0.2">
      <c r="A6705" s="17"/>
      <c r="B6705" s="17"/>
      <c r="C6705" s="17"/>
      <c r="D6705" s="18"/>
      <c r="E6705" s="18"/>
      <c r="F6705" s="18"/>
      <c r="G6705" s="18"/>
      <c r="H6705" s="18"/>
      <c r="I6705" s="18"/>
      <c r="J6705" s="18"/>
      <c r="K6705" s="18"/>
      <c r="L6705" s="18"/>
      <c r="M6705" s="18"/>
      <c r="N6705" s="18"/>
      <c r="O6705" s="18"/>
      <c r="P6705" s="19"/>
      <c r="Q6705" s="19"/>
      <c r="R6705" s="19"/>
      <c r="S6705" s="19"/>
      <c r="T6705" s="19"/>
      <c r="U6705" s="19"/>
      <c r="V6705" s="19"/>
      <c r="W6705" s="19"/>
      <c r="X6705" s="19"/>
      <c r="Y6705" s="19"/>
      <c r="Z6705" s="19"/>
      <c r="AA6705" s="19"/>
    </row>
    <row r="6706" spans="1:27" s="1" customFormat="1" ht="14.1" customHeight="1" outlineLevel="2" x14ac:dyDescent="0.2">
      <c r="A6706" s="17">
        <v>10965</v>
      </c>
      <c r="B6706" s="17"/>
      <c r="C6706" s="17"/>
      <c r="D6706" s="18" t="s">
        <v>3334</v>
      </c>
      <c r="E6706" s="18"/>
      <c r="F6706" s="18"/>
      <c r="G6706" s="18"/>
      <c r="H6706" s="18"/>
      <c r="I6706" s="18"/>
      <c r="J6706" s="18"/>
      <c r="K6706" s="18"/>
      <c r="L6706" s="18"/>
      <c r="M6706" s="18"/>
      <c r="N6706" s="18"/>
      <c r="O6706" s="18"/>
      <c r="P6706" s="19">
        <v>520</v>
      </c>
      <c r="Q6706" s="19"/>
      <c r="R6706" s="19"/>
      <c r="S6706" s="19"/>
      <c r="T6706" s="19">
        <v>450</v>
      </c>
      <c r="U6706" s="19"/>
      <c r="V6706" s="19"/>
      <c r="W6706" s="19"/>
      <c r="X6706" s="19">
        <v>7</v>
      </c>
      <c r="Y6706" s="19"/>
      <c r="Z6706" s="19"/>
      <c r="AA6706" s="19"/>
    </row>
    <row r="6707" spans="1:27" s="1" customFormat="1" ht="14.1" customHeight="1" outlineLevel="2" x14ac:dyDescent="0.2">
      <c r="A6707" s="17"/>
      <c r="B6707" s="17"/>
      <c r="C6707" s="17"/>
      <c r="D6707" s="18"/>
      <c r="E6707" s="18"/>
      <c r="F6707" s="18"/>
      <c r="G6707" s="18"/>
      <c r="H6707" s="18"/>
      <c r="I6707" s="18"/>
      <c r="J6707" s="18"/>
      <c r="K6707" s="18"/>
      <c r="L6707" s="18"/>
      <c r="M6707" s="18"/>
      <c r="N6707" s="18"/>
      <c r="O6707" s="18"/>
      <c r="P6707" s="19"/>
      <c r="Q6707" s="19"/>
      <c r="R6707" s="19"/>
      <c r="S6707" s="19"/>
      <c r="T6707" s="19"/>
      <c r="U6707" s="19"/>
      <c r="V6707" s="19"/>
      <c r="W6707" s="19"/>
      <c r="X6707" s="19"/>
      <c r="Y6707" s="19"/>
      <c r="Z6707" s="19"/>
      <c r="AA6707" s="19"/>
    </row>
    <row r="6708" spans="1:27" s="1" customFormat="1" ht="14.1" customHeight="1" outlineLevel="2" x14ac:dyDescent="0.2">
      <c r="A6708" s="17">
        <v>15157</v>
      </c>
      <c r="B6708" s="17"/>
      <c r="C6708" s="17"/>
      <c r="D6708" s="18" t="s">
        <v>3335</v>
      </c>
      <c r="E6708" s="18"/>
      <c r="F6708" s="18"/>
      <c r="G6708" s="18"/>
      <c r="H6708" s="18"/>
      <c r="I6708" s="18"/>
      <c r="J6708" s="18"/>
      <c r="K6708" s="18"/>
      <c r="L6708" s="18"/>
      <c r="M6708" s="18"/>
      <c r="N6708" s="18"/>
      <c r="O6708" s="18"/>
      <c r="P6708" s="19">
        <v>100</v>
      </c>
      <c r="Q6708" s="19"/>
      <c r="R6708" s="19"/>
      <c r="S6708" s="19"/>
      <c r="T6708" s="19">
        <v>70</v>
      </c>
      <c r="U6708" s="19"/>
      <c r="V6708" s="19"/>
      <c r="W6708" s="19"/>
      <c r="X6708" s="19">
        <v>48</v>
      </c>
      <c r="Y6708" s="19"/>
      <c r="Z6708" s="19"/>
      <c r="AA6708" s="19"/>
    </row>
    <row r="6709" spans="1:27" s="1" customFormat="1" ht="14.1" customHeight="1" outlineLevel="2" x14ac:dyDescent="0.2">
      <c r="A6709" s="17"/>
      <c r="B6709" s="17"/>
      <c r="C6709" s="17"/>
      <c r="D6709" s="18"/>
      <c r="E6709" s="18"/>
      <c r="F6709" s="18"/>
      <c r="G6709" s="18"/>
      <c r="H6709" s="18"/>
      <c r="I6709" s="18"/>
      <c r="J6709" s="18"/>
      <c r="K6709" s="18"/>
      <c r="L6709" s="18"/>
      <c r="M6709" s="18"/>
      <c r="N6709" s="18"/>
      <c r="O6709" s="18"/>
      <c r="P6709" s="19"/>
      <c r="Q6709" s="19"/>
      <c r="R6709" s="19"/>
      <c r="S6709" s="19"/>
      <c r="T6709" s="19"/>
      <c r="U6709" s="19"/>
      <c r="V6709" s="19"/>
      <c r="W6709" s="19"/>
      <c r="X6709" s="19"/>
      <c r="Y6709" s="19"/>
      <c r="Z6709" s="19"/>
      <c r="AA6709" s="19"/>
    </row>
    <row r="6710" spans="1:27" s="1" customFormat="1" ht="14.1" customHeight="1" outlineLevel="2" x14ac:dyDescent="0.2">
      <c r="A6710" s="17">
        <v>15156</v>
      </c>
      <c r="B6710" s="17"/>
      <c r="C6710" s="17"/>
      <c r="D6710" s="18" t="s">
        <v>3336</v>
      </c>
      <c r="E6710" s="18"/>
      <c r="F6710" s="18"/>
      <c r="G6710" s="18"/>
      <c r="H6710" s="18"/>
      <c r="I6710" s="18"/>
      <c r="J6710" s="18"/>
      <c r="K6710" s="18"/>
      <c r="L6710" s="18"/>
      <c r="M6710" s="18"/>
      <c r="N6710" s="18"/>
      <c r="O6710" s="18"/>
      <c r="P6710" s="19">
        <v>100</v>
      </c>
      <c r="Q6710" s="19"/>
      <c r="R6710" s="19"/>
      <c r="S6710" s="19"/>
      <c r="T6710" s="19">
        <v>70</v>
      </c>
      <c r="U6710" s="19"/>
      <c r="V6710" s="19"/>
      <c r="W6710" s="19"/>
      <c r="X6710" s="19">
        <v>37</v>
      </c>
      <c r="Y6710" s="19"/>
      <c r="Z6710" s="19"/>
      <c r="AA6710" s="19"/>
    </row>
    <row r="6711" spans="1:27" s="1" customFormat="1" ht="14.1" customHeight="1" outlineLevel="2" x14ac:dyDescent="0.2">
      <c r="A6711" s="17"/>
      <c r="B6711" s="17"/>
      <c r="C6711" s="17"/>
      <c r="D6711" s="18"/>
      <c r="E6711" s="18"/>
      <c r="F6711" s="18"/>
      <c r="G6711" s="18"/>
      <c r="H6711" s="18"/>
      <c r="I6711" s="18"/>
      <c r="J6711" s="18"/>
      <c r="K6711" s="18"/>
      <c r="L6711" s="18"/>
      <c r="M6711" s="18"/>
      <c r="N6711" s="18"/>
      <c r="O6711" s="18"/>
      <c r="P6711" s="19"/>
      <c r="Q6711" s="19"/>
      <c r="R6711" s="19"/>
      <c r="S6711" s="19"/>
      <c r="T6711" s="19"/>
      <c r="U6711" s="19"/>
      <c r="V6711" s="19"/>
      <c r="W6711" s="19"/>
      <c r="X6711" s="19"/>
      <c r="Y6711" s="19"/>
      <c r="Z6711" s="19"/>
      <c r="AA6711" s="19"/>
    </row>
    <row r="6712" spans="1:27" s="1" customFormat="1" ht="14.1" customHeight="1" outlineLevel="2" x14ac:dyDescent="0.2">
      <c r="A6712" s="17">
        <v>15158</v>
      </c>
      <c r="B6712" s="17"/>
      <c r="C6712" s="17"/>
      <c r="D6712" s="18" t="s">
        <v>3337</v>
      </c>
      <c r="E6712" s="18"/>
      <c r="F6712" s="18"/>
      <c r="G6712" s="18"/>
      <c r="H6712" s="18"/>
      <c r="I6712" s="18"/>
      <c r="J6712" s="18"/>
      <c r="K6712" s="18"/>
      <c r="L6712" s="18"/>
      <c r="M6712" s="18"/>
      <c r="N6712" s="18"/>
      <c r="O6712" s="18"/>
      <c r="P6712" s="19">
        <v>100</v>
      </c>
      <c r="Q6712" s="19"/>
      <c r="R6712" s="19"/>
      <c r="S6712" s="19"/>
      <c r="T6712" s="19">
        <v>70</v>
      </c>
      <c r="U6712" s="19"/>
      <c r="V6712" s="19"/>
      <c r="W6712" s="19"/>
      <c r="X6712" s="19">
        <v>47</v>
      </c>
      <c r="Y6712" s="19"/>
      <c r="Z6712" s="19"/>
      <c r="AA6712" s="19"/>
    </row>
    <row r="6713" spans="1:27" s="1" customFormat="1" ht="14.1" customHeight="1" outlineLevel="2" x14ac:dyDescent="0.2">
      <c r="A6713" s="17"/>
      <c r="B6713" s="17"/>
      <c r="C6713" s="17"/>
      <c r="D6713" s="18"/>
      <c r="E6713" s="18"/>
      <c r="F6713" s="18"/>
      <c r="G6713" s="18"/>
      <c r="H6713" s="18"/>
      <c r="I6713" s="18"/>
      <c r="J6713" s="18"/>
      <c r="K6713" s="18"/>
      <c r="L6713" s="18"/>
      <c r="M6713" s="18"/>
      <c r="N6713" s="18"/>
      <c r="O6713" s="18"/>
      <c r="P6713" s="19"/>
      <c r="Q6713" s="19"/>
      <c r="R6713" s="19"/>
      <c r="S6713" s="19"/>
      <c r="T6713" s="19"/>
      <c r="U6713" s="19"/>
      <c r="V6713" s="19"/>
      <c r="W6713" s="19"/>
      <c r="X6713" s="19"/>
      <c r="Y6713" s="19"/>
      <c r="Z6713" s="19"/>
      <c r="AA6713" s="19"/>
    </row>
    <row r="6714" spans="1:27" s="1" customFormat="1" ht="14.1" customHeight="1" outlineLevel="2" x14ac:dyDescent="0.2">
      <c r="A6714" s="17">
        <v>15155</v>
      </c>
      <c r="B6714" s="17"/>
      <c r="C6714" s="17"/>
      <c r="D6714" s="18" t="s">
        <v>3338</v>
      </c>
      <c r="E6714" s="18"/>
      <c r="F6714" s="18"/>
      <c r="G6714" s="18"/>
      <c r="H6714" s="18"/>
      <c r="I6714" s="18"/>
      <c r="J6714" s="18"/>
      <c r="K6714" s="18"/>
      <c r="L6714" s="18"/>
      <c r="M6714" s="18"/>
      <c r="N6714" s="18"/>
      <c r="O6714" s="18"/>
      <c r="P6714" s="19">
        <v>350</v>
      </c>
      <c r="Q6714" s="19"/>
      <c r="R6714" s="19"/>
      <c r="S6714" s="19"/>
      <c r="T6714" s="19">
        <v>280</v>
      </c>
      <c r="U6714" s="19"/>
      <c r="V6714" s="19"/>
      <c r="W6714" s="19"/>
      <c r="X6714" s="19">
        <v>9</v>
      </c>
      <c r="Y6714" s="19"/>
      <c r="Z6714" s="19"/>
      <c r="AA6714" s="19"/>
    </row>
    <row r="6715" spans="1:27" s="1" customFormat="1" ht="14.1" customHeight="1" outlineLevel="2" x14ac:dyDescent="0.2">
      <c r="A6715" s="17"/>
      <c r="B6715" s="17"/>
      <c r="C6715" s="17"/>
      <c r="D6715" s="18"/>
      <c r="E6715" s="18"/>
      <c r="F6715" s="18"/>
      <c r="G6715" s="18"/>
      <c r="H6715" s="18"/>
      <c r="I6715" s="18"/>
      <c r="J6715" s="18"/>
      <c r="K6715" s="18"/>
      <c r="L6715" s="18"/>
      <c r="M6715" s="18"/>
      <c r="N6715" s="18"/>
      <c r="O6715" s="18"/>
      <c r="P6715" s="19"/>
      <c r="Q6715" s="19"/>
      <c r="R6715" s="19"/>
      <c r="S6715" s="19"/>
      <c r="T6715" s="19"/>
      <c r="U6715" s="19"/>
      <c r="V6715" s="19"/>
      <c r="W6715" s="19"/>
      <c r="X6715" s="19"/>
      <c r="Y6715" s="19"/>
      <c r="Z6715" s="19"/>
      <c r="AA6715" s="19"/>
    </row>
    <row r="6716" spans="1:27" s="1" customFormat="1" ht="14.1" customHeight="1" outlineLevel="2" x14ac:dyDescent="0.2">
      <c r="A6716" s="17">
        <v>6199</v>
      </c>
      <c r="B6716" s="17"/>
      <c r="C6716" s="17"/>
      <c r="D6716" s="18" t="s">
        <v>3339</v>
      </c>
      <c r="E6716" s="18"/>
      <c r="F6716" s="18"/>
      <c r="G6716" s="18"/>
      <c r="H6716" s="18"/>
      <c r="I6716" s="18"/>
      <c r="J6716" s="18"/>
      <c r="K6716" s="18"/>
      <c r="L6716" s="18"/>
      <c r="M6716" s="18"/>
      <c r="N6716" s="18"/>
      <c r="O6716" s="18"/>
      <c r="P6716" s="19">
        <v>250</v>
      </c>
      <c r="Q6716" s="19"/>
      <c r="R6716" s="19"/>
      <c r="S6716" s="19"/>
      <c r="T6716" s="19">
        <v>200</v>
      </c>
      <c r="U6716" s="19"/>
      <c r="V6716" s="19"/>
      <c r="W6716" s="19"/>
      <c r="X6716" s="19">
        <v>10</v>
      </c>
      <c r="Y6716" s="19"/>
      <c r="Z6716" s="19"/>
      <c r="AA6716" s="19"/>
    </row>
    <row r="6717" spans="1:27" s="1" customFormat="1" ht="14.1" customHeight="1" outlineLevel="2" x14ac:dyDescent="0.2">
      <c r="A6717" s="17"/>
      <c r="B6717" s="17"/>
      <c r="C6717" s="17"/>
      <c r="D6717" s="18"/>
      <c r="E6717" s="18"/>
      <c r="F6717" s="18"/>
      <c r="G6717" s="18"/>
      <c r="H6717" s="18"/>
      <c r="I6717" s="18"/>
      <c r="J6717" s="18"/>
      <c r="K6717" s="18"/>
      <c r="L6717" s="18"/>
      <c r="M6717" s="18"/>
      <c r="N6717" s="18"/>
      <c r="O6717" s="18"/>
      <c r="P6717" s="19"/>
      <c r="Q6717" s="19"/>
      <c r="R6717" s="19"/>
      <c r="S6717" s="19"/>
      <c r="T6717" s="19"/>
      <c r="U6717" s="19"/>
      <c r="V6717" s="19"/>
      <c r="W6717" s="19"/>
      <c r="X6717" s="19"/>
      <c r="Y6717" s="19"/>
      <c r="Z6717" s="19"/>
      <c r="AA6717" s="19"/>
    </row>
    <row r="6718" spans="1:27" s="1" customFormat="1" ht="14.1" customHeight="1" outlineLevel="2" x14ac:dyDescent="0.2">
      <c r="A6718" s="17">
        <v>10966</v>
      </c>
      <c r="B6718" s="17"/>
      <c r="C6718" s="17"/>
      <c r="D6718" s="18" t="s">
        <v>3340</v>
      </c>
      <c r="E6718" s="18"/>
      <c r="F6718" s="18"/>
      <c r="G6718" s="18"/>
      <c r="H6718" s="18"/>
      <c r="I6718" s="18"/>
      <c r="J6718" s="18"/>
      <c r="K6718" s="18"/>
      <c r="L6718" s="18"/>
      <c r="M6718" s="18"/>
      <c r="N6718" s="18"/>
      <c r="O6718" s="18"/>
      <c r="P6718" s="19">
        <v>350</v>
      </c>
      <c r="Q6718" s="19"/>
      <c r="R6718" s="19"/>
      <c r="S6718" s="19"/>
      <c r="T6718" s="19">
        <v>280</v>
      </c>
      <c r="U6718" s="19"/>
      <c r="V6718" s="19"/>
      <c r="W6718" s="19"/>
      <c r="X6718" s="19">
        <v>38</v>
      </c>
      <c r="Y6718" s="19"/>
      <c r="Z6718" s="19"/>
      <c r="AA6718" s="19"/>
    </row>
    <row r="6719" spans="1:27" s="1" customFormat="1" ht="14.1" customHeight="1" outlineLevel="2" x14ac:dyDescent="0.2">
      <c r="A6719" s="17"/>
      <c r="B6719" s="17"/>
      <c r="C6719" s="17"/>
      <c r="D6719" s="18"/>
      <c r="E6719" s="18"/>
      <c r="F6719" s="18"/>
      <c r="G6719" s="18"/>
      <c r="H6719" s="18"/>
      <c r="I6719" s="18"/>
      <c r="J6719" s="18"/>
      <c r="K6719" s="18"/>
      <c r="L6719" s="18"/>
      <c r="M6719" s="18"/>
      <c r="N6719" s="18"/>
      <c r="O6719" s="18"/>
      <c r="P6719" s="19"/>
      <c r="Q6719" s="19"/>
      <c r="R6719" s="19"/>
      <c r="S6719" s="19"/>
      <c r="T6719" s="19"/>
      <c r="U6719" s="19"/>
      <c r="V6719" s="19"/>
      <c r="W6719" s="19"/>
      <c r="X6719" s="19"/>
      <c r="Y6719" s="19"/>
      <c r="Z6719" s="19"/>
      <c r="AA6719" s="19"/>
    </row>
    <row r="6720" spans="1:27" s="1" customFormat="1" ht="14.1" customHeight="1" outlineLevel="2" x14ac:dyDescent="0.2">
      <c r="A6720" s="17">
        <v>10967</v>
      </c>
      <c r="B6720" s="17"/>
      <c r="C6720" s="17"/>
      <c r="D6720" s="18" t="s">
        <v>3341</v>
      </c>
      <c r="E6720" s="18"/>
      <c r="F6720" s="18"/>
      <c r="G6720" s="18"/>
      <c r="H6720" s="18"/>
      <c r="I6720" s="18"/>
      <c r="J6720" s="18"/>
      <c r="K6720" s="18"/>
      <c r="L6720" s="18"/>
      <c r="M6720" s="18"/>
      <c r="N6720" s="18"/>
      <c r="O6720" s="18"/>
      <c r="P6720" s="19">
        <v>420</v>
      </c>
      <c r="Q6720" s="19"/>
      <c r="R6720" s="19"/>
      <c r="S6720" s="19"/>
      <c r="T6720" s="19">
        <v>360</v>
      </c>
      <c r="U6720" s="19"/>
      <c r="V6720" s="19"/>
      <c r="W6720" s="19"/>
      <c r="X6720" s="19">
        <v>31</v>
      </c>
      <c r="Y6720" s="19"/>
      <c r="Z6720" s="19"/>
      <c r="AA6720" s="19"/>
    </row>
    <row r="6721" spans="1:27" s="1" customFormat="1" ht="14.1" customHeight="1" outlineLevel="2" x14ac:dyDescent="0.2">
      <c r="A6721" s="17"/>
      <c r="B6721" s="17"/>
      <c r="C6721" s="17"/>
      <c r="D6721" s="18"/>
      <c r="E6721" s="18"/>
      <c r="F6721" s="18"/>
      <c r="G6721" s="18"/>
      <c r="H6721" s="18"/>
      <c r="I6721" s="18"/>
      <c r="J6721" s="18"/>
      <c r="K6721" s="18"/>
      <c r="L6721" s="18"/>
      <c r="M6721" s="18"/>
      <c r="N6721" s="18"/>
      <c r="O6721" s="18"/>
      <c r="P6721" s="19"/>
      <c r="Q6721" s="19"/>
      <c r="R6721" s="19"/>
      <c r="S6721" s="19"/>
      <c r="T6721" s="19"/>
      <c r="U6721" s="19"/>
      <c r="V6721" s="19"/>
      <c r="W6721" s="19"/>
      <c r="X6721" s="19"/>
      <c r="Y6721" s="19"/>
      <c r="Z6721" s="19"/>
      <c r="AA6721" s="19"/>
    </row>
    <row r="6722" spans="1:27" s="1" customFormat="1" ht="14.1" customHeight="1" outlineLevel="2" x14ac:dyDescent="0.2">
      <c r="A6722" s="17">
        <v>7730</v>
      </c>
      <c r="B6722" s="17"/>
      <c r="C6722" s="17"/>
      <c r="D6722" s="18" t="s">
        <v>3342</v>
      </c>
      <c r="E6722" s="18"/>
      <c r="F6722" s="18"/>
      <c r="G6722" s="18"/>
      <c r="H6722" s="18"/>
      <c r="I6722" s="18"/>
      <c r="J6722" s="18"/>
      <c r="K6722" s="18"/>
      <c r="L6722" s="18"/>
      <c r="M6722" s="18"/>
      <c r="N6722" s="18"/>
      <c r="O6722" s="18"/>
      <c r="P6722" s="19">
        <v>440</v>
      </c>
      <c r="Q6722" s="19"/>
      <c r="R6722" s="19"/>
      <c r="S6722" s="19"/>
      <c r="T6722" s="19">
        <v>370</v>
      </c>
      <c r="U6722" s="19"/>
      <c r="V6722" s="19"/>
      <c r="W6722" s="19"/>
      <c r="X6722" s="19">
        <v>4</v>
      </c>
      <c r="Y6722" s="19"/>
      <c r="Z6722" s="19"/>
      <c r="AA6722" s="19"/>
    </row>
    <row r="6723" spans="1:27" s="1" customFormat="1" ht="14.1" customHeight="1" outlineLevel="2" x14ac:dyDescent="0.2">
      <c r="A6723" s="17"/>
      <c r="B6723" s="17"/>
      <c r="C6723" s="17"/>
      <c r="D6723" s="18"/>
      <c r="E6723" s="18"/>
      <c r="F6723" s="18"/>
      <c r="G6723" s="18"/>
      <c r="H6723" s="18"/>
      <c r="I6723" s="18"/>
      <c r="J6723" s="18"/>
      <c r="K6723" s="18"/>
      <c r="L6723" s="18"/>
      <c r="M6723" s="18"/>
      <c r="N6723" s="18"/>
      <c r="O6723" s="18"/>
      <c r="P6723" s="19"/>
      <c r="Q6723" s="19"/>
      <c r="R6723" s="19"/>
      <c r="S6723" s="19"/>
      <c r="T6723" s="19"/>
      <c r="U6723" s="19"/>
      <c r="V6723" s="19"/>
      <c r="W6723" s="19"/>
      <c r="X6723" s="19"/>
      <c r="Y6723" s="19"/>
      <c r="Z6723" s="19"/>
      <c r="AA6723" s="19"/>
    </row>
    <row r="6724" spans="1:27" s="1" customFormat="1" ht="14.1" customHeight="1" outlineLevel="2" x14ac:dyDescent="0.2">
      <c r="A6724" s="17">
        <v>10968</v>
      </c>
      <c r="B6724" s="17"/>
      <c r="C6724" s="17"/>
      <c r="D6724" s="18" t="s">
        <v>3343</v>
      </c>
      <c r="E6724" s="18"/>
      <c r="F6724" s="18"/>
      <c r="G6724" s="18"/>
      <c r="H6724" s="18"/>
      <c r="I6724" s="18"/>
      <c r="J6724" s="18"/>
      <c r="K6724" s="18"/>
      <c r="L6724" s="18"/>
      <c r="M6724" s="18"/>
      <c r="N6724" s="18"/>
      <c r="O6724" s="18"/>
      <c r="P6724" s="19">
        <v>320</v>
      </c>
      <c r="Q6724" s="19"/>
      <c r="R6724" s="19"/>
      <c r="S6724" s="19"/>
      <c r="T6724" s="19">
        <v>260</v>
      </c>
      <c r="U6724" s="19"/>
      <c r="V6724" s="19"/>
      <c r="W6724" s="19"/>
      <c r="X6724" s="19">
        <v>27</v>
      </c>
      <c r="Y6724" s="19"/>
      <c r="Z6724" s="19"/>
      <c r="AA6724" s="19"/>
    </row>
    <row r="6725" spans="1:27" s="1" customFormat="1" ht="14.1" customHeight="1" outlineLevel="2" x14ac:dyDescent="0.2">
      <c r="A6725" s="17"/>
      <c r="B6725" s="17"/>
      <c r="C6725" s="17"/>
      <c r="D6725" s="18"/>
      <c r="E6725" s="18"/>
      <c r="F6725" s="18"/>
      <c r="G6725" s="18"/>
      <c r="H6725" s="18"/>
      <c r="I6725" s="18"/>
      <c r="J6725" s="18"/>
      <c r="K6725" s="18"/>
      <c r="L6725" s="18"/>
      <c r="M6725" s="18"/>
      <c r="N6725" s="18"/>
      <c r="O6725" s="18"/>
      <c r="P6725" s="19"/>
      <c r="Q6725" s="19"/>
      <c r="R6725" s="19"/>
      <c r="S6725" s="19"/>
      <c r="T6725" s="19"/>
      <c r="U6725" s="19"/>
      <c r="V6725" s="19"/>
      <c r="W6725" s="19"/>
      <c r="X6725" s="19"/>
      <c r="Y6725" s="19"/>
      <c r="Z6725" s="19"/>
      <c r="AA6725" s="19"/>
    </row>
    <row r="6726" spans="1:27" s="1" customFormat="1" ht="14.1" customHeight="1" outlineLevel="2" x14ac:dyDescent="0.2">
      <c r="A6726" s="17">
        <v>7729</v>
      </c>
      <c r="B6726" s="17"/>
      <c r="C6726" s="17"/>
      <c r="D6726" s="18" t="s">
        <v>3344</v>
      </c>
      <c r="E6726" s="18"/>
      <c r="F6726" s="18"/>
      <c r="G6726" s="18"/>
      <c r="H6726" s="18"/>
      <c r="I6726" s="18"/>
      <c r="J6726" s="18"/>
      <c r="K6726" s="18"/>
      <c r="L6726" s="18"/>
      <c r="M6726" s="18"/>
      <c r="N6726" s="18"/>
      <c r="O6726" s="18"/>
      <c r="P6726" s="19">
        <v>480</v>
      </c>
      <c r="Q6726" s="19"/>
      <c r="R6726" s="19"/>
      <c r="S6726" s="19"/>
      <c r="T6726" s="19">
        <v>400</v>
      </c>
      <c r="U6726" s="19"/>
      <c r="V6726" s="19"/>
      <c r="W6726" s="19"/>
      <c r="X6726" s="19">
        <v>3</v>
      </c>
      <c r="Y6726" s="19"/>
      <c r="Z6726" s="19"/>
      <c r="AA6726" s="19"/>
    </row>
    <row r="6727" spans="1:27" s="1" customFormat="1" ht="14.1" customHeight="1" outlineLevel="2" x14ac:dyDescent="0.2">
      <c r="A6727" s="17"/>
      <c r="B6727" s="17"/>
      <c r="C6727" s="17"/>
      <c r="D6727" s="18"/>
      <c r="E6727" s="18"/>
      <c r="F6727" s="18"/>
      <c r="G6727" s="18"/>
      <c r="H6727" s="18"/>
      <c r="I6727" s="18"/>
      <c r="J6727" s="18"/>
      <c r="K6727" s="18"/>
      <c r="L6727" s="18"/>
      <c r="M6727" s="18"/>
      <c r="N6727" s="18"/>
      <c r="O6727" s="18"/>
      <c r="P6727" s="19"/>
      <c r="Q6727" s="19"/>
      <c r="R6727" s="19"/>
      <c r="S6727" s="19"/>
      <c r="T6727" s="19"/>
      <c r="U6727" s="19"/>
      <c r="V6727" s="19"/>
      <c r="W6727" s="19"/>
      <c r="X6727" s="19"/>
      <c r="Y6727" s="19"/>
      <c r="Z6727" s="19"/>
      <c r="AA6727" s="19"/>
    </row>
    <row r="6728" spans="1:27" s="1" customFormat="1" ht="14.1" customHeight="1" outlineLevel="2" x14ac:dyDescent="0.2">
      <c r="A6728" s="17">
        <v>11975</v>
      </c>
      <c r="B6728" s="17"/>
      <c r="C6728" s="17"/>
      <c r="D6728" s="18" t="s">
        <v>3345</v>
      </c>
      <c r="E6728" s="18"/>
      <c r="F6728" s="18"/>
      <c r="G6728" s="18"/>
      <c r="H6728" s="18"/>
      <c r="I6728" s="18"/>
      <c r="J6728" s="18"/>
      <c r="K6728" s="18"/>
      <c r="L6728" s="18"/>
      <c r="M6728" s="18"/>
      <c r="N6728" s="18"/>
      <c r="O6728" s="18"/>
      <c r="P6728" s="19">
        <v>370</v>
      </c>
      <c r="Q6728" s="19"/>
      <c r="R6728" s="19"/>
      <c r="S6728" s="19"/>
      <c r="T6728" s="19">
        <v>300</v>
      </c>
      <c r="U6728" s="19"/>
      <c r="V6728" s="19"/>
      <c r="W6728" s="19"/>
      <c r="X6728" s="19">
        <v>2</v>
      </c>
      <c r="Y6728" s="19"/>
      <c r="Z6728" s="19"/>
      <c r="AA6728" s="19"/>
    </row>
    <row r="6729" spans="1:27" s="1" customFormat="1" ht="14.1" customHeight="1" outlineLevel="2" x14ac:dyDescent="0.2">
      <c r="A6729" s="17"/>
      <c r="B6729" s="17"/>
      <c r="C6729" s="17"/>
      <c r="D6729" s="18"/>
      <c r="E6729" s="18"/>
      <c r="F6729" s="18"/>
      <c r="G6729" s="18"/>
      <c r="H6729" s="18"/>
      <c r="I6729" s="18"/>
      <c r="J6729" s="18"/>
      <c r="K6729" s="18"/>
      <c r="L6729" s="18"/>
      <c r="M6729" s="18"/>
      <c r="N6729" s="18"/>
      <c r="O6729" s="18"/>
      <c r="P6729" s="19"/>
      <c r="Q6729" s="19"/>
      <c r="R6729" s="19"/>
      <c r="S6729" s="19"/>
      <c r="T6729" s="19"/>
      <c r="U6729" s="19"/>
      <c r="V6729" s="19"/>
      <c r="W6729" s="19"/>
      <c r="X6729" s="19"/>
      <c r="Y6729" s="19"/>
      <c r="Z6729" s="19"/>
      <c r="AA6729" s="19"/>
    </row>
    <row r="6730" spans="1:27" s="1" customFormat="1" ht="14.1" customHeight="1" outlineLevel="2" x14ac:dyDescent="0.2">
      <c r="A6730" s="17">
        <v>13782</v>
      </c>
      <c r="B6730" s="17"/>
      <c r="C6730" s="17"/>
      <c r="D6730" s="18" t="s">
        <v>3346</v>
      </c>
      <c r="E6730" s="18"/>
      <c r="F6730" s="18"/>
      <c r="G6730" s="18"/>
      <c r="H6730" s="18"/>
      <c r="I6730" s="18"/>
      <c r="J6730" s="18"/>
      <c r="K6730" s="18"/>
      <c r="L6730" s="18"/>
      <c r="M6730" s="18"/>
      <c r="N6730" s="18"/>
      <c r="O6730" s="18"/>
      <c r="P6730" s="19">
        <v>550</v>
      </c>
      <c r="Q6730" s="19"/>
      <c r="R6730" s="19"/>
      <c r="S6730" s="19"/>
      <c r="T6730" s="19">
        <v>490</v>
      </c>
      <c r="U6730" s="19"/>
      <c r="V6730" s="19"/>
      <c r="W6730" s="19"/>
      <c r="X6730" s="19">
        <v>1</v>
      </c>
      <c r="Y6730" s="19"/>
      <c r="Z6730" s="19"/>
      <c r="AA6730" s="19"/>
    </row>
    <row r="6731" spans="1:27" s="1" customFormat="1" ht="14.1" customHeight="1" outlineLevel="2" x14ac:dyDescent="0.2">
      <c r="A6731" s="17"/>
      <c r="B6731" s="17"/>
      <c r="C6731" s="17"/>
      <c r="D6731" s="18"/>
      <c r="E6731" s="18"/>
      <c r="F6731" s="18"/>
      <c r="G6731" s="18"/>
      <c r="H6731" s="18"/>
      <c r="I6731" s="18"/>
      <c r="J6731" s="18"/>
      <c r="K6731" s="18"/>
      <c r="L6731" s="18"/>
      <c r="M6731" s="18"/>
      <c r="N6731" s="18"/>
      <c r="O6731" s="18"/>
      <c r="P6731" s="19"/>
      <c r="Q6731" s="19"/>
      <c r="R6731" s="19"/>
      <c r="S6731" s="19"/>
      <c r="T6731" s="19"/>
      <c r="U6731" s="19"/>
      <c r="V6731" s="19"/>
      <c r="W6731" s="19"/>
      <c r="X6731" s="19"/>
      <c r="Y6731" s="19"/>
      <c r="Z6731" s="19"/>
      <c r="AA6731" s="19"/>
    </row>
    <row r="6732" spans="1:27" s="1" customFormat="1" ht="14.1" customHeight="1" outlineLevel="2" x14ac:dyDescent="0.2">
      <c r="A6732" s="17">
        <v>11511</v>
      </c>
      <c r="B6732" s="17"/>
      <c r="C6732" s="17"/>
      <c r="D6732" s="18" t="s">
        <v>3347</v>
      </c>
      <c r="E6732" s="18"/>
      <c r="F6732" s="18"/>
      <c r="G6732" s="18"/>
      <c r="H6732" s="18"/>
      <c r="I6732" s="18"/>
      <c r="J6732" s="18"/>
      <c r="K6732" s="18"/>
      <c r="L6732" s="18"/>
      <c r="M6732" s="18"/>
      <c r="N6732" s="18"/>
      <c r="O6732" s="18"/>
      <c r="P6732" s="19">
        <v>320</v>
      </c>
      <c r="Q6732" s="19"/>
      <c r="R6732" s="19"/>
      <c r="S6732" s="19"/>
      <c r="T6732" s="19">
        <v>250</v>
      </c>
      <c r="U6732" s="19"/>
      <c r="V6732" s="19"/>
      <c r="W6732" s="19"/>
      <c r="X6732" s="19">
        <v>19</v>
      </c>
      <c r="Y6732" s="19"/>
      <c r="Z6732" s="19"/>
      <c r="AA6732" s="19"/>
    </row>
    <row r="6733" spans="1:27" s="1" customFormat="1" ht="14.1" customHeight="1" outlineLevel="2" x14ac:dyDescent="0.2">
      <c r="A6733" s="17"/>
      <c r="B6733" s="17"/>
      <c r="C6733" s="17"/>
      <c r="D6733" s="18"/>
      <c r="E6733" s="18"/>
      <c r="F6733" s="18"/>
      <c r="G6733" s="18"/>
      <c r="H6733" s="18"/>
      <c r="I6733" s="18"/>
      <c r="J6733" s="18"/>
      <c r="K6733" s="18"/>
      <c r="L6733" s="18"/>
      <c r="M6733" s="18"/>
      <c r="N6733" s="18"/>
      <c r="O6733" s="18"/>
      <c r="P6733" s="19"/>
      <c r="Q6733" s="19"/>
      <c r="R6733" s="19"/>
      <c r="S6733" s="19"/>
      <c r="T6733" s="19"/>
      <c r="U6733" s="19"/>
      <c r="V6733" s="19"/>
      <c r="W6733" s="19"/>
      <c r="X6733" s="19"/>
      <c r="Y6733" s="19"/>
      <c r="Z6733" s="19"/>
      <c r="AA6733" s="19"/>
    </row>
    <row r="6734" spans="1:27" s="1" customFormat="1" ht="14.1" customHeight="1" outlineLevel="2" x14ac:dyDescent="0.2">
      <c r="A6734" s="17">
        <v>11510</v>
      </c>
      <c r="B6734" s="17"/>
      <c r="C6734" s="17"/>
      <c r="D6734" s="18" t="s">
        <v>3348</v>
      </c>
      <c r="E6734" s="18"/>
      <c r="F6734" s="18"/>
      <c r="G6734" s="18"/>
      <c r="H6734" s="18"/>
      <c r="I6734" s="18"/>
      <c r="J6734" s="18"/>
      <c r="K6734" s="18"/>
      <c r="L6734" s="18"/>
      <c r="M6734" s="18"/>
      <c r="N6734" s="18"/>
      <c r="O6734" s="18"/>
      <c r="P6734" s="19">
        <v>320</v>
      </c>
      <c r="Q6734" s="19"/>
      <c r="R6734" s="19"/>
      <c r="S6734" s="19"/>
      <c r="T6734" s="19">
        <v>250</v>
      </c>
      <c r="U6734" s="19"/>
      <c r="V6734" s="19"/>
      <c r="W6734" s="19"/>
      <c r="X6734" s="19">
        <v>19</v>
      </c>
      <c r="Y6734" s="19"/>
      <c r="Z6734" s="19"/>
      <c r="AA6734" s="19"/>
    </row>
    <row r="6735" spans="1:27" s="1" customFormat="1" ht="14.1" customHeight="1" outlineLevel="2" x14ac:dyDescent="0.2">
      <c r="A6735" s="17"/>
      <c r="B6735" s="17"/>
      <c r="C6735" s="17"/>
      <c r="D6735" s="18"/>
      <c r="E6735" s="18"/>
      <c r="F6735" s="18"/>
      <c r="G6735" s="18"/>
      <c r="H6735" s="18"/>
      <c r="I6735" s="18"/>
      <c r="J6735" s="18"/>
      <c r="K6735" s="18"/>
      <c r="L6735" s="18"/>
      <c r="M6735" s="18"/>
      <c r="N6735" s="18"/>
      <c r="O6735" s="18"/>
      <c r="P6735" s="19"/>
      <c r="Q6735" s="19"/>
      <c r="R6735" s="19"/>
      <c r="S6735" s="19"/>
      <c r="T6735" s="19"/>
      <c r="U6735" s="19"/>
      <c r="V6735" s="19"/>
      <c r="W6735" s="19"/>
      <c r="X6735" s="19"/>
      <c r="Y6735" s="19"/>
      <c r="Z6735" s="19"/>
      <c r="AA6735" s="19"/>
    </row>
    <row r="6736" spans="1:27" s="1" customFormat="1" ht="14.1" customHeight="1" outlineLevel="2" x14ac:dyDescent="0.2">
      <c r="A6736" s="17">
        <v>17534</v>
      </c>
      <c r="B6736" s="17"/>
      <c r="C6736" s="17"/>
      <c r="D6736" s="18" t="s">
        <v>3349</v>
      </c>
      <c r="E6736" s="18"/>
      <c r="F6736" s="18"/>
      <c r="G6736" s="18"/>
      <c r="H6736" s="18"/>
      <c r="I6736" s="18"/>
      <c r="J6736" s="18"/>
      <c r="K6736" s="18"/>
      <c r="L6736" s="18"/>
      <c r="M6736" s="18"/>
      <c r="N6736" s="18"/>
      <c r="O6736" s="18"/>
      <c r="P6736" s="19">
        <v>500</v>
      </c>
      <c r="Q6736" s="19"/>
      <c r="R6736" s="19"/>
      <c r="S6736" s="19"/>
      <c r="T6736" s="19">
        <v>400</v>
      </c>
      <c r="U6736" s="19"/>
      <c r="V6736" s="19"/>
      <c r="W6736" s="19"/>
      <c r="X6736" s="19">
        <v>30</v>
      </c>
      <c r="Y6736" s="19"/>
      <c r="Z6736" s="19"/>
      <c r="AA6736" s="19"/>
    </row>
    <row r="6737" spans="1:27" s="1" customFormat="1" ht="14.1" customHeight="1" outlineLevel="2" x14ac:dyDescent="0.2">
      <c r="A6737" s="17"/>
      <c r="B6737" s="17"/>
      <c r="C6737" s="17"/>
      <c r="D6737" s="18"/>
      <c r="E6737" s="18"/>
      <c r="F6737" s="18"/>
      <c r="G6737" s="18"/>
      <c r="H6737" s="18"/>
      <c r="I6737" s="18"/>
      <c r="J6737" s="18"/>
      <c r="K6737" s="18"/>
      <c r="L6737" s="18"/>
      <c r="M6737" s="18"/>
      <c r="N6737" s="18"/>
      <c r="O6737" s="18"/>
      <c r="P6737" s="19"/>
      <c r="Q6737" s="19"/>
      <c r="R6737" s="19"/>
      <c r="S6737" s="19"/>
      <c r="T6737" s="19"/>
      <c r="U6737" s="19"/>
      <c r="V6737" s="19"/>
      <c r="W6737" s="19"/>
      <c r="X6737" s="19"/>
      <c r="Y6737" s="19"/>
      <c r="Z6737" s="19"/>
      <c r="AA6737" s="19"/>
    </row>
    <row r="6738" spans="1:27" s="1" customFormat="1" ht="14.1" customHeight="1" outlineLevel="2" x14ac:dyDescent="0.2">
      <c r="A6738" s="17">
        <v>9297</v>
      </c>
      <c r="B6738" s="17"/>
      <c r="C6738" s="17"/>
      <c r="D6738" s="18" t="s">
        <v>3350</v>
      </c>
      <c r="E6738" s="18"/>
      <c r="F6738" s="18"/>
      <c r="G6738" s="18"/>
      <c r="H6738" s="18"/>
      <c r="I6738" s="18"/>
      <c r="J6738" s="18"/>
      <c r="K6738" s="18"/>
      <c r="L6738" s="18"/>
      <c r="M6738" s="18"/>
      <c r="N6738" s="18"/>
      <c r="O6738" s="18"/>
      <c r="P6738" s="19">
        <v>450</v>
      </c>
      <c r="Q6738" s="19"/>
      <c r="R6738" s="19"/>
      <c r="S6738" s="19"/>
      <c r="T6738" s="19">
        <v>350</v>
      </c>
      <c r="U6738" s="19"/>
      <c r="V6738" s="19"/>
      <c r="W6738" s="19"/>
      <c r="X6738" s="19">
        <v>5</v>
      </c>
      <c r="Y6738" s="19"/>
      <c r="Z6738" s="19"/>
      <c r="AA6738" s="19"/>
    </row>
    <row r="6739" spans="1:27" s="1" customFormat="1" ht="14.1" customHeight="1" outlineLevel="2" x14ac:dyDescent="0.2">
      <c r="A6739" s="17"/>
      <c r="B6739" s="17"/>
      <c r="C6739" s="17"/>
      <c r="D6739" s="18"/>
      <c r="E6739" s="18"/>
      <c r="F6739" s="18"/>
      <c r="G6739" s="18"/>
      <c r="H6739" s="18"/>
      <c r="I6739" s="18"/>
      <c r="J6739" s="18"/>
      <c r="K6739" s="18"/>
      <c r="L6739" s="18"/>
      <c r="M6739" s="18"/>
      <c r="N6739" s="18"/>
      <c r="O6739" s="18"/>
      <c r="P6739" s="19"/>
      <c r="Q6739" s="19"/>
      <c r="R6739" s="19"/>
      <c r="S6739" s="19"/>
      <c r="T6739" s="19"/>
      <c r="U6739" s="19"/>
      <c r="V6739" s="19"/>
      <c r="W6739" s="19"/>
      <c r="X6739" s="19"/>
      <c r="Y6739" s="19"/>
      <c r="Z6739" s="19"/>
      <c r="AA6739" s="19"/>
    </row>
    <row r="6740" spans="1:27" s="1" customFormat="1" ht="14.1" customHeight="1" outlineLevel="2" x14ac:dyDescent="0.2">
      <c r="A6740" s="17">
        <v>9295</v>
      </c>
      <c r="B6740" s="17"/>
      <c r="C6740" s="17"/>
      <c r="D6740" s="18" t="s">
        <v>3351</v>
      </c>
      <c r="E6740" s="18"/>
      <c r="F6740" s="18"/>
      <c r="G6740" s="18"/>
      <c r="H6740" s="18"/>
      <c r="I6740" s="18"/>
      <c r="J6740" s="18"/>
      <c r="K6740" s="18"/>
      <c r="L6740" s="18"/>
      <c r="M6740" s="18"/>
      <c r="N6740" s="18"/>
      <c r="O6740" s="18"/>
      <c r="P6740" s="19">
        <v>450</v>
      </c>
      <c r="Q6740" s="19"/>
      <c r="R6740" s="19"/>
      <c r="S6740" s="19"/>
      <c r="T6740" s="19">
        <v>350</v>
      </c>
      <c r="U6740" s="19"/>
      <c r="V6740" s="19"/>
      <c r="W6740" s="19"/>
      <c r="X6740" s="19">
        <v>3</v>
      </c>
      <c r="Y6740" s="19"/>
      <c r="Z6740" s="19"/>
      <c r="AA6740" s="19"/>
    </row>
    <row r="6741" spans="1:27" s="1" customFormat="1" ht="14.1" customHeight="1" outlineLevel="2" x14ac:dyDescent="0.2">
      <c r="A6741" s="17"/>
      <c r="B6741" s="17"/>
      <c r="C6741" s="17"/>
      <c r="D6741" s="18"/>
      <c r="E6741" s="18"/>
      <c r="F6741" s="18"/>
      <c r="G6741" s="18"/>
      <c r="H6741" s="18"/>
      <c r="I6741" s="18"/>
      <c r="J6741" s="18"/>
      <c r="K6741" s="18"/>
      <c r="L6741" s="18"/>
      <c r="M6741" s="18"/>
      <c r="N6741" s="18"/>
      <c r="O6741" s="18"/>
      <c r="P6741" s="19"/>
      <c r="Q6741" s="19"/>
      <c r="R6741" s="19"/>
      <c r="S6741" s="19"/>
      <c r="T6741" s="19"/>
      <c r="U6741" s="19"/>
      <c r="V6741" s="19"/>
      <c r="W6741" s="19"/>
      <c r="X6741" s="19"/>
      <c r="Y6741" s="19"/>
      <c r="Z6741" s="19"/>
      <c r="AA6741" s="19"/>
    </row>
    <row r="6742" spans="1:27" s="1" customFormat="1" ht="14.1" customHeight="1" outlineLevel="2" x14ac:dyDescent="0.2">
      <c r="A6742" s="17">
        <v>9296</v>
      </c>
      <c r="B6742" s="17"/>
      <c r="C6742" s="17"/>
      <c r="D6742" s="18" t="s">
        <v>3352</v>
      </c>
      <c r="E6742" s="18"/>
      <c r="F6742" s="18"/>
      <c r="G6742" s="18"/>
      <c r="H6742" s="18"/>
      <c r="I6742" s="18"/>
      <c r="J6742" s="18"/>
      <c r="K6742" s="18"/>
      <c r="L6742" s="18"/>
      <c r="M6742" s="18"/>
      <c r="N6742" s="18"/>
      <c r="O6742" s="18"/>
      <c r="P6742" s="19">
        <v>450</v>
      </c>
      <c r="Q6742" s="19"/>
      <c r="R6742" s="19"/>
      <c r="S6742" s="19"/>
      <c r="T6742" s="19">
        <v>350</v>
      </c>
      <c r="U6742" s="19"/>
      <c r="V6742" s="19"/>
      <c r="W6742" s="19"/>
      <c r="X6742" s="19">
        <v>1</v>
      </c>
      <c r="Y6742" s="19"/>
      <c r="Z6742" s="19"/>
      <c r="AA6742" s="19"/>
    </row>
    <row r="6743" spans="1:27" s="1" customFormat="1" ht="14.1" customHeight="1" outlineLevel="2" x14ac:dyDescent="0.2">
      <c r="A6743" s="17"/>
      <c r="B6743" s="17"/>
      <c r="C6743" s="17"/>
      <c r="D6743" s="18"/>
      <c r="E6743" s="18"/>
      <c r="F6743" s="18"/>
      <c r="G6743" s="18"/>
      <c r="H6743" s="18"/>
      <c r="I6743" s="18"/>
      <c r="J6743" s="18"/>
      <c r="K6743" s="18"/>
      <c r="L6743" s="18"/>
      <c r="M6743" s="18"/>
      <c r="N6743" s="18"/>
      <c r="O6743" s="18"/>
      <c r="P6743" s="19"/>
      <c r="Q6743" s="19"/>
      <c r="R6743" s="19"/>
      <c r="S6743" s="19"/>
      <c r="T6743" s="19"/>
      <c r="U6743" s="19"/>
      <c r="V6743" s="19"/>
      <c r="W6743" s="19"/>
      <c r="X6743" s="19"/>
      <c r="Y6743" s="19"/>
      <c r="Z6743" s="19"/>
      <c r="AA6743" s="19"/>
    </row>
    <row r="6744" spans="1:27" s="1" customFormat="1" ht="14.1" customHeight="1" outlineLevel="2" x14ac:dyDescent="0.2">
      <c r="A6744" s="17">
        <v>1499</v>
      </c>
      <c r="B6744" s="17"/>
      <c r="C6744" s="17"/>
      <c r="D6744" s="18" t="s">
        <v>3353</v>
      </c>
      <c r="E6744" s="18"/>
      <c r="F6744" s="18"/>
      <c r="G6744" s="18"/>
      <c r="H6744" s="18"/>
      <c r="I6744" s="18"/>
      <c r="J6744" s="18"/>
      <c r="K6744" s="18"/>
      <c r="L6744" s="18"/>
      <c r="M6744" s="18"/>
      <c r="N6744" s="18"/>
      <c r="O6744" s="18"/>
      <c r="P6744" s="19">
        <v>90</v>
      </c>
      <c r="Q6744" s="19"/>
      <c r="R6744" s="19"/>
      <c r="S6744" s="19"/>
      <c r="T6744" s="19">
        <v>60</v>
      </c>
      <c r="U6744" s="19"/>
      <c r="V6744" s="19"/>
      <c r="W6744" s="19"/>
      <c r="X6744" s="19">
        <v>1</v>
      </c>
      <c r="Y6744" s="19"/>
      <c r="Z6744" s="19"/>
      <c r="AA6744" s="19"/>
    </row>
    <row r="6745" spans="1:27" s="1" customFormat="1" ht="14.1" customHeight="1" outlineLevel="2" x14ac:dyDescent="0.2">
      <c r="A6745" s="17"/>
      <c r="B6745" s="17"/>
      <c r="C6745" s="17"/>
      <c r="D6745" s="18"/>
      <c r="E6745" s="18"/>
      <c r="F6745" s="18"/>
      <c r="G6745" s="18"/>
      <c r="H6745" s="18"/>
      <c r="I6745" s="18"/>
      <c r="J6745" s="18"/>
      <c r="K6745" s="18"/>
      <c r="L6745" s="18"/>
      <c r="M6745" s="18"/>
      <c r="N6745" s="18"/>
      <c r="O6745" s="18"/>
      <c r="P6745" s="19"/>
      <c r="Q6745" s="19"/>
      <c r="R6745" s="19"/>
      <c r="S6745" s="19"/>
      <c r="T6745" s="19"/>
      <c r="U6745" s="19"/>
      <c r="V6745" s="19"/>
      <c r="W6745" s="19"/>
      <c r="X6745" s="19"/>
      <c r="Y6745" s="19"/>
      <c r="Z6745" s="19"/>
      <c r="AA6745" s="19"/>
    </row>
    <row r="6746" spans="1:27" s="1" customFormat="1" ht="14.1" customHeight="1" outlineLevel="2" x14ac:dyDescent="0.2">
      <c r="A6746" s="17">
        <v>1486</v>
      </c>
      <c r="B6746" s="17"/>
      <c r="C6746" s="17"/>
      <c r="D6746" s="18" t="s">
        <v>3354</v>
      </c>
      <c r="E6746" s="18"/>
      <c r="F6746" s="18"/>
      <c r="G6746" s="18"/>
      <c r="H6746" s="18"/>
      <c r="I6746" s="18"/>
      <c r="J6746" s="18"/>
      <c r="K6746" s="18"/>
      <c r="L6746" s="18"/>
      <c r="M6746" s="18"/>
      <c r="N6746" s="18"/>
      <c r="O6746" s="18"/>
      <c r="P6746" s="19">
        <v>70</v>
      </c>
      <c r="Q6746" s="19"/>
      <c r="R6746" s="19"/>
      <c r="S6746" s="19"/>
      <c r="T6746" s="19">
        <v>50</v>
      </c>
      <c r="U6746" s="19"/>
      <c r="V6746" s="19"/>
      <c r="W6746" s="19"/>
      <c r="X6746" s="19">
        <v>6</v>
      </c>
      <c r="Y6746" s="19"/>
      <c r="Z6746" s="19"/>
      <c r="AA6746" s="19"/>
    </row>
    <row r="6747" spans="1:27" s="1" customFormat="1" ht="14.1" customHeight="1" outlineLevel="2" x14ac:dyDescent="0.2">
      <c r="A6747" s="17"/>
      <c r="B6747" s="17"/>
      <c r="C6747" s="17"/>
      <c r="D6747" s="18"/>
      <c r="E6747" s="18"/>
      <c r="F6747" s="18"/>
      <c r="G6747" s="18"/>
      <c r="H6747" s="18"/>
      <c r="I6747" s="18"/>
      <c r="J6747" s="18"/>
      <c r="K6747" s="18"/>
      <c r="L6747" s="18"/>
      <c r="M6747" s="18"/>
      <c r="N6747" s="18"/>
      <c r="O6747" s="18"/>
      <c r="P6747" s="19"/>
      <c r="Q6747" s="19"/>
      <c r="R6747" s="19"/>
      <c r="S6747" s="19"/>
      <c r="T6747" s="19"/>
      <c r="U6747" s="19"/>
      <c r="V6747" s="19"/>
      <c r="W6747" s="19"/>
      <c r="X6747" s="19"/>
      <c r="Y6747" s="19"/>
      <c r="Z6747" s="19"/>
      <c r="AA6747" s="19"/>
    </row>
    <row r="6748" spans="1:27" s="1" customFormat="1" ht="11.1" customHeight="1" outlineLevel="2" x14ac:dyDescent="0.2">
      <c r="A6748" s="17">
        <v>1487</v>
      </c>
      <c r="B6748" s="17"/>
      <c r="C6748" s="17"/>
      <c r="D6748" s="18" t="s">
        <v>3355</v>
      </c>
      <c r="E6748" s="18"/>
      <c r="F6748" s="18"/>
      <c r="G6748" s="18"/>
      <c r="H6748" s="18"/>
      <c r="I6748" s="18"/>
      <c r="J6748" s="18"/>
      <c r="K6748" s="18"/>
      <c r="L6748" s="18"/>
      <c r="M6748" s="18"/>
      <c r="N6748" s="18"/>
      <c r="O6748" s="18"/>
      <c r="P6748" s="19">
        <v>90</v>
      </c>
      <c r="Q6748" s="19"/>
      <c r="R6748" s="19"/>
      <c r="S6748" s="19"/>
      <c r="T6748" s="19">
        <v>60</v>
      </c>
      <c r="U6748" s="19"/>
      <c r="V6748" s="19"/>
      <c r="W6748" s="19"/>
      <c r="X6748" s="19">
        <v>1</v>
      </c>
      <c r="Y6748" s="19"/>
      <c r="Z6748" s="19"/>
      <c r="AA6748" s="19"/>
    </row>
    <row r="6749" spans="1:27" s="1" customFormat="1" ht="11.1" customHeight="1" outlineLevel="2" x14ac:dyDescent="0.2">
      <c r="A6749" s="17"/>
      <c r="B6749" s="17"/>
      <c r="C6749" s="17"/>
      <c r="D6749" s="18"/>
      <c r="E6749" s="18"/>
      <c r="F6749" s="18"/>
      <c r="G6749" s="18"/>
      <c r="H6749" s="18"/>
      <c r="I6749" s="18"/>
      <c r="J6749" s="18"/>
      <c r="K6749" s="18"/>
      <c r="L6749" s="18"/>
      <c r="M6749" s="18"/>
      <c r="N6749" s="18"/>
      <c r="O6749" s="18"/>
      <c r="P6749" s="19"/>
      <c r="Q6749" s="19"/>
      <c r="R6749" s="19"/>
      <c r="S6749" s="19"/>
      <c r="T6749" s="19"/>
      <c r="U6749" s="19"/>
      <c r="V6749" s="19"/>
      <c r="W6749" s="19"/>
      <c r="X6749" s="19"/>
      <c r="Y6749" s="19"/>
      <c r="Z6749" s="19"/>
      <c r="AA6749" s="19"/>
    </row>
    <row r="6750" spans="1:27" s="1" customFormat="1" ht="11.1" customHeight="1" outlineLevel="2" x14ac:dyDescent="0.2">
      <c r="A6750" s="17">
        <v>1488</v>
      </c>
      <c r="B6750" s="17"/>
      <c r="C6750" s="17"/>
      <c r="D6750" s="18" t="s">
        <v>3356</v>
      </c>
      <c r="E6750" s="18"/>
      <c r="F6750" s="18"/>
      <c r="G6750" s="18"/>
      <c r="H6750" s="18"/>
      <c r="I6750" s="18"/>
      <c r="J6750" s="18"/>
      <c r="K6750" s="18"/>
      <c r="L6750" s="18"/>
      <c r="M6750" s="18"/>
      <c r="N6750" s="18"/>
      <c r="O6750" s="18"/>
      <c r="P6750" s="19">
        <v>90</v>
      </c>
      <c r="Q6750" s="19"/>
      <c r="R6750" s="19"/>
      <c r="S6750" s="19"/>
      <c r="T6750" s="19">
        <v>60</v>
      </c>
      <c r="U6750" s="19"/>
      <c r="V6750" s="19"/>
      <c r="W6750" s="19"/>
      <c r="X6750" s="19">
        <v>2</v>
      </c>
      <c r="Y6750" s="19"/>
      <c r="Z6750" s="19"/>
      <c r="AA6750" s="19"/>
    </row>
    <row r="6751" spans="1:27" s="1" customFormat="1" ht="11.1" customHeight="1" outlineLevel="2" x14ac:dyDescent="0.2">
      <c r="A6751" s="17"/>
      <c r="B6751" s="17"/>
      <c r="C6751" s="17"/>
      <c r="D6751" s="18"/>
      <c r="E6751" s="18"/>
      <c r="F6751" s="18"/>
      <c r="G6751" s="18"/>
      <c r="H6751" s="18"/>
      <c r="I6751" s="18"/>
      <c r="J6751" s="18"/>
      <c r="K6751" s="18"/>
      <c r="L6751" s="18"/>
      <c r="M6751" s="18"/>
      <c r="N6751" s="18"/>
      <c r="O6751" s="18"/>
      <c r="P6751" s="19"/>
      <c r="Q6751" s="19"/>
      <c r="R6751" s="19"/>
      <c r="S6751" s="19"/>
      <c r="T6751" s="19"/>
      <c r="U6751" s="19"/>
      <c r="V6751" s="19"/>
      <c r="W6751" s="19"/>
      <c r="X6751" s="19"/>
      <c r="Y6751" s="19"/>
      <c r="Z6751" s="19"/>
      <c r="AA6751" s="19"/>
    </row>
    <row r="6752" spans="1:27" s="1" customFormat="1" ht="14.1" customHeight="1" outlineLevel="2" x14ac:dyDescent="0.2">
      <c r="A6752" s="17">
        <v>14392</v>
      </c>
      <c r="B6752" s="17"/>
      <c r="C6752" s="17"/>
      <c r="D6752" s="18" t="s">
        <v>3357</v>
      </c>
      <c r="E6752" s="18"/>
      <c r="F6752" s="18"/>
      <c r="G6752" s="18"/>
      <c r="H6752" s="18"/>
      <c r="I6752" s="18"/>
      <c r="J6752" s="18"/>
      <c r="K6752" s="18"/>
      <c r="L6752" s="18"/>
      <c r="M6752" s="18"/>
      <c r="N6752" s="18"/>
      <c r="O6752" s="18"/>
      <c r="P6752" s="19">
        <v>620</v>
      </c>
      <c r="Q6752" s="19"/>
      <c r="R6752" s="19"/>
      <c r="S6752" s="19"/>
      <c r="T6752" s="19">
        <v>540</v>
      </c>
      <c r="U6752" s="19"/>
      <c r="V6752" s="19"/>
      <c r="W6752" s="19"/>
      <c r="X6752" s="19">
        <v>29</v>
      </c>
      <c r="Y6752" s="19"/>
      <c r="Z6752" s="19"/>
      <c r="AA6752" s="19"/>
    </row>
    <row r="6753" spans="1:27" s="1" customFormat="1" ht="14.1" customHeight="1" outlineLevel="2" x14ac:dyDescent="0.2">
      <c r="A6753" s="17"/>
      <c r="B6753" s="17"/>
      <c r="C6753" s="17"/>
      <c r="D6753" s="18"/>
      <c r="E6753" s="18"/>
      <c r="F6753" s="18"/>
      <c r="G6753" s="18"/>
      <c r="H6753" s="18"/>
      <c r="I6753" s="18"/>
      <c r="J6753" s="18"/>
      <c r="K6753" s="18"/>
      <c r="L6753" s="18"/>
      <c r="M6753" s="18"/>
      <c r="N6753" s="18"/>
      <c r="O6753" s="18"/>
      <c r="P6753" s="19"/>
      <c r="Q6753" s="19"/>
      <c r="R6753" s="19"/>
      <c r="S6753" s="19"/>
      <c r="T6753" s="19"/>
      <c r="U6753" s="19"/>
      <c r="V6753" s="19"/>
      <c r="W6753" s="19"/>
      <c r="X6753" s="19"/>
      <c r="Y6753" s="19"/>
      <c r="Z6753" s="19"/>
      <c r="AA6753" s="19"/>
    </row>
    <row r="6754" spans="1:27" s="1" customFormat="1" ht="14.1" customHeight="1" outlineLevel="2" x14ac:dyDescent="0.2">
      <c r="A6754" s="17">
        <v>14391</v>
      </c>
      <c r="B6754" s="17"/>
      <c r="C6754" s="17"/>
      <c r="D6754" s="18" t="s">
        <v>3358</v>
      </c>
      <c r="E6754" s="18"/>
      <c r="F6754" s="18"/>
      <c r="G6754" s="18"/>
      <c r="H6754" s="18"/>
      <c r="I6754" s="18"/>
      <c r="J6754" s="18"/>
      <c r="K6754" s="18"/>
      <c r="L6754" s="18"/>
      <c r="M6754" s="18"/>
      <c r="N6754" s="18"/>
      <c r="O6754" s="18"/>
      <c r="P6754" s="19">
        <v>620</v>
      </c>
      <c r="Q6754" s="19"/>
      <c r="R6754" s="19"/>
      <c r="S6754" s="19"/>
      <c r="T6754" s="19">
        <v>540</v>
      </c>
      <c r="U6754" s="19"/>
      <c r="V6754" s="19"/>
      <c r="W6754" s="19"/>
      <c r="X6754" s="19">
        <v>27</v>
      </c>
      <c r="Y6754" s="19"/>
      <c r="Z6754" s="19"/>
      <c r="AA6754" s="19"/>
    </row>
    <row r="6755" spans="1:27" s="1" customFormat="1" ht="14.1" customHeight="1" outlineLevel="2" x14ac:dyDescent="0.2">
      <c r="A6755" s="17"/>
      <c r="B6755" s="17"/>
      <c r="C6755" s="17"/>
      <c r="D6755" s="18"/>
      <c r="E6755" s="18"/>
      <c r="F6755" s="18"/>
      <c r="G6755" s="18"/>
      <c r="H6755" s="18"/>
      <c r="I6755" s="18"/>
      <c r="J6755" s="18"/>
      <c r="K6755" s="18"/>
      <c r="L6755" s="18"/>
      <c r="M6755" s="18"/>
      <c r="N6755" s="18"/>
      <c r="O6755" s="18"/>
      <c r="P6755" s="19"/>
      <c r="Q6755" s="19"/>
      <c r="R6755" s="19"/>
      <c r="S6755" s="19"/>
      <c r="T6755" s="19"/>
      <c r="U6755" s="19"/>
      <c r="V6755" s="19"/>
      <c r="W6755" s="19"/>
      <c r="X6755" s="19"/>
      <c r="Y6755" s="19"/>
      <c r="Z6755" s="19"/>
      <c r="AA6755" s="19"/>
    </row>
    <row r="6756" spans="1:27" s="1" customFormat="1" ht="11.1" customHeight="1" outlineLevel="1" x14ac:dyDescent="0.2">
      <c r="A6756" s="16" t="s">
        <v>3359</v>
      </c>
      <c r="B6756" s="16"/>
      <c r="C6756" s="16"/>
      <c r="D6756" s="16"/>
      <c r="E6756" s="16"/>
      <c r="F6756" s="16"/>
      <c r="G6756" s="16"/>
      <c r="H6756" s="16"/>
      <c r="I6756" s="16"/>
      <c r="J6756" s="16"/>
      <c r="K6756" s="16"/>
      <c r="L6756" s="16"/>
      <c r="M6756" s="16"/>
      <c r="N6756" s="16"/>
      <c r="O6756" s="16"/>
      <c r="P6756" s="16"/>
      <c r="Q6756" s="16"/>
      <c r="R6756" s="16"/>
      <c r="S6756" s="16"/>
      <c r="T6756" s="16"/>
      <c r="U6756" s="16"/>
      <c r="V6756" s="16"/>
      <c r="W6756" s="16"/>
      <c r="X6756" s="16"/>
      <c r="Y6756" s="16"/>
      <c r="Z6756" s="16"/>
      <c r="AA6756" s="16"/>
    </row>
    <row r="6757" spans="1:27" s="1" customFormat="1" ht="11.1" customHeight="1" outlineLevel="1" x14ac:dyDescent="0.2">
      <c r="A6757" s="16"/>
      <c r="B6757" s="16"/>
      <c r="C6757" s="16"/>
      <c r="D6757" s="16"/>
      <c r="E6757" s="16"/>
      <c r="F6757" s="16"/>
      <c r="G6757" s="16"/>
      <c r="H6757" s="16"/>
      <c r="I6757" s="16"/>
      <c r="J6757" s="16"/>
      <c r="K6757" s="16"/>
      <c r="L6757" s="16"/>
      <c r="M6757" s="16"/>
      <c r="N6757" s="16"/>
      <c r="O6757" s="16"/>
      <c r="P6757" s="16"/>
      <c r="Q6757" s="16"/>
      <c r="R6757" s="16"/>
      <c r="S6757" s="16"/>
      <c r="T6757" s="16"/>
      <c r="U6757" s="16"/>
      <c r="V6757" s="16"/>
      <c r="W6757" s="16"/>
      <c r="X6757" s="16"/>
      <c r="Y6757" s="16"/>
      <c r="Z6757" s="16"/>
      <c r="AA6757" s="16"/>
    </row>
    <row r="6758" spans="1:27" s="1" customFormat="1" ht="14.1" customHeight="1" outlineLevel="2" x14ac:dyDescent="0.2">
      <c r="A6758" s="17">
        <v>17785</v>
      </c>
      <c r="B6758" s="17"/>
      <c r="C6758" s="17"/>
      <c r="D6758" s="18" t="s">
        <v>3360</v>
      </c>
      <c r="E6758" s="18"/>
      <c r="F6758" s="18"/>
      <c r="G6758" s="18"/>
      <c r="H6758" s="18"/>
      <c r="I6758" s="18"/>
      <c r="J6758" s="18"/>
      <c r="K6758" s="18"/>
      <c r="L6758" s="18"/>
      <c r="M6758" s="18"/>
      <c r="N6758" s="18"/>
      <c r="O6758" s="18"/>
      <c r="P6758" s="19">
        <v>100</v>
      </c>
      <c r="Q6758" s="19"/>
      <c r="R6758" s="19"/>
      <c r="S6758" s="19"/>
      <c r="T6758" s="19">
        <v>70</v>
      </c>
      <c r="U6758" s="19"/>
      <c r="V6758" s="19"/>
      <c r="W6758" s="19"/>
      <c r="X6758" s="19">
        <v>20</v>
      </c>
      <c r="Y6758" s="19"/>
      <c r="Z6758" s="19"/>
      <c r="AA6758" s="19"/>
    </row>
    <row r="6759" spans="1:27" s="1" customFormat="1" ht="14.1" customHeight="1" outlineLevel="2" x14ac:dyDescent="0.2">
      <c r="A6759" s="17"/>
      <c r="B6759" s="17"/>
      <c r="C6759" s="17"/>
      <c r="D6759" s="18"/>
      <c r="E6759" s="18"/>
      <c r="F6759" s="18"/>
      <c r="G6759" s="18"/>
      <c r="H6759" s="18"/>
      <c r="I6759" s="18"/>
      <c r="J6759" s="18"/>
      <c r="K6759" s="18"/>
      <c r="L6759" s="18"/>
      <c r="M6759" s="18"/>
      <c r="N6759" s="18"/>
      <c r="O6759" s="18"/>
      <c r="P6759" s="19"/>
      <c r="Q6759" s="19"/>
      <c r="R6759" s="19"/>
      <c r="S6759" s="19"/>
      <c r="T6759" s="19"/>
      <c r="U6759" s="19"/>
      <c r="V6759" s="19"/>
      <c r="W6759" s="19"/>
      <c r="X6759" s="19"/>
      <c r="Y6759" s="19"/>
      <c r="Z6759" s="19"/>
      <c r="AA6759" s="19"/>
    </row>
    <row r="6760" spans="1:27" s="1" customFormat="1" ht="11.1" customHeight="1" outlineLevel="2" x14ac:dyDescent="0.2">
      <c r="A6760" s="17">
        <v>17737</v>
      </c>
      <c r="B6760" s="17"/>
      <c r="C6760" s="17"/>
      <c r="D6760" s="18" t="s">
        <v>3361</v>
      </c>
      <c r="E6760" s="18"/>
      <c r="F6760" s="18"/>
      <c r="G6760" s="18"/>
      <c r="H6760" s="18"/>
      <c r="I6760" s="18"/>
      <c r="J6760" s="18"/>
      <c r="K6760" s="18"/>
      <c r="L6760" s="18"/>
      <c r="M6760" s="18"/>
      <c r="N6760" s="18"/>
      <c r="O6760" s="18"/>
      <c r="P6760" s="19">
        <v>100</v>
      </c>
      <c r="Q6760" s="19"/>
      <c r="R6760" s="19"/>
      <c r="S6760" s="19"/>
      <c r="T6760" s="19">
        <v>70</v>
      </c>
      <c r="U6760" s="19"/>
      <c r="V6760" s="19"/>
      <c r="W6760" s="19"/>
      <c r="X6760" s="19">
        <v>17</v>
      </c>
      <c r="Y6760" s="19"/>
      <c r="Z6760" s="19"/>
      <c r="AA6760" s="19"/>
    </row>
    <row r="6761" spans="1:27" s="1" customFormat="1" ht="11.1" customHeight="1" outlineLevel="2" x14ac:dyDescent="0.2">
      <c r="A6761" s="17"/>
      <c r="B6761" s="17"/>
      <c r="C6761" s="17"/>
      <c r="D6761" s="18"/>
      <c r="E6761" s="18"/>
      <c r="F6761" s="18"/>
      <c r="G6761" s="18"/>
      <c r="H6761" s="18"/>
      <c r="I6761" s="18"/>
      <c r="J6761" s="18"/>
      <c r="K6761" s="18"/>
      <c r="L6761" s="18"/>
      <c r="M6761" s="18"/>
      <c r="N6761" s="18"/>
      <c r="O6761" s="18"/>
      <c r="P6761" s="19"/>
      <c r="Q6761" s="19"/>
      <c r="R6761" s="19"/>
      <c r="S6761" s="19"/>
      <c r="T6761" s="19"/>
      <c r="U6761" s="19"/>
      <c r="V6761" s="19"/>
      <c r="W6761" s="19"/>
      <c r="X6761" s="19"/>
      <c r="Y6761" s="19"/>
      <c r="Z6761" s="19"/>
      <c r="AA6761" s="19"/>
    </row>
    <row r="6762" spans="1:27" s="1" customFormat="1" ht="11.1" customHeight="1" outlineLevel="2" x14ac:dyDescent="0.2">
      <c r="A6762" s="17">
        <v>17786</v>
      </c>
      <c r="B6762" s="17"/>
      <c r="C6762" s="17"/>
      <c r="D6762" s="18" t="s">
        <v>3362</v>
      </c>
      <c r="E6762" s="18"/>
      <c r="F6762" s="18"/>
      <c r="G6762" s="18"/>
      <c r="H6762" s="18"/>
      <c r="I6762" s="18"/>
      <c r="J6762" s="18"/>
      <c r="K6762" s="18"/>
      <c r="L6762" s="18"/>
      <c r="M6762" s="18"/>
      <c r="N6762" s="18"/>
      <c r="O6762" s="18"/>
      <c r="P6762" s="19">
        <v>100</v>
      </c>
      <c r="Q6762" s="19"/>
      <c r="R6762" s="19"/>
      <c r="S6762" s="19"/>
      <c r="T6762" s="19">
        <v>70</v>
      </c>
      <c r="U6762" s="19"/>
      <c r="V6762" s="19"/>
      <c r="W6762" s="19"/>
      <c r="X6762" s="19">
        <v>20</v>
      </c>
      <c r="Y6762" s="19"/>
      <c r="Z6762" s="19"/>
      <c r="AA6762" s="19"/>
    </row>
    <row r="6763" spans="1:27" s="1" customFormat="1" ht="11.1" customHeight="1" outlineLevel="2" x14ac:dyDescent="0.2">
      <c r="A6763" s="17"/>
      <c r="B6763" s="17"/>
      <c r="C6763" s="17"/>
      <c r="D6763" s="18"/>
      <c r="E6763" s="18"/>
      <c r="F6763" s="18"/>
      <c r="G6763" s="18"/>
      <c r="H6763" s="18"/>
      <c r="I6763" s="18"/>
      <c r="J6763" s="18"/>
      <c r="K6763" s="18"/>
      <c r="L6763" s="18"/>
      <c r="M6763" s="18"/>
      <c r="N6763" s="18"/>
      <c r="O6763" s="18"/>
      <c r="P6763" s="19"/>
      <c r="Q6763" s="19"/>
      <c r="R6763" s="19"/>
      <c r="S6763" s="19"/>
      <c r="T6763" s="19"/>
      <c r="U6763" s="19"/>
      <c r="V6763" s="19"/>
      <c r="W6763" s="19"/>
      <c r="X6763" s="19"/>
      <c r="Y6763" s="19"/>
      <c r="Z6763" s="19"/>
      <c r="AA6763" s="19"/>
    </row>
    <row r="6764" spans="1:27" s="1" customFormat="1" ht="11.1" customHeight="1" outlineLevel="2" x14ac:dyDescent="0.2">
      <c r="A6764" s="17">
        <v>17751</v>
      </c>
      <c r="B6764" s="17"/>
      <c r="C6764" s="17"/>
      <c r="D6764" s="18" t="s">
        <v>3363</v>
      </c>
      <c r="E6764" s="18"/>
      <c r="F6764" s="18"/>
      <c r="G6764" s="18"/>
      <c r="H6764" s="18"/>
      <c r="I6764" s="18"/>
      <c r="J6764" s="18"/>
      <c r="K6764" s="18"/>
      <c r="L6764" s="18"/>
      <c r="M6764" s="18"/>
      <c r="N6764" s="18"/>
      <c r="O6764" s="18"/>
      <c r="P6764" s="19">
        <v>100</v>
      </c>
      <c r="Q6764" s="19"/>
      <c r="R6764" s="19"/>
      <c r="S6764" s="19"/>
      <c r="T6764" s="19">
        <v>70</v>
      </c>
      <c r="U6764" s="19"/>
      <c r="V6764" s="19"/>
      <c r="W6764" s="19"/>
      <c r="X6764" s="19">
        <v>50</v>
      </c>
      <c r="Y6764" s="19"/>
      <c r="Z6764" s="19"/>
      <c r="AA6764" s="19"/>
    </row>
    <row r="6765" spans="1:27" s="1" customFormat="1" ht="11.1" customHeight="1" outlineLevel="2" x14ac:dyDescent="0.2">
      <c r="A6765" s="17"/>
      <c r="B6765" s="17"/>
      <c r="C6765" s="17"/>
      <c r="D6765" s="18"/>
      <c r="E6765" s="18"/>
      <c r="F6765" s="18"/>
      <c r="G6765" s="18"/>
      <c r="H6765" s="18"/>
      <c r="I6765" s="18"/>
      <c r="J6765" s="18"/>
      <c r="K6765" s="18"/>
      <c r="L6765" s="18"/>
      <c r="M6765" s="18"/>
      <c r="N6765" s="18"/>
      <c r="O6765" s="18"/>
      <c r="P6765" s="19"/>
      <c r="Q6765" s="19"/>
      <c r="R6765" s="19"/>
      <c r="S6765" s="19"/>
      <c r="T6765" s="19"/>
      <c r="U6765" s="19"/>
      <c r="V6765" s="19"/>
      <c r="W6765" s="19"/>
      <c r="X6765" s="19"/>
      <c r="Y6765" s="19"/>
      <c r="Z6765" s="19"/>
      <c r="AA6765" s="19"/>
    </row>
    <row r="6766" spans="1:27" s="1" customFormat="1" ht="14.1" customHeight="1" outlineLevel="2" x14ac:dyDescent="0.2">
      <c r="A6766" s="17">
        <v>17750</v>
      </c>
      <c r="B6766" s="17"/>
      <c r="C6766" s="17"/>
      <c r="D6766" s="18" t="s">
        <v>3364</v>
      </c>
      <c r="E6766" s="18"/>
      <c r="F6766" s="18"/>
      <c r="G6766" s="18"/>
      <c r="H6766" s="18"/>
      <c r="I6766" s="18"/>
      <c r="J6766" s="18"/>
      <c r="K6766" s="18"/>
      <c r="L6766" s="18"/>
      <c r="M6766" s="18"/>
      <c r="N6766" s="18"/>
      <c r="O6766" s="18"/>
      <c r="P6766" s="19">
        <v>100</v>
      </c>
      <c r="Q6766" s="19"/>
      <c r="R6766" s="19"/>
      <c r="S6766" s="19"/>
      <c r="T6766" s="19">
        <v>70</v>
      </c>
      <c r="U6766" s="19"/>
      <c r="V6766" s="19"/>
      <c r="W6766" s="19"/>
      <c r="X6766" s="19">
        <v>50</v>
      </c>
      <c r="Y6766" s="19"/>
      <c r="Z6766" s="19"/>
      <c r="AA6766" s="19"/>
    </row>
    <row r="6767" spans="1:27" s="1" customFormat="1" ht="14.1" customHeight="1" outlineLevel="2" x14ac:dyDescent="0.2">
      <c r="A6767" s="17"/>
      <c r="B6767" s="17"/>
      <c r="C6767" s="17"/>
      <c r="D6767" s="18"/>
      <c r="E6767" s="18"/>
      <c r="F6767" s="18"/>
      <c r="G6767" s="18"/>
      <c r="H6767" s="18"/>
      <c r="I6767" s="18"/>
      <c r="J6767" s="18"/>
      <c r="K6767" s="18"/>
      <c r="L6767" s="18"/>
      <c r="M6767" s="18"/>
      <c r="N6767" s="18"/>
      <c r="O6767" s="18"/>
      <c r="P6767" s="19"/>
      <c r="Q6767" s="19"/>
      <c r="R6767" s="19"/>
      <c r="S6767" s="19"/>
      <c r="T6767" s="19"/>
      <c r="U6767" s="19"/>
      <c r="V6767" s="19"/>
      <c r="W6767" s="19"/>
      <c r="X6767" s="19"/>
      <c r="Y6767" s="19"/>
      <c r="Z6767" s="19"/>
      <c r="AA6767" s="19"/>
    </row>
    <row r="6768" spans="1:27" s="1" customFormat="1" ht="11.1" customHeight="1" outlineLevel="2" x14ac:dyDescent="0.2">
      <c r="A6768" s="17">
        <v>17741</v>
      </c>
      <c r="B6768" s="17"/>
      <c r="C6768" s="17"/>
      <c r="D6768" s="18" t="s">
        <v>3365</v>
      </c>
      <c r="E6768" s="18"/>
      <c r="F6768" s="18"/>
      <c r="G6768" s="18"/>
      <c r="H6768" s="18"/>
      <c r="I6768" s="18"/>
      <c r="J6768" s="18"/>
      <c r="K6768" s="18"/>
      <c r="L6768" s="18"/>
      <c r="M6768" s="18"/>
      <c r="N6768" s="18"/>
      <c r="O6768" s="18"/>
      <c r="P6768" s="19">
        <v>100</v>
      </c>
      <c r="Q6768" s="19"/>
      <c r="R6768" s="19"/>
      <c r="S6768" s="19"/>
      <c r="T6768" s="19">
        <v>70</v>
      </c>
      <c r="U6768" s="19"/>
      <c r="V6768" s="19"/>
      <c r="W6768" s="19"/>
      <c r="X6768" s="19">
        <v>19</v>
      </c>
      <c r="Y6768" s="19"/>
      <c r="Z6768" s="19"/>
      <c r="AA6768" s="19"/>
    </row>
    <row r="6769" spans="1:27" s="1" customFormat="1" ht="11.1" customHeight="1" outlineLevel="2" x14ac:dyDescent="0.2">
      <c r="A6769" s="17"/>
      <c r="B6769" s="17"/>
      <c r="C6769" s="17"/>
      <c r="D6769" s="18"/>
      <c r="E6769" s="18"/>
      <c r="F6769" s="18"/>
      <c r="G6769" s="18"/>
      <c r="H6769" s="18"/>
      <c r="I6769" s="18"/>
      <c r="J6769" s="18"/>
      <c r="K6769" s="18"/>
      <c r="L6769" s="18"/>
      <c r="M6769" s="18"/>
      <c r="N6769" s="18"/>
      <c r="O6769" s="18"/>
      <c r="P6769" s="19"/>
      <c r="Q6769" s="19"/>
      <c r="R6769" s="19"/>
      <c r="S6769" s="19"/>
      <c r="T6769" s="19"/>
      <c r="U6769" s="19"/>
      <c r="V6769" s="19"/>
      <c r="W6769" s="19"/>
      <c r="X6769" s="19"/>
      <c r="Y6769" s="19"/>
      <c r="Z6769" s="19"/>
      <c r="AA6769" s="19"/>
    </row>
    <row r="6770" spans="1:27" s="1" customFormat="1" ht="11.1" customHeight="1" outlineLevel="2" x14ac:dyDescent="0.2">
      <c r="A6770" s="17">
        <v>17780</v>
      </c>
      <c r="B6770" s="17"/>
      <c r="C6770" s="17"/>
      <c r="D6770" s="18" t="s">
        <v>3366</v>
      </c>
      <c r="E6770" s="18"/>
      <c r="F6770" s="18"/>
      <c r="G6770" s="18"/>
      <c r="H6770" s="18"/>
      <c r="I6770" s="18"/>
      <c r="J6770" s="18"/>
      <c r="K6770" s="18"/>
      <c r="L6770" s="18"/>
      <c r="M6770" s="18"/>
      <c r="N6770" s="18"/>
      <c r="O6770" s="18"/>
      <c r="P6770" s="19">
        <v>100</v>
      </c>
      <c r="Q6770" s="19"/>
      <c r="R6770" s="19"/>
      <c r="S6770" s="19"/>
      <c r="T6770" s="19">
        <v>70</v>
      </c>
      <c r="U6770" s="19"/>
      <c r="V6770" s="19"/>
      <c r="W6770" s="19"/>
      <c r="X6770" s="19">
        <v>19</v>
      </c>
      <c r="Y6770" s="19"/>
      <c r="Z6770" s="19"/>
      <c r="AA6770" s="19"/>
    </row>
    <row r="6771" spans="1:27" s="1" customFormat="1" ht="11.1" customHeight="1" outlineLevel="2" x14ac:dyDescent="0.2">
      <c r="A6771" s="17"/>
      <c r="B6771" s="17"/>
      <c r="C6771" s="17"/>
      <c r="D6771" s="18"/>
      <c r="E6771" s="18"/>
      <c r="F6771" s="18"/>
      <c r="G6771" s="18"/>
      <c r="H6771" s="18"/>
      <c r="I6771" s="18"/>
      <c r="J6771" s="18"/>
      <c r="K6771" s="18"/>
      <c r="L6771" s="18"/>
      <c r="M6771" s="18"/>
      <c r="N6771" s="18"/>
      <c r="O6771" s="18"/>
      <c r="P6771" s="19"/>
      <c r="Q6771" s="19"/>
      <c r="R6771" s="19"/>
      <c r="S6771" s="19"/>
      <c r="T6771" s="19"/>
      <c r="U6771" s="19"/>
      <c r="V6771" s="19"/>
      <c r="W6771" s="19"/>
      <c r="X6771" s="19"/>
      <c r="Y6771" s="19"/>
      <c r="Z6771" s="19"/>
      <c r="AA6771" s="19"/>
    </row>
    <row r="6772" spans="1:27" s="1" customFormat="1" ht="11.1" customHeight="1" outlineLevel="2" x14ac:dyDescent="0.2">
      <c r="A6772" s="17">
        <v>17771</v>
      </c>
      <c r="B6772" s="17"/>
      <c r="C6772" s="17"/>
      <c r="D6772" s="18" t="s">
        <v>3367</v>
      </c>
      <c r="E6772" s="18"/>
      <c r="F6772" s="18"/>
      <c r="G6772" s="18"/>
      <c r="H6772" s="18"/>
      <c r="I6772" s="18"/>
      <c r="J6772" s="18"/>
      <c r="K6772" s="18"/>
      <c r="L6772" s="18"/>
      <c r="M6772" s="18"/>
      <c r="N6772" s="18"/>
      <c r="O6772" s="18"/>
      <c r="P6772" s="19">
        <v>100</v>
      </c>
      <c r="Q6772" s="19"/>
      <c r="R6772" s="19"/>
      <c r="S6772" s="19"/>
      <c r="T6772" s="19">
        <v>70</v>
      </c>
      <c r="U6772" s="19"/>
      <c r="V6772" s="19"/>
      <c r="W6772" s="19"/>
      <c r="X6772" s="19">
        <v>20</v>
      </c>
      <c r="Y6772" s="19"/>
      <c r="Z6772" s="19"/>
      <c r="AA6772" s="19"/>
    </row>
    <row r="6773" spans="1:27" s="1" customFormat="1" ht="11.1" customHeight="1" outlineLevel="2" x14ac:dyDescent="0.2">
      <c r="A6773" s="17"/>
      <c r="B6773" s="17"/>
      <c r="C6773" s="17"/>
      <c r="D6773" s="18"/>
      <c r="E6773" s="18"/>
      <c r="F6773" s="18"/>
      <c r="G6773" s="18"/>
      <c r="H6773" s="18"/>
      <c r="I6773" s="18"/>
      <c r="J6773" s="18"/>
      <c r="K6773" s="18"/>
      <c r="L6773" s="18"/>
      <c r="M6773" s="18"/>
      <c r="N6773" s="18"/>
      <c r="O6773" s="18"/>
      <c r="P6773" s="19"/>
      <c r="Q6773" s="19"/>
      <c r="R6773" s="19"/>
      <c r="S6773" s="19"/>
      <c r="T6773" s="19"/>
      <c r="U6773" s="19"/>
      <c r="V6773" s="19"/>
      <c r="W6773" s="19"/>
      <c r="X6773" s="19"/>
      <c r="Y6773" s="19"/>
      <c r="Z6773" s="19"/>
      <c r="AA6773" s="19"/>
    </row>
    <row r="6774" spans="1:27" s="1" customFormat="1" ht="11.1" customHeight="1" outlineLevel="2" x14ac:dyDescent="0.2">
      <c r="A6774" s="17">
        <v>17766</v>
      </c>
      <c r="B6774" s="17"/>
      <c r="C6774" s="17"/>
      <c r="D6774" s="18" t="s">
        <v>3368</v>
      </c>
      <c r="E6774" s="18"/>
      <c r="F6774" s="18"/>
      <c r="G6774" s="18"/>
      <c r="H6774" s="18"/>
      <c r="I6774" s="18"/>
      <c r="J6774" s="18"/>
      <c r="K6774" s="18"/>
      <c r="L6774" s="18"/>
      <c r="M6774" s="18"/>
      <c r="N6774" s="18"/>
      <c r="O6774" s="18"/>
      <c r="P6774" s="19">
        <v>100</v>
      </c>
      <c r="Q6774" s="19"/>
      <c r="R6774" s="19"/>
      <c r="S6774" s="19"/>
      <c r="T6774" s="19">
        <v>70</v>
      </c>
      <c r="U6774" s="19"/>
      <c r="V6774" s="19"/>
      <c r="W6774" s="19"/>
      <c r="X6774" s="19">
        <v>20</v>
      </c>
      <c r="Y6774" s="19"/>
      <c r="Z6774" s="19"/>
      <c r="AA6774" s="19"/>
    </row>
    <row r="6775" spans="1:27" s="1" customFormat="1" ht="11.1" customHeight="1" outlineLevel="2" x14ac:dyDescent="0.2">
      <c r="A6775" s="17"/>
      <c r="B6775" s="17"/>
      <c r="C6775" s="17"/>
      <c r="D6775" s="18"/>
      <c r="E6775" s="18"/>
      <c r="F6775" s="18"/>
      <c r="G6775" s="18"/>
      <c r="H6775" s="18"/>
      <c r="I6775" s="18"/>
      <c r="J6775" s="18"/>
      <c r="K6775" s="18"/>
      <c r="L6775" s="18"/>
      <c r="M6775" s="18"/>
      <c r="N6775" s="18"/>
      <c r="O6775" s="18"/>
      <c r="P6775" s="19"/>
      <c r="Q6775" s="19"/>
      <c r="R6775" s="19"/>
      <c r="S6775" s="19"/>
      <c r="T6775" s="19"/>
      <c r="U6775" s="19"/>
      <c r="V6775" s="19"/>
      <c r="W6775" s="19"/>
      <c r="X6775" s="19"/>
      <c r="Y6775" s="19"/>
      <c r="Z6775" s="19"/>
      <c r="AA6775" s="19"/>
    </row>
    <row r="6776" spans="1:27" s="1" customFormat="1" ht="11.1" customHeight="1" outlineLevel="2" x14ac:dyDescent="0.2">
      <c r="A6776" s="17">
        <v>17767</v>
      </c>
      <c r="B6776" s="17"/>
      <c r="C6776" s="17"/>
      <c r="D6776" s="18" t="s">
        <v>3369</v>
      </c>
      <c r="E6776" s="18"/>
      <c r="F6776" s="18"/>
      <c r="G6776" s="18"/>
      <c r="H6776" s="18"/>
      <c r="I6776" s="18"/>
      <c r="J6776" s="18"/>
      <c r="K6776" s="18"/>
      <c r="L6776" s="18"/>
      <c r="M6776" s="18"/>
      <c r="N6776" s="18"/>
      <c r="O6776" s="18"/>
      <c r="P6776" s="19">
        <v>100</v>
      </c>
      <c r="Q6776" s="19"/>
      <c r="R6776" s="19"/>
      <c r="S6776" s="19"/>
      <c r="T6776" s="19">
        <v>70</v>
      </c>
      <c r="U6776" s="19"/>
      <c r="V6776" s="19"/>
      <c r="W6776" s="19"/>
      <c r="X6776" s="19">
        <v>16</v>
      </c>
      <c r="Y6776" s="19"/>
      <c r="Z6776" s="19"/>
      <c r="AA6776" s="19"/>
    </row>
    <row r="6777" spans="1:27" s="1" customFormat="1" ht="11.1" customHeight="1" outlineLevel="2" x14ac:dyDescent="0.2">
      <c r="A6777" s="17"/>
      <c r="B6777" s="17"/>
      <c r="C6777" s="17"/>
      <c r="D6777" s="18"/>
      <c r="E6777" s="18"/>
      <c r="F6777" s="18"/>
      <c r="G6777" s="18"/>
      <c r="H6777" s="18"/>
      <c r="I6777" s="18"/>
      <c r="J6777" s="18"/>
      <c r="K6777" s="18"/>
      <c r="L6777" s="18"/>
      <c r="M6777" s="18"/>
      <c r="N6777" s="18"/>
      <c r="O6777" s="18"/>
      <c r="P6777" s="19"/>
      <c r="Q6777" s="19"/>
      <c r="R6777" s="19"/>
      <c r="S6777" s="19"/>
      <c r="T6777" s="19"/>
      <c r="U6777" s="19"/>
      <c r="V6777" s="19"/>
      <c r="W6777" s="19"/>
      <c r="X6777" s="19"/>
      <c r="Y6777" s="19"/>
      <c r="Z6777" s="19"/>
      <c r="AA6777" s="19"/>
    </row>
    <row r="6778" spans="1:27" s="1" customFormat="1" ht="11.1" customHeight="1" outlineLevel="2" x14ac:dyDescent="0.2">
      <c r="A6778" s="17">
        <v>17742</v>
      </c>
      <c r="B6778" s="17"/>
      <c r="C6778" s="17"/>
      <c r="D6778" s="18" t="s">
        <v>3370</v>
      </c>
      <c r="E6778" s="18"/>
      <c r="F6778" s="18"/>
      <c r="G6778" s="18"/>
      <c r="H6778" s="18"/>
      <c r="I6778" s="18"/>
      <c r="J6778" s="18"/>
      <c r="K6778" s="18"/>
      <c r="L6778" s="18"/>
      <c r="M6778" s="18"/>
      <c r="N6778" s="18"/>
      <c r="O6778" s="18"/>
      <c r="P6778" s="19">
        <v>100</v>
      </c>
      <c r="Q6778" s="19"/>
      <c r="R6778" s="19"/>
      <c r="S6778" s="19"/>
      <c r="T6778" s="19">
        <v>70</v>
      </c>
      <c r="U6778" s="19"/>
      <c r="V6778" s="19"/>
      <c r="W6778" s="19"/>
      <c r="X6778" s="19">
        <v>20</v>
      </c>
      <c r="Y6778" s="19"/>
      <c r="Z6778" s="19"/>
      <c r="AA6778" s="19"/>
    </row>
    <row r="6779" spans="1:27" s="1" customFormat="1" ht="11.1" customHeight="1" outlineLevel="2" x14ac:dyDescent="0.2">
      <c r="A6779" s="17"/>
      <c r="B6779" s="17"/>
      <c r="C6779" s="17"/>
      <c r="D6779" s="18"/>
      <c r="E6779" s="18"/>
      <c r="F6779" s="18"/>
      <c r="G6779" s="18"/>
      <c r="H6779" s="18"/>
      <c r="I6779" s="18"/>
      <c r="J6779" s="18"/>
      <c r="K6779" s="18"/>
      <c r="L6779" s="18"/>
      <c r="M6779" s="18"/>
      <c r="N6779" s="18"/>
      <c r="O6779" s="18"/>
      <c r="P6779" s="19"/>
      <c r="Q6779" s="19"/>
      <c r="R6779" s="19"/>
      <c r="S6779" s="19"/>
      <c r="T6779" s="19"/>
      <c r="U6779" s="19"/>
      <c r="V6779" s="19"/>
      <c r="W6779" s="19"/>
      <c r="X6779" s="19"/>
      <c r="Y6779" s="19"/>
      <c r="Z6779" s="19"/>
      <c r="AA6779" s="19"/>
    </row>
    <row r="6780" spans="1:27" s="1" customFormat="1" ht="14.1" customHeight="1" outlineLevel="2" x14ac:dyDescent="0.2">
      <c r="A6780" s="17">
        <v>17734</v>
      </c>
      <c r="B6780" s="17"/>
      <c r="C6780" s="17"/>
      <c r="D6780" s="18" t="s">
        <v>3371</v>
      </c>
      <c r="E6780" s="18"/>
      <c r="F6780" s="18"/>
      <c r="G6780" s="18"/>
      <c r="H6780" s="18"/>
      <c r="I6780" s="18"/>
      <c r="J6780" s="18"/>
      <c r="K6780" s="18"/>
      <c r="L6780" s="18"/>
      <c r="M6780" s="18"/>
      <c r="N6780" s="18"/>
      <c r="O6780" s="18"/>
      <c r="P6780" s="19">
        <v>100</v>
      </c>
      <c r="Q6780" s="19"/>
      <c r="R6780" s="19"/>
      <c r="S6780" s="19"/>
      <c r="T6780" s="19">
        <v>70</v>
      </c>
      <c r="U6780" s="19"/>
      <c r="V6780" s="19"/>
      <c r="W6780" s="19"/>
      <c r="X6780" s="19">
        <v>20</v>
      </c>
      <c r="Y6780" s="19"/>
      <c r="Z6780" s="19"/>
      <c r="AA6780" s="19"/>
    </row>
    <row r="6781" spans="1:27" s="1" customFormat="1" ht="14.1" customHeight="1" outlineLevel="2" x14ac:dyDescent="0.2">
      <c r="A6781" s="17"/>
      <c r="B6781" s="17"/>
      <c r="C6781" s="17"/>
      <c r="D6781" s="18"/>
      <c r="E6781" s="18"/>
      <c r="F6781" s="18"/>
      <c r="G6781" s="18"/>
      <c r="H6781" s="18"/>
      <c r="I6781" s="18"/>
      <c r="J6781" s="18"/>
      <c r="K6781" s="18"/>
      <c r="L6781" s="18"/>
      <c r="M6781" s="18"/>
      <c r="N6781" s="18"/>
      <c r="O6781" s="18"/>
      <c r="P6781" s="19"/>
      <c r="Q6781" s="19"/>
      <c r="R6781" s="19"/>
      <c r="S6781" s="19"/>
      <c r="T6781" s="19"/>
      <c r="U6781" s="19"/>
      <c r="V6781" s="19"/>
      <c r="W6781" s="19"/>
      <c r="X6781" s="19"/>
      <c r="Y6781" s="19"/>
      <c r="Z6781" s="19"/>
      <c r="AA6781" s="19"/>
    </row>
    <row r="6782" spans="1:27" s="1" customFormat="1" ht="11.1" customHeight="1" outlineLevel="2" x14ac:dyDescent="0.2">
      <c r="A6782" s="17">
        <v>17770</v>
      </c>
      <c r="B6782" s="17"/>
      <c r="C6782" s="17"/>
      <c r="D6782" s="18" t="s">
        <v>3372</v>
      </c>
      <c r="E6782" s="18"/>
      <c r="F6782" s="18"/>
      <c r="G6782" s="18"/>
      <c r="H6782" s="18"/>
      <c r="I6782" s="18"/>
      <c r="J6782" s="18"/>
      <c r="K6782" s="18"/>
      <c r="L6782" s="18"/>
      <c r="M6782" s="18"/>
      <c r="N6782" s="18"/>
      <c r="O6782" s="18"/>
      <c r="P6782" s="19">
        <v>100</v>
      </c>
      <c r="Q6782" s="19"/>
      <c r="R6782" s="19"/>
      <c r="S6782" s="19"/>
      <c r="T6782" s="19">
        <v>70</v>
      </c>
      <c r="U6782" s="19"/>
      <c r="V6782" s="19"/>
      <c r="W6782" s="19"/>
      <c r="X6782" s="19">
        <v>20</v>
      </c>
      <c r="Y6782" s="19"/>
      <c r="Z6782" s="19"/>
      <c r="AA6782" s="19"/>
    </row>
    <row r="6783" spans="1:27" s="1" customFormat="1" ht="11.1" customHeight="1" outlineLevel="2" x14ac:dyDescent="0.2">
      <c r="A6783" s="17"/>
      <c r="B6783" s="17"/>
      <c r="C6783" s="17"/>
      <c r="D6783" s="18"/>
      <c r="E6783" s="18"/>
      <c r="F6783" s="18"/>
      <c r="G6783" s="18"/>
      <c r="H6783" s="18"/>
      <c r="I6783" s="18"/>
      <c r="J6783" s="18"/>
      <c r="K6783" s="18"/>
      <c r="L6783" s="18"/>
      <c r="M6783" s="18"/>
      <c r="N6783" s="18"/>
      <c r="O6783" s="18"/>
      <c r="P6783" s="19"/>
      <c r="Q6783" s="19"/>
      <c r="R6783" s="19"/>
      <c r="S6783" s="19"/>
      <c r="T6783" s="19"/>
      <c r="U6783" s="19"/>
      <c r="V6783" s="19"/>
      <c r="W6783" s="19"/>
      <c r="X6783" s="19"/>
      <c r="Y6783" s="19"/>
      <c r="Z6783" s="19"/>
      <c r="AA6783" s="19"/>
    </row>
    <row r="6784" spans="1:27" s="1" customFormat="1" ht="14.1" customHeight="1" outlineLevel="2" x14ac:dyDescent="0.2">
      <c r="A6784" s="17">
        <v>17765</v>
      </c>
      <c r="B6784" s="17"/>
      <c r="C6784" s="17"/>
      <c r="D6784" s="18" t="s">
        <v>3373</v>
      </c>
      <c r="E6784" s="18"/>
      <c r="F6784" s="18"/>
      <c r="G6784" s="18"/>
      <c r="H6784" s="18"/>
      <c r="I6784" s="18"/>
      <c r="J6784" s="18"/>
      <c r="K6784" s="18"/>
      <c r="L6784" s="18"/>
      <c r="M6784" s="18"/>
      <c r="N6784" s="18"/>
      <c r="O6784" s="18"/>
      <c r="P6784" s="19">
        <v>100</v>
      </c>
      <c r="Q6784" s="19"/>
      <c r="R6784" s="19"/>
      <c r="S6784" s="19"/>
      <c r="T6784" s="19">
        <v>70</v>
      </c>
      <c r="U6784" s="19"/>
      <c r="V6784" s="19"/>
      <c r="W6784" s="19"/>
      <c r="X6784" s="19">
        <v>19</v>
      </c>
      <c r="Y6784" s="19"/>
      <c r="Z6784" s="19"/>
      <c r="AA6784" s="19"/>
    </row>
    <row r="6785" spans="1:27" s="1" customFormat="1" ht="14.1" customHeight="1" outlineLevel="2" x14ac:dyDescent="0.2">
      <c r="A6785" s="17"/>
      <c r="B6785" s="17"/>
      <c r="C6785" s="17"/>
      <c r="D6785" s="18"/>
      <c r="E6785" s="18"/>
      <c r="F6785" s="18"/>
      <c r="G6785" s="18"/>
      <c r="H6785" s="18"/>
      <c r="I6785" s="18"/>
      <c r="J6785" s="18"/>
      <c r="K6785" s="18"/>
      <c r="L6785" s="18"/>
      <c r="M6785" s="18"/>
      <c r="N6785" s="18"/>
      <c r="O6785" s="18"/>
      <c r="P6785" s="19"/>
      <c r="Q6785" s="19"/>
      <c r="R6785" s="19"/>
      <c r="S6785" s="19"/>
      <c r="T6785" s="19"/>
      <c r="U6785" s="19"/>
      <c r="V6785" s="19"/>
      <c r="W6785" s="19"/>
      <c r="X6785" s="19"/>
      <c r="Y6785" s="19"/>
      <c r="Z6785" s="19"/>
      <c r="AA6785" s="19"/>
    </row>
    <row r="6786" spans="1:27" s="1" customFormat="1" ht="11.1" customHeight="1" outlineLevel="2" x14ac:dyDescent="0.2">
      <c r="A6786" s="17">
        <v>16334</v>
      </c>
      <c r="B6786" s="17"/>
      <c r="C6786" s="17"/>
      <c r="D6786" s="18" t="s">
        <v>3374</v>
      </c>
      <c r="E6786" s="18"/>
      <c r="F6786" s="18"/>
      <c r="G6786" s="18"/>
      <c r="H6786" s="18"/>
      <c r="I6786" s="18"/>
      <c r="J6786" s="18"/>
      <c r="K6786" s="18"/>
      <c r="L6786" s="18"/>
      <c r="M6786" s="18"/>
      <c r="N6786" s="18"/>
      <c r="O6786" s="18"/>
      <c r="P6786" s="19">
        <v>100</v>
      </c>
      <c r="Q6786" s="19"/>
      <c r="R6786" s="19"/>
      <c r="S6786" s="19"/>
      <c r="T6786" s="19">
        <v>70</v>
      </c>
      <c r="U6786" s="19"/>
      <c r="V6786" s="19"/>
      <c r="W6786" s="19"/>
      <c r="X6786" s="19">
        <v>30</v>
      </c>
      <c r="Y6786" s="19"/>
      <c r="Z6786" s="19"/>
      <c r="AA6786" s="19"/>
    </row>
    <row r="6787" spans="1:27" s="1" customFormat="1" ht="11.1" customHeight="1" outlineLevel="2" x14ac:dyDescent="0.2">
      <c r="A6787" s="17"/>
      <c r="B6787" s="17"/>
      <c r="C6787" s="17"/>
      <c r="D6787" s="18"/>
      <c r="E6787" s="18"/>
      <c r="F6787" s="18"/>
      <c r="G6787" s="18"/>
      <c r="H6787" s="18"/>
      <c r="I6787" s="18"/>
      <c r="J6787" s="18"/>
      <c r="K6787" s="18"/>
      <c r="L6787" s="18"/>
      <c r="M6787" s="18"/>
      <c r="N6787" s="18"/>
      <c r="O6787" s="18"/>
      <c r="P6787" s="19"/>
      <c r="Q6787" s="19"/>
      <c r="R6787" s="19"/>
      <c r="S6787" s="19"/>
      <c r="T6787" s="19"/>
      <c r="U6787" s="19"/>
      <c r="V6787" s="19"/>
      <c r="W6787" s="19"/>
      <c r="X6787" s="19"/>
      <c r="Y6787" s="19"/>
      <c r="Z6787" s="19"/>
      <c r="AA6787" s="19"/>
    </row>
    <row r="6788" spans="1:27" s="1" customFormat="1" ht="14.1" customHeight="1" outlineLevel="2" x14ac:dyDescent="0.2">
      <c r="A6788" s="17">
        <v>17743</v>
      </c>
      <c r="B6788" s="17"/>
      <c r="C6788" s="17"/>
      <c r="D6788" s="18" t="s">
        <v>3375</v>
      </c>
      <c r="E6788" s="18"/>
      <c r="F6788" s="18"/>
      <c r="G6788" s="18"/>
      <c r="H6788" s="18"/>
      <c r="I6788" s="18"/>
      <c r="J6788" s="18"/>
      <c r="K6788" s="18"/>
      <c r="L6788" s="18"/>
      <c r="M6788" s="18"/>
      <c r="N6788" s="18"/>
      <c r="O6788" s="18"/>
      <c r="P6788" s="19">
        <v>100</v>
      </c>
      <c r="Q6788" s="19"/>
      <c r="R6788" s="19"/>
      <c r="S6788" s="19"/>
      <c r="T6788" s="19">
        <v>70</v>
      </c>
      <c r="U6788" s="19"/>
      <c r="V6788" s="19"/>
      <c r="W6788" s="19"/>
      <c r="X6788" s="19">
        <v>20</v>
      </c>
      <c r="Y6788" s="19"/>
      <c r="Z6788" s="19"/>
      <c r="AA6788" s="19"/>
    </row>
    <row r="6789" spans="1:27" s="1" customFormat="1" ht="14.1" customHeight="1" outlineLevel="2" x14ac:dyDescent="0.2">
      <c r="A6789" s="17"/>
      <c r="B6789" s="17"/>
      <c r="C6789" s="17"/>
      <c r="D6789" s="18"/>
      <c r="E6789" s="18"/>
      <c r="F6789" s="18"/>
      <c r="G6789" s="18"/>
      <c r="H6789" s="18"/>
      <c r="I6789" s="18"/>
      <c r="J6789" s="18"/>
      <c r="K6789" s="18"/>
      <c r="L6789" s="18"/>
      <c r="M6789" s="18"/>
      <c r="N6789" s="18"/>
      <c r="O6789" s="18"/>
      <c r="P6789" s="19"/>
      <c r="Q6789" s="19"/>
      <c r="R6789" s="19"/>
      <c r="S6789" s="19"/>
      <c r="T6789" s="19"/>
      <c r="U6789" s="19"/>
      <c r="V6789" s="19"/>
      <c r="W6789" s="19"/>
      <c r="X6789" s="19"/>
      <c r="Y6789" s="19"/>
      <c r="Z6789" s="19"/>
      <c r="AA6789" s="19"/>
    </row>
    <row r="6790" spans="1:27" s="1" customFormat="1" ht="11.1" customHeight="1" outlineLevel="1" x14ac:dyDescent="0.2">
      <c r="A6790" s="16" t="s">
        <v>3376</v>
      </c>
      <c r="B6790" s="16"/>
      <c r="C6790" s="16"/>
      <c r="D6790" s="16"/>
      <c r="E6790" s="16"/>
      <c r="F6790" s="16"/>
      <c r="G6790" s="16"/>
      <c r="H6790" s="16"/>
      <c r="I6790" s="16"/>
      <c r="J6790" s="16"/>
      <c r="K6790" s="16"/>
      <c r="L6790" s="16"/>
      <c r="M6790" s="16"/>
      <c r="N6790" s="16"/>
      <c r="O6790" s="16"/>
      <c r="P6790" s="16"/>
      <c r="Q6790" s="16"/>
      <c r="R6790" s="16"/>
      <c r="S6790" s="16"/>
      <c r="T6790" s="16"/>
      <c r="U6790" s="16"/>
      <c r="V6790" s="16"/>
      <c r="W6790" s="16"/>
      <c r="X6790" s="16"/>
      <c r="Y6790" s="16"/>
      <c r="Z6790" s="16"/>
      <c r="AA6790" s="16"/>
    </row>
    <row r="6791" spans="1:27" s="1" customFormat="1" ht="11.1" customHeight="1" outlineLevel="1" x14ac:dyDescent="0.2">
      <c r="A6791" s="16"/>
      <c r="B6791" s="16"/>
      <c r="C6791" s="16"/>
      <c r="D6791" s="16"/>
      <c r="E6791" s="16"/>
      <c r="F6791" s="16"/>
      <c r="G6791" s="16"/>
      <c r="H6791" s="16"/>
      <c r="I6791" s="16"/>
      <c r="J6791" s="16"/>
      <c r="K6791" s="16"/>
      <c r="L6791" s="16"/>
      <c r="M6791" s="16"/>
      <c r="N6791" s="16"/>
      <c r="O6791" s="16"/>
      <c r="P6791" s="16"/>
      <c r="Q6791" s="16"/>
      <c r="R6791" s="16"/>
      <c r="S6791" s="16"/>
      <c r="T6791" s="16"/>
      <c r="U6791" s="16"/>
      <c r="V6791" s="16"/>
      <c r="W6791" s="16"/>
      <c r="X6791" s="16"/>
      <c r="Y6791" s="16"/>
      <c r="Z6791" s="16"/>
      <c r="AA6791" s="16"/>
    </row>
    <row r="6792" spans="1:27" s="1" customFormat="1" ht="14.1" customHeight="1" outlineLevel="2" x14ac:dyDescent="0.2">
      <c r="A6792" s="17">
        <v>15676</v>
      </c>
      <c r="B6792" s="17"/>
      <c r="C6792" s="17"/>
      <c r="D6792" s="18" t="s">
        <v>3377</v>
      </c>
      <c r="E6792" s="18"/>
      <c r="F6792" s="18"/>
      <c r="G6792" s="18"/>
      <c r="H6792" s="18"/>
      <c r="I6792" s="18"/>
      <c r="J6792" s="18"/>
      <c r="K6792" s="18"/>
      <c r="L6792" s="18"/>
      <c r="M6792" s="18"/>
      <c r="N6792" s="18"/>
      <c r="O6792" s="18"/>
      <c r="P6792" s="19">
        <v>120</v>
      </c>
      <c r="Q6792" s="19"/>
      <c r="R6792" s="19"/>
      <c r="S6792" s="19"/>
      <c r="T6792" s="19">
        <v>90</v>
      </c>
      <c r="U6792" s="19"/>
      <c r="V6792" s="19"/>
      <c r="W6792" s="19"/>
      <c r="X6792" s="19">
        <v>100</v>
      </c>
      <c r="Y6792" s="19"/>
      <c r="Z6792" s="19"/>
      <c r="AA6792" s="19"/>
    </row>
    <row r="6793" spans="1:27" s="1" customFormat="1" ht="14.1" customHeight="1" outlineLevel="2" x14ac:dyDescent="0.2">
      <c r="A6793" s="17"/>
      <c r="B6793" s="17"/>
      <c r="C6793" s="17"/>
      <c r="D6793" s="18"/>
      <c r="E6793" s="18"/>
      <c r="F6793" s="18"/>
      <c r="G6793" s="18"/>
      <c r="H6793" s="18"/>
      <c r="I6793" s="18"/>
      <c r="J6793" s="18"/>
      <c r="K6793" s="18"/>
      <c r="L6793" s="18"/>
      <c r="M6793" s="18"/>
      <c r="N6793" s="18"/>
      <c r="O6793" s="18"/>
      <c r="P6793" s="19"/>
      <c r="Q6793" s="19"/>
      <c r="R6793" s="19"/>
      <c r="S6793" s="19"/>
      <c r="T6793" s="19"/>
      <c r="U6793" s="19"/>
      <c r="V6793" s="19"/>
      <c r="W6793" s="19"/>
      <c r="X6793" s="19"/>
      <c r="Y6793" s="19"/>
      <c r="Z6793" s="19"/>
      <c r="AA6793" s="19"/>
    </row>
    <row r="6794" spans="1:27" s="1" customFormat="1" ht="11.1" customHeight="1" outlineLevel="2" x14ac:dyDescent="0.2">
      <c r="A6794" s="17">
        <v>10467</v>
      </c>
      <c r="B6794" s="17"/>
      <c r="C6794" s="17"/>
      <c r="D6794" s="18" t="s">
        <v>3378</v>
      </c>
      <c r="E6794" s="18"/>
      <c r="F6794" s="18"/>
      <c r="G6794" s="18"/>
      <c r="H6794" s="18"/>
      <c r="I6794" s="18"/>
      <c r="J6794" s="18"/>
      <c r="K6794" s="18"/>
      <c r="L6794" s="18"/>
      <c r="M6794" s="18"/>
      <c r="N6794" s="18"/>
      <c r="O6794" s="18"/>
      <c r="P6794" s="19">
        <v>90</v>
      </c>
      <c r="Q6794" s="19"/>
      <c r="R6794" s="19"/>
      <c r="S6794" s="19"/>
      <c r="T6794" s="19">
        <v>60</v>
      </c>
      <c r="U6794" s="19"/>
      <c r="V6794" s="19"/>
      <c r="W6794" s="19"/>
      <c r="X6794" s="19">
        <v>6</v>
      </c>
      <c r="Y6794" s="19"/>
      <c r="Z6794" s="19"/>
      <c r="AA6794" s="19"/>
    </row>
    <row r="6795" spans="1:27" s="1" customFormat="1" ht="11.1" customHeight="1" outlineLevel="2" x14ac:dyDescent="0.2">
      <c r="A6795" s="17"/>
      <c r="B6795" s="17"/>
      <c r="C6795" s="17"/>
      <c r="D6795" s="18"/>
      <c r="E6795" s="18"/>
      <c r="F6795" s="18"/>
      <c r="G6795" s="18"/>
      <c r="H6795" s="18"/>
      <c r="I6795" s="18"/>
      <c r="J6795" s="18"/>
      <c r="K6795" s="18"/>
      <c r="L6795" s="18"/>
      <c r="M6795" s="18"/>
      <c r="N6795" s="18"/>
      <c r="O6795" s="18"/>
      <c r="P6795" s="19"/>
      <c r="Q6795" s="19"/>
      <c r="R6795" s="19"/>
      <c r="S6795" s="19"/>
      <c r="T6795" s="19"/>
      <c r="U6795" s="19"/>
      <c r="V6795" s="19"/>
      <c r="W6795" s="19"/>
      <c r="X6795" s="19"/>
      <c r="Y6795" s="19"/>
      <c r="Z6795" s="19"/>
      <c r="AA6795" s="19"/>
    </row>
    <row r="6796" spans="1:27" s="1" customFormat="1" ht="11.1" customHeight="1" outlineLevel="2" x14ac:dyDescent="0.2">
      <c r="A6796" s="17">
        <v>10468</v>
      </c>
      <c r="B6796" s="17"/>
      <c r="C6796" s="17"/>
      <c r="D6796" s="18" t="s">
        <v>3379</v>
      </c>
      <c r="E6796" s="18"/>
      <c r="F6796" s="18"/>
      <c r="G6796" s="18"/>
      <c r="H6796" s="18"/>
      <c r="I6796" s="18"/>
      <c r="J6796" s="18"/>
      <c r="K6796" s="18"/>
      <c r="L6796" s="18"/>
      <c r="M6796" s="18"/>
      <c r="N6796" s="18"/>
      <c r="O6796" s="18"/>
      <c r="P6796" s="19">
        <v>90</v>
      </c>
      <c r="Q6796" s="19"/>
      <c r="R6796" s="19"/>
      <c r="S6796" s="19"/>
      <c r="T6796" s="19">
        <v>60</v>
      </c>
      <c r="U6796" s="19"/>
      <c r="V6796" s="19"/>
      <c r="W6796" s="19"/>
      <c r="X6796" s="19">
        <v>10</v>
      </c>
      <c r="Y6796" s="19"/>
      <c r="Z6796" s="19"/>
      <c r="AA6796" s="19"/>
    </row>
    <row r="6797" spans="1:27" s="1" customFormat="1" ht="11.1" customHeight="1" outlineLevel="2" x14ac:dyDescent="0.2">
      <c r="A6797" s="17"/>
      <c r="B6797" s="17"/>
      <c r="C6797" s="17"/>
      <c r="D6797" s="18"/>
      <c r="E6797" s="18"/>
      <c r="F6797" s="18"/>
      <c r="G6797" s="18"/>
      <c r="H6797" s="18"/>
      <c r="I6797" s="18"/>
      <c r="J6797" s="18"/>
      <c r="K6797" s="18"/>
      <c r="L6797" s="18"/>
      <c r="M6797" s="18"/>
      <c r="N6797" s="18"/>
      <c r="O6797" s="18"/>
      <c r="P6797" s="19"/>
      <c r="Q6797" s="19"/>
      <c r="R6797" s="19"/>
      <c r="S6797" s="19"/>
      <c r="T6797" s="19"/>
      <c r="U6797" s="19"/>
      <c r="V6797" s="19"/>
      <c r="W6797" s="19"/>
      <c r="X6797" s="19"/>
      <c r="Y6797" s="19"/>
      <c r="Z6797" s="19"/>
      <c r="AA6797" s="19"/>
    </row>
    <row r="6798" spans="1:27" s="1" customFormat="1" ht="11.1" customHeight="1" outlineLevel="2" x14ac:dyDescent="0.2">
      <c r="A6798" s="17">
        <v>13059</v>
      </c>
      <c r="B6798" s="17"/>
      <c r="C6798" s="17"/>
      <c r="D6798" s="18" t="s">
        <v>3380</v>
      </c>
      <c r="E6798" s="18"/>
      <c r="F6798" s="18"/>
      <c r="G6798" s="18"/>
      <c r="H6798" s="18"/>
      <c r="I6798" s="18"/>
      <c r="J6798" s="18"/>
      <c r="K6798" s="18"/>
      <c r="L6798" s="18"/>
      <c r="M6798" s="18"/>
      <c r="N6798" s="18"/>
      <c r="O6798" s="18"/>
      <c r="P6798" s="19">
        <v>100</v>
      </c>
      <c r="Q6798" s="19"/>
      <c r="R6798" s="19"/>
      <c r="S6798" s="19"/>
      <c r="T6798" s="19">
        <v>70</v>
      </c>
      <c r="U6798" s="19"/>
      <c r="V6798" s="19"/>
      <c r="W6798" s="19"/>
      <c r="X6798" s="19">
        <v>46</v>
      </c>
      <c r="Y6798" s="19"/>
      <c r="Z6798" s="19"/>
      <c r="AA6798" s="19"/>
    </row>
    <row r="6799" spans="1:27" s="1" customFormat="1" ht="11.1" customHeight="1" outlineLevel="2" x14ac:dyDescent="0.2">
      <c r="A6799" s="17"/>
      <c r="B6799" s="17"/>
      <c r="C6799" s="17"/>
      <c r="D6799" s="18"/>
      <c r="E6799" s="18"/>
      <c r="F6799" s="18"/>
      <c r="G6799" s="18"/>
      <c r="H6799" s="18"/>
      <c r="I6799" s="18"/>
      <c r="J6799" s="18"/>
      <c r="K6799" s="18"/>
      <c r="L6799" s="18"/>
      <c r="M6799" s="18"/>
      <c r="N6799" s="18"/>
      <c r="O6799" s="18"/>
      <c r="P6799" s="19"/>
      <c r="Q6799" s="19"/>
      <c r="R6799" s="19"/>
      <c r="S6799" s="19"/>
      <c r="T6799" s="19"/>
      <c r="U6799" s="19"/>
      <c r="V6799" s="19"/>
      <c r="W6799" s="19"/>
      <c r="X6799" s="19"/>
      <c r="Y6799" s="19"/>
      <c r="Z6799" s="19"/>
      <c r="AA6799" s="19"/>
    </row>
    <row r="6800" spans="1:27" s="1" customFormat="1" ht="11.1" customHeight="1" outlineLevel="2" x14ac:dyDescent="0.2">
      <c r="A6800" s="17">
        <v>10466</v>
      </c>
      <c r="B6800" s="17"/>
      <c r="C6800" s="17"/>
      <c r="D6800" s="18" t="s">
        <v>3381</v>
      </c>
      <c r="E6800" s="18"/>
      <c r="F6800" s="18"/>
      <c r="G6800" s="18"/>
      <c r="H6800" s="18"/>
      <c r="I6800" s="18"/>
      <c r="J6800" s="18"/>
      <c r="K6800" s="18"/>
      <c r="L6800" s="18"/>
      <c r="M6800" s="18"/>
      <c r="N6800" s="18"/>
      <c r="O6800" s="18"/>
      <c r="P6800" s="19">
        <v>90</v>
      </c>
      <c r="Q6800" s="19"/>
      <c r="R6800" s="19"/>
      <c r="S6800" s="19"/>
      <c r="T6800" s="19">
        <v>60</v>
      </c>
      <c r="U6800" s="19"/>
      <c r="V6800" s="19"/>
      <c r="W6800" s="19"/>
      <c r="X6800" s="19">
        <v>9</v>
      </c>
      <c r="Y6800" s="19"/>
      <c r="Z6800" s="19"/>
      <c r="AA6800" s="19"/>
    </row>
    <row r="6801" spans="1:27" s="1" customFormat="1" ht="11.1" customHeight="1" outlineLevel="2" x14ac:dyDescent="0.2">
      <c r="A6801" s="17"/>
      <c r="B6801" s="17"/>
      <c r="C6801" s="17"/>
      <c r="D6801" s="18"/>
      <c r="E6801" s="18"/>
      <c r="F6801" s="18"/>
      <c r="G6801" s="18"/>
      <c r="H6801" s="18"/>
      <c r="I6801" s="18"/>
      <c r="J6801" s="18"/>
      <c r="K6801" s="18"/>
      <c r="L6801" s="18"/>
      <c r="M6801" s="18"/>
      <c r="N6801" s="18"/>
      <c r="O6801" s="18"/>
      <c r="P6801" s="19"/>
      <c r="Q6801" s="19"/>
      <c r="R6801" s="19"/>
      <c r="S6801" s="19"/>
      <c r="T6801" s="19"/>
      <c r="U6801" s="19"/>
      <c r="V6801" s="19"/>
      <c r="W6801" s="19"/>
      <c r="X6801" s="19"/>
      <c r="Y6801" s="19"/>
      <c r="Z6801" s="19"/>
      <c r="AA6801" s="19"/>
    </row>
    <row r="6802" spans="1:27" s="1" customFormat="1" ht="11.1" customHeight="1" outlineLevel="2" x14ac:dyDescent="0.2">
      <c r="A6802" s="17">
        <v>13060</v>
      </c>
      <c r="B6802" s="17"/>
      <c r="C6802" s="17"/>
      <c r="D6802" s="18" t="s">
        <v>3382</v>
      </c>
      <c r="E6802" s="18"/>
      <c r="F6802" s="18"/>
      <c r="G6802" s="18"/>
      <c r="H6802" s="18"/>
      <c r="I6802" s="18"/>
      <c r="J6802" s="18"/>
      <c r="K6802" s="18"/>
      <c r="L6802" s="18"/>
      <c r="M6802" s="18"/>
      <c r="N6802" s="18"/>
      <c r="O6802" s="18"/>
      <c r="P6802" s="19">
        <v>100</v>
      </c>
      <c r="Q6802" s="19"/>
      <c r="R6802" s="19"/>
      <c r="S6802" s="19"/>
      <c r="T6802" s="19">
        <v>70</v>
      </c>
      <c r="U6802" s="19"/>
      <c r="V6802" s="19"/>
      <c r="W6802" s="19"/>
      <c r="X6802" s="19">
        <v>44</v>
      </c>
      <c r="Y6802" s="19"/>
      <c r="Z6802" s="19"/>
      <c r="AA6802" s="19"/>
    </row>
    <row r="6803" spans="1:27" s="1" customFormat="1" ht="11.1" customHeight="1" outlineLevel="2" x14ac:dyDescent="0.2">
      <c r="A6803" s="17"/>
      <c r="B6803" s="17"/>
      <c r="C6803" s="17"/>
      <c r="D6803" s="18"/>
      <c r="E6803" s="18"/>
      <c r="F6803" s="18"/>
      <c r="G6803" s="18"/>
      <c r="H6803" s="18"/>
      <c r="I6803" s="18"/>
      <c r="J6803" s="18"/>
      <c r="K6803" s="18"/>
      <c r="L6803" s="18"/>
      <c r="M6803" s="18"/>
      <c r="N6803" s="18"/>
      <c r="O6803" s="18"/>
      <c r="P6803" s="19"/>
      <c r="Q6803" s="19"/>
      <c r="R6803" s="19"/>
      <c r="S6803" s="19"/>
      <c r="T6803" s="19"/>
      <c r="U6803" s="19"/>
      <c r="V6803" s="19"/>
      <c r="W6803" s="19"/>
      <c r="X6803" s="19"/>
      <c r="Y6803" s="19"/>
      <c r="Z6803" s="19"/>
      <c r="AA6803" s="19"/>
    </row>
    <row r="6804" spans="1:27" s="1" customFormat="1" ht="11.1" customHeight="1" outlineLevel="2" x14ac:dyDescent="0.2">
      <c r="A6804" s="17">
        <v>10465</v>
      </c>
      <c r="B6804" s="17"/>
      <c r="C6804" s="17"/>
      <c r="D6804" s="18" t="s">
        <v>3383</v>
      </c>
      <c r="E6804" s="18"/>
      <c r="F6804" s="18"/>
      <c r="G6804" s="18"/>
      <c r="H6804" s="18"/>
      <c r="I6804" s="18"/>
      <c r="J6804" s="18"/>
      <c r="K6804" s="18"/>
      <c r="L6804" s="18"/>
      <c r="M6804" s="18"/>
      <c r="N6804" s="18"/>
      <c r="O6804" s="18"/>
      <c r="P6804" s="19">
        <v>90</v>
      </c>
      <c r="Q6804" s="19"/>
      <c r="R6804" s="19"/>
      <c r="S6804" s="19"/>
      <c r="T6804" s="19">
        <v>60</v>
      </c>
      <c r="U6804" s="19"/>
      <c r="V6804" s="19"/>
      <c r="W6804" s="19"/>
      <c r="X6804" s="19">
        <v>7</v>
      </c>
      <c r="Y6804" s="19"/>
      <c r="Z6804" s="19"/>
      <c r="AA6804" s="19"/>
    </row>
    <row r="6805" spans="1:27" s="1" customFormat="1" ht="11.1" customHeight="1" outlineLevel="2" x14ac:dyDescent="0.2">
      <c r="A6805" s="17"/>
      <c r="B6805" s="17"/>
      <c r="C6805" s="17"/>
      <c r="D6805" s="18"/>
      <c r="E6805" s="18"/>
      <c r="F6805" s="18"/>
      <c r="G6805" s="18"/>
      <c r="H6805" s="18"/>
      <c r="I6805" s="18"/>
      <c r="J6805" s="18"/>
      <c r="K6805" s="18"/>
      <c r="L6805" s="18"/>
      <c r="M6805" s="18"/>
      <c r="N6805" s="18"/>
      <c r="O6805" s="18"/>
      <c r="P6805" s="19"/>
      <c r="Q6805" s="19"/>
      <c r="R6805" s="19"/>
      <c r="S6805" s="19"/>
      <c r="T6805" s="19"/>
      <c r="U6805" s="19"/>
      <c r="V6805" s="19"/>
      <c r="W6805" s="19"/>
      <c r="X6805" s="19"/>
      <c r="Y6805" s="19"/>
      <c r="Z6805" s="19"/>
      <c r="AA6805" s="19"/>
    </row>
    <row r="6806" spans="1:27" s="1" customFormat="1" ht="11.1" customHeight="1" outlineLevel="1" x14ac:dyDescent="0.2">
      <c r="A6806" s="16" t="s">
        <v>3384</v>
      </c>
      <c r="B6806" s="16"/>
      <c r="C6806" s="16"/>
      <c r="D6806" s="16"/>
      <c r="E6806" s="16"/>
      <c r="F6806" s="16"/>
      <c r="G6806" s="16"/>
      <c r="H6806" s="16"/>
      <c r="I6806" s="16"/>
      <c r="J6806" s="16"/>
      <c r="K6806" s="16"/>
      <c r="L6806" s="16"/>
      <c r="M6806" s="16"/>
      <c r="N6806" s="16"/>
      <c r="O6806" s="16"/>
      <c r="P6806" s="16"/>
      <c r="Q6806" s="16"/>
      <c r="R6806" s="16"/>
      <c r="S6806" s="16"/>
      <c r="T6806" s="16"/>
      <c r="U6806" s="16"/>
      <c r="V6806" s="16"/>
      <c r="W6806" s="16"/>
      <c r="X6806" s="16"/>
      <c r="Y6806" s="16"/>
      <c r="Z6806" s="16"/>
      <c r="AA6806" s="16"/>
    </row>
    <row r="6807" spans="1:27" s="1" customFormat="1" ht="11.1" customHeight="1" outlineLevel="1" x14ac:dyDescent="0.2">
      <c r="A6807" s="16"/>
      <c r="B6807" s="16"/>
      <c r="C6807" s="16"/>
      <c r="D6807" s="16"/>
      <c r="E6807" s="16"/>
      <c r="F6807" s="16"/>
      <c r="G6807" s="16"/>
      <c r="H6807" s="16"/>
      <c r="I6807" s="16"/>
      <c r="J6807" s="16"/>
      <c r="K6807" s="16"/>
      <c r="L6807" s="16"/>
      <c r="M6807" s="16"/>
      <c r="N6807" s="16"/>
      <c r="O6807" s="16"/>
      <c r="P6807" s="16"/>
      <c r="Q6807" s="16"/>
      <c r="R6807" s="16"/>
      <c r="S6807" s="16"/>
      <c r="T6807" s="16"/>
      <c r="U6807" s="16"/>
      <c r="V6807" s="16"/>
      <c r="W6807" s="16"/>
      <c r="X6807" s="16"/>
      <c r="Y6807" s="16"/>
      <c r="Z6807" s="16"/>
      <c r="AA6807" s="16"/>
    </row>
    <row r="6808" spans="1:27" s="1" customFormat="1" ht="14.1" customHeight="1" outlineLevel="2" x14ac:dyDescent="0.2">
      <c r="A6808" s="17">
        <v>14710</v>
      </c>
      <c r="B6808" s="17"/>
      <c r="C6808" s="17"/>
      <c r="D6808" s="18" t="s">
        <v>3385</v>
      </c>
      <c r="E6808" s="18"/>
      <c r="F6808" s="18"/>
      <c r="G6808" s="18"/>
      <c r="H6808" s="18"/>
      <c r="I6808" s="18"/>
      <c r="J6808" s="18"/>
      <c r="K6808" s="18"/>
      <c r="L6808" s="18"/>
      <c r="M6808" s="18"/>
      <c r="N6808" s="18"/>
      <c r="O6808" s="18"/>
      <c r="P6808" s="19">
        <v>100</v>
      </c>
      <c r="Q6808" s="19"/>
      <c r="R6808" s="19"/>
      <c r="S6808" s="19"/>
      <c r="T6808" s="19">
        <v>70</v>
      </c>
      <c r="U6808" s="19"/>
      <c r="V6808" s="19"/>
      <c r="W6808" s="19"/>
      <c r="X6808" s="19">
        <v>44</v>
      </c>
      <c r="Y6808" s="19"/>
      <c r="Z6808" s="19"/>
      <c r="AA6808" s="19"/>
    </row>
    <row r="6809" spans="1:27" s="1" customFormat="1" ht="14.1" customHeight="1" outlineLevel="2" x14ac:dyDescent="0.2">
      <c r="A6809" s="17"/>
      <c r="B6809" s="17"/>
      <c r="C6809" s="17"/>
      <c r="D6809" s="18"/>
      <c r="E6809" s="18"/>
      <c r="F6809" s="18"/>
      <c r="G6809" s="18"/>
      <c r="H6809" s="18"/>
      <c r="I6809" s="18"/>
      <c r="J6809" s="18"/>
      <c r="K6809" s="18"/>
      <c r="L6809" s="18"/>
      <c r="M6809" s="18"/>
      <c r="N6809" s="18"/>
      <c r="O6809" s="18"/>
      <c r="P6809" s="19"/>
      <c r="Q6809" s="19"/>
      <c r="R6809" s="19"/>
      <c r="S6809" s="19"/>
      <c r="T6809" s="19"/>
      <c r="U6809" s="19"/>
      <c r="V6809" s="19"/>
      <c r="W6809" s="19"/>
      <c r="X6809" s="19"/>
      <c r="Y6809" s="19"/>
      <c r="Z6809" s="19"/>
      <c r="AA6809" s="19"/>
    </row>
    <row r="6810" spans="1:27" s="1" customFormat="1" ht="11.1" customHeight="1" outlineLevel="2" x14ac:dyDescent="0.2">
      <c r="A6810" s="17">
        <v>17803</v>
      </c>
      <c r="B6810" s="17"/>
      <c r="C6810" s="17"/>
      <c r="D6810" s="18" t="s">
        <v>3386</v>
      </c>
      <c r="E6810" s="18"/>
      <c r="F6810" s="18"/>
      <c r="G6810" s="18"/>
      <c r="H6810" s="18"/>
      <c r="I6810" s="18"/>
      <c r="J6810" s="18"/>
      <c r="K6810" s="18"/>
      <c r="L6810" s="18"/>
      <c r="M6810" s="18"/>
      <c r="N6810" s="18"/>
      <c r="O6810" s="18"/>
      <c r="P6810" s="19">
        <v>100</v>
      </c>
      <c r="Q6810" s="19"/>
      <c r="R6810" s="19"/>
      <c r="S6810" s="19"/>
      <c r="T6810" s="19">
        <v>70</v>
      </c>
      <c r="U6810" s="19"/>
      <c r="V6810" s="19"/>
      <c r="W6810" s="19"/>
      <c r="X6810" s="19">
        <v>50</v>
      </c>
      <c r="Y6810" s="19"/>
      <c r="Z6810" s="19"/>
      <c r="AA6810" s="19"/>
    </row>
    <row r="6811" spans="1:27" s="1" customFormat="1" ht="11.1" customHeight="1" outlineLevel="2" x14ac:dyDescent="0.2">
      <c r="A6811" s="17"/>
      <c r="B6811" s="17"/>
      <c r="C6811" s="17"/>
      <c r="D6811" s="18"/>
      <c r="E6811" s="18"/>
      <c r="F6811" s="18"/>
      <c r="G6811" s="18"/>
      <c r="H6811" s="18"/>
      <c r="I6811" s="18"/>
      <c r="J6811" s="18"/>
      <c r="K6811" s="18"/>
      <c r="L6811" s="18"/>
      <c r="M6811" s="18"/>
      <c r="N6811" s="18"/>
      <c r="O6811" s="18"/>
      <c r="P6811" s="19"/>
      <c r="Q6811" s="19"/>
      <c r="R6811" s="19"/>
      <c r="S6811" s="19"/>
      <c r="T6811" s="19"/>
      <c r="U6811" s="19"/>
      <c r="V6811" s="19"/>
      <c r="W6811" s="19"/>
      <c r="X6811" s="19"/>
      <c r="Y6811" s="19"/>
      <c r="Z6811" s="19"/>
      <c r="AA6811" s="19"/>
    </row>
    <row r="6812" spans="1:27" s="1" customFormat="1" ht="11.1" customHeight="1" outlineLevel="2" x14ac:dyDescent="0.2">
      <c r="A6812" s="17">
        <v>13061</v>
      </c>
      <c r="B6812" s="17"/>
      <c r="C6812" s="17"/>
      <c r="D6812" s="18" t="s">
        <v>3387</v>
      </c>
      <c r="E6812" s="18"/>
      <c r="F6812" s="18"/>
      <c r="G6812" s="18"/>
      <c r="H6812" s="18"/>
      <c r="I6812" s="18"/>
      <c r="J6812" s="18"/>
      <c r="K6812" s="18"/>
      <c r="L6812" s="18"/>
      <c r="M6812" s="18"/>
      <c r="N6812" s="18"/>
      <c r="O6812" s="18"/>
      <c r="P6812" s="19">
        <v>100</v>
      </c>
      <c r="Q6812" s="19"/>
      <c r="R6812" s="19"/>
      <c r="S6812" s="19"/>
      <c r="T6812" s="19">
        <v>70</v>
      </c>
      <c r="U6812" s="19"/>
      <c r="V6812" s="19"/>
      <c r="W6812" s="19"/>
      <c r="X6812" s="19">
        <v>46</v>
      </c>
      <c r="Y6812" s="19"/>
      <c r="Z6812" s="19"/>
      <c r="AA6812" s="19"/>
    </row>
    <row r="6813" spans="1:27" s="1" customFormat="1" ht="11.1" customHeight="1" outlineLevel="2" x14ac:dyDescent="0.2">
      <c r="A6813" s="17"/>
      <c r="B6813" s="17"/>
      <c r="C6813" s="17"/>
      <c r="D6813" s="18"/>
      <c r="E6813" s="18"/>
      <c r="F6813" s="18"/>
      <c r="G6813" s="18"/>
      <c r="H6813" s="18"/>
      <c r="I6813" s="18"/>
      <c r="J6813" s="18"/>
      <c r="K6813" s="18"/>
      <c r="L6813" s="18"/>
      <c r="M6813" s="18"/>
      <c r="N6813" s="18"/>
      <c r="O6813" s="18"/>
      <c r="P6813" s="19"/>
      <c r="Q6813" s="19"/>
      <c r="R6813" s="19"/>
      <c r="S6813" s="19"/>
      <c r="T6813" s="19"/>
      <c r="U6813" s="19"/>
      <c r="V6813" s="19"/>
      <c r="W6813" s="19"/>
      <c r="X6813" s="19"/>
      <c r="Y6813" s="19"/>
      <c r="Z6813" s="19"/>
      <c r="AA6813" s="19"/>
    </row>
    <row r="6814" spans="1:27" s="1" customFormat="1" ht="11.1" customHeight="1" outlineLevel="2" x14ac:dyDescent="0.2">
      <c r="A6814" s="17">
        <v>9233</v>
      </c>
      <c r="B6814" s="17"/>
      <c r="C6814" s="17"/>
      <c r="D6814" s="18" t="s">
        <v>3388</v>
      </c>
      <c r="E6814" s="18"/>
      <c r="F6814" s="18"/>
      <c r="G6814" s="18"/>
      <c r="H6814" s="18"/>
      <c r="I6814" s="18"/>
      <c r="J6814" s="18"/>
      <c r="K6814" s="18"/>
      <c r="L6814" s="18"/>
      <c r="M6814" s="18"/>
      <c r="N6814" s="18"/>
      <c r="O6814" s="18"/>
      <c r="P6814" s="19">
        <v>90</v>
      </c>
      <c r="Q6814" s="19"/>
      <c r="R6814" s="19"/>
      <c r="S6814" s="19"/>
      <c r="T6814" s="19">
        <v>60</v>
      </c>
      <c r="U6814" s="19"/>
      <c r="V6814" s="19"/>
      <c r="W6814" s="19"/>
      <c r="X6814" s="19">
        <v>5</v>
      </c>
      <c r="Y6814" s="19"/>
      <c r="Z6814" s="19"/>
      <c r="AA6814" s="19"/>
    </row>
    <row r="6815" spans="1:27" s="1" customFormat="1" ht="11.1" customHeight="1" outlineLevel="2" x14ac:dyDescent="0.2">
      <c r="A6815" s="17"/>
      <c r="B6815" s="17"/>
      <c r="C6815" s="17"/>
      <c r="D6815" s="18"/>
      <c r="E6815" s="18"/>
      <c r="F6815" s="18"/>
      <c r="G6815" s="18"/>
      <c r="H6815" s="18"/>
      <c r="I6815" s="18"/>
      <c r="J6815" s="18"/>
      <c r="K6815" s="18"/>
      <c r="L6815" s="18"/>
      <c r="M6815" s="18"/>
      <c r="N6815" s="18"/>
      <c r="O6815" s="18"/>
      <c r="P6815" s="19"/>
      <c r="Q6815" s="19"/>
      <c r="R6815" s="19"/>
      <c r="S6815" s="19"/>
      <c r="T6815" s="19"/>
      <c r="U6815" s="19"/>
      <c r="V6815" s="19"/>
      <c r="W6815" s="19"/>
      <c r="X6815" s="19"/>
      <c r="Y6815" s="19"/>
      <c r="Z6815" s="19"/>
      <c r="AA6815" s="19"/>
    </row>
    <row r="6816" spans="1:27" s="1" customFormat="1" ht="14.1" customHeight="1" outlineLevel="2" x14ac:dyDescent="0.2">
      <c r="A6816" s="17">
        <v>13062</v>
      </c>
      <c r="B6816" s="17"/>
      <c r="C6816" s="17"/>
      <c r="D6816" s="18" t="s">
        <v>3389</v>
      </c>
      <c r="E6816" s="18"/>
      <c r="F6816" s="18"/>
      <c r="G6816" s="18"/>
      <c r="H6816" s="18"/>
      <c r="I6816" s="18"/>
      <c r="J6816" s="18"/>
      <c r="K6816" s="18"/>
      <c r="L6816" s="18"/>
      <c r="M6816" s="18"/>
      <c r="N6816" s="18"/>
      <c r="O6816" s="18"/>
      <c r="P6816" s="19">
        <v>100</v>
      </c>
      <c r="Q6816" s="19"/>
      <c r="R6816" s="19"/>
      <c r="S6816" s="19"/>
      <c r="T6816" s="19">
        <v>70</v>
      </c>
      <c r="U6816" s="19"/>
      <c r="V6816" s="19"/>
      <c r="W6816" s="19"/>
      <c r="X6816" s="19">
        <v>48</v>
      </c>
      <c r="Y6816" s="19"/>
      <c r="Z6816" s="19"/>
      <c r="AA6816" s="19"/>
    </row>
    <row r="6817" spans="1:27" s="1" customFormat="1" ht="14.1" customHeight="1" outlineLevel="2" x14ac:dyDescent="0.2">
      <c r="A6817" s="17"/>
      <c r="B6817" s="17"/>
      <c r="C6817" s="17"/>
      <c r="D6817" s="18"/>
      <c r="E6817" s="18"/>
      <c r="F6817" s="18"/>
      <c r="G6817" s="18"/>
      <c r="H6817" s="18"/>
      <c r="I6817" s="18"/>
      <c r="J6817" s="18"/>
      <c r="K6817" s="18"/>
      <c r="L6817" s="18"/>
      <c r="M6817" s="18"/>
      <c r="N6817" s="18"/>
      <c r="O6817" s="18"/>
      <c r="P6817" s="19"/>
      <c r="Q6817" s="19"/>
      <c r="R6817" s="19"/>
      <c r="S6817" s="19"/>
      <c r="T6817" s="19"/>
      <c r="U6817" s="19"/>
      <c r="V6817" s="19"/>
      <c r="W6817" s="19"/>
      <c r="X6817" s="19"/>
      <c r="Y6817" s="19"/>
      <c r="Z6817" s="19"/>
      <c r="AA6817" s="19"/>
    </row>
    <row r="6818" spans="1:27" s="1" customFormat="1" ht="11.1" customHeight="1" outlineLevel="2" x14ac:dyDescent="0.2">
      <c r="A6818" s="17">
        <v>13063</v>
      </c>
      <c r="B6818" s="17"/>
      <c r="C6818" s="17"/>
      <c r="D6818" s="18" t="s">
        <v>3390</v>
      </c>
      <c r="E6818" s="18"/>
      <c r="F6818" s="18"/>
      <c r="G6818" s="18"/>
      <c r="H6818" s="18"/>
      <c r="I6818" s="18"/>
      <c r="J6818" s="18"/>
      <c r="K6818" s="18"/>
      <c r="L6818" s="18"/>
      <c r="M6818" s="18"/>
      <c r="N6818" s="18"/>
      <c r="O6818" s="18"/>
      <c r="P6818" s="19">
        <v>100</v>
      </c>
      <c r="Q6818" s="19"/>
      <c r="R6818" s="19"/>
      <c r="S6818" s="19"/>
      <c r="T6818" s="19">
        <v>70</v>
      </c>
      <c r="U6818" s="19"/>
      <c r="V6818" s="19"/>
      <c r="W6818" s="19"/>
      <c r="X6818" s="19">
        <v>49</v>
      </c>
      <c r="Y6818" s="19"/>
      <c r="Z6818" s="19"/>
      <c r="AA6818" s="19"/>
    </row>
    <row r="6819" spans="1:27" s="1" customFormat="1" ht="11.1" customHeight="1" outlineLevel="2" x14ac:dyDescent="0.2">
      <c r="A6819" s="17"/>
      <c r="B6819" s="17"/>
      <c r="C6819" s="17"/>
      <c r="D6819" s="18"/>
      <c r="E6819" s="18"/>
      <c r="F6819" s="18"/>
      <c r="G6819" s="18"/>
      <c r="H6819" s="18"/>
      <c r="I6819" s="18"/>
      <c r="J6819" s="18"/>
      <c r="K6819" s="18"/>
      <c r="L6819" s="18"/>
      <c r="M6819" s="18"/>
      <c r="N6819" s="18"/>
      <c r="O6819" s="18"/>
      <c r="P6819" s="19"/>
      <c r="Q6819" s="19"/>
      <c r="R6819" s="19"/>
      <c r="S6819" s="19"/>
      <c r="T6819" s="19"/>
      <c r="U6819" s="19"/>
      <c r="V6819" s="19"/>
      <c r="W6819" s="19"/>
      <c r="X6819" s="19"/>
      <c r="Y6819" s="19"/>
      <c r="Z6819" s="19"/>
      <c r="AA6819" s="19"/>
    </row>
    <row r="6820" spans="1:27" s="1" customFormat="1" ht="14.1" customHeight="1" outlineLevel="2" x14ac:dyDescent="0.2">
      <c r="A6820" s="17">
        <v>13064</v>
      </c>
      <c r="B6820" s="17"/>
      <c r="C6820" s="17"/>
      <c r="D6820" s="18" t="s">
        <v>3391</v>
      </c>
      <c r="E6820" s="18"/>
      <c r="F6820" s="18"/>
      <c r="G6820" s="18"/>
      <c r="H6820" s="18"/>
      <c r="I6820" s="18"/>
      <c r="J6820" s="18"/>
      <c r="K6820" s="18"/>
      <c r="L6820" s="18"/>
      <c r="M6820" s="18"/>
      <c r="N6820" s="18"/>
      <c r="O6820" s="18"/>
      <c r="P6820" s="19">
        <v>100</v>
      </c>
      <c r="Q6820" s="19"/>
      <c r="R6820" s="19"/>
      <c r="S6820" s="19"/>
      <c r="T6820" s="19">
        <v>70</v>
      </c>
      <c r="U6820" s="19"/>
      <c r="V6820" s="19"/>
      <c r="W6820" s="19"/>
      <c r="X6820" s="19">
        <v>48</v>
      </c>
      <c r="Y6820" s="19"/>
      <c r="Z6820" s="19"/>
      <c r="AA6820" s="19"/>
    </row>
    <row r="6821" spans="1:27" s="1" customFormat="1" ht="14.1" customHeight="1" outlineLevel="2" x14ac:dyDescent="0.2">
      <c r="A6821" s="17"/>
      <c r="B6821" s="17"/>
      <c r="C6821" s="17"/>
      <c r="D6821" s="18"/>
      <c r="E6821" s="18"/>
      <c r="F6821" s="18"/>
      <c r="G6821" s="18"/>
      <c r="H6821" s="18"/>
      <c r="I6821" s="18"/>
      <c r="J6821" s="18"/>
      <c r="K6821" s="18"/>
      <c r="L6821" s="18"/>
      <c r="M6821" s="18"/>
      <c r="N6821" s="18"/>
      <c r="O6821" s="18"/>
      <c r="P6821" s="19"/>
      <c r="Q6821" s="19"/>
      <c r="R6821" s="19"/>
      <c r="S6821" s="19"/>
      <c r="T6821" s="19"/>
      <c r="U6821" s="19"/>
      <c r="V6821" s="19"/>
      <c r="W6821" s="19"/>
      <c r="X6821" s="19"/>
      <c r="Y6821" s="19"/>
      <c r="Z6821" s="19"/>
      <c r="AA6821" s="19"/>
    </row>
    <row r="6822" spans="1:27" s="1" customFormat="1" ht="14.1" customHeight="1" outlineLevel="2" x14ac:dyDescent="0.2">
      <c r="A6822" s="17">
        <v>15677</v>
      </c>
      <c r="B6822" s="17"/>
      <c r="C6822" s="17"/>
      <c r="D6822" s="18" t="s">
        <v>3392</v>
      </c>
      <c r="E6822" s="18"/>
      <c r="F6822" s="18"/>
      <c r="G6822" s="18"/>
      <c r="H6822" s="18"/>
      <c r="I6822" s="18"/>
      <c r="J6822" s="18"/>
      <c r="K6822" s="18"/>
      <c r="L6822" s="18"/>
      <c r="M6822" s="18"/>
      <c r="N6822" s="18"/>
      <c r="O6822" s="18"/>
      <c r="P6822" s="19">
        <v>100</v>
      </c>
      <c r="Q6822" s="19"/>
      <c r="R6822" s="19"/>
      <c r="S6822" s="19"/>
      <c r="T6822" s="19">
        <v>70</v>
      </c>
      <c r="U6822" s="19"/>
      <c r="V6822" s="19"/>
      <c r="W6822" s="19"/>
      <c r="X6822" s="19">
        <v>91</v>
      </c>
      <c r="Y6822" s="19"/>
      <c r="Z6822" s="19"/>
      <c r="AA6822" s="19"/>
    </row>
    <row r="6823" spans="1:27" s="1" customFormat="1" ht="14.1" customHeight="1" outlineLevel="2" x14ac:dyDescent="0.2">
      <c r="A6823" s="17"/>
      <c r="B6823" s="17"/>
      <c r="C6823" s="17"/>
      <c r="D6823" s="18"/>
      <c r="E6823" s="18"/>
      <c r="F6823" s="18"/>
      <c r="G6823" s="18"/>
      <c r="H6823" s="18"/>
      <c r="I6823" s="18"/>
      <c r="J6823" s="18"/>
      <c r="K6823" s="18"/>
      <c r="L6823" s="18"/>
      <c r="M6823" s="18"/>
      <c r="N6823" s="18"/>
      <c r="O6823" s="18"/>
      <c r="P6823" s="19"/>
      <c r="Q6823" s="19"/>
      <c r="R6823" s="19"/>
      <c r="S6823" s="19"/>
      <c r="T6823" s="19"/>
      <c r="U6823" s="19"/>
      <c r="V6823" s="19"/>
      <c r="W6823" s="19"/>
      <c r="X6823" s="19"/>
      <c r="Y6823" s="19"/>
      <c r="Z6823" s="19"/>
      <c r="AA6823" s="19"/>
    </row>
    <row r="6824" spans="1:27" s="1" customFormat="1" ht="14.1" customHeight="1" outlineLevel="2" x14ac:dyDescent="0.2">
      <c r="A6824" s="17">
        <v>12590</v>
      </c>
      <c r="B6824" s="17"/>
      <c r="C6824" s="17"/>
      <c r="D6824" s="18" t="s">
        <v>3393</v>
      </c>
      <c r="E6824" s="18"/>
      <c r="F6824" s="18"/>
      <c r="G6824" s="18"/>
      <c r="H6824" s="18"/>
      <c r="I6824" s="18"/>
      <c r="J6824" s="18"/>
      <c r="K6824" s="18"/>
      <c r="L6824" s="18"/>
      <c r="M6824" s="18"/>
      <c r="N6824" s="18"/>
      <c r="O6824" s="18"/>
      <c r="P6824" s="19">
        <v>100</v>
      </c>
      <c r="Q6824" s="19"/>
      <c r="R6824" s="19"/>
      <c r="S6824" s="19"/>
      <c r="T6824" s="19">
        <v>70</v>
      </c>
      <c r="U6824" s="19"/>
      <c r="V6824" s="19"/>
      <c r="W6824" s="19"/>
      <c r="X6824" s="19">
        <v>16</v>
      </c>
      <c r="Y6824" s="19"/>
      <c r="Z6824" s="19"/>
      <c r="AA6824" s="19"/>
    </row>
    <row r="6825" spans="1:27" s="1" customFormat="1" ht="14.1" customHeight="1" outlineLevel="2" x14ac:dyDescent="0.2">
      <c r="A6825" s="17"/>
      <c r="B6825" s="17"/>
      <c r="C6825" s="17"/>
      <c r="D6825" s="18"/>
      <c r="E6825" s="18"/>
      <c r="F6825" s="18"/>
      <c r="G6825" s="18"/>
      <c r="H6825" s="18"/>
      <c r="I6825" s="18"/>
      <c r="J6825" s="18"/>
      <c r="K6825" s="18"/>
      <c r="L6825" s="18"/>
      <c r="M6825" s="18"/>
      <c r="N6825" s="18"/>
      <c r="O6825" s="18"/>
      <c r="P6825" s="19"/>
      <c r="Q6825" s="19"/>
      <c r="R6825" s="19"/>
      <c r="S6825" s="19"/>
      <c r="T6825" s="19"/>
      <c r="U6825" s="19"/>
      <c r="V6825" s="19"/>
      <c r="W6825" s="19"/>
      <c r="X6825" s="19"/>
      <c r="Y6825" s="19"/>
      <c r="Z6825" s="19"/>
      <c r="AA6825" s="19"/>
    </row>
    <row r="6826" spans="1:27" s="1" customFormat="1" ht="14.1" customHeight="1" outlineLevel="2" x14ac:dyDescent="0.2">
      <c r="A6826" s="17">
        <v>12589</v>
      </c>
      <c r="B6826" s="17"/>
      <c r="C6826" s="17"/>
      <c r="D6826" s="18" t="s">
        <v>3394</v>
      </c>
      <c r="E6826" s="18"/>
      <c r="F6826" s="18"/>
      <c r="G6826" s="18"/>
      <c r="H6826" s="18"/>
      <c r="I6826" s="18"/>
      <c r="J6826" s="18"/>
      <c r="K6826" s="18"/>
      <c r="L6826" s="18"/>
      <c r="M6826" s="18"/>
      <c r="N6826" s="18"/>
      <c r="O6826" s="18"/>
      <c r="P6826" s="19">
        <v>100</v>
      </c>
      <c r="Q6826" s="19"/>
      <c r="R6826" s="19"/>
      <c r="S6826" s="19"/>
      <c r="T6826" s="19">
        <v>70</v>
      </c>
      <c r="U6826" s="19"/>
      <c r="V6826" s="19"/>
      <c r="W6826" s="19"/>
      <c r="X6826" s="19">
        <v>15</v>
      </c>
      <c r="Y6826" s="19"/>
      <c r="Z6826" s="19"/>
      <c r="AA6826" s="19"/>
    </row>
    <row r="6827" spans="1:27" s="1" customFormat="1" ht="14.1" customHeight="1" outlineLevel="2" x14ac:dyDescent="0.2">
      <c r="A6827" s="17"/>
      <c r="B6827" s="17"/>
      <c r="C6827" s="17"/>
      <c r="D6827" s="18"/>
      <c r="E6827" s="18"/>
      <c r="F6827" s="18"/>
      <c r="G6827" s="18"/>
      <c r="H6827" s="18"/>
      <c r="I6827" s="18"/>
      <c r="J6827" s="18"/>
      <c r="K6827" s="18"/>
      <c r="L6827" s="18"/>
      <c r="M6827" s="18"/>
      <c r="N6827" s="18"/>
      <c r="O6827" s="18"/>
      <c r="P6827" s="19"/>
      <c r="Q6827" s="19"/>
      <c r="R6827" s="19"/>
      <c r="S6827" s="19"/>
      <c r="T6827" s="19"/>
      <c r="U6827" s="19"/>
      <c r="V6827" s="19"/>
      <c r="W6827" s="19"/>
      <c r="X6827" s="19"/>
      <c r="Y6827" s="19"/>
      <c r="Z6827" s="19"/>
      <c r="AA6827" s="19"/>
    </row>
    <row r="6828" spans="1:27" s="1" customFormat="1" ht="11.1" customHeight="1" outlineLevel="2" x14ac:dyDescent="0.2">
      <c r="A6828" s="17">
        <v>13065</v>
      </c>
      <c r="B6828" s="17"/>
      <c r="C6828" s="17"/>
      <c r="D6828" s="18" t="s">
        <v>3395</v>
      </c>
      <c r="E6828" s="18"/>
      <c r="F6828" s="18"/>
      <c r="G6828" s="18"/>
      <c r="H6828" s="18"/>
      <c r="I6828" s="18"/>
      <c r="J6828" s="18"/>
      <c r="K6828" s="18"/>
      <c r="L6828" s="18"/>
      <c r="M6828" s="18"/>
      <c r="N6828" s="18"/>
      <c r="O6828" s="18"/>
      <c r="P6828" s="19">
        <v>100</v>
      </c>
      <c r="Q6828" s="19"/>
      <c r="R6828" s="19"/>
      <c r="S6828" s="19"/>
      <c r="T6828" s="19">
        <v>70</v>
      </c>
      <c r="U6828" s="19"/>
      <c r="V6828" s="19"/>
      <c r="W6828" s="19"/>
      <c r="X6828" s="19">
        <v>100</v>
      </c>
      <c r="Y6828" s="19"/>
      <c r="Z6828" s="19"/>
      <c r="AA6828" s="19"/>
    </row>
    <row r="6829" spans="1:27" s="1" customFormat="1" ht="11.1" customHeight="1" outlineLevel="2" x14ac:dyDescent="0.2">
      <c r="A6829" s="17"/>
      <c r="B6829" s="17"/>
      <c r="C6829" s="17"/>
      <c r="D6829" s="18"/>
      <c r="E6829" s="18"/>
      <c r="F6829" s="18"/>
      <c r="G6829" s="18"/>
      <c r="H6829" s="18"/>
      <c r="I6829" s="18"/>
      <c r="J6829" s="18"/>
      <c r="K6829" s="18"/>
      <c r="L6829" s="18"/>
      <c r="M6829" s="18"/>
      <c r="N6829" s="18"/>
      <c r="O6829" s="18"/>
      <c r="P6829" s="19"/>
      <c r="Q6829" s="19"/>
      <c r="R6829" s="19"/>
      <c r="S6829" s="19"/>
      <c r="T6829" s="19"/>
      <c r="U6829" s="19"/>
      <c r="V6829" s="19"/>
      <c r="W6829" s="19"/>
      <c r="X6829" s="19"/>
      <c r="Y6829" s="19"/>
      <c r="Z6829" s="19"/>
      <c r="AA6829" s="19"/>
    </row>
    <row r="6830" spans="1:27" s="1" customFormat="1" ht="11.1" customHeight="1" outlineLevel="2" x14ac:dyDescent="0.2">
      <c r="A6830" s="17">
        <v>13066</v>
      </c>
      <c r="B6830" s="17"/>
      <c r="C6830" s="17"/>
      <c r="D6830" s="18" t="s">
        <v>3396</v>
      </c>
      <c r="E6830" s="18"/>
      <c r="F6830" s="18"/>
      <c r="G6830" s="18"/>
      <c r="H6830" s="18"/>
      <c r="I6830" s="18"/>
      <c r="J6830" s="18"/>
      <c r="K6830" s="18"/>
      <c r="L6830" s="18"/>
      <c r="M6830" s="18"/>
      <c r="N6830" s="18"/>
      <c r="O6830" s="18"/>
      <c r="P6830" s="19">
        <v>100</v>
      </c>
      <c r="Q6830" s="19"/>
      <c r="R6830" s="19"/>
      <c r="S6830" s="19"/>
      <c r="T6830" s="19">
        <v>70</v>
      </c>
      <c r="U6830" s="19"/>
      <c r="V6830" s="19"/>
      <c r="W6830" s="19"/>
      <c r="X6830" s="19">
        <v>43</v>
      </c>
      <c r="Y6830" s="19"/>
      <c r="Z6830" s="19"/>
      <c r="AA6830" s="19"/>
    </row>
    <row r="6831" spans="1:27" s="1" customFormat="1" ht="11.1" customHeight="1" outlineLevel="2" x14ac:dyDescent="0.2">
      <c r="A6831" s="17"/>
      <c r="B6831" s="17"/>
      <c r="C6831" s="17"/>
      <c r="D6831" s="18"/>
      <c r="E6831" s="18"/>
      <c r="F6831" s="18"/>
      <c r="G6831" s="18"/>
      <c r="H6831" s="18"/>
      <c r="I6831" s="18"/>
      <c r="J6831" s="18"/>
      <c r="K6831" s="18"/>
      <c r="L6831" s="18"/>
      <c r="M6831" s="18"/>
      <c r="N6831" s="18"/>
      <c r="O6831" s="18"/>
      <c r="P6831" s="19"/>
      <c r="Q6831" s="19"/>
      <c r="R6831" s="19"/>
      <c r="S6831" s="19"/>
      <c r="T6831" s="19"/>
      <c r="U6831" s="19"/>
      <c r="V6831" s="19"/>
      <c r="W6831" s="19"/>
      <c r="X6831" s="19"/>
      <c r="Y6831" s="19"/>
      <c r="Z6831" s="19"/>
      <c r="AA6831" s="19"/>
    </row>
    <row r="6832" spans="1:27" s="1" customFormat="1" ht="11.1" customHeight="1" outlineLevel="2" x14ac:dyDescent="0.2">
      <c r="A6832" s="17">
        <v>13067</v>
      </c>
      <c r="B6832" s="17"/>
      <c r="C6832" s="17"/>
      <c r="D6832" s="18" t="s">
        <v>3397</v>
      </c>
      <c r="E6832" s="18"/>
      <c r="F6832" s="18"/>
      <c r="G6832" s="18"/>
      <c r="H6832" s="18"/>
      <c r="I6832" s="18"/>
      <c r="J6832" s="18"/>
      <c r="K6832" s="18"/>
      <c r="L6832" s="18"/>
      <c r="M6832" s="18"/>
      <c r="N6832" s="18"/>
      <c r="O6832" s="18"/>
      <c r="P6832" s="19">
        <v>100</v>
      </c>
      <c r="Q6832" s="19"/>
      <c r="R6832" s="19"/>
      <c r="S6832" s="19"/>
      <c r="T6832" s="19">
        <v>70</v>
      </c>
      <c r="U6832" s="19"/>
      <c r="V6832" s="19"/>
      <c r="W6832" s="19"/>
      <c r="X6832" s="19">
        <v>50</v>
      </c>
      <c r="Y6832" s="19"/>
      <c r="Z6832" s="19"/>
      <c r="AA6832" s="19"/>
    </row>
    <row r="6833" spans="1:27" s="1" customFormat="1" ht="11.1" customHeight="1" outlineLevel="2" x14ac:dyDescent="0.2">
      <c r="A6833" s="17"/>
      <c r="B6833" s="17"/>
      <c r="C6833" s="17"/>
      <c r="D6833" s="18"/>
      <c r="E6833" s="18"/>
      <c r="F6833" s="18"/>
      <c r="G6833" s="18"/>
      <c r="H6833" s="18"/>
      <c r="I6833" s="18"/>
      <c r="J6833" s="18"/>
      <c r="K6833" s="18"/>
      <c r="L6833" s="18"/>
      <c r="M6833" s="18"/>
      <c r="N6833" s="18"/>
      <c r="O6833" s="18"/>
      <c r="P6833" s="19"/>
      <c r="Q6833" s="19"/>
      <c r="R6833" s="19"/>
      <c r="S6833" s="19"/>
      <c r="T6833" s="19"/>
      <c r="U6833" s="19"/>
      <c r="V6833" s="19"/>
      <c r="W6833" s="19"/>
      <c r="X6833" s="19"/>
      <c r="Y6833" s="19"/>
      <c r="Z6833" s="19"/>
      <c r="AA6833" s="19"/>
    </row>
    <row r="6834" spans="1:27" s="1" customFormat="1" ht="14.1" customHeight="1" outlineLevel="2" x14ac:dyDescent="0.2">
      <c r="A6834" s="17">
        <v>9458</v>
      </c>
      <c r="B6834" s="17"/>
      <c r="C6834" s="17"/>
      <c r="D6834" s="18" t="s">
        <v>3398</v>
      </c>
      <c r="E6834" s="18"/>
      <c r="F6834" s="18"/>
      <c r="G6834" s="18"/>
      <c r="H6834" s="18"/>
      <c r="I6834" s="18"/>
      <c r="J6834" s="18"/>
      <c r="K6834" s="18"/>
      <c r="L6834" s="18"/>
      <c r="M6834" s="18"/>
      <c r="N6834" s="18"/>
      <c r="O6834" s="18"/>
      <c r="P6834" s="19">
        <v>560</v>
      </c>
      <c r="Q6834" s="19"/>
      <c r="R6834" s="19"/>
      <c r="S6834" s="19"/>
      <c r="T6834" s="19">
        <v>520</v>
      </c>
      <c r="U6834" s="19"/>
      <c r="V6834" s="19"/>
      <c r="W6834" s="19"/>
      <c r="X6834" s="19">
        <v>1</v>
      </c>
      <c r="Y6834" s="19"/>
      <c r="Z6834" s="19"/>
      <c r="AA6834" s="19"/>
    </row>
    <row r="6835" spans="1:27" s="1" customFormat="1" ht="14.1" customHeight="1" outlineLevel="2" x14ac:dyDescent="0.2">
      <c r="A6835" s="17"/>
      <c r="B6835" s="17"/>
      <c r="C6835" s="17"/>
      <c r="D6835" s="18"/>
      <c r="E6835" s="18"/>
      <c r="F6835" s="18"/>
      <c r="G6835" s="18"/>
      <c r="H6835" s="18"/>
      <c r="I6835" s="18"/>
      <c r="J6835" s="18"/>
      <c r="K6835" s="18"/>
      <c r="L6835" s="18"/>
      <c r="M6835" s="18"/>
      <c r="N6835" s="18"/>
      <c r="O6835" s="18"/>
      <c r="P6835" s="19"/>
      <c r="Q6835" s="19"/>
      <c r="R6835" s="19"/>
      <c r="S6835" s="19"/>
      <c r="T6835" s="19"/>
      <c r="U6835" s="19"/>
      <c r="V6835" s="19"/>
      <c r="W6835" s="19"/>
      <c r="X6835" s="19"/>
      <c r="Y6835" s="19"/>
      <c r="Z6835" s="19"/>
      <c r="AA6835" s="19"/>
    </row>
    <row r="6836" spans="1:27" s="1" customFormat="1" ht="11.1" customHeight="1" outlineLevel="2" x14ac:dyDescent="0.2">
      <c r="A6836" s="17">
        <v>13068</v>
      </c>
      <c r="B6836" s="17"/>
      <c r="C6836" s="17"/>
      <c r="D6836" s="18" t="s">
        <v>3399</v>
      </c>
      <c r="E6836" s="18"/>
      <c r="F6836" s="18"/>
      <c r="G6836" s="18"/>
      <c r="H6836" s="18"/>
      <c r="I6836" s="18"/>
      <c r="J6836" s="18"/>
      <c r="K6836" s="18"/>
      <c r="L6836" s="18"/>
      <c r="M6836" s="18"/>
      <c r="N6836" s="18"/>
      <c r="O6836" s="18"/>
      <c r="P6836" s="19">
        <v>100</v>
      </c>
      <c r="Q6836" s="19"/>
      <c r="R6836" s="19"/>
      <c r="S6836" s="19"/>
      <c r="T6836" s="19">
        <v>70</v>
      </c>
      <c r="U6836" s="19"/>
      <c r="V6836" s="19"/>
      <c r="W6836" s="19"/>
      <c r="X6836" s="19">
        <v>50</v>
      </c>
      <c r="Y6836" s="19"/>
      <c r="Z6836" s="19"/>
      <c r="AA6836" s="19"/>
    </row>
    <row r="6837" spans="1:27" s="1" customFormat="1" ht="11.1" customHeight="1" outlineLevel="2" x14ac:dyDescent="0.2">
      <c r="A6837" s="17"/>
      <c r="B6837" s="17"/>
      <c r="C6837" s="17"/>
      <c r="D6837" s="18"/>
      <c r="E6837" s="18"/>
      <c r="F6837" s="18"/>
      <c r="G6837" s="18"/>
      <c r="H6837" s="18"/>
      <c r="I6837" s="18"/>
      <c r="J6837" s="18"/>
      <c r="K6837" s="18"/>
      <c r="L6837" s="18"/>
      <c r="M6837" s="18"/>
      <c r="N6837" s="18"/>
      <c r="O6837" s="18"/>
      <c r="P6837" s="19"/>
      <c r="Q6837" s="19"/>
      <c r="R6837" s="19"/>
      <c r="S6837" s="19"/>
      <c r="T6837" s="19"/>
      <c r="U6837" s="19"/>
      <c r="V6837" s="19"/>
      <c r="W6837" s="19"/>
      <c r="X6837" s="19"/>
      <c r="Y6837" s="19"/>
      <c r="Z6837" s="19"/>
      <c r="AA6837" s="19"/>
    </row>
    <row r="6838" spans="1:27" s="1" customFormat="1" ht="11.1" customHeight="1" outlineLevel="2" x14ac:dyDescent="0.2">
      <c r="A6838" s="17">
        <v>11852</v>
      </c>
      <c r="B6838" s="17"/>
      <c r="C6838" s="17"/>
      <c r="D6838" s="18" t="s">
        <v>3400</v>
      </c>
      <c r="E6838" s="18"/>
      <c r="F6838" s="18"/>
      <c r="G6838" s="18"/>
      <c r="H6838" s="18"/>
      <c r="I6838" s="18"/>
      <c r="J6838" s="18"/>
      <c r="K6838" s="18"/>
      <c r="L6838" s="18"/>
      <c r="M6838" s="18"/>
      <c r="N6838" s="18"/>
      <c r="O6838" s="18"/>
      <c r="P6838" s="19">
        <v>100</v>
      </c>
      <c r="Q6838" s="19"/>
      <c r="R6838" s="19"/>
      <c r="S6838" s="19"/>
      <c r="T6838" s="19">
        <v>70</v>
      </c>
      <c r="U6838" s="19"/>
      <c r="V6838" s="19"/>
      <c r="W6838" s="19"/>
      <c r="X6838" s="19">
        <v>10</v>
      </c>
      <c r="Y6838" s="19"/>
      <c r="Z6838" s="19"/>
      <c r="AA6838" s="19"/>
    </row>
    <row r="6839" spans="1:27" s="1" customFormat="1" ht="11.1" customHeight="1" outlineLevel="2" x14ac:dyDescent="0.2">
      <c r="A6839" s="17"/>
      <c r="B6839" s="17"/>
      <c r="C6839" s="17"/>
      <c r="D6839" s="18"/>
      <c r="E6839" s="18"/>
      <c r="F6839" s="18"/>
      <c r="G6839" s="18"/>
      <c r="H6839" s="18"/>
      <c r="I6839" s="18"/>
      <c r="J6839" s="18"/>
      <c r="K6839" s="18"/>
      <c r="L6839" s="18"/>
      <c r="M6839" s="18"/>
      <c r="N6839" s="18"/>
      <c r="O6839" s="18"/>
      <c r="P6839" s="19"/>
      <c r="Q6839" s="19"/>
      <c r="R6839" s="19"/>
      <c r="S6839" s="19"/>
      <c r="T6839" s="19"/>
      <c r="U6839" s="19"/>
      <c r="V6839" s="19"/>
      <c r="W6839" s="19"/>
      <c r="X6839" s="19"/>
      <c r="Y6839" s="19"/>
      <c r="Z6839" s="19"/>
      <c r="AA6839" s="19"/>
    </row>
    <row r="6840" spans="1:27" s="1" customFormat="1" ht="11.1" customHeight="1" outlineLevel="2" x14ac:dyDescent="0.2">
      <c r="A6840" s="17">
        <v>11974</v>
      </c>
      <c r="B6840" s="17"/>
      <c r="C6840" s="17"/>
      <c r="D6840" s="18" t="s">
        <v>3401</v>
      </c>
      <c r="E6840" s="18"/>
      <c r="F6840" s="18"/>
      <c r="G6840" s="18"/>
      <c r="H6840" s="18"/>
      <c r="I6840" s="18"/>
      <c r="J6840" s="18"/>
      <c r="K6840" s="18"/>
      <c r="L6840" s="18"/>
      <c r="M6840" s="18"/>
      <c r="N6840" s="18"/>
      <c r="O6840" s="18"/>
      <c r="P6840" s="19">
        <v>100</v>
      </c>
      <c r="Q6840" s="19"/>
      <c r="R6840" s="19"/>
      <c r="S6840" s="19"/>
      <c r="T6840" s="19">
        <v>70</v>
      </c>
      <c r="U6840" s="19"/>
      <c r="V6840" s="19"/>
      <c r="W6840" s="19"/>
      <c r="X6840" s="19">
        <v>39</v>
      </c>
      <c r="Y6840" s="19"/>
      <c r="Z6840" s="19"/>
      <c r="AA6840" s="19"/>
    </row>
    <row r="6841" spans="1:27" s="1" customFormat="1" ht="11.1" customHeight="1" outlineLevel="2" x14ac:dyDescent="0.2">
      <c r="A6841" s="17"/>
      <c r="B6841" s="17"/>
      <c r="C6841" s="17"/>
      <c r="D6841" s="18"/>
      <c r="E6841" s="18"/>
      <c r="F6841" s="18"/>
      <c r="G6841" s="18"/>
      <c r="H6841" s="18"/>
      <c r="I6841" s="18"/>
      <c r="J6841" s="18"/>
      <c r="K6841" s="18"/>
      <c r="L6841" s="18"/>
      <c r="M6841" s="18"/>
      <c r="N6841" s="18"/>
      <c r="O6841" s="18"/>
      <c r="P6841" s="19"/>
      <c r="Q6841" s="19"/>
      <c r="R6841" s="19"/>
      <c r="S6841" s="19"/>
      <c r="T6841" s="19"/>
      <c r="U6841" s="19"/>
      <c r="V6841" s="19"/>
      <c r="W6841" s="19"/>
      <c r="X6841" s="19"/>
      <c r="Y6841" s="19"/>
      <c r="Z6841" s="19"/>
      <c r="AA6841" s="19"/>
    </row>
    <row r="6842" spans="1:27" s="1" customFormat="1" ht="14.1" customHeight="1" outlineLevel="2" x14ac:dyDescent="0.2">
      <c r="A6842" s="17">
        <v>14711</v>
      </c>
      <c r="B6842" s="17"/>
      <c r="C6842" s="17"/>
      <c r="D6842" s="18" t="s">
        <v>3402</v>
      </c>
      <c r="E6842" s="18"/>
      <c r="F6842" s="18"/>
      <c r="G6842" s="18"/>
      <c r="H6842" s="18"/>
      <c r="I6842" s="18"/>
      <c r="J6842" s="18"/>
      <c r="K6842" s="18"/>
      <c r="L6842" s="18"/>
      <c r="M6842" s="18"/>
      <c r="N6842" s="18"/>
      <c r="O6842" s="18"/>
      <c r="P6842" s="19">
        <v>100</v>
      </c>
      <c r="Q6842" s="19"/>
      <c r="R6842" s="19"/>
      <c r="S6842" s="19"/>
      <c r="T6842" s="19">
        <v>70</v>
      </c>
      <c r="U6842" s="19"/>
      <c r="V6842" s="19"/>
      <c r="W6842" s="19"/>
      <c r="X6842" s="19">
        <v>39</v>
      </c>
      <c r="Y6842" s="19"/>
      <c r="Z6842" s="19"/>
      <c r="AA6842" s="19"/>
    </row>
    <row r="6843" spans="1:27" s="1" customFormat="1" ht="14.1" customHeight="1" outlineLevel="2" x14ac:dyDescent="0.2">
      <c r="A6843" s="17"/>
      <c r="B6843" s="17"/>
      <c r="C6843" s="17"/>
      <c r="D6843" s="18"/>
      <c r="E6843" s="18"/>
      <c r="F6843" s="18"/>
      <c r="G6843" s="18"/>
      <c r="H6843" s="18"/>
      <c r="I6843" s="18"/>
      <c r="J6843" s="18"/>
      <c r="K6843" s="18"/>
      <c r="L6843" s="18"/>
      <c r="M6843" s="18"/>
      <c r="N6843" s="18"/>
      <c r="O6843" s="18"/>
      <c r="P6843" s="19"/>
      <c r="Q6843" s="19"/>
      <c r="R6843" s="19"/>
      <c r="S6843" s="19"/>
      <c r="T6843" s="19"/>
      <c r="U6843" s="19"/>
      <c r="V6843" s="19"/>
      <c r="W6843" s="19"/>
      <c r="X6843" s="19"/>
      <c r="Y6843" s="19"/>
      <c r="Z6843" s="19"/>
      <c r="AA6843" s="19"/>
    </row>
    <row r="6844" spans="1:27" s="1" customFormat="1" ht="14.1" customHeight="1" outlineLevel="2" x14ac:dyDescent="0.2">
      <c r="A6844" s="17">
        <v>14712</v>
      </c>
      <c r="B6844" s="17"/>
      <c r="C6844" s="17"/>
      <c r="D6844" s="18" t="s">
        <v>3403</v>
      </c>
      <c r="E6844" s="18"/>
      <c r="F6844" s="18"/>
      <c r="G6844" s="18"/>
      <c r="H6844" s="18"/>
      <c r="I6844" s="18"/>
      <c r="J6844" s="18"/>
      <c r="K6844" s="18"/>
      <c r="L6844" s="18"/>
      <c r="M6844" s="18"/>
      <c r="N6844" s="18"/>
      <c r="O6844" s="18"/>
      <c r="P6844" s="19">
        <v>120</v>
      </c>
      <c r="Q6844" s="19"/>
      <c r="R6844" s="19"/>
      <c r="S6844" s="19"/>
      <c r="T6844" s="19">
        <v>90</v>
      </c>
      <c r="U6844" s="19"/>
      <c r="V6844" s="19"/>
      <c r="W6844" s="19"/>
      <c r="X6844" s="19">
        <v>23</v>
      </c>
      <c r="Y6844" s="19"/>
      <c r="Z6844" s="19"/>
      <c r="AA6844" s="19"/>
    </row>
    <row r="6845" spans="1:27" s="1" customFormat="1" ht="14.1" customHeight="1" outlineLevel="2" x14ac:dyDescent="0.2">
      <c r="A6845" s="17"/>
      <c r="B6845" s="17"/>
      <c r="C6845" s="17"/>
      <c r="D6845" s="18"/>
      <c r="E6845" s="18"/>
      <c r="F6845" s="18"/>
      <c r="G6845" s="18"/>
      <c r="H6845" s="18"/>
      <c r="I6845" s="18"/>
      <c r="J6845" s="18"/>
      <c r="K6845" s="18"/>
      <c r="L6845" s="18"/>
      <c r="M6845" s="18"/>
      <c r="N6845" s="18"/>
      <c r="O6845" s="18"/>
      <c r="P6845" s="19"/>
      <c r="Q6845" s="19"/>
      <c r="R6845" s="19"/>
      <c r="S6845" s="19"/>
      <c r="T6845" s="19"/>
      <c r="U6845" s="19"/>
      <c r="V6845" s="19"/>
      <c r="W6845" s="19"/>
      <c r="X6845" s="19"/>
      <c r="Y6845" s="19"/>
      <c r="Z6845" s="19"/>
      <c r="AA6845" s="19"/>
    </row>
    <row r="6846" spans="1:27" s="1" customFormat="1" ht="11.1" customHeight="1" outlineLevel="2" x14ac:dyDescent="0.2">
      <c r="A6846" s="17">
        <v>10283</v>
      </c>
      <c r="B6846" s="17"/>
      <c r="C6846" s="17"/>
      <c r="D6846" s="18" t="s">
        <v>3404</v>
      </c>
      <c r="E6846" s="18"/>
      <c r="F6846" s="18"/>
      <c r="G6846" s="18"/>
      <c r="H6846" s="18"/>
      <c r="I6846" s="18"/>
      <c r="J6846" s="18"/>
      <c r="K6846" s="18"/>
      <c r="L6846" s="18"/>
      <c r="M6846" s="18"/>
      <c r="N6846" s="18"/>
      <c r="O6846" s="18"/>
      <c r="P6846" s="19">
        <v>90</v>
      </c>
      <c r="Q6846" s="19"/>
      <c r="R6846" s="19"/>
      <c r="S6846" s="19"/>
      <c r="T6846" s="19">
        <v>60</v>
      </c>
      <c r="U6846" s="19"/>
      <c r="V6846" s="19"/>
      <c r="W6846" s="19"/>
      <c r="X6846" s="19">
        <v>10</v>
      </c>
      <c r="Y6846" s="19"/>
      <c r="Z6846" s="19"/>
      <c r="AA6846" s="19"/>
    </row>
    <row r="6847" spans="1:27" s="1" customFormat="1" ht="11.1" customHeight="1" outlineLevel="2" x14ac:dyDescent="0.2">
      <c r="A6847" s="17"/>
      <c r="B6847" s="17"/>
      <c r="C6847" s="17"/>
      <c r="D6847" s="18"/>
      <c r="E6847" s="18"/>
      <c r="F6847" s="18"/>
      <c r="G6847" s="18"/>
      <c r="H6847" s="18"/>
      <c r="I6847" s="18"/>
      <c r="J6847" s="18"/>
      <c r="K6847" s="18"/>
      <c r="L6847" s="18"/>
      <c r="M6847" s="18"/>
      <c r="N6847" s="18"/>
      <c r="O6847" s="18"/>
      <c r="P6847" s="19"/>
      <c r="Q6847" s="19"/>
      <c r="R6847" s="19"/>
      <c r="S6847" s="19"/>
      <c r="T6847" s="19"/>
      <c r="U6847" s="19"/>
      <c r="V6847" s="19"/>
      <c r="W6847" s="19"/>
      <c r="X6847" s="19"/>
      <c r="Y6847" s="19"/>
      <c r="Z6847" s="19"/>
      <c r="AA6847" s="19"/>
    </row>
    <row r="6848" spans="1:27" s="1" customFormat="1" ht="14.1" customHeight="1" outlineLevel="2" x14ac:dyDescent="0.2">
      <c r="A6848" s="17">
        <v>13083</v>
      </c>
      <c r="B6848" s="17"/>
      <c r="C6848" s="17"/>
      <c r="D6848" s="18" t="s">
        <v>3405</v>
      </c>
      <c r="E6848" s="18"/>
      <c r="F6848" s="18"/>
      <c r="G6848" s="18"/>
      <c r="H6848" s="18"/>
      <c r="I6848" s="18"/>
      <c r="J6848" s="18"/>
      <c r="K6848" s="18"/>
      <c r="L6848" s="18"/>
      <c r="M6848" s="18"/>
      <c r="N6848" s="18"/>
      <c r="O6848" s="18"/>
      <c r="P6848" s="19">
        <v>100</v>
      </c>
      <c r="Q6848" s="19"/>
      <c r="R6848" s="19"/>
      <c r="S6848" s="19"/>
      <c r="T6848" s="19">
        <v>70</v>
      </c>
      <c r="U6848" s="19"/>
      <c r="V6848" s="19"/>
      <c r="W6848" s="19"/>
      <c r="X6848" s="19">
        <v>50</v>
      </c>
      <c r="Y6848" s="19"/>
      <c r="Z6848" s="19"/>
      <c r="AA6848" s="19"/>
    </row>
    <row r="6849" spans="1:27" s="1" customFormat="1" ht="14.1" customHeight="1" outlineLevel="2" x14ac:dyDescent="0.2">
      <c r="A6849" s="17"/>
      <c r="B6849" s="17"/>
      <c r="C6849" s="17"/>
      <c r="D6849" s="18"/>
      <c r="E6849" s="18"/>
      <c r="F6849" s="18"/>
      <c r="G6849" s="18"/>
      <c r="H6849" s="18"/>
      <c r="I6849" s="18"/>
      <c r="J6849" s="18"/>
      <c r="K6849" s="18"/>
      <c r="L6849" s="18"/>
      <c r="M6849" s="18"/>
      <c r="N6849" s="18"/>
      <c r="O6849" s="18"/>
      <c r="P6849" s="19"/>
      <c r="Q6849" s="19"/>
      <c r="R6849" s="19"/>
      <c r="S6849" s="19"/>
      <c r="T6849" s="19"/>
      <c r="U6849" s="19"/>
      <c r="V6849" s="19"/>
      <c r="W6849" s="19"/>
      <c r="X6849" s="19"/>
      <c r="Y6849" s="19"/>
      <c r="Z6849" s="19"/>
      <c r="AA6849" s="19"/>
    </row>
    <row r="6850" spans="1:27" s="1" customFormat="1" ht="14.1" customHeight="1" outlineLevel="2" x14ac:dyDescent="0.2">
      <c r="A6850" s="17">
        <v>13069</v>
      </c>
      <c r="B6850" s="17"/>
      <c r="C6850" s="17"/>
      <c r="D6850" s="18" t="s">
        <v>3406</v>
      </c>
      <c r="E6850" s="18"/>
      <c r="F6850" s="18"/>
      <c r="G6850" s="18"/>
      <c r="H6850" s="18"/>
      <c r="I6850" s="18"/>
      <c r="J6850" s="18"/>
      <c r="K6850" s="18"/>
      <c r="L6850" s="18"/>
      <c r="M6850" s="18"/>
      <c r="N6850" s="18"/>
      <c r="O6850" s="18"/>
      <c r="P6850" s="19">
        <v>100</v>
      </c>
      <c r="Q6850" s="19"/>
      <c r="R6850" s="19"/>
      <c r="S6850" s="19"/>
      <c r="T6850" s="19">
        <v>70</v>
      </c>
      <c r="U6850" s="19"/>
      <c r="V6850" s="19"/>
      <c r="W6850" s="19"/>
      <c r="X6850" s="19">
        <v>49</v>
      </c>
      <c r="Y6850" s="19"/>
      <c r="Z6850" s="19"/>
      <c r="AA6850" s="19"/>
    </row>
    <row r="6851" spans="1:27" s="1" customFormat="1" ht="14.1" customHeight="1" outlineLevel="2" x14ac:dyDescent="0.2">
      <c r="A6851" s="17"/>
      <c r="B6851" s="17"/>
      <c r="C6851" s="17"/>
      <c r="D6851" s="18"/>
      <c r="E6851" s="18"/>
      <c r="F6851" s="18"/>
      <c r="G6851" s="18"/>
      <c r="H6851" s="18"/>
      <c r="I6851" s="18"/>
      <c r="J6851" s="18"/>
      <c r="K6851" s="18"/>
      <c r="L6851" s="18"/>
      <c r="M6851" s="18"/>
      <c r="N6851" s="18"/>
      <c r="O6851" s="18"/>
      <c r="P6851" s="19"/>
      <c r="Q6851" s="19"/>
      <c r="R6851" s="19"/>
      <c r="S6851" s="19"/>
      <c r="T6851" s="19"/>
      <c r="U6851" s="19"/>
      <c r="V6851" s="19"/>
      <c r="W6851" s="19"/>
      <c r="X6851" s="19"/>
      <c r="Y6851" s="19"/>
      <c r="Z6851" s="19"/>
      <c r="AA6851" s="19"/>
    </row>
    <row r="6852" spans="1:27" s="1" customFormat="1" ht="11.1" customHeight="1" outlineLevel="2" x14ac:dyDescent="0.2">
      <c r="A6852" s="17">
        <v>17802</v>
      </c>
      <c r="B6852" s="17"/>
      <c r="C6852" s="17"/>
      <c r="D6852" s="18" t="s">
        <v>3407</v>
      </c>
      <c r="E6852" s="18"/>
      <c r="F6852" s="18"/>
      <c r="G6852" s="18"/>
      <c r="H6852" s="18"/>
      <c r="I6852" s="18"/>
      <c r="J6852" s="18"/>
      <c r="K6852" s="18"/>
      <c r="L6852" s="18"/>
      <c r="M6852" s="18"/>
      <c r="N6852" s="18"/>
      <c r="O6852" s="18"/>
      <c r="P6852" s="19">
        <v>100</v>
      </c>
      <c r="Q6852" s="19"/>
      <c r="R6852" s="19"/>
      <c r="S6852" s="19"/>
      <c r="T6852" s="19">
        <v>70</v>
      </c>
      <c r="U6852" s="19"/>
      <c r="V6852" s="19"/>
      <c r="W6852" s="19"/>
      <c r="X6852" s="19">
        <v>97</v>
      </c>
      <c r="Y6852" s="19"/>
      <c r="Z6852" s="19"/>
      <c r="AA6852" s="19"/>
    </row>
    <row r="6853" spans="1:27" s="1" customFormat="1" ht="11.1" customHeight="1" outlineLevel="2" x14ac:dyDescent="0.2">
      <c r="A6853" s="17"/>
      <c r="B6853" s="17"/>
      <c r="C6853" s="17"/>
      <c r="D6853" s="18"/>
      <c r="E6853" s="18"/>
      <c r="F6853" s="18"/>
      <c r="G6853" s="18"/>
      <c r="H6853" s="18"/>
      <c r="I6853" s="18"/>
      <c r="J6853" s="18"/>
      <c r="K6853" s="18"/>
      <c r="L6853" s="18"/>
      <c r="M6853" s="18"/>
      <c r="N6853" s="18"/>
      <c r="O6853" s="18"/>
      <c r="P6853" s="19"/>
      <c r="Q6853" s="19"/>
      <c r="R6853" s="19"/>
      <c r="S6853" s="19"/>
      <c r="T6853" s="19"/>
      <c r="U6853" s="19"/>
      <c r="V6853" s="19"/>
      <c r="W6853" s="19"/>
      <c r="X6853" s="19"/>
      <c r="Y6853" s="19"/>
      <c r="Z6853" s="19"/>
      <c r="AA6853" s="19"/>
    </row>
    <row r="6854" spans="1:27" s="1" customFormat="1" ht="11.1" customHeight="1" outlineLevel="2" x14ac:dyDescent="0.2">
      <c r="A6854" s="17">
        <v>9302</v>
      </c>
      <c r="B6854" s="17"/>
      <c r="C6854" s="17"/>
      <c r="D6854" s="18" t="s">
        <v>3408</v>
      </c>
      <c r="E6854" s="18"/>
      <c r="F6854" s="18"/>
      <c r="G6854" s="18"/>
      <c r="H6854" s="18"/>
      <c r="I6854" s="18"/>
      <c r="J6854" s="18"/>
      <c r="K6854" s="18"/>
      <c r="L6854" s="18"/>
      <c r="M6854" s="18"/>
      <c r="N6854" s="18"/>
      <c r="O6854" s="18"/>
      <c r="P6854" s="19">
        <v>90</v>
      </c>
      <c r="Q6854" s="19"/>
      <c r="R6854" s="19"/>
      <c r="S6854" s="19"/>
      <c r="T6854" s="19">
        <v>60</v>
      </c>
      <c r="U6854" s="19"/>
      <c r="V6854" s="19"/>
      <c r="W6854" s="19"/>
      <c r="X6854" s="19">
        <v>7</v>
      </c>
      <c r="Y6854" s="19"/>
      <c r="Z6854" s="19"/>
      <c r="AA6854" s="19"/>
    </row>
    <row r="6855" spans="1:27" s="1" customFormat="1" ht="11.1" customHeight="1" outlineLevel="2" x14ac:dyDescent="0.2">
      <c r="A6855" s="17"/>
      <c r="B6855" s="17"/>
      <c r="C6855" s="17"/>
      <c r="D6855" s="18"/>
      <c r="E6855" s="18"/>
      <c r="F6855" s="18"/>
      <c r="G6855" s="18"/>
      <c r="H6855" s="18"/>
      <c r="I6855" s="18"/>
      <c r="J6855" s="18"/>
      <c r="K6855" s="18"/>
      <c r="L6855" s="18"/>
      <c r="M6855" s="18"/>
      <c r="N6855" s="18"/>
      <c r="O6855" s="18"/>
      <c r="P6855" s="19"/>
      <c r="Q6855" s="19"/>
      <c r="R6855" s="19"/>
      <c r="S6855" s="19"/>
      <c r="T6855" s="19"/>
      <c r="U6855" s="19"/>
      <c r="V6855" s="19"/>
      <c r="W6855" s="19"/>
      <c r="X6855" s="19"/>
      <c r="Y6855" s="19"/>
      <c r="Z6855" s="19"/>
      <c r="AA6855" s="19"/>
    </row>
    <row r="6856" spans="1:27" s="1" customFormat="1" ht="11.1" customHeight="1" outlineLevel="2" x14ac:dyDescent="0.2">
      <c r="A6856" s="17">
        <v>13080</v>
      </c>
      <c r="B6856" s="17"/>
      <c r="C6856" s="17"/>
      <c r="D6856" s="18" t="s">
        <v>3409</v>
      </c>
      <c r="E6856" s="18"/>
      <c r="F6856" s="18"/>
      <c r="G6856" s="18"/>
      <c r="H6856" s="18"/>
      <c r="I6856" s="18"/>
      <c r="J6856" s="18"/>
      <c r="K6856" s="18"/>
      <c r="L6856" s="18"/>
      <c r="M6856" s="18"/>
      <c r="N6856" s="18"/>
      <c r="O6856" s="18"/>
      <c r="P6856" s="19">
        <v>100</v>
      </c>
      <c r="Q6856" s="19"/>
      <c r="R6856" s="19"/>
      <c r="S6856" s="19"/>
      <c r="T6856" s="19">
        <v>70</v>
      </c>
      <c r="U6856" s="19"/>
      <c r="V6856" s="19"/>
      <c r="W6856" s="19"/>
      <c r="X6856" s="19">
        <v>48</v>
      </c>
      <c r="Y6856" s="19"/>
      <c r="Z6856" s="19"/>
      <c r="AA6856" s="19"/>
    </row>
    <row r="6857" spans="1:27" s="1" customFormat="1" ht="11.1" customHeight="1" outlineLevel="2" x14ac:dyDescent="0.2">
      <c r="A6857" s="17"/>
      <c r="B6857" s="17"/>
      <c r="C6857" s="17"/>
      <c r="D6857" s="18"/>
      <c r="E6857" s="18"/>
      <c r="F6857" s="18"/>
      <c r="G6857" s="18"/>
      <c r="H6857" s="18"/>
      <c r="I6857" s="18"/>
      <c r="J6857" s="18"/>
      <c r="K6857" s="18"/>
      <c r="L6857" s="18"/>
      <c r="M6857" s="18"/>
      <c r="N6857" s="18"/>
      <c r="O6857" s="18"/>
      <c r="P6857" s="19"/>
      <c r="Q6857" s="19"/>
      <c r="R6857" s="19"/>
      <c r="S6857" s="19"/>
      <c r="T6857" s="19"/>
      <c r="U6857" s="19"/>
      <c r="V6857" s="19"/>
      <c r="W6857" s="19"/>
      <c r="X6857" s="19"/>
      <c r="Y6857" s="19"/>
      <c r="Z6857" s="19"/>
      <c r="AA6857" s="19"/>
    </row>
    <row r="6858" spans="1:27" s="1" customFormat="1" ht="11.1" customHeight="1" outlineLevel="2" x14ac:dyDescent="0.2">
      <c r="A6858" s="17">
        <v>9303</v>
      </c>
      <c r="B6858" s="17"/>
      <c r="C6858" s="17"/>
      <c r="D6858" s="18" t="s">
        <v>3410</v>
      </c>
      <c r="E6858" s="18"/>
      <c r="F6858" s="18"/>
      <c r="G6858" s="18"/>
      <c r="H6858" s="18"/>
      <c r="I6858" s="18"/>
      <c r="J6858" s="18"/>
      <c r="K6858" s="18"/>
      <c r="L6858" s="18"/>
      <c r="M6858" s="18"/>
      <c r="N6858" s="18"/>
      <c r="O6858" s="18"/>
      <c r="P6858" s="19">
        <v>90</v>
      </c>
      <c r="Q6858" s="19"/>
      <c r="R6858" s="19"/>
      <c r="S6858" s="19"/>
      <c r="T6858" s="19">
        <v>60</v>
      </c>
      <c r="U6858" s="19"/>
      <c r="V6858" s="19"/>
      <c r="W6858" s="19"/>
      <c r="X6858" s="19">
        <v>4</v>
      </c>
      <c r="Y6858" s="19"/>
      <c r="Z6858" s="19"/>
      <c r="AA6858" s="19"/>
    </row>
    <row r="6859" spans="1:27" s="1" customFormat="1" ht="11.1" customHeight="1" outlineLevel="2" x14ac:dyDescent="0.2">
      <c r="A6859" s="17"/>
      <c r="B6859" s="17"/>
      <c r="C6859" s="17"/>
      <c r="D6859" s="18"/>
      <c r="E6859" s="18"/>
      <c r="F6859" s="18"/>
      <c r="G6859" s="18"/>
      <c r="H6859" s="18"/>
      <c r="I6859" s="18"/>
      <c r="J6859" s="18"/>
      <c r="K6859" s="18"/>
      <c r="L6859" s="18"/>
      <c r="M6859" s="18"/>
      <c r="N6859" s="18"/>
      <c r="O6859" s="18"/>
      <c r="P6859" s="19"/>
      <c r="Q6859" s="19"/>
      <c r="R6859" s="19"/>
      <c r="S6859" s="19"/>
      <c r="T6859" s="19"/>
      <c r="U6859" s="19"/>
      <c r="V6859" s="19"/>
      <c r="W6859" s="19"/>
      <c r="X6859" s="19"/>
      <c r="Y6859" s="19"/>
      <c r="Z6859" s="19"/>
      <c r="AA6859" s="19"/>
    </row>
    <row r="6860" spans="1:27" s="1" customFormat="1" ht="14.1" customHeight="1" outlineLevel="2" x14ac:dyDescent="0.2">
      <c r="A6860" s="17">
        <v>10924</v>
      </c>
      <c r="B6860" s="17"/>
      <c r="C6860" s="17"/>
      <c r="D6860" s="18" t="s">
        <v>3411</v>
      </c>
      <c r="E6860" s="18"/>
      <c r="F6860" s="18"/>
      <c r="G6860" s="18"/>
      <c r="H6860" s="18"/>
      <c r="I6860" s="18"/>
      <c r="J6860" s="18"/>
      <c r="K6860" s="18"/>
      <c r="L6860" s="18"/>
      <c r="M6860" s="18"/>
      <c r="N6860" s="18"/>
      <c r="O6860" s="18"/>
      <c r="P6860" s="19">
        <v>100</v>
      </c>
      <c r="Q6860" s="19"/>
      <c r="R6860" s="19"/>
      <c r="S6860" s="19"/>
      <c r="T6860" s="19">
        <v>70</v>
      </c>
      <c r="U6860" s="19"/>
      <c r="V6860" s="19"/>
      <c r="W6860" s="19"/>
      <c r="X6860" s="19">
        <v>100</v>
      </c>
      <c r="Y6860" s="19"/>
      <c r="Z6860" s="19"/>
      <c r="AA6860" s="19"/>
    </row>
    <row r="6861" spans="1:27" s="1" customFormat="1" ht="14.1" customHeight="1" outlineLevel="2" x14ac:dyDescent="0.2">
      <c r="A6861" s="17"/>
      <c r="B6861" s="17"/>
      <c r="C6861" s="17"/>
      <c r="D6861" s="18"/>
      <c r="E6861" s="18"/>
      <c r="F6861" s="18"/>
      <c r="G6861" s="18"/>
      <c r="H6861" s="18"/>
      <c r="I6861" s="18"/>
      <c r="J6861" s="18"/>
      <c r="K6861" s="18"/>
      <c r="L6861" s="18"/>
      <c r="M6861" s="18"/>
      <c r="N6861" s="18"/>
      <c r="O6861" s="18"/>
      <c r="P6861" s="19"/>
      <c r="Q6861" s="19"/>
      <c r="R6861" s="19"/>
      <c r="S6861" s="19"/>
      <c r="T6861" s="19"/>
      <c r="U6861" s="19"/>
      <c r="V6861" s="19"/>
      <c r="W6861" s="19"/>
      <c r="X6861" s="19"/>
      <c r="Y6861" s="19"/>
      <c r="Z6861" s="19"/>
      <c r="AA6861" s="19"/>
    </row>
    <row r="6862" spans="1:27" s="1" customFormat="1" ht="14.1" customHeight="1" outlineLevel="2" x14ac:dyDescent="0.2">
      <c r="A6862" s="17">
        <v>10925</v>
      </c>
      <c r="B6862" s="17"/>
      <c r="C6862" s="17"/>
      <c r="D6862" s="18" t="s">
        <v>3412</v>
      </c>
      <c r="E6862" s="18"/>
      <c r="F6862" s="18"/>
      <c r="G6862" s="18"/>
      <c r="H6862" s="18"/>
      <c r="I6862" s="18"/>
      <c r="J6862" s="18"/>
      <c r="K6862" s="18"/>
      <c r="L6862" s="18"/>
      <c r="M6862" s="18"/>
      <c r="N6862" s="18"/>
      <c r="O6862" s="18"/>
      <c r="P6862" s="19">
        <v>100</v>
      </c>
      <c r="Q6862" s="19"/>
      <c r="R6862" s="19"/>
      <c r="S6862" s="19"/>
      <c r="T6862" s="19">
        <v>70</v>
      </c>
      <c r="U6862" s="19"/>
      <c r="V6862" s="19"/>
      <c r="W6862" s="19"/>
      <c r="X6862" s="19">
        <v>43</v>
      </c>
      <c r="Y6862" s="19"/>
      <c r="Z6862" s="19"/>
      <c r="AA6862" s="19"/>
    </row>
    <row r="6863" spans="1:27" s="1" customFormat="1" ht="14.1" customHeight="1" outlineLevel="2" x14ac:dyDescent="0.2">
      <c r="A6863" s="17"/>
      <c r="B6863" s="17"/>
      <c r="C6863" s="17"/>
      <c r="D6863" s="18"/>
      <c r="E6863" s="18"/>
      <c r="F6863" s="18"/>
      <c r="G6863" s="18"/>
      <c r="H6863" s="18"/>
      <c r="I6863" s="18"/>
      <c r="J6863" s="18"/>
      <c r="K6863" s="18"/>
      <c r="L6863" s="18"/>
      <c r="M6863" s="18"/>
      <c r="N6863" s="18"/>
      <c r="O6863" s="18"/>
      <c r="P6863" s="19"/>
      <c r="Q6863" s="19"/>
      <c r="R6863" s="19"/>
      <c r="S6863" s="19"/>
      <c r="T6863" s="19"/>
      <c r="U6863" s="19"/>
      <c r="V6863" s="19"/>
      <c r="W6863" s="19"/>
      <c r="X6863" s="19"/>
      <c r="Y6863" s="19"/>
      <c r="Z6863" s="19"/>
      <c r="AA6863" s="19"/>
    </row>
    <row r="6864" spans="1:27" s="1" customFormat="1" ht="14.1" customHeight="1" outlineLevel="2" x14ac:dyDescent="0.2">
      <c r="A6864" s="17">
        <v>14714</v>
      </c>
      <c r="B6864" s="17"/>
      <c r="C6864" s="17"/>
      <c r="D6864" s="18" t="s">
        <v>3413</v>
      </c>
      <c r="E6864" s="18"/>
      <c r="F6864" s="18"/>
      <c r="G6864" s="18"/>
      <c r="H6864" s="18"/>
      <c r="I6864" s="18"/>
      <c r="J6864" s="18"/>
      <c r="K6864" s="18"/>
      <c r="L6864" s="18"/>
      <c r="M6864" s="18"/>
      <c r="N6864" s="18"/>
      <c r="O6864" s="18"/>
      <c r="P6864" s="19">
        <v>60</v>
      </c>
      <c r="Q6864" s="19"/>
      <c r="R6864" s="19"/>
      <c r="S6864" s="19"/>
      <c r="T6864" s="19">
        <v>60</v>
      </c>
      <c r="U6864" s="19"/>
      <c r="V6864" s="19"/>
      <c r="W6864" s="19"/>
      <c r="X6864" s="19">
        <v>50</v>
      </c>
      <c r="Y6864" s="19"/>
      <c r="Z6864" s="19"/>
      <c r="AA6864" s="19"/>
    </row>
    <row r="6865" spans="1:27" s="1" customFormat="1" ht="14.1" customHeight="1" outlineLevel="2" x14ac:dyDescent="0.2">
      <c r="A6865" s="17"/>
      <c r="B6865" s="17"/>
      <c r="C6865" s="17"/>
      <c r="D6865" s="18"/>
      <c r="E6865" s="18"/>
      <c r="F6865" s="18"/>
      <c r="G6865" s="18"/>
      <c r="H6865" s="18"/>
      <c r="I6865" s="18"/>
      <c r="J6865" s="18"/>
      <c r="K6865" s="18"/>
      <c r="L6865" s="18"/>
      <c r="M6865" s="18"/>
      <c r="N6865" s="18"/>
      <c r="O6865" s="18"/>
      <c r="P6865" s="19"/>
      <c r="Q6865" s="19"/>
      <c r="R6865" s="19"/>
      <c r="S6865" s="19"/>
      <c r="T6865" s="19"/>
      <c r="U6865" s="19"/>
      <c r="V6865" s="19"/>
      <c r="W6865" s="19"/>
      <c r="X6865" s="19"/>
      <c r="Y6865" s="19"/>
      <c r="Z6865" s="19"/>
      <c r="AA6865" s="19"/>
    </row>
    <row r="6866" spans="1:27" s="1" customFormat="1" ht="14.1" customHeight="1" outlineLevel="2" x14ac:dyDescent="0.2">
      <c r="A6866" s="17">
        <v>10929</v>
      </c>
      <c r="B6866" s="17"/>
      <c r="C6866" s="17"/>
      <c r="D6866" s="18" t="s">
        <v>3414</v>
      </c>
      <c r="E6866" s="18"/>
      <c r="F6866" s="18"/>
      <c r="G6866" s="18"/>
      <c r="H6866" s="18"/>
      <c r="I6866" s="18"/>
      <c r="J6866" s="18"/>
      <c r="K6866" s="18"/>
      <c r="L6866" s="18"/>
      <c r="M6866" s="18"/>
      <c r="N6866" s="18"/>
      <c r="O6866" s="18"/>
      <c r="P6866" s="19">
        <v>100</v>
      </c>
      <c r="Q6866" s="19"/>
      <c r="R6866" s="19"/>
      <c r="S6866" s="19"/>
      <c r="T6866" s="19">
        <v>70</v>
      </c>
      <c r="U6866" s="19"/>
      <c r="V6866" s="19"/>
      <c r="W6866" s="19"/>
      <c r="X6866" s="19">
        <v>33</v>
      </c>
      <c r="Y6866" s="19"/>
      <c r="Z6866" s="19"/>
      <c r="AA6866" s="19"/>
    </row>
    <row r="6867" spans="1:27" s="1" customFormat="1" ht="14.1" customHeight="1" outlineLevel="2" x14ac:dyDescent="0.2">
      <c r="A6867" s="17"/>
      <c r="B6867" s="17"/>
      <c r="C6867" s="17"/>
      <c r="D6867" s="18"/>
      <c r="E6867" s="18"/>
      <c r="F6867" s="18"/>
      <c r="G6867" s="18"/>
      <c r="H6867" s="18"/>
      <c r="I6867" s="18"/>
      <c r="J6867" s="18"/>
      <c r="K6867" s="18"/>
      <c r="L6867" s="18"/>
      <c r="M6867" s="18"/>
      <c r="N6867" s="18"/>
      <c r="O6867" s="18"/>
      <c r="P6867" s="19"/>
      <c r="Q6867" s="19"/>
      <c r="R6867" s="19"/>
      <c r="S6867" s="19"/>
      <c r="T6867" s="19"/>
      <c r="U6867" s="19"/>
      <c r="V6867" s="19"/>
      <c r="W6867" s="19"/>
      <c r="X6867" s="19"/>
      <c r="Y6867" s="19"/>
      <c r="Z6867" s="19"/>
      <c r="AA6867" s="19"/>
    </row>
    <row r="6868" spans="1:27" s="1" customFormat="1" ht="11.1" customHeight="1" outlineLevel="2" x14ac:dyDescent="0.2">
      <c r="A6868" s="17">
        <v>10928</v>
      </c>
      <c r="B6868" s="17"/>
      <c r="C6868" s="17"/>
      <c r="D6868" s="18" t="s">
        <v>3415</v>
      </c>
      <c r="E6868" s="18"/>
      <c r="F6868" s="18"/>
      <c r="G6868" s="18"/>
      <c r="H6868" s="18"/>
      <c r="I6868" s="18"/>
      <c r="J6868" s="18"/>
      <c r="K6868" s="18"/>
      <c r="L6868" s="18"/>
      <c r="M6868" s="18"/>
      <c r="N6868" s="18"/>
      <c r="O6868" s="18"/>
      <c r="P6868" s="19">
        <v>100</v>
      </c>
      <c r="Q6868" s="19"/>
      <c r="R6868" s="19"/>
      <c r="S6868" s="19"/>
      <c r="T6868" s="19">
        <v>70</v>
      </c>
      <c r="U6868" s="19"/>
      <c r="V6868" s="19"/>
      <c r="W6868" s="19"/>
      <c r="X6868" s="19">
        <v>36</v>
      </c>
      <c r="Y6868" s="19"/>
      <c r="Z6868" s="19"/>
      <c r="AA6868" s="19"/>
    </row>
    <row r="6869" spans="1:27" s="1" customFormat="1" ht="11.1" customHeight="1" outlineLevel="2" x14ac:dyDescent="0.2">
      <c r="A6869" s="17"/>
      <c r="B6869" s="17"/>
      <c r="C6869" s="17"/>
      <c r="D6869" s="18"/>
      <c r="E6869" s="18"/>
      <c r="F6869" s="18"/>
      <c r="G6869" s="18"/>
      <c r="H6869" s="18"/>
      <c r="I6869" s="18"/>
      <c r="J6869" s="18"/>
      <c r="K6869" s="18"/>
      <c r="L6869" s="18"/>
      <c r="M6869" s="18"/>
      <c r="N6869" s="18"/>
      <c r="O6869" s="18"/>
      <c r="P6869" s="19"/>
      <c r="Q6869" s="19"/>
      <c r="R6869" s="19"/>
      <c r="S6869" s="19"/>
      <c r="T6869" s="19"/>
      <c r="U6869" s="19"/>
      <c r="V6869" s="19"/>
      <c r="W6869" s="19"/>
      <c r="X6869" s="19"/>
      <c r="Y6869" s="19"/>
      <c r="Z6869" s="19"/>
      <c r="AA6869" s="19"/>
    </row>
    <row r="6870" spans="1:27" s="1" customFormat="1" ht="14.1" customHeight="1" outlineLevel="2" x14ac:dyDescent="0.2">
      <c r="A6870" s="17">
        <v>13070</v>
      </c>
      <c r="B6870" s="17"/>
      <c r="C6870" s="17"/>
      <c r="D6870" s="18" t="s">
        <v>3416</v>
      </c>
      <c r="E6870" s="18"/>
      <c r="F6870" s="18"/>
      <c r="G6870" s="18"/>
      <c r="H6870" s="18"/>
      <c r="I6870" s="18"/>
      <c r="J6870" s="18"/>
      <c r="K6870" s="18"/>
      <c r="L6870" s="18"/>
      <c r="M6870" s="18"/>
      <c r="N6870" s="18"/>
      <c r="O6870" s="18"/>
      <c r="P6870" s="19">
        <v>100</v>
      </c>
      <c r="Q6870" s="19"/>
      <c r="R6870" s="19"/>
      <c r="S6870" s="19"/>
      <c r="T6870" s="19">
        <v>70</v>
      </c>
      <c r="U6870" s="19"/>
      <c r="V6870" s="19"/>
      <c r="W6870" s="19"/>
      <c r="X6870" s="19">
        <v>84</v>
      </c>
      <c r="Y6870" s="19"/>
      <c r="Z6870" s="19"/>
      <c r="AA6870" s="19"/>
    </row>
    <row r="6871" spans="1:27" s="1" customFormat="1" ht="14.1" customHeight="1" outlineLevel="2" x14ac:dyDescent="0.2">
      <c r="A6871" s="17"/>
      <c r="B6871" s="17"/>
      <c r="C6871" s="17"/>
      <c r="D6871" s="18"/>
      <c r="E6871" s="18"/>
      <c r="F6871" s="18"/>
      <c r="G6871" s="18"/>
      <c r="H6871" s="18"/>
      <c r="I6871" s="18"/>
      <c r="J6871" s="18"/>
      <c r="K6871" s="18"/>
      <c r="L6871" s="18"/>
      <c r="M6871" s="18"/>
      <c r="N6871" s="18"/>
      <c r="O6871" s="18"/>
      <c r="P6871" s="19"/>
      <c r="Q6871" s="19"/>
      <c r="R6871" s="19"/>
      <c r="S6871" s="19"/>
      <c r="T6871" s="19"/>
      <c r="U6871" s="19"/>
      <c r="V6871" s="19"/>
      <c r="W6871" s="19"/>
      <c r="X6871" s="19"/>
      <c r="Y6871" s="19"/>
      <c r="Z6871" s="19"/>
      <c r="AA6871" s="19"/>
    </row>
    <row r="6872" spans="1:27" s="1" customFormat="1" ht="14.1" customHeight="1" outlineLevel="2" x14ac:dyDescent="0.2">
      <c r="A6872" s="17">
        <v>13071</v>
      </c>
      <c r="B6872" s="17"/>
      <c r="C6872" s="17"/>
      <c r="D6872" s="18" t="s">
        <v>3417</v>
      </c>
      <c r="E6872" s="18"/>
      <c r="F6872" s="18"/>
      <c r="G6872" s="18"/>
      <c r="H6872" s="18"/>
      <c r="I6872" s="18"/>
      <c r="J6872" s="18"/>
      <c r="K6872" s="18"/>
      <c r="L6872" s="18"/>
      <c r="M6872" s="18"/>
      <c r="N6872" s="18"/>
      <c r="O6872" s="18"/>
      <c r="P6872" s="19">
        <v>100</v>
      </c>
      <c r="Q6872" s="19"/>
      <c r="R6872" s="19"/>
      <c r="S6872" s="19"/>
      <c r="T6872" s="19">
        <v>70</v>
      </c>
      <c r="U6872" s="19"/>
      <c r="V6872" s="19"/>
      <c r="W6872" s="19"/>
      <c r="X6872" s="19">
        <v>46</v>
      </c>
      <c r="Y6872" s="19"/>
      <c r="Z6872" s="19"/>
      <c r="AA6872" s="19"/>
    </row>
    <row r="6873" spans="1:27" s="1" customFormat="1" ht="14.1" customHeight="1" outlineLevel="2" x14ac:dyDescent="0.2">
      <c r="A6873" s="17"/>
      <c r="B6873" s="17"/>
      <c r="C6873" s="17"/>
      <c r="D6873" s="18"/>
      <c r="E6873" s="18"/>
      <c r="F6873" s="18"/>
      <c r="G6873" s="18"/>
      <c r="H6873" s="18"/>
      <c r="I6873" s="18"/>
      <c r="J6873" s="18"/>
      <c r="K6873" s="18"/>
      <c r="L6873" s="18"/>
      <c r="M6873" s="18"/>
      <c r="N6873" s="18"/>
      <c r="O6873" s="18"/>
      <c r="P6873" s="19"/>
      <c r="Q6873" s="19"/>
      <c r="R6873" s="19"/>
      <c r="S6873" s="19"/>
      <c r="T6873" s="19"/>
      <c r="U6873" s="19"/>
      <c r="V6873" s="19"/>
      <c r="W6873" s="19"/>
      <c r="X6873" s="19"/>
      <c r="Y6873" s="19"/>
      <c r="Z6873" s="19"/>
      <c r="AA6873" s="19"/>
    </row>
    <row r="6874" spans="1:27" s="1" customFormat="1" ht="14.1" customHeight="1" outlineLevel="2" x14ac:dyDescent="0.2">
      <c r="A6874" s="17">
        <v>13072</v>
      </c>
      <c r="B6874" s="17"/>
      <c r="C6874" s="17"/>
      <c r="D6874" s="18" t="s">
        <v>3418</v>
      </c>
      <c r="E6874" s="18"/>
      <c r="F6874" s="18"/>
      <c r="G6874" s="18"/>
      <c r="H6874" s="18"/>
      <c r="I6874" s="18"/>
      <c r="J6874" s="18"/>
      <c r="K6874" s="18"/>
      <c r="L6874" s="18"/>
      <c r="M6874" s="18"/>
      <c r="N6874" s="18"/>
      <c r="O6874" s="18"/>
      <c r="P6874" s="19">
        <v>100</v>
      </c>
      <c r="Q6874" s="19"/>
      <c r="R6874" s="19"/>
      <c r="S6874" s="19"/>
      <c r="T6874" s="19">
        <v>70</v>
      </c>
      <c r="U6874" s="19"/>
      <c r="V6874" s="19"/>
      <c r="W6874" s="19"/>
      <c r="X6874" s="19">
        <v>50</v>
      </c>
      <c r="Y6874" s="19"/>
      <c r="Z6874" s="19"/>
      <c r="AA6874" s="19"/>
    </row>
    <row r="6875" spans="1:27" s="1" customFormat="1" ht="14.1" customHeight="1" outlineLevel="2" x14ac:dyDescent="0.2">
      <c r="A6875" s="17"/>
      <c r="B6875" s="17"/>
      <c r="C6875" s="17"/>
      <c r="D6875" s="18"/>
      <c r="E6875" s="18"/>
      <c r="F6875" s="18"/>
      <c r="G6875" s="18"/>
      <c r="H6875" s="18"/>
      <c r="I6875" s="18"/>
      <c r="J6875" s="18"/>
      <c r="K6875" s="18"/>
      <c r="L6875" s="18"/>
      <c r="M6875" s="18"/>
      <c r="N6875" s="18"/>
      <c r="O6875" s="18"/>
      <c r="P6875" s="19"/>
      <c r="Q6875" s="19"/>
      <c r="R6875" s="19"/>
      <c r="S6875" s="19"/>
      <c r="T6875" s="19"/>
      <c r="U6875" s="19"/>
      <c r="V6875" s="19"/>
      <c r="W6875" s="19"/>
      <c r="X6875" s="19"/>
      <c r="Y6875" s="19"/>
      <c r="Z6875" s="19"/>
      <c r="AA6875" s="19"/>
    </row>
    <row r="6876" spans="1:27" s="1" customFormat="1" ht="14.1" customHeight="1" outlineLevel="2" x14ac:dyDescent="0.2">
      <c r="A6876" s="17">
        <v>13073</v>
      </c>
      <c r="B6876" s="17"/>
      <c r="C6876" s="17"/>
      <c r="D6876" s="18" t="s">
        <v>3419</v>
      </c>
      <c r="E6876" s="18"/>
      <c r="F6876" s="18"/>
      <c r="G6876" s="18"/>
      <c r="H6876" s="18"/>
      <c r="I6876" s="18"/>
      <c r="J6876" s="18"/>
      <c r="K6876" s="18"/>
      <c r="L6876" s="18"/>
      <c r="M6876" s="18"/>
      <c r="N6876" s="18"/>
      <c r="O6876" s="18"/>
      <c r="P6876" s="19">
        <v>100</v>
      </c>
      <c r="Q6876" s="19"/>
      <c r="R6876" s="19"/>
      <c r="S6876" s="19"/>
      <c r="T6876" s="19">
        <v>70</v>
      </c>
      <c r="U6876" s="19"/>
      <c r="V6876" s="19"/>
      <c r="W6876" s="19"/>
      <c r="X6876" s="19">
        <v>83</v>
      </c>
      <c r="Y6876" s="19"/>
      <c r="Z6876" s="19"/>
      <c r="AA6876" s="19"/>
    </row>
    <row r="6877" spans="1:27" s="1" customFormat="1" ht="14.1" customHeight="1" outlineLevel="2" x14ac:dyDescent="0.2">
      <c r="A6877" s="17"/>
      <c r="B6877" s="17"/>
      <c r="C6877" s="17"/>
      <c r="D6877" s="18"/>
      <c r="E6877" s="18"/>
      <c r="F6877" s="18"/>
      <c r="G6877" s="18"/>
      <c r="H6877" s="18"/>
      <c r="I6877" s="18"/>
      <c r="J6877" s="18"/>
      <c r="K6877" s="18"/>
      <c r="L6877" s="18"/>
      <c r="M6877" s="18"/>
      <c r="N6877" s="18"/>
      <c r="O6877" s="18"/>
      <c r="P6877" s="19"/>
      <c r="Q6877" s="19"/>
      <c r="R6877" s="19"/>
      <c r="S6877" s="19"/>
      <c r="T6877" s="19"/>
      <c r="U6877" s="19"/>
      <c r="V6877" s="19"/>
      <c r="W6877" s="19"/>
      <c r="X6877" s="19"/>
      <c r="Y6877" s="19"/>
      <c r="Z6877" s="19"/>
      <c r="AA6877" s="19"/>
    </row>
    <row r="6878" spans="1:27" s="1" customFormat="1" ht="14.1" customHeight="1" outlineLevel="2" x14ac:dyDescent="0.2">
      <c r="A6878" s="17">
        <v>16970</v>
      </c>
      <c r="B6878" s="17"/>
      <c r="C6878" s="17"/>
      <c r="D6878" s="18" t="s">
        <v>3420</v>
      </c>
      <c r="E6878" s="18"/>
      <c r="F6878" s="18"/>
      <c r="G6878" s="18"/>
      <c r="H6878" s="18"/>
      <c r="I6878" s="18"/>
      <c r="J6878" s="18"/>
      <c r="K6878" s="18"/>
      <c r="L6878" s="18"/>
      <c r="M6878" s="18"/>
      <c r="N6878" s="18"/>
      <c r="O6878" s="18"/>
      <c r="P6878" s="19">
        <v>80</v>
      </c>
      <c r="Q6878" s="19"/>
      <c r="R6878" s="19"/>
      <c r="S6878" s="19"/>
      <c r="T6878" s="19">
        <v>60</v>
      </c>
      <c r="U6878" s="19"/>
      <c r="V6878" s="19"/>
      <c r="W6878" s="19"/>
      <c r="X6878" s="19">
        <v>1</v>
      </c>
      <c r="Y6878" s="19"/>
      <c r="Z6878" s="19"/>
      <c r="AA6878" s="19"/>
    </row>
    <row r="6879" spans="1:27" s="1" customFormat="1" ht="14.1" customHeight="1" outlineLevel="2" x14ac:dyDescent="0.2">
      <c r="A6879" s="17"/>
      <c r="B6879" s="17"/>
      <c r="C6879" s="17"/>
      <c r="D6879" s="18"/>
      <c r="E6879" s="18"/>
      <c r="F6879" s="18"/>
      <c r="G6879" s="18"/>
      <c r="H6879" s="18"/>
      <c r="I6879" s="18"/>
      <c r="J6879" s="18"/>
      <c r="K6879" s="18"/>
      <c r="L6879" s="18"/>
      <c r="M6879" s="18"/>
      <c r="N6879" s="18"/>
      <c r="O6879" s="18"/>
      <c r="P6879" s="19"/>
      <c r="Q6879" s="19"/>
      <c r="R6879" s="19"/>
      <c r="S6879" s="19"/>
      <c r="T6879" s="19"/>
      <c r="U6879" s="19"/>
      <c r="V6879" s="19"/>
      <c r="W6879" s="19"/>
      <c r="X6879" s="19"/>
      <c r="Y6879" s="19"/>
      <c r="Z6879" s="19"/>
      <c r="AA6879" s="19"/>
    </row>
    <row r="6880" spans="1:27" s="1" customFormat="1" ht="14.1" customHeight="1" outlineLevel="2" x14ac:dyDescent="0.2">
      <c r="A6880" s="17">
        <v>12270</v>
      </c>
      <c r="B6880" s="17"/>
      <c r="C6880" s="17"/>
      <c r="D6880" s="18" t="s">
        <v>3421</v>
      </c>
      <c r="E6880" s="18"/>
      <c r="F6880" s="18"/>
      <c r="G6880" s="18"/>
      <c r="H6880" s="18"/>
      <c r="I6880" s="18"/>
      <c r="J6880" s="18"/>
      <c r="K6880" s="18"/>
      <c r="L6880" s="18"/>
      <c r="M6880" s="18"/>
      <c r="N6880" s="18"/>
      <c r="O6880" s="18"/>
      <c r="P6880" s="19">
        <v>100</v>
      </c>
      <c r="Q6880" s="19"/>
      <c r="R6880" s="19"/>
      <c r="S6880" s="19"/>
      <c r="T6880" s="19">
        <v>70</v>
      </c>
      <c r="U6880" s="19"/>
      <c r="V6880" s="19"/>
      <c r="W6880" s="19"/>
      <c r="X6880" s="19">
        <v>62</v>
      </c>
      <c r="Y6880" s="19"/>
      <c r="Z6880" s="19"/>
      <c r="AA6880" s="19"/>
    </row>
    <row r="6881" spans="1:27" s="1" customFormat="1" ht="14.1" customHeight="1" outlineLevel="2" x14ac:dyDescent="0.2">
      <c r="A6881" s="17"/>
      <c r="B6881" s="17"/>
      <c r="C6881" s="17"/>
      <c r="D6881" s="18"/>
      <c r="E6881" s="18"/>
      <c r="F6881" s="18"/>
      <c r="G6881" s="18"/>
      <c r="H6881" s="18"/>
      <c r="I6881" s="18"/>
      <c r="J6881" s="18"/>
      <c r="K6881" s="18"/>
      <c r="L6881" s="18"/>
      <c r="M6881" s="18"/>
      <c r="N6881" s="18"/>
      <c r="O6881" s="18"/>
      <c r="P6881" s="19"/>
      <c r="Q6881" s="19"/>
      <c r="R6881" s="19"/>
      <c r="S6881" s="19"/>
      <c r="T6881" s="19"/>
      <c r="U6881" s="19"/>
      <c r="V6881" s="19"/>
      <c r="W6881" s="19"/>
      <c r="X6881" s="19"/>
      <c r="Y6881" s="19"/>
      <c r="Z6881" s="19"/>
      <c r="AA6881" s="19"/>
    </row>
    <row r="6882" spans="1:27" s="1" customFormat="1" ht="14.1" customHeight="1" outlineLevel="2" x14ac:dyDescent="0.2">
      <c r="A6882" s="17">
        <v>13725</v>
      </c>
      <c r="B6882" s="17"/>
      <c r="C6882" s="17"/>
      <c r="D6882" s="18" t="s">
        <v>3422</v>
      </c>
      <c r="E6882" s="18"/>
      <c r="F6882" s="18"/>
      <c r="G6882" s="18"/>
      <c r="H6882" s="18"/>
      <c r="I6882" s="18"/>
      <c r="J6882" s="18"/>
      <c r="K6882" s="18"/>
      <c r="L6882" s="18"/>
      <c r="M6882" s="18"/>
      <c r="N6882" s="18"/>
      <c r="O6882" s="18"/>
      <c r="P6882" s="19">
        <v>125</v>
      </c>
      <c r="Q6882" s="19"/>
      <c r="R6882" s="19"/>
      <c r="S6882" s="19"/>
      <c r="T6882" s="19">
        <v>90</v>
      </c>
      <c r="U6882" s="19"/>
      <c r="V6882" s="19"/>
      <c r="W6882" s="19"/>
      <c r="X6882" s="19">
        <v>26</v>
      </c>
      <c r="Y6882" s="19"/>
      <c r="Z6882" s="19"/>
      <c r="AA6882" s="19"/>
    </row>
    <row r="6883" spans="1:27" s="1" customFormat="1" ht="14.1" customHeight="1" outlineLevel="2" x14ac:dyDescent="0.2">
      <c r="A6883" s="17"/>
      <c r="B6883" s="17"/>
      <c r="C6883" s="17"/>
      <c r="D6883" s="18"/>
      <c r="E6883" s="18"/>
      <c r="F6883" s="18"/>
      <c r="G6883" s="18"/>
      <c r="H6883" s="18"/>
      <c r="I6883" s="18"/>
      <c r="J6883" s="18"/>
      <c r="K6883" s="18"/>
      <c r="L6883" s="18"/>
      <c r="M6883" s="18"/>
      <c r="N6883" s="18"/>
      <c r="O6883" s="18"/>
      <c r="P6883" s="19"/>
      <c r="Q6883" s="19"/>
      <c r="R6883" s="19"/>
      <c r="S6883" s="19"/>
      <c r="T6883" s="19"/>
      <c r="U6883" s="19"/>
      <c r="V6883" s="19"/>
      <c r="W6883" s="19"/>
      <c r="X6883" s="19"/>
      <c r="Y6883" s="19"/>
      <c r="Z6883" s="19"/>
      <c r="AA6883" s="19"/>
    </row>
    <row r="6884" spans="1:27" s="1" customFormat="1" ht="14.1" customHeight="1" outlineLevel="2" x14ac:dyDescent="0.2">
      <c r="A6884" s="17">
        <v>13724</v>
      </c>
      <c r="B6884" s="17"/>
      <c r="C6884" s="17"/>
      <c r="D6884" s="18" t="s">
        <v>3423</v>
      </c>
      <c r="E6884" s="18"/>
      <c r="F6884" s="18"/>
      <c r="G6884" s="18"/>
      <c r="H6884" s="18"/>
      <c r="I6884" s="18"/>
      <c r="J6884" s="18"/>
      <c r="K6884" s="18"/>
      <c r="L6884" s="18"/>
      <c r="M6884" s="18"/>
      <c r="N6884" s="18"/>
      <c r="O6884" s="18"/>
      <c r="P6884" s="19">
        <v>100</v>
      </c>
      <c r="Q6884" s="19"/>
      <c r="R6884" s="19"/>
      <c r="S6884" s="19"/>
      <c r="T6884" s="19">
        <v>70</v>
      </c>
      <c r="U6884" s="19"/>
      <c r="V6884" s="19"/>
      <c r="W6884" s="19"/>
      <c r="X6884" s="19">
        <v>119</v>
      </c>
      <c r="Y6884" s="19"/>
      <c r="Z6884" s="19"/>
      <c r="AA6884" s="19"/>
    </row>
    <row r="6885" spans="1:27" s="1" customFormat="1" ht="14.1" customHeight="1" outlineLevel="2" x14ac:dyDescent="0.2">
      <c r="A6885" s="17"/>
      <c r="B6885" s="17"/>
      <c r="C6885" s="17"/>
      <c r="D6885" s="18"/>
      <c r="E6885" s="18"/>
      <c r="F6885" s="18"/>
      <c r="G6885" s="18"/>
      <c r="H6885" s="18"/>
      <c r="I6885" s="18"/>
      <c r="J6885" s="18"/>
      <c r="K6885" s="18"/>
      <c r="L6885" s="18"/>
      <c r="M6885" s="18"/>
      <c r="N6885" s="18"/>
      <c r="O6885" s="18"/>
      <c r="P6885" s="19"/>
      <c r="Q6885" s="19"/>
      <c r="R6885" s="19"/>
      <c r="S6885" s="19"/>
      <c r="T6885" s="19"/>
      <c r="U6885" s="19"/>
      <c r="V6885" s="19"/>
      <c r="W6885" s="19"/>
      <c r="X6885" s="19"/>
      <c r="Y6885" s="19"/>
      <c r="Z6885" s="19"/>
      <c r="AA6885" s="19"/>
    </row>
    <row r="6886" spans="1:27" s="1" customFormat="1" ht="14.1" customHeight="1" outlineLevel="2" x14ac:dyDescent="0.2">
      <c r="A6886" s="17">
        <v>16072</v>
      </c>
      <c r="B6886" s="17"/>
      <c r="C6886" s="17"/>
      <c r="D6886" s="18" t="s">
        <v>3424</v>
      </c>
      <c r="E6886" s="18"/>
      <c r="F6886" s="18"/>
      <c r="G6886" s="18"/>
      <c r="H6886" s="18"/>
      <c r="I6886" s="18"/>
      <c r="J6886" s="18"/>
      <c r="K6886" s="18"/>
      <c r="L6886" s="18"/>
      <c r="M6886" s="18"/>
      <c r="N6886" s="18"/>
      <c r="O6886" s="18"/>
      <c r="P6886" s="19">
        <v>120</v>
      </c>
      <c r="Q6886" s="19"/>
      <c r="R6886" s="19"/>
      <c r="S6886" s="19"/>
      <c r="T6886" s="19">
        <v>80</v>
      </c>
      <c r="U6886" s="19"/>
      <c r="V6886" s="19"/>
      <c r="W6886" s="19"/>
      <c r="X6886" s="19">
        <v>47</v>
      </c>
      <c r="Y6886" s="19"/>
      <c r="Z6886" s="19"/>
      <c r="AA6886" s="19"/>
    </row>
    <row r="6887" spans="1:27" s="1" customFormat="1" ht="14.1" customHeight="1" outlineLevel="2" x14ac:dyDescent="0.2">
      <c r="A6887" s="17"/>
      <c r="B6887" s="17"/>
      <c r="C6887" s="17"/>
      <c r="D6887" s="18"/>
      <c r="E6887" s="18"/>
      <c r="F6887" s="18"/>
      <c r="G6887" s="18"/>
      <c r="H6887" s="18"/>
      <c r="I6887" s="18"/>
      <c r="J6887" s="18"/>
      <c r="K6887" s="18"/>
      <c r="L6887" s="18"/>
      <c r="M6887" s="18"/>
      <c r="N6887" s="18"/>
      <c r="O6887" s="18"/>
      <c r="P6887" s="19"/>
      <c r="Q6887" s="19"/>
      <c r="R6887" s="19"/>
      <c r="S6887" s="19"/>
      <c r="T6887" s="19"/>
      <c r="U6887" s="19"/>
      <c r="V6887" s="19"/>
      <c r="W6887" s="19"/>
      <c r="X6887" s="19"/>
      <c r="Y6887" s="19"/>
      <c r="Z6887" s="19"/>
      <c r="AA6887" s="19"/>
    </row>
    <row r="6888" spans="1:27" s="1" customFormat="1" ht="14.1" customHeight="1" outlineLevel="2" x14ac:dyDescent="0.2">
      <c r="A6888" s="17">
        <v>16070</v>
      </c>
      <c r="B6888" s="17"/>
      <c r="C6888" s="17"/>
      <c r="D6888" s="18" t="s">
        <v>3425</v>
      </c>
      <c r="E6888" s="18"/>
      <c r="F6888" s="18"/>
      <c r="G6888" s="18"/>
      <c r="H6888" s="18"/>
      <c r="I6888" s="18"/>
      <c r="J6888" s="18"/>
      <c r="K6888" s="18"/>
      <c r="L6888" s="18"/>
      <c r="M6888" s="18"/>
      <c r="N6888" s="18"/>
      <c r="O6888" s="18"/>
      <c r="P6888" s="19">
        <v>120</v>
      </c>
      <c r="Q6888" s="19"/>
      <c r="R6888" s="19"/>
      <c r="S6888" s="19"/>
      <c r="T6888" s="19">
        <v>80</v>
      </c>
      <c r="U6888" s="19"/>
      <c r="V6888" s="19"/>
      <c r="W6888" s="19"/>
      <c r="X6888" s="19">
        <v>40</v>
      </c>
      <c r="Y6888" s="19"/>
      <c r="Z6888" s="19"/>
      <c r="AA6888" s="19"/>
    </row>
    <row r="6889" spans="1:27" s="1" customFormat="1" ht="14.1" customHeight="1" outlineLevel="2" x14ac:dyDescent="0.2">
      <c r="A6889" s="17"/>
      <c r="B6889" s="17"/>
      <c r="C6889" s="17"/>
      <c r="D6889" s="18"/>
      <c r="E6889" s="18"/>
      <c r="F6889" s="18"/>
      <c r="G6889" s="18"/>
      <c r="H6889" s="18"/>
      <c r="I6889" s="18"/>
      <c r="J6889" s="18"/>
      <c r="K6889" s="18"/>
      <c r="L6889" s="18"/>
      <c r="M6889" s="18"/>
      <c r="N6889" s="18"/>
      <c r="O6889" s="18"/>
      <c r="P6889" s="19"/>
      <c r="Q6889" s="19"/>
      <c r="R6889" s="19"/>
      <c r="S6889" s="19"/>
      <c r="T6889" s="19"/>
      <c r="U6889" s="19"/>
      <c r="V6889" s="19"/>
      <c r="W6889" s="19"/>
      <c r="X6889" s="19"/>
      <c r="Y6889" s="19"/>
      <c r="Z6889" s="19"/>
      <c r="AA6889" s="19"/>
    </row>
    <row r="6890" spans="1:27" s="1" customFormat="1" ht="14.1" customHeight="1" outlineLevel="2" x14ac:dyDescent="0.2">
      <c r="A6890" s="17">
        <v>16425</v>
      </c>
      <c r="B6890" s="17"/>
      <c r="C6890" s="17"/>
      <c r="D6890" s="18" t="s">
        <v>3426</v>
      </c>
      <c r="E6890" s="18"/>
      <c r="F6890" s="18"/>
      <c r="G6890" s="18"/>
      <c r="H6890" s="18"/>
      <c r="I6890" s="18"/>
      <c r="J6890" s="18"/>
      <c r="K6890" s="18"/>
      <c r="L6890" s="18"/>
      <c r="M6890" s="18"/>
      <c r="N6890" s="18"/>
      <c r="O6890" s="18"/>
      <c r="P6890" s="19">
        <v>100</v>
      </c>
      <c r="Q6890" s="19"/>
      <c r="R6890" s="19"/>
      <c r="S6890" s="19"/>
      <c r="T6890" s="19">
        <v>70</v>
      </c>
      <c r="U6890" s="19"/>
      <c r="V6890" s="19"/>
      <c r="W6890" s="19"/>
      <c r="X6890" s="19">
        <v>35</v>
      </c>
      <c r="Y6890" s="19"/>
      <c r="Z6890" s="19"/>
      <c r="AA6890" s="19"/>
    </row>
    <row r="6891" spans="1:27" s="1" customFormat="1" ht="14.1" customHeight="1" outlineLevel="2" x14ac:dyDescent="0.2">
      <c r="A6891" s="17"/>
      <c r="B6891" s="17"/>
      <c r="C6891" s="17"/>
      <c r="D6891" s="18"/>
      <c r="E6891" s="18"/>
      <c r="F6891" s="18"/>
      <c r="G6891" s="18"/>
      <c r="H6891" s="18"/>
      <c r="I6891" s="18"/>
      <c r="J6891" s="18"/>
      <c r="K6891" s="18"/>
      <c r="L6891" s="18"/>
      <c r="M6891" s="18"/>
      <c r="N6891" s="18"/>
      <c r="O6891" s="18"/>
      <c r="P6891" s="19"/>
      <c r="Q6891" s="19"/>
      <c r="R6891" s="19"/>
      <c r="S6891" s="19"/>
      <c r="T6891" s="19"/>
      <c r="U6891" s="19"/>
      <c r="V6891" s="19"/>
      <c r="W6891" s="19"/>
      <c r="X6891" s="19"/>
      <c r="Y6891" s="19"/>
      <c r="Z6891" s="19"/>
      <c r="AA6891" s="19"/>
    </row>
    <row r="6892" spans="1:27" s="1" customFormat="1" ht="14.1" customHeight="1" outlineLevel="2" x14ac:dyDescent="0.2">
      <c r="A6892" s="17">
        <v>16071</v>
      </c>
      <c r="B6892" s="17"/>
      <c r="C6892" s="17"/>
      <c r="D6892" s="18" t="s">
        <v>3427</v>
      </c>
      <c r="E6892" s="18"/>
      <c r="F6892" s="18"/>
      <c r="G6892" s="18"/>
      <c r="H6892" s="18"/>
      <c r="I6892" s="18"/>
      <c r="J6892" s="18"/>
      <c r="K6892" s="18"/>
      <c r="L6892" s="18"/>
      <c r="M6892" s="18"/>
      <c r="N6892" s="18"/>
      <c r="O6892" s="18"/>
      <c r="P6892" s="19">
        <v>120</v>
      </c>
      <c r="Q6892" s="19"/>
      <c r="R6892" s="19"/>
      <c r="S6892" s="19"/>
      <c r="T6892" s="19">
        <v>80</v>
      </c>
      <c r="U6892" s="19"/>
      <c r="V6892" s="19"/>
      <c r="W6892" s="19"/>
      <c r="X6892" s="19">
        <v>44</v>
      </c>
      <c r="Y6892" s="19"/>
      <c r="Z6892" s="19"/>
      <c r="AA6892" s="19"/>
    </row>
    <row r="6893" spans="1:27" s="1" customFormat="1" ht="14.1" customHeight="1" outlineLevel="2" x14ac:dyDescent="0.2">
      <c r="A6893" s="17"/>
      <c r="B6893" s="17"/>
      <c r="C6893" s="17"/>
      <c r="D6893" s="18"/>
      <c r="E6893" s="18"/>
      <c r="F6893" s="18"/>
      <c r="G6893" s="18"/>
      <c r="H6893" s="18"/>
      <c r="I6893" s="18"/>
      <c r="J6893" s="18"/>
      <c r="K6893" s="18"/>
      <c r="L6893" s="18"/>
      <c r="M6893" s="18"/>
      <c r="N6893" s="18"/>
      <c r="O6893" s="18"/>
      <c r="P6893" s="19"/>
      <c r="Q6893" s="19"/>
      <c r="R6893" s="19"/>
      <c r="S6893" s="19"/>
      <c r="T6893" s="19"/>
      <c r="U6893" s="19"/>
      <c r="V6893" s="19"/>
      <c r="W6893" s="19"/>
      <c r="X6893" s="19"/>
      <c r="Y6893" s="19"/>
      <c r="Z6893" s="19"/>
      <c r="AA6893" s="19"/>
    </row>
    <row r="6894" spans="1:27" s="1" customFormat="1" ht="14.1" customHeight="1" outlineLevel="2" x14ac:dyDescent="0.2">
      <c r="A6894" s="17">
        <v>9304</v>
      </c>
      <c r="B6894" s="17"/>
      <c r="C6894" s="17"/>
      <c r="D6894" s="18" t="s">
        <v>3428</v>
      </c>
      <c r="E6894" s="18"/>
      <c r="F6894" s="18"/>
      <c r="G6894" s="18"/>
      <c r="H6894" s="18"/>
      <c r="I6894" s="18"/>
      <c r="J6894" s="18"/>
      <c r="K6894" s="18"/>
      <c r="L6894" s="18"/>
      <c r="M6894" s="18"/>
      <c r="N6894" s="18"/>
      <c r="O6894" s="18"/>
      <c r="P6894" s="19">
        <v>90</v>
      </c>
      <c r="Q6894" s="19"/>
      <c r="R6894" s="19"/>
      <c r="S6894" s="19"/>
      <c r="T6894" s="19">
        <v>60</v>
      </c>
      <c r="U6894" s="19"/>
      <c r="V6894" s="19"/>
      <c r="W6894" s="19"/>
      <c r="X6894" s="19">
        <v>4</v>
      </c>
      <c r="Y6894" s="19"/>
      <c r="Z6894" s="19"/>
      <c r="AA6894" s="19"/>
    </row>
    <row r="6895" spans="1:27" s="1" customFormat="1" ht="14.1" customHeight="1" outlineLevel="2" x14ac:dyDescent="0.2">
      <c r="A6895" s="17"/>
      <c r="B6895" s="17"/>
      <c r="C6895" s="17"/>
      <c r="D6895" s="18"/>
      <c r="E6895" s="18"/>
      <c r="F6895" s="18"/>
      <c r="G6895" s="18"/>
      <c r="H6895" s="18"/>
      <c r="I6895" s="18"/>
      <c r="J6895" s="18"/>
      <c r="K6895" s="18"/>
      <c r="L6895" s="18"/>
      <c r="M6895" s="18"/>
      <c r="N6895" s="18"/>
      <c r="O6895" s="18"/>
      <c r="P6895" s="19"/>
      <c r="Q6895" s="19"/>
      <c r="R6895" s="19"/>
      <c r="S6895" s="19"/>
      <c r="T6895" s="19"/>
      <c r="U6895" s="19"/>
      <c r="V6895" s="19"/>
      <c r="W6895" s="19"/>
      <c r="X6895" s="19"/>
      <c r="Y6895" s="19"/>
      <c r="Z6895" s="19"/>
      <c r="AA6895" s="19"/>
    </row>
    <row r="6896" spans="1:27" s="1" customFormat="1" ht="14.1" customHeight="1" outlineLevel="2" x14ac:dyDescent="0.2">
      <c r="A6896" s="17">
        <v>10926</v>
      </c>
      <c r="B6896" s="17"/>
      <c r="C6896" s="17"/>
      <c r="D6896" s="18" t="s">
        <v>3429</v>
      </c>
      <c r="E6896" s="18"/>
      <c r="F6896" s="18"/>
      <c r="G6896" s="18"/>
      <c r="H6896" s="18"/>
      <c r="I6896" s="18"/>
      <c r="J6896" s="18"/>
      <c r="K6896" s="18"/>
      <c r="L6896" s="18"/>
      <c r="M6896" s="18"/>
      <c r="N6896" s="18"/>
      <c r="O6896" s="18"/>
      <c r="P6896" s="19">
        <v>100</v>
      </c>
      <c r="Q6896" s="19"/>
      <c r="R6896" s="19"/>
      <c r="S6896" s="19"/>
      <c r="T6896" s="19">
        <v>70</v>
      </c>
      <c r="U6896" s="19"/>
      <c r="V6896" s="19"/>
      <c r="W6896" s="19"/>
      <c r="X6896" s="19">
        <v>47</v>
      </c>
      <c r="Y6896" s="19"/>
      <c r="Z6896" s="19"/>
      <c r="AA6896" s="19"/>
    </row>
    <row r="6897" spans="1:27" s="1" customFormat="1" ht="14.1" customHeight="1" outlineLevel="2" x14ac:dyDescent="0.2">
      <c r="A6897" s="17"/>
      <c r="B6897" s="17"/>
      <c r="C6897" s="17"/>
      <c r="D6897" s="18"/>
      <c r="E6897" s="18"/>
      <c r="F6897" s="18"/>
      <c r="G6897" s="18"/>
      <c r="H6897" s="18"/>
      <c r="I6897" s="18"/>
      <c r="J6897" s="18"/>
      <c r="K6897" s="18"/>
      <c r="L6897" s="18"/>
      <c r="M6897" s="18"/>
      <c r="N6897" s="18"/>
      <c r="O6897" s="18"/>
      <c r="P6897" s="19"/>
      <c r="Q6897" s="19"/>
      <c r="R6897" s="19"/>
      <c r="S6897" s="19"/>
      <c r="T6897" s="19"/>
      <c r="U6897" s="19"/>
      <c r="V6897" s="19"/>
      <c r="W6897" s="19"/>
      <c r="X6897" s="19"/>
      <c r="Y6897" s="19"/>
      <c r="Z6897" s="19"/>
      <c r="AA6897" s="19"/>
    </row>
    <row r="6898" spans="1:27" s="1" customFormat="1" ht="14.1" customHeight="1" outlineLevel="2" x14ac:dyDescent="0.2">
      <c r="A6898" s="17">
        <v>10927</v>
      </c>
      <c r="B6898" s="17"/>
      <c r="C6898" s="17"/>
      <c r="D6898" s="18" t="s">
        <v>3430</v>
      </c>
      <c r="E6898" s="18"/>
      <c r="F6898" s="18"/>
      <c r="G6898" s="18"/>
      <c r="H6898" s="18"/>
      <c r="I6898" s="18"/>
      <c r="J6898" s="18"/>
      <c r="K6898" s="18"/>
      <c r="L6898" s="18"/>
      <c r="M6898" s="18"/>
      <c r="N6898" s="18"/>
      <c r="O6898" s="18"/>
      <c r="P6898" s="19">
        <v>100</v>
      </c>
      <c r="Q6898" s="19"/>
      <c r="R6898" s="19"/>
      <c r="S6898" s="19"/>
      <c r="T6898" s="19">
        <v>70</v>
      </c>
      <c r="U6898" s="19"/>
      <c r="V6898" s="19"/>
      <c r="W6898" s="19"/>
      <c r="X6898" s="19">
        <v>33</v>
      </c>
      <c r="Y6898" s="19"/>
      <c r="Z6898" s="19"/>
      <c r="AA6898" s="19"/>
    </row>
    <row r="6899" spans="1:27" s="1" customFormat="1" ht="14.1" customHeight="1" outlineLevel="2" x14ac:dyDescent="0.2">
      <c r="A6899" s="17"/>
      <c r="B6899" s="17"/>
      <c r="C6899" s="17"/>
      <c r="D6899" s="18"/>
      <c r="E6899" s="18"/>
      <c r="F6899" s="18"/>
      <c r="G6899" s="18"/>
      <c r="H6899" s="18"/>
      <c r="I6899" s="18"/>
      <c r="J6899" s="18"/>
      <c r="K6899" s="18"/>
      <c r="L6899" s="18"/>
      <c r="M6899" s="18"/>
      <c r="N6899" s="18"/>
      <c r="O6899" s="18"/>
      <c r="P6899" s="19"/>
      <c r="Q6899" s="19"/>
      <c r="R6899" s="19"/>
      <c r="S6899" s="19"/>
      <c r="T6899" s="19"/>
      <c r="U6899" s="19"/>
      <c r="V6899" s="19"/>
      <c r="W6899" s="19"/>
      <c r="X6899" s="19"/>
      <c r="Y6899" s="19"/>
      <c r="Z6899" s="19"/>
      <c r="AA6899" s="19"/>
    </row>
    <row r="6900" spans="1:27" s="1" customFormat="1" ht="11.1" customHeight="1" outlineLevel="2" x14ac:dyDescent="0.2">
      <c r="A6900" s="17">
        <v>10469</v>
      </c>
      <c r="B6900" s="17"/>
      <c r="C6900" s="17"/>
      <c r="D6900" s="18" t="s">
        <v>3431</v>
      </c>
      <c r="E6900" s="18"/>
      <c r="F6900" s="18"/>
      <c r="G6900" s="18"/>
      <c r="H6900" s="18"/>
      <c r="I6900" s="18"/>
      <c r="J6900" s="18"/>
      <c r="K6900" s="18"/>
      <c r="L6900" s="18"/>
      <c r="M6900" s="18"/>
      <c r="N6900" s="18"/>
      <c r="O6900" s="18"/>
      <c r="P6900" s="19">
        <v>90</v>
      </c>
      <c r="Q6900" s="19"/>
      <c r="R6900" s="19"/>
      <c r="S6900" s="19"/>
      <c r="T6900" s="19">
        <v>60</v>
      </c>
      <c r="U6900" s="19"/>
      <c r="V6900" s="19"/>
      <c r="W6900" s="19"/>
      <c r="X6900" s="19">
        <v>13</v>
      </c>
      <c r="Y6900" s="19"/>
      <c r="Z6900" s="19"/>
      <c r="AA6900" s="19"/>
    </row>
    <row r="6901" spans="1:27" s="1" customFormat="1" ht="11.1" customHeight="1" outlineLevel="2" x14ac:dyDescent="0.2">
      <c r="A6901" s="17"/>
      <c r="B6901" s="17"/>
      <c r="C6901" s="17"/>
      <c r="D6901" s="18"/>
      <c r="E6901" s="18"/>
      <c r="F6901" s="18"/>
      <c r="G6901" s="18"/>
      <c r="H6901" s="18"/>
      <c r="I6901" s="18"/>
      <c r="J6901" s="18"/>
      <c r="K6901" s="18"/>
      <c r="L6901" s="18"/>
      <c r="M6901" s="18"/>
      <c r="N6901" s="18"/>
      <c r="O6901" s="18"/>
      <c r="P6901" s="19"/>
      <c r="Q6901" s="19"/>
      <c r="R6901" s="19"/>
      <c r="S6901" s="19"/>
      <c r="T6901" s="19"/>
      <c r="U6901" s="19"/>
      <c r="V6901" s="19"/>
      <c r="W6901" s="19"/>
      <c r="X6901" s="19"/>
      <c r="Y6901" s="19"/>
      <c r="Z6901" s="19"/>
      <c r="AA6901" s="19"/>
    </row>
    <row r="6902" spans="1:27" s="1" customFormat="1" ht="14.1" customHeight="1" outlineLevel="2" x14ac:dyDescent="0.2">
      <c r="A6902" s="17">
        <v>13074</v>
      </c>
      <c r="B6902" s="17"/>
      <c r="C6902" s="17"/>
      <c r="D6902" s="18" t="s">
        <v>3432</v>
      </c>
      <c r="E6902" s="18"/>
      <c r="F6902" s="18"/>
      <c r="G6902" s="18"/>
      <c r="H6902" s="18"/>
      <c r="I6902" s="18"/>
      <c r="J6902" s="18"/>
      <c r="K6902" s="18"/>
      <c r="L6902" s="18"/>
      <c r="M6902" s="18"/>
      <c r="N6902" s="18"/>
      <c r="O6902" s="18"/>
      <c r="P6902" s="19">
        <v>100</v>
      </c>
      <c r="Q6902" s="19"/>
      <c r="R6902" s="19"/>
      <c r="S6902" s="19"/>
      <c r="T6902" s="19">
        <v>70</v>
      </c>
      <c r="U6902" s="19"/>
      <c r="V6902" s="19"/>
      <c r="W6902" s="19"/>
      <c r="X6902" s="19">
        <v>40</v>
      </c>
      <c r="Y6902" s="19"/>
      <c r="Z6902" s="19"/>
      <c r="AA6902" s="19"/>
    </row>
    <row r="6903" spans="1:27" s="1" customFormat="1" ht="14.1" customHeight="1" outlineLevel="2" x14ac:dyDescent="0.2">
      <c r="A6903" s="17"/>
      <c r="B6903" s="17"/>
      <c r="C6903" s="17"/>
      <c r="D6903" s="18"/>
      <c r="E6903" s="18"/>
      <c r="F6903" s="18"/>
      <c r="G6903" s="18"/>
      <c r="H6903" s="18"/>
      <c r="I6903" s="18"/>
      <c r="J6903" s="18"/>
      <c r="K6903" s="18"/>
      <c r="L6903" s="18"/>
      <c r="M6903" s="18"/>
      <c r="N6903" s="18"/>
      <c r="O6903" s="18"/>
      <c r="P6903" s="19"/>
      <c r="Q6903" s="19"/>
      <c r="R6903" s="19"/>
      <c r="S6903" s="19"/>
      <c r="T6903" s="19"/>
      <c r="U6903" s="19"/>
      <c r="V6903" s="19"/>
      <c r="W6903" s="19"/>
      <c r="X6903" s="19"/>
      <c r="Y6903" s="19"/>
      <c r="Z6903" s="19"/>
      <c r="AA6903" s="19"/>
    </row>
    <row r="6904" spans="1:27" s="1" customFormat="1" ht="14.1" customHeight="1" outlineLevel="2" x14ac:dyDescent="0.2">
      <c r="A6904" s="17">
        <v>10282</v>
      </c>
      <c r="B6904" s="17"/>
      <c r="C6904" s="17"/>
      <c r="D6904" s="18" t="s">
        <v>3433</v>
      </c>
      <c r="E6904" s="18"/>
      <c r="F6904" s="18"/>
      <c r="G6904" s="18"/>
      <c r="H6904" s="18"/>
      <c r="I6904" s="18"/>
      <c r="J6904" s="18"/>
      <c r="K6904" s="18"/>
      <c r="L6904" s="18"/>
      <c r="M6904" s="18"/>
      <c r="N6904" s="18"/>
      <c r="O6904" s="18"/>
      <c r="P6904" s="19">
        <v>90</v>
      </c>
      <c r="Q6904" s="19"/>
      <c r="R6904" s="19"/>
      <c r="S6904" s="19"/>
      <c r="T6904" s="19">
        <v>60</v>
      </c>
      <c r="U6904" s="19"/>
      <c r="V6904" s="19"/>
      <c r="W6904" s="19"/>
      <c r="X6904" s="19">
        <v>37</v>
      </c>
      <c r="Y6904" s="19"/>
      <c r="Z6904" s="19"/>
      <c r="AA6904" s="19"/>
    </row>
    <row r="6905" spans="1:27" s="1" customFormat="1" ht="14.1" customHeight="1" outlineLevel="2" x14ac:dyDescent="0.2">
      <c r="A6905" s="17"/>
      <c r="B6905" s="17"/>
      <c r="C6905" s="17"/>
      <c r="D6905" s="18"/>
      <c r="E6905" s="18"/>
      <c r="F6905" s="18"/>
      <c r="G6905" s="18"/>
      <c r="H6905" s="18"/>
      <c r="I6905" s="18"/>
      <c r="J6905" s="18"/>
      <c r="K6905" s="18"/>
      <c r="L6905" s="18"/>
      <c r="M6905" s="18"/>
      <c r="N6905" s="18"/>
      <c r="O6905" s="18"/>
      <c r="P6905" s="19"/>
      <c r="Q6905" s="19"/>
      <c r="R6905" s="19"/>
      <c r="S6905" s="19"/>
      <c r="T6905" s="19"/>
      <c r="U6905" s="19"/>
      <c r="V6905" s="19"/>
      <c r="W6905" s="19"/>
      <c r="X6905" s="19"/>
      <c r="Y6905" s="19"/>
      <c r="Z6905" s="19"/>
      <c r="AA6905" s="19"/>
    </row>
    <row r="6906" spans="1:27" s="1" customFormat="1" ht="14.1" customHeight="1" outlineLevel="2" x14ac:dyDescent="0.2">
      <c r="A6906" s="17">
        <v>10931</v>
      </c>
      <c r="B6906" s="17"/>
      <c r="C6906" s="17"/>
      <c r="D6906" s="18" t="s">
        <v>3434</v>
      </c>
      <c r="E6906" s="18"/>
      <c r="F6906" s="18"/>
      <c r="G6906" s="18"/>
      <c r="H6906" s="18"/>
      <c r="I6906" s="18"/>
      <c r="J6906" s="18"/>
      <c r="K6906" s="18"/>
      <c r="L6906" s="18"/>
      <c r="M6906" s="18"/>
      <c r="N6906" s="18"/>
      <c r="O6906" s="18"/>
      <c r="P6906" s="19">
        <v>100</v>
      </c>
      <c r="Q6906" s="19"/>
      <c r="R6906" s="19"/>
      <c r="S6906" s="19"/>
      <c r="T6906" s="19">
        <v>70</v>
      </c>
      <c r="U6906" s="19"/>
      <c r="V6906" s="19"/>
      <c r="W6906" s="19"/>
      <c r="X6906" s="19">
        <v>79</v>
      </c>
      <c r="Y6906" s="19"/>
      <c r="Z6906" s="19"/>
      <c r="AA6906" s="19"/>
    </row>
    <row r="6907" spans="1:27" s="1" customFormat="1" ht="14.1" customHeight="1" outlineLevel="2" x14ac:dyDescent="0.2">
      <c r="A6907" s="17"/>
      <c r="B6907" s="17"/>
      <c r="C6907" s="17"/>
      <c r="D6907" s="18"/>
      <c r="E6907" s="18"/>
      <c r="F6907" s="18"/>
      <c r="G6907" s="18"/>
      <c r="H6907" s="18"/>
      <c r="I6907" s="18"/>
      <c r="J6907" s="18"/>
      <c r="K6907" s="18"/>
      <c r="L6907" s="18"/>
      <c r="M6907" s="18"/>
      <c r="N6907" s="18"/>
      <c r="O6907" s="18"/>
      <c r="P6907" s="19"/>
      <c r="Q6907" s="19"/>
      <c r="R6907" s="19"/>
      <c r="S6907" s="19"/>
      <c r="T6907" s="19"/>
      <c r="U6907" s="19"/>
      <c r="V6907" s="19"/>
      <c r="W6907" s="19"/>
      <c r="X6907" s="19"/>
      <c r="Y6907" s="19"/>
      <c r="Z6907" s="19"/>
      <c r="AA6907" s="19"/>
    </row>
    <row r="6908" spans="1:27" s="1" customFormat="1" ht="14.1" customHeight="1" outlineLevel="2" x14ac:dyDescent="0.2">
      <c r="A6908" s="17">
        <v>13075</v>
      </c>
      <c r="B6908" s="17"/>
      <c r="C6908" s="17"/>
      <c r="D6908" s="18" t="s">
        <v>3435</v>
      </c>
      <c r="E6908" s="18"/>
      <c r="F6908" s="18"/>
      <c r="G6908" s="18"/>
      <c r="H6908" s="18"/>
      <c r="I6908" s="18"/>
      <c r="J6908" s="18"/>
      <c r="K6908" s="18"/>
      <c r="L6908" s="18"/>
      <c r="M6908" s="18"/>
      <c r="N6908" s="18"/>
      <c r="O6908" s="18"/>
      <c r="P6908" s="19">
        <v>100</v>
      </c>
      <c r="Q6908" s="19"/>
      <c r="R6908" s="19"/>
      <c r="S6908" s="19"/>
      <c r="T6908" s="19">
        <v>70</v>
      </c>
      <c r="U6908" s="19"/>
      <c r="V6908" s="19"/>
      <c r="W6908" s="19"/>
      <c r="X6908" s="19">
        <v>37</v>
      </c>
      <c r="Y6908" s="19"/>
      <c r="Z6908" s="19"/>
      <c r="AA6908" s="19"/>
    </row>
    <row r="6909" spans="1:27" s="1" customFormat="1" ht="14.1" customHeight="1" outlineLevel="2" x14ac:dyDescent="0.2">
      <c r="A6909" s="17"/>
      <c r="B6909" s="17"/>
      <c r="C6909" s="17"/>
      <c r="D6909" s="18"/>
      <c r="E6909" s="18"/>
      <c r="F6909" s="18"/>
      <c r="G6909" s="18"/>
      <c r="H6909" s="18"/>
      <c r="I6909" s="18"/>
      <c r="J6909" s="18"/>
      <c r="K6909" s="18"/>
      <c r="L6909" s="18"/>
      <c r="M6909" s="18"/>
      <c r="N6909" s="18"/>
      <c r="O6909" s="18"/>
      <c r="P6909" s="19"/>
      <c r="Q6909" s="19"/>
      <c r="R6909" s="19"/>
      <c r="S6909" s="19"/>
      <c r="T6909" s="19"/>
      <c r="U6909" s="19"/>
      <c r="V6909" s="19"/>
      <c r="W6909" s="19"/>
      <c r="X6909" s="19"/>
      <c r="Y6909" s="19"/>
      <c r="Z6909" s="19"/>
      <c r="AA6909" s="19"/>
    </row>
    <row r="6910" spans="1:27" s="1" customFormat="1" ht="14.1" customHeight="1" outlineLevel="2" x14ac:dyDescent="0.2">
      <c r="A6910" s="17">
        <v>13076</v>
      </c>
      <c r="B6910" s="17"/>
      <c r="C6910" s="17"/>
      <c r="D6910" s="18" t="s">
        <v>3436</v>
      </c>
      <c r="E6910" s="18"/>
      <c r="F6910" s="18"/>
      <c r="G6910" s="18"/>
      <c r="H6910" s="18"/>
      <c r="I6910" s="18"/>
      <c r="J6910" s="18"/>
      <c r="K6910" s="18"/>
      <c r="L6910" s="18"/>
      <c r="M6910" s="18"/>
      <c r="N6910" s="18"/>
      <c r="O6910" s="18"/>
      <c r="P6910" s="19">
        <v>100</v>
      </c>
      <c r="Q6910" s="19"/>
      <c r="R6910" s="19"/>
      <c r="S6910" s="19"/>
      <c r="T6910" s="19">
        <v>70</v>
      </c>
      <c r="U6910" s="19"/>
      <c r="V6910" s="19"/>
      <c r="W6910" s="19"/>
      <c r="X6910" s="19">
        <v>11</v>
      </c>
      <c r="Y6910" s="19"/>
      <c r="Z6910" s="19"/>
      <c r="AA6910" s="19"/>
    </row>
    <row r="6911" spans="1:27" s="1" customFormat="1" ht="14.1" customHeight="1" outlineLevel="2" x14ac:dyDescent="0.2">
      <c r="A6911" s="17"/>
      <c r="B6911" s="17"/>
      <c r="C6911" s="17"/>
      <c r="D6911" s="18"/>
      <c r="E6911" s="18"/>
      <c r="F6911" s="18"/>
      <c r="G6911" s="18"/>
      <c r="H6911" s="18"/>
      <c r="I6911" s="18"/>
      <c r="J6911" s="18"/>
      <c r="K6911" s="18"/>
      <c r="L6911" s="18"/>
      <c r="M6911" s="18"/>
      <c r="N6911" s="18"/>
      <c r="O6911" s="18"/>
      <c r="P6911" s="19"/>
      <c r="Q6911" s="19"/>
      <c r="R6911" s="19"/>
      <c r="S6911" s="19"/>
      <c r="T6911" s="19"/>
      <c r="U6911" s="19"/>
      <c r="V6911" s="19"/>
      <c r="W6911" s="19"/>
      <c r="X6911" s="19"/>
      <c r="Y6911" s="19"/>
      <c r="Z6911" s="19"/>
      <c r="AA6911" s="19"/>
    </row>
    <row r="6912" spans="1:27" s="1" customFormat="1" ht="14.1" customHeight="1" outlineLevel="2" x14ac:dyDescent="0.2">
      <c r="A6912" s="17">
        <v>13077</v>
      </c>
      <c r="B6912" s="17"/>
      <c r="C6912" s="17"/>
      <c r="D6912" s="18" t="s">
        <v>3437</v>
      </c>
      <c r="E6912" s="18"/>
      <c r="F6912" s="18"/>
      <c r="G6912" s="18"/>
      <c r="H6912" s="18"/>
      <c r="I6912" s="18"/>
      <c r="J6912" s="18"/>
      <c r="K6912" s="18"/>
      <c r="L6912" s="18"/>
      <c r="M6912" s="18"/>
      <c r="N6912" s="18"/>
      <c r="O6912" s="18"/>
      <c r="P6912" s="19">
        <v>100</v>
      </c>
      <c r="Q6912" s="19"/>
      <c r="R6912" s="19"/>
      <c r="S6912" s="19"/>
      <c r="T6912" s="19">
        <v>70</v>
      </c>
      <c r="U6912" s="19"/>
      <c r="V6912" s="19"/>
      <c r="W6912" s="19"/>
      <c r="X6912" s="19">
        <v>25</v>
      </c>
      <c r="Y6912" s="19"/>
      <c r="Z6912" s="19"/>
      <c r="AA6912" s="19"/>
    </row>
    <row r="6913" spans="1:27" s="1" customFormat="1" ht="14.1" customHeight="1" outlineLevel="2" x14ac:dyDescent="0.2">
      <c r="A6913" s="17"/>
      <c r="B6913" s="17"/>
      <c r="C6913" s="17"/>
      <c r="D6913" s="18"/>
      <c r="E6913" s="18"/>
      <c r="F6913" s="18"/>
      <c r="G6913" s="18"/>
      <c r="H6913" s="18"/>
      <c r="I6913" s="18"/>
      <c r="J6913" s="18"/>
      <c r="K6913" s="18"/>
      <c r="L6913" s="18"/>
      <c r="M6913" s="18"/>
      <c r="N6913" s="18"/>
      <c r="O6913" s="18"/>
      <c r="P6913" s="19"/>
      <c r="Q6913" s="19"/>
      <c r="R6913" s="19"/>
      <c r="S6913" s="19"/>
      <c r="T6913" s="19"/>
      <c r="U6913" s="19"/>
      <c r="V6913" s="19"/>
      <c r="W6913" s="19"/>
      <c r="X6913" s="19"/>
      <c r="Y6913" s="19"/>
      <c r="Z6913" s="19"/>
      <c r="AA6913" s="19"/>
    </row>
    <row r="6914" spans="1:27" s="1" customFormat="1" ht="14.1" customHeight="1" outlineLevel="2" x14ac:dyDescent="0.2">
      <c r="A6914" s="17">
        <v>13078</v>
      </c>
      <c r="B6914" s="17"/>
      <c r="C6914" s="17"/>
      <c r="D6914" s="18" t="s">
        <v>3438</v>
      </c>
      <c r="E6914" s="18"/>
      <c r="F6914" s="18"/>
      <c r="G6914" s="18"/>
      <c r="H6914" s="18"/>
      <c r="I6914" s="18"/>
      <c r="J6914" s="18"/>
      <c r="K6914" s="18"/>
      <c r="L6914" s="18"/>
      <c r="M6914" s="18"/>
      <c r="N6914" s="18"/>
      <c r="O6914" s="18"/>
      <c r="P6914" s="19">
        <v>120</v>
      </c>
      <c r="Q6914" s="19"/>
      <c r="R6914" s="19"/>
      <c r="S6914" s="19"/>
      <c r="T6914" s="19">
        <v>80</v>
      </c>
      <c r="U6914" s="19"/>
      <c r="V6914" s="19"/>
      <c r="W6914" s="19"/>
      <c r="X6914" s="19">
        <v>89</v>
      </c>
      <c r="Y6914" s="19"/>
      <c r="Z6914" s="19"/>
      <c r="AA6914" s="19"/>
    </row>
    <row r="6915" spans="1:27" s="1" customFormat="1" ht="14.1" customHeight="1" outlineLevel="2" x14ac:dyDescent="0.2">
      <c r="A6915" s="17"/>
      <c r="B6915" s="17"/>
      <c r="C6915" s="17"/>
      <c r="D6915" s="18"/>
      <c r="E6915" s="18"/>
      <c r="F6915" s="18"/>
      <c r="G6915" s="18"/>
      <c r="H6915" s="18"/>
      <c r="I6915" s="18"/>
      <c r="J6915" s="18"/>
      <c r="K6915" s="18"/>
      <c r="L6915" s="18"/>
      <c r="M6915" s="18"/>
      <c r="N6915" s="18"/>
      <c r="O6915" s="18"/>
      <c r="P6915" s="19"/>
      <c r="Q6915" s="19"/>
      <c r="R6915" s="19"/>
      <c r="S6915" s="19"/>
      <c r="T6915" s="19"/>
      <c r="U6915" s="19"/>
      <c r="V6915" s="19"/>
      <c r="W6915" s="19"/>
      <c r="X6915" s="19"/>
      <c r="Y6915" s="19"/>
      <c r="Z6915" s="19"/>
      <c r="AA6915" s="19"/>
    </row>
    <row r="6916" spans="1:27" s="1" customFormat="1" ht="14.1" customHeight="1" outlineLevel="2" x14ac:dyDescent="0.2">
      <c r="A6916" s="17">
        <v>13081</v>
      </c>
      <c r="B6916" s="17"/>
      <c r="C6916" s="17"/>
      <c r="D6916" s="18" t="s">
        <v>3439</v>
      </c>
      <c r="E6916" s="18"/>
      <c r="F6916" s="18"/>
      <c r="G6916" s="18"/>
      <c r="H6916" s="18"/>
      <c r="I6916" s="18"/>
      <c r="J6916" s="18"/>
      <c r="K6916" s="18"/>
      <c r="L6916" s="18"/>
      <c r="M6916" s="18"/>
      <c r="N6916" s="18"/>
      <c r="O6916" s="18"/>
      <c r="P6916" s="19">
        <v>100</v>
      </c>
      <c r="Q6916" s="19"/>
      <c r="R6916" s="19"/>
      <c r="S6916" s="19"/>
      <c r="T6916" s="19">
        <v>70</v>
      </c>
      <c r="U6916" s="19"/>
      <c r="V6916" s="19"/>
      <c r="W6916" s="19"/>
      <c r="X6916" s="19">
        <v>47</v>
      </c>
      <c r="Y6916" s="19"/>
      <c r="Z6916" s="19"/>
      <c r="AA6916" s="19"/>
    </row>
    <row r="6917" spans="1:27" s="1" customFormat="1" ht="14.1" customHeight="1" outlineLevel="2" x14ac:dyDescent="0.2">
      <c r="A6917" s="17"/>
      <c r="B6917" s="17"/>
      <c r="C6917" s="17"/>
      <c r="D6917" s="18"/>
      <c r="E6917" s="18"/>
      <c r="F6917" s="18"/>
      <c r="G6917" s="18"/>
      <c r="H6917" s="18"/>
      <c r="I6917" s="18"/>
      <c r="J6917" s="18"/>
      <c r="K6917" s="18"/>
      <c r="L6917" s="18"/>
      <c r="M6917" s="18"/>
      <c r="N6917" s="18"/>
      <c r="O6917" s="18"/>
      <c r="P6917" s="19"/>
      <c r="Q6917" s="19"/>
      <c r="R6917" s="19"/>
      <c r="S6917" s="19"/>
      <c r="T6917" s="19"/>
      <c r="U6917" s="19"/>
      <c r="V6917" s="19"/>
      <c r="W6917" s="19"/>
      <c r="X6917" s="19"/>
      <c r="Y6917" s="19"/>
      <c r="Z6917" s="19"/>
      <c r="AA6917" s="19"/>
    </row>
    <row r="6918" spans="1:27" s="1" customFormat="1" ht="14.1" customHeight="1" outlineLevel="2" x14ac:dyDescent="0.2">
      <c r="A6918" s="17">
        <v>13079</v>
      </c>
      <c r="B6918" s="17"/>
      <c r="C6918" s="17"/>
      <c r="D6918" s="18" t="s">
        <v>3440</v>
      </c>
      <c r="E6918" s="18"/>
      <c r="F6918" s="18"/>
      <c r="G6918" s="18"/>
      <c r="H6918" s="18"/>
      <c r="I6918" s="18"/>
      <c r="J6918" s="18"/>
      <c r="K6918" s="18"/>
      <c r="L6918" s="18"/>
      <c r="M6918" s="18"/>
      <c r="N6918" s="18"/>
      <c r="O6918" s="18"/>
      <c r="P6918" s="19">
        <v>100</v>
      </c>
      <c r="Q6918" s="19"/>
      <c r="R6918" s="19"/>
      <c r="S6918" s="19"/>
      <c r="T6918" s="19">
        <v>70</v>
      </c>
      <c r="U6918" s="19"/>
      <c r="V6918" s="19"/>
      <c r="W6918" s="19"/>
      <c r="X6918" s="19">
        <v>24</v>
      </c>
      <c r="Y6918" s="19"/>
      <c r="Z6918" s="19"/>
      <c r="AA6918" s="19"/>
    </row>
    <row r="6919" spans="1:27" s="1" customFormat="1" ht="14.1" customHeight="1" outlineLevel="2" x14ac:dyDescent="0.2">
      <c r="A6919" s="17"/>
      <c r="B6919" s="17"/>
      <c r="C6919" s="17"/>
      <c r="D6919" s="18"/>
      <c r="E6919" s="18"/>
      <c r="F6919" s="18"/>
      <c r="G6919" s="18"/>
      <c r="H6919" s="18"/>
      <c r="I6919" s="18"/>
      <c r="J6919" s="18"/>
      <c r="K6919" s="18"/>
      <c r="L6919" s="18"/>
      <c r="M6919" s="18"/>
      <c r="N6919" s="18"/>
      <c r="O6919" s="18"/>
      <c r="P6919" s="19"/>
      <c r="Q6919" s="19"/>
      <c r="R6919" s="19"/>
      <c r="S6919" s="19"/>
      <c r="T6919" s="19"/>
      <c r="U6919" s="19"/>
      <c r="V6919" s="19"/>
      <c r="W6919" s="19"/>
      <c r="X6919" s="19"/>
      <c r="Y6919" s="19"/>
      <c r="Z6919" s="19"/>
      <c r="AA6919" s="19"/>
    </row>
    <row r="6920" spans="1:27" s="1" customFormat="1" ht="14.1" customHeight="1" outlineLevel="2" x14ac:dyDescent="0.2">
      <c r="A6920" s="17">
        <v>17799</v>
      </c>
      <c r="B6920" s="17"/>
      <c r="C6920" s="17"/>
      <c r="D6920" s="18" t="s">
        <v>3441</v>
      </c>
      <c r="E6920" s="18"/>
      <c r="F6920" s="18"/>
      <c r="G6920" s="18"/>
      <c r="H6920" s="18"/>
      <c r="I6920" s="18"/>
      <c r="J6920" s="18"/>
      <c r="K6920" s="18"/>
      <c r="L6920" s="18"/>
      <c r="M6920" s="18"/>
      <c r="N6920" s="18"/>
      <c r="O6920" s="18"/>
      <c r="P6920" s="19">
        <v>450</v>
      </c>
      <c r="Q6920" s="19"/>
      <c r="R6920" s="19"/>
      <c r="S6920" s="19"/>
      <c r="T6920" s="19">
        <v>350</v>
      </c>
      <c r="U6920" s="19"/>
      <c r="V6920" s="19"/>
      <c r="W6920" s="19"/>
      <c r="X6920" s="19">
        <v>8</v>
      </c>
      <c r="Y6920" s="19"/>
      <c r="Z6920" s="19"/>
      <c r="AA6920" s="19"/>
    </row>
    <row r="6921" spans="1:27" s="1" customFormat="1" ht="14.1" customHeight="1" outlineLevel="2" x14ac:dyDescent="0.2">
      <c r="A6921" s="17"/>
      <c r="B6921" s="17"/>
      <c r="C6921" s="17"/>
      <c r="D6921" s="18"/>
      <c r="E6921" s="18"/>
      <c r="F6921" s="18"/>
      <c r="G6921" s="18"/>
      <c r="H6921" s="18"/>
      <c r="I6921" s="18"/>
      <c r="J6921" s="18"/>
      <c r="K6921" s="18"/>
      <c r="L6921" s="18"/>
      <c r="M6921" s="18"/>
      <c r="N6921" s="18"/>
      <c r="O6921" s="18"/>
      <c r="P6921" s="19"/>
      <c r="Q6921" s="19"/>
      <c r="R6921" s="19"/>
      <c r="S6921" s="19"/>
      <c r="T6921" s="19"/>
      <c r="U6921" s="19"/>
      <c r="V6921" s="19"/>
      <c r="W6921" s="19"/>
      <c r="X6921" s="19"/>
      <c r="Y6921" s="19"/>
      <c r="Z6921" s="19"/>
      <c r="AA6921" s="19"/>
    </row>
    <row r="6922" spans="1:27" s="1" customFormat="1" ht="14.1" customHeight="1" outlineLevel="2" x14ac:dyDescent="0.2">
      <c r="A6922" s="17">
        <v>10157</v>
      </c>
      <c r="B6922" s="17"/>
      <c r="C6922" s="17"/>
      <c r="D6922" s="18" t="s">
        <v>3442</v>
      </c>
      <c r="E6922" s="18"/>
      <c r="F6922" s="18"/>
      <c r="G6922" s="18"/>
      <c r="H6922" s="18"/>
      <c r="I6922" s="18"/>
      <c r="J6922" s="18"/>
      <c r="K6922" s="18"/>
      <c r="L6922" s="18"/>
      <c r="M6922" s="18"/>
      <c r="N6922" s="18"/>
      <c r="O6922" s="18"/>
      <c r="P6922" s="19">
        <v>640</v>
      </c>
      <c r="Q6922" s="19"/>
      <c r="R6922" s="19"/>
      <c r="S6922" s="19"/>
      <c r="T6922" s="19">
        <v>620</v>
      </c>
      <c r="U6922" s="19"/>
      <c r="V6922" s="19"/>
      <c r="W6922" s="19"/>
      <c r="X6922" s="19">
        <v>5</v>
      </c>
      <c r="Y6922" s="19"/>
      <c r="Z6922" s="19"/>
      <c r="AA6922" s="19"/>
    </row>
    <row r="6923" spans="1:27" s="1" customFormat="1" ht="14.1" customHeight="1" outlineLevel="2" x14ac:dyDescent="0.2">
      <c r="A6923" s="17"/>
      <c r="B6923" s="17"/>
      <c r="C6923" s="17"/>
      <c r="D6923" s="18"/>
      <c r="E6923" s="18"/>
      <c r="F6923" s="18"/>
      <c r="G6923" s="18"/>
      <c r="H6923" s="18"/>
      <c r="I6923" s="18"/>
      <c r="J6923" s="18"/>
      <c r="K6923" s="18"/>
      <c r="L6923" s="18"/>
      <c r="M6923" s="18"/>
      <c r="N6923" s="18"/>
      <c r="O6923" s="18"/>
      <c r="P6923" s="19"/>
      <c r="Q6923" s="19"/>
      <c r="R6923" s="19"/>
      <c r="S6923" s="19"/>
      <c r="T6923" s="19"/>
      <c r="U6923" s="19"/>
      <c r="V6923" s="19"/>
      <c r="W6923" s="19"/>
      <c r="X6923" s="19"/>
      <c r="Y6923" s="19"/>
      <c r="Z6923" s="19"/>
      <c r="AA6923" s="19"/>
    </row>
    <row r="6924" spans="1:27" s="1" customFormat="1" ht="14.1" customHeight="1" outlineLevel="2" x14ac:dyDescent="0.2">
      <c r="A6924" s="17">
        <v>10159</v>
      </c>
      <c r="B6924" s="17"/>
      <c r="C6924" s="17"/>
      <c r="D6924" s="18" t="s">
        <v>3443</v>
      </c>
      <c r="E6924" s="18"/>
      <c r="F6924" s="18"/>
      <c r="G6924" s="18"/>
      <c r="H6924" s="18"/>
      <c r="I6924" s="18"/>
      <c r="J6924" s="18"/>
      <c r="K6924" s="18"/>
      <c r="L6924" s="18"/>
      <c r="M6924" s="18"/>
      <c r="N6924" s="18"/>
      <c r="O6924" s="18"/>
      <c r="P6924" s="19">
        <v>660</v>
      </c>
      <c r="Q6924" s="19"/>
      <c r="R6924" s="19"/>
      <c r="S6924" s="19"/>
      <c r="T6924" s="19">
        <v>625</v>
      </c>
      <c r="U6924" s="19"/>
      <c r="V6924" s="19"/>
      <c r="W6924" s="19"/>
      <c r="X6924" s="19">
        <v>3</v>
      </c>
      <c r="Y6924" s="19"/>
      <c r="Z6924" s="19"/>
      <c r="AA6924" s="19"/>
    </row>
    <row r="6925" spans="1:27" s="1" customFormat="1" ht="14.1" customHeight="1" outlineLevel="2" x14ac:dyDescent="0.2">
      <c r="A6925" s="17"/>
      <c r="B6925" s="17"/>
      <c r="C6925" s="17"/>
      <c r="D6925" s="18"/>
      <c r="E6925" s="18"/>
      <c r="F6925" s="18"/>
      <c r="G6925" s="18"/>
      <c r="H6925" s="18"/>
      <c r="I6925" s="18"/>
      <c r="J6925" s="18"/>
      <c r="K6925" s="18"/>
      <c r="L6925" s="18"/>
      <c r="M6925" s="18"/>
      <c r="N6925" s="18"/>
      <c r="O6925" s="18"/>
      <c r="P6925" s="19"/>
      <c r="Q6925" s="19"/>
      <c r="R6925" s="19"/>
      <c r="S6925" s="19"/>
      <c r="T6925" s="19"/>
      <c r="U6925" s="19"/>
      <c r="V6925" s="19"/>
      <c r="W6925" s="19"/>
      <c r="X6925" s="19"/>
      <c r="Y6925" s="19"/>
      <c r="Z6925" s="19"/>
      <c r="AA6925" s="19"/>
    </row>
    <row r="6926" spans="1:27" s="1" customFormat="1" ht="14.1" customHeight="1" outlineLevel="2" x14ac:dyDescent="0.2">
      <c r="A6926" s="17">
        <v>10158</v>
      </c>
      <c r="B6926" s="17"/>
      <c r="C6926" s="17"/>
      <c r="D6926" s="18" t="s">
        <v>3444</v>
      </c>
      <c r="E6926" s="18"/>
      <c r="F6926" s="18"/>
      <c r="G6926" s="18"/>
      <c r="H6926" s="18"/>
      <c r="I6926" s="18"/>
      <c r="J6926" s="18"/>
      <c r="K6926" s="18"/>
      <c r="L6926" s="18"/>
      <c r="M6926" s="18"/>
      <c r="N6926" s="18"/>
      <c r="O6926" s="18"/>
      <c r="P6926" s="19">
        <v>660</v>
      </c>
      <c r="Q6926" s="19"/>
      <c r="R6926" s="19"/>
      <c r="S6926" s="19"/>
      <c r="T6926" s="19">
        <v>625</v>
      </c>
      <c r="U6926" s="19"/>
      <c r="V6926" s="19"/>
      <c r="W6926" s="19"/>
      <c r="X6926" s="19">
        <v>4</v>
      </c>
      <c r="Y6926" s="19"/>
      <c r="Z6926" s="19"/>
      <c r="AA6926" s="19"/>
    </row>
    <row r="6927" spans="1:27" s="1" customFormat="1" ht="14.1" customHeight="1" outlineLevel="2" x14ac:dyDescent="0.2">
      <c r="A6927" s="17"/>
      <c r="B6927" s="17"/>
      <c r="C6927" s="17"/>
      <c r="D6927" s="18"/>
      <c r="E6927" s="18"/>
      <c r="F6927" s="18"/>
      <c r="G6927" s="18"/>
      <c r="H6927" s="18"/>
      <c r="I6927" s="18"/>
      <c r="J6927" s="18"/>
      <c r="K6927" s="18"/>
      <c r="L6927" s="18"/>
      <c r="M6927" s="18"/>
      <c r="N6927" s="18"/>
      <c r="O6927" s="18"/>
      <c r="P6927" s="19"/>
      <c r="Q6927" s="19"/>
      <c r="R6927" s="19"/>
      <c r="S6927" s="19"/>
      <c r="T6927" s="19"/>
      <c r="U6927" s="19"/>
      <c r="V6927" s="19"/>
      <c r="W6927" s="19"/>
      <c r="X6927" s="19"/>
      <c r="Y6927" s="19"/>
      <c r="Z6927" s="19"/>
      <c r="AA6927" s="19"/>
    </row>
    <row r="6928" spans="1:27" s="1" customFormat="1" ht="11.1" customHeight="1" x14ac:dyDescent="0.2">
      <c r="A6928" s="16" t="s">
        <v>3445</v>
      </c>
      <c r="B6928" s="16"/>
      <c r="C6928" s="16"/>
      <c r="D6928" s="16"/>
      <c r="E6928" s="16"/>
      <c r="F6928" s="16"/>
      <c r="G6928" s="16"/>
      <c r="H6928" s="16"/>
      <c r="I6928" s="16"/>
      <c r="J6928" s="16"/>
      <c r="K6928" s="16"/>
      <c r="L6928" s="16"/>
      <c r="M6928" s="16"/>
      <c r="N6928" s="16"/>
      <c r="O6928" s="16"/>
      <c r="P6928" s="16"/>
      <c r="Q6928" s="16"/>
      <c r="R6928" s="16"/>
      <c r="S6928" s="16"/>
      <c r="T6928" s="16"/>
      <c r="U6928" s="16"/>
      <c r="V6928" s="16"/>
      <c r="W6928" s="16"/>
      <c r="X6928" s="16"/>
      <c r="Y6928" s="16"/>
      <c r="Z6928" s="16"/>
      <c r="AA6928" s="16"/>
    </row>
    <row r="6929" spans="1:27" s="1" customFormat="1" ht="11.1" customHeight="1" x14ac:dyDescent="0.2">
      <c r="A6929" s="16"/>
      <c r="B6929" s="16"/>
      <c r="C6929" s="16"/>
      <c r="D6929" s="16"/>
      <c r="E6929" s="16"/>
      <c r="F6929" s="16"/>
      <c r="G6929" s="16"/>
      <c r="H6929" s="16"/>
      <c r="I6929" s="16"/>
      <c r="J6929" s="16"/>
      <c r="K6929" s="16"/>
      <c r="L6929" s="16"/>
      <c r="M6929" s="16"/>
      <c r="N6929" s="16"/>
      <c r="O6929" s="16"/>
      <c r="P6929" s="16"/>
      <c r="Q6929" s="16"/>
      <c r="R6929" s="16"/>
      <c r="S6929" s="16"/>
      <c r="T6929" s="16"/>
      <c r="U6929" s="16"/>
      <c r="V6929" s="16"/>
      <c r="W6929" s="16"/>
      <c r="X6929" s="16"/>
      <c r="Y6929" s="16"/>
      <c r="Z6929" s="16"/>
      <c r="AA6929" s="16"/>
    </row>
    <row r="6930" spans="1:27" s="1" customFormat="1" ht="11.1" customHeight="1" outlineLevel="1" x14ac:dyDescent="0.2">
      <c r="A6930" s="16" t="s">
        <v>1168</v>
      </c>
      <c r="B6930" s="16"/>
      <c r="C6930" s="16"/>
      <c r="D6930" s="16"/>
      <c r="E6930" s="16"/>
      <c r="F6930" s="16"/>
      <c r="G6930" s="16"/>
      <c r="H6930" s="16"/>
      <c r="I6930" s="16"/>
      <c r="J6930" s="16"/>
      <c r="K6930" s="16"/>
      <c r="L6930" s="16"/>
      <c r="M6930" s="16"/>
      <c r="N6930" s="16"/>
      <c r="O6930" s="16"/>
      <c r="P6930" s="16"/>
      <c r="Q6930" s="16"/>
      <c r="R6930" s="16"/>
      <c r="S6930" s="16"/>
      <c r="T6930" s="16"/>
      <c r="U6930" s="16"/>
      <c r="V6930" s="16"/>
      <c r="W6930" s="16"/>
      <c r="X6930" s="16"/>
      <c r="Y6930" s="16"/>
      <c r="Z6930" s="16"/>
      <c r="AA6930" s="16"/>
    </row>
    <row r="6931" spans="1:27" s="1" customFormat="1" ht="11.1" customHeight="1" outlineLevel="1" x14ac:dyDescent="0.2">
      <c r="A6931" s="16"/>
      <c r="B6931" s="16"/>
      <c r="C6931" s="16"/>
      <c r="D6931" s="16"/>
      <c r="E6931" s="16"/>
      <c r="F6931" s="16"/>
      <c r="G6931" s="16"/>
      <c r="H6931" s="16"/>
      <c r="I6931" s="16"/>
      <c r="J6931" s="16"/>
      <c r="K6931" s="16"/>
      <c r="L6931" s="16"/>
      <c r="M6931" s="16"/>
      <c r="N6931" s="16"/>
      <c r="O6931" s="16"/>
      <c r="P6931" s="16"/>
      <c r="Q6931" s="16"/>
      <c r="R6931" s="16"/>
      <c r="S6931" s="16"/>
      <c r="T6931" s="16"/>
      <c r="U6931" s="16"/>
      <c r="V6931" s="16"/>
      <c r="W6931" s="16"/>
      <c r="X6931" s="16"/>
      <c r="Y6931" s="16"/>
      <c r="Z6931" s="16"/>
      <c r="AA6931" s="16"/>
    </row>
    <row r="6932" spans="1:27" s="1" customFormat="1" ht="14.1" customHeight="1" outlineLevel="2" x14ac:dyDescent="0.2">
      <c r="A6932" s="17">
        <v>17557</v>
      </c>
      <c r="B6932" s="17"/>
      <c r="C6932" s="17"/>
      <c r="D6932" s="18" t="s">
        <v>3446</v>
      </c>
      <c r="E6932" s="18"/>
      <c r="F6932" s="18"/>
      <c r="G6932" s="18"/>
      <c r="H6932" s="18"/>
      <c r="I6932" s="18"/>
      <c r="J6932" s="18"/>
      <c r="K6932" s="18"/>
      <c r="L6932" s="18"/>
      <c r="M6932" s="18"/>
      <c r="N6932" s="18"/>
      <c r="O6932" s="18"/>
      <c r="P6932" s="19">
        <v>400</v>
      </c>
      <c r="Q6932" s="19"/>
      <c r="R6932" s="19"/>
      <c r="S6932" s="19"/>
      <c r="T6932" s="19">
        <v>300</v>
      </c>
      <c r="U6932" s="19"/>
      <c r="V6932" s="19"/>
      <c r="W6932" s="19"/>
      <c r="X6932" s="19">
        <v>1</v>
      </c>
      <c r="Y6932" s="19"/>
      <c r="Z6932" s="19"/>
      <c r="AA6932" s="19"/>
    </row>
    <row r="6933" spans="1:27" s="1" customFormat="1" ht="14.1" customHeight="1" outlineLevel="2" x14ac:dyDescent="0.2">
      <c r="A6933" s="17"/>
      <c r="B6933" s="17"/>
      <c r="C6933" s="17"/>
      <c r="D6933" s="18"/>
      <c r="E6933" s="18"/>
      <c r="F6933" s="18"/>
      <c r="G6933" s="18"/>
      <c r="H6933" s="18"/>
      <c r="I6933" s="18"/>
      <c r="J6933" s="18"/>
      <c r="K6933" s="18"/>
      <c r="L6933" s="18"/>
      <c r="M6933" s="18"/>
      <c r="N6933" s="18"/>
      <c r="O6933" s="18"/>
      <c r="P6933" s="19"/>
      <c r="Q6933" s="19"/>
      <c r="R6933" s="19"/>
      <c r="S6933" s="19"/>
      <c r="T6933" s="19"/>
      <c r="U6933" s="19"/>
      <c r="V6933" s="19"/>
      <c r="W6933" s="19"/>
      <c r="X6933" s="19"/>
      <c r="Y6933" s="19"/>
      <c r="Z6933" s="19"/>
      <c r="AA6933" s="19"/>
    </row>
    <row r="6934" spans="1:27" s="1" customFormat="1" ht="11.1" customHeight="1" outlineLevel="1" x14ac:dyDescent="0.2">
      <c r="A6934" s="16" t="s">
        <v>1175</v>
      </c>
      <c r="B6934" s="16"/>
      <c r="C6934" s="16"/>
      <c r="D6934" s="16"/>
      <c r="E6934" s="16"/>
      <c r="F6934" s="16"/>
      <c r="G6934" s="16"/>
      <c r="H6934" s="16"/>
      <c r="I6934" s="16"/>
      <c r="J6934" s="16"/>
      <c r="K6934" s="16"/>
      <c r="L6934" s="16"/>
      <c r="M6934" s="16"/>
      <c r="N6934" s="16"/>
      <c r="O6934" s="16"/>
      <c r="P6934" s="16"/>
      <c r="Q6934" s="16"/>
      <c r="R6934" s="16"/>
      <c r="S6934" s="16"/>
      <c r="T6934" s="16"/>
      <c r="U6934" s="16"/>
      <c r="V6934" s="16"/>
      <c r="W6934" s="16"/>
      <c r="X6934" s="16"/>
      <c r="Y6934" s="16"/>
      <c r="Z6934" s="16"/>
      <c r="AA6934" s="16"/>
    </row>
    <row r="6935" spans="1:27" s="1" customFormat="1" ht="11.1" customHeight="1" outlineLevel="1" x14ac:dyDescent="0.2">
      <c r="A6935" s="16"/>
      <c r="B6935" s="16"/>
      <c r="C6935" s="16"/>
      <c r="D6935" s="16"/>
      <c r="E6935" s="16"/>
      <c r="F6935" s="16"/>
      <c r="G6935" s="16"/>
      <c r="H6935" s="16"/>
      <c r="I6935" s="16"/>
      <c r="J6935" s="16"/>
      <c r="K6935" s="16"/>
      <c r="L6935" s="16"/>
      <c r="M6935" s="16"/>
      <c r="N6935" s="16"/>
      <c r="O6935" s="16"/>
      <c r="P6935" s="16"/>
      <c r="Q6935" s="16"/>
      <c r="R6935" s="16"/>
      <c r="S6935" s="16"/>
      <c r="T6935" s="16"/>
      <c r="U6935" s="16"/>
      <c r="V6935" s="16"/>
      <c r="W6935" s="16"/>
      <c r="X6935" s="16"/>
      <c r="Y6935" s="16"/>
      <c r="Z6935" s="16"/>
      <c r="AA6935" s="16"/>
    </row>
    <row r="6936" spans="1:27" s="1" customFormat="1" ht="14.1" customHeight="1" outlineLevel="2" x14ac:dyDescent="0.2">
      <c r="A6936" s="17">
        <v>17420</v>
      </c>
      <c r="B6936" s="17"/>
      <c r="C6936" s="17"/>
      <c r="D6936" s="18" t="s">
        <v>3447</v>
      </c>
      <c r="E6936" s="18"/>
      <c r="F6936" s="18"/>
      <c r="G6936" s="18"/>
      <c r="H6936" s="18"/>
      <c r="I6936" s="18"/>
      <c r="J6936" s="18"/>
      <c r="K6936" s="18"/>
      <c r="L6936" s="18"/>
      <c r="M6936" s="18"/>
      <c r="N6936" s="18"/>
      <c r="O6936" s="18"/>
      <c r="P6936" s="19">
        <v>250</v>
      </c>
      <c r="Q6936" s="19"/>
      <c r="R6936" s="19"/>
      <c r="S6936" s="19"/>
      <c r="T6936" s="19">
        <v>150</v>
      </c>
      <c r="U6936" s="19"/>
      <c r="V6936" s="19"/>
      <c r="W6936" s="19"/>
      <c r="X6936" s="19">
        <v>1</v>
      </c>
      <c r="Y6936" s="19"/>
      <c r="Z6936" s="19"/>
      <c r="AA6936" s="19"/>
    </row>
    <row r="6937" spans="1:27" s="1" customFormat="1" ht="14.1" customHeight="1" outlineLevel="2" x14ac:dyDescent="0.2">
      <c r="A6937" s="17"/>
      <c r="B6937" s="17"/>
      <c r="C6937" s="17"/>
      <c r="D6937" s="18"/>
      <c r="E6937" s="18"/>
      <c r="F6937" s="18"/>
      <c r="G6937" s="18"/>
      <c r="H6937" s="18"/>
      <c r="I6937" s="18"/>
      <c r="J6937" s="18"/>
      <c r="K6937" s="18"/>
      <c r="L6937" s="18"/>
      <c r="M6937" s="18"/>
      <c r="N6937" s="18"/>
      <c r="O6937" s="18"/>
      <c r="P6937" s="19"/>
      <c r="Q6937" s="19"/>
      <c r="R6937" s="19"/>
      <c r="S6937" s="19"/>
      <c r="T6937" s="19"/>
      <c r="U6937" s="19"/>
      <c r="V6937" s="19"/>
      <c r="W6937" s="19"/>
      <c r="X6937" s="19"/>
      <c r="Y6937" s="19"/>
      <c r="Z6937" s="19"/>
      <c r="AA6937" s="19"/>
    </row>
    <row r="6938" spans="1:27" s="1" customFormat="1" ht="14.1" customHeight="1" outlineLevel="2" x14ac:dyDescent="0.2">
      <c r="A6938" s="17">
        <v>17937</v>
      </c>
      <c r="B6938" s="17"/>
      <c r="C6938" s="17"/>
      <c r="D6938" s="18" t="s">
        <v>3448</v>
      </c>
      <c r="E6938" s="18"/>
      <c r="F6938" s="18"/>
      <c r="G6938" s="18"/>
      <c r="H6938" s="18"/>
      <c r="I6938" s="18"/>
      <c r="J6938" s="18"/>
      <c r="K6938" s="18"/>
      <c r="L6938" s="18"/>
      <c r="M6938" s="18"/>
      <c r="N6938" s="18"/>
      <c r="O6938" s="18"/>
      <c r="P6938" s="19">
        <v>600</v>
      </c>
      <c r="Q6938" s="19"/>
      <c r="R6938" s="19"/>
      <c r="S6938" s="19"/>
      <c r="T6938" s="19">
        <v>500</v>
      </c>
      <c r="U6938" s="19"/>
      <c r="V6938" s="19"/>
      <c r="W6938" s="19"/>
      <c r="X6938" s="19">
        <v>1</v>
      </c>
      <c r="Y6938" s="19"/>
      <c r="Z6938" s="19"/>
      <c r="AA6938" s="19"/>
    </row>
    <row r="6939" spans="1:27" s="1" customFormat="1" ht="14.1" customHeight="1" outlineLevel="2" x14ac:dyDescent="0.2">
      <c r="A6939" s="17"/>
      <c r="B6939" s="17"/>
      <c r="C6939" s="17"/>
      <c r="D6939" s="18"/>
      <c r="E6939" s="18"/>
      <c r="F6939" s="18"/>
      <c r="G6939" s="18"/>
      <c r="H6939" s="18"/>
      <c r="I6939" s="18"/>
      <c r="J6939" s="18"/>
      <c r="K6939" s="18"/>
      <c r="L6939" s="18"/>
      <c r="M6939" s="18"/>
      <c r="N6939" s="18"/>
      <c r="O6939" s="18"/>
      <c r="P6939" s="19"/>
      <c r="Q6939" s="19"/>
      <c r="R6939" s="19"/>
      <c r="S6939" s="19"/>
      <c r="T6939" s="19"/>
      <c r="U6939" s="19"/>
      <c r="V6939" s="19"/>
      <c r="W6939" s="19"/>
      <c r="X6939" s="19"/>
      <c r="Y6939" s="19"/>
      <c r="Z6939" s="19"/>
      <c r="AA6939" s="19"/>
    </row>
    <row r="6940" spans="1:27" s="1" customFormat="1" ht="11.1" customHeight="1" outlineLevel="2" x14ac:dyDescent="0.2">
      <c r="A6940" s="17">
        <v>15278</v>
      </c>
      <c r="B6940" s="17"/>
      <c r="C6940" s="17"/>
      <c r="D6940" s="18" t="s">
        <v>3449</v>
      </c>
      <c r="E6940" s="18"/>
      <c r="F6940" s="18"/>
      <c r="G6940" s="18"/>
      <c r="H6940" s="18"/>
      <c r="I6940" s="18"/>
      <c r="J6940" s="18"/>
      <c r="K6940" s="18"/>
      <c r="L6940" s="18"/>
      <c r="M6940" s="18"/>
      <c r="N6940" s="18"/>
      <c r="O6940" s="18"/>
      <c r="P6940" s="19">
        <v>60</v>
      </c>
      <c r="Q6940" s="19"/>
      <c r="R6940" s="19"/>
      <c r="S6940" s="19"/>
      <c r="T6940" s="19">
        <v>40</v>
      </c>
      <c r="U6940" s="19"/>
      <c r="V6940" s="19"/>
      <c r="W6940" s="19"/>
      <c r="X6940" s="19">
        <v>41</v>
      </c>
      <c r="Y6940" s="19"/>
      <c r="Z6940" s="19"/>
      <c r="AA6940" s="19"/>
    </row>
    <row r="6941" spans="1:27" s="1" customFormat="1" ht="11.1" customHeight="1" outlineLevel="2" x14ac:dyDescent="0.2">
      <c r="A6941" s="17"/>
      <c r="B6941" s="17"/>
      <c r="C6941" s="17"/>
      <c r="D6941" s="18"/>
      <c r="E6941" s="18"/>
      <c r="F6941" s="18"/>
      <c r="G6941" s="18"/>
      <c r="H6941" s="18"/>
      <c r="I6941" s="18"/>
      <c r="J6941" s="18"/>
      <c r="K6941" s="18"/>
      <c r="L6941" s="18"/>
      <c r="M6941" s="18"/>
      <c r="N6941" s="18"/>
      <c r="O6941" s="18"/>
      <c r="P6941" s="19"/>
      <c r="Q6941" s="19"/>
      <c r="R6941" s="19"/>
      <c r="S6941" s="19"/>
      <c r="T6941" s="19"/>
      <c r="U6941" s="19"/>
      <c r="V6941" s="19"/>
      <c r="W6941" s="19"/>
      <c r="X6941" s="19"/>
      <c r="Y6941" s="19"/>
      <c r="Z6941" s="19"/>
      <c r="AA6941" s="19"/>
    </row>
    <row r="6942" spans="1:27" s="1" customFormat="1" ht="11.1" customHeight="1" outlineLevel="2" x14ac:dyDescent="0.2">
      <c r="A6942" s="17">
        <v>11549</v>
      </c>
      <c r="B6942" s="17"/>
      <c r="C6942" s="17"/>
      <c r="D6942" s="18" t="s">
        <v>3450</v>
      </c>
      <c r="E6942" s="18"/>
      <c r="F6942" s="18"/>
      <c r="G6942" s="18"/>
      <c r="H6942" s="18"/>
      <c r="I6942" s="18"/>
      <c r="J6942" s="18"/>
      <c r="K6942" s="18"/>
      <c r="L6942" s="18"/>
      <c r="M6942" s="18"/>
      <c r="N6942" s="18"/>
      <c r="O6942" s="18"/>
      <c r="P6942" s="19">
        <v>100</v>
      </c>
      <c r="Q6942" s="19"/>
      <c r="R6942" s="19"/>
      <c r="S6942" s="19"/>
      <c r="T6942" s="19">
        <v>75</v>
      </c>
      <c r="U6942" s="19"/>
      <c r="V6942" s="19"/>
      <c r="W6942" s="19"/>
      <c r="X6942" s="19">
        <v>1</v>
      </c>
      <c r="Y6942" s="19"/>
      <c r="Z6942" s="19"/>
      <c r="AA6942" s="19"/>
    </row>
    <row r="6943" spans="1:27" s="1" customFormat="1" ht="11.1" customHeight="1" outlineLevel="2" x14ac:dyDescent="0.2">
      <c r="A6943" s="17"/>
      <c r="B6943" s="17"/>
      <c r="C6943" s="17"/>
      <c r="D6943" s="18"/>
      <c r="E6943" s="18"/>
      <c r="F6943" s="18"/>
      <c r="G6943" s="18"/>
      <c r="H6943" s="18"/>
      <c r="I6943" s="18"/>
      <c r="J6943" s="18"/>
      <c r="K6943" s="18"/>
      <c r="L6943" s="18"/>
      <c r="M6943" s="18"/>
      <c r="N6943" s="18"/>
      <c r="O6943" s="18"/>
      <c r="P6943" s="19"/>
      <c r="Q6943" s="19"/>
      <c r="R6943" s="19"/>
      <c r="S6943" s="19"/>
      <c r="T6943" s="19"/>
      <c r="U6943" s="19"/>
      <c r="V6943" s="19"/>
      <c r="W6943" s="19"/>
      <c r="X6943" s="19"/>
      <c r="Y6943" s="19"/>
      <c r="Z6943" s="19"/>
      <c r="AA6943" s="19"/>
    </row>
    <row r="6944" spans="1:27" s="1" customFormat="1" ht="11.1" customHeight="1" outlineLevel="2" x14ac:dyDescent="0.2">
      <c r="A6944" s="17">
        <v>11542</v>
      </c>
      <c r="B6944" s="17"/>
      <c r="C6944" s="17"/>
      <c r="D6944" s="18" t="s">
        <v>3451</v>
      </c>
      <c r="E6944" s="18"/>
      <c r="F6944" s="18"/>
      <c r="G6944" s="18"/>
      <c r="H6944" s="18"/>
      <c r="I6944" s="18"/>
      <c r="J6944" s="18"/>
      <c r="K6944" s="18"/>
      <c r="L6944" s="18"/>
      <c r="M6944" s="18"/>
      <c r="N6944" s="18"/>
      <c r="O6944" s="18"/>
      <c r="P6944" s="19">
        <v>70</v>
      </c>
      <c r="Q6944" s="19"/>
      <c r="R6944" s="19"/>
      <c r="S6944" s="19"/>
      <c r="T6944" s="19">
        <v>54</v>
      </c>
      <c r="U6944" s="19"/>
      <c r="V6944" s="19"/>
      <c r="W6944" s="19"/>
      <c r="X6944" s="19">
        <v>15</v>
      </c>
      <c r="Y6944" s="19"/>
      <c r="Z6944" s="19"/>
      <c r="AA6944" s="19"/>
    </row>
    <row r="6945" spans="1:27" s="1" customFormat="1" ht="11.1" customHeight="1" outlineLevel="2" x14ac:dyDescent="0.2">
      <c r="A6945" s="17"/>
      <c r="B6945" s="17"/>
      <c r="C6945" s="17"/>
      <c r="D6945" s="18"/>
      <c r="E6945" s="18"/>
      <c r="F6945" s="18"/>
      <c r="G6945" s="18"/>
      <c r="H6945" s="18"/>
      <c r="I6945" s="18"/>
      <c r="J6945" s="18"/>
      <c r="K6945" s="18"/>
      <c r="L6945" s="18"/>
      <c r="M6945" s="18"/>
      <c r="N6945" s="18"/>
      <c r="O6945" s="18"/>
      <c r="P6945" s="19"/>
      <c r="Q6945" s="19"/>
      <c r="R6945" s="19"/>
      <c r="S6945" s="19"/>
      <c r="T6945" s="19"/>
      <c r="U6945" s="19"/>
      <c r="V6945" s="19"/>
      <c r="W6945" s="19"/>
      <c r="X6945" s="19"/>
      <c r="Y6945" s="19"/>
      <c r="Z6945" s="19"/>
      <c r="AA6945" s="19"/>
    </row>
    <row r="6946" spans="1:27" s="1" customFormat="1" ht="11.1" customHeight="1" outlineLevel="2" x14ac:dyDescent="0.2">
      <c r="A6946" s="17">
        <v>11540</v>
      </c>
      <c r="B6946" s="17"/>
      <c r="C6946" s="17"/>
      <c r="D6946" s="18" t="s">
        <v>3452</v>
      </c>
      <c r="E6946" s="18"/>
      <c r="F6946" s="18"/>
      <c r="G6946" s="18"/>
      <c r="H6946" s="18"/>
      <c r="I6946" s="18"/>
      <c r="J6946" s="18"/>
      <c r="K6946" s="18"/>
      <c r="L6946" s="18"/>
      <c r="M6946" s="18"/>
      <c r="N6946" s="18"/>
      <c r="O6946" s="18"/>
      <c r="P6946" s="19">
        <v>70</v>
      </c>
      <c r="Q6946" s="19"/>
      <c r="R6946" s="19"/>
      <c r="S6946" s="19"/>
      <c r="T6946" s="19">
        <v>54</v>
      </c>
      <c r="U6946" s="19"/>
      <c r="V6946" s="19"/>
      <c r="W6946" s="19"/>
      <c r="X6946" s="19">
        <v>6</v>
      </c>
      <c r="Y6946" s="19"/>
      <c r="Z6946" s="19"/>
      <c r="AA6946" s="19"/>
    </row>
    <row r="6947" spans="1:27" s="1" customFormat="1" ht="11.1" customHeight="1" outlineLevel="2" x14ac:dyDescent="0.2">
      <c r="A6947" s="17"/>
      <c r="B6947" s="17"/>
      <c r="C6947" s="17"/>
      <c r="D6947" s="18"/>
      <c r="E6947" s="18"/>
      <c r="F6947" s="18"/>
      <c r="G6947" s="18"/>
      <c r="H6947" s="18"/>
      <c r="I6947" s="18"/>
      <c r="J6947" s="18"/>
      <c r="K6947" s="18"/>
      <c r="L6947" s="18"/>
      <c r="M6947" s="18"/>
      <c r="N6947" s="18"/>
      <c r="O6947" s="18"/>
      <c r="P6947" s="19"/>
      <c r="Q6947" s="19"/>
      <c r="R6947" s="19"/>
      <c r="S6947" s="19"/>
      <c r="T6947" s="19"/>
      <c r="U6947" s="19"/>
      <c r="V6947" s="19"/>
      <c r="W6947" s="19"/>
      <c r="X6947" s="19"/>
      <c r="Y6947" s="19"/>
      <c r="Z6947" s="19"/>
      <c r="AA6947" s="19"/>
    </row>
    <row r="6948" spans="1:27" s="1" customFormat="1" ht="11.1" customHeight="1" outlineLevel="2" x14ac:dyDescent="0.2">
      <c r="A6948" s="17">
        <v>15279</v>
      </c>
      <c r="B6948" s="17"/>
      <c r="C6948" s="17"/>
      <c r="D6948" s="18" t="s">
        <v>3453</v>
      </c>
      <c r="E6948" s="18"/>
      <c r="F6948" s="18"/>
      <c r="G6948" s="18"/>
      <c r="H6948" s="18"/>
      <c r="I6948" s="18"/>
      <c r="J6948" s="18"/>
      <c r="K6948" s="18"/>
      <c r="L6948" s="18"/>
      <c r="M6948" s="18"/>
      <c r="N6948" s="18"/>
      <c r="O6948" s="18"/>
      <c r="P6948" s="19">
        <v>70</v>
      </c>
      <c r="Q6948" s="19"/>
      <c r="R6948" s="19"/>
      <c r="S6948" s="19"/>
      <c r="T6948" s="19">
        <v>50</v>
      </c>
      <c r="U6948" s="19"/>
      <c r="V6948" s="19"/>
      <c r="W6948" s="19"/>
      <c r="X6948" s="19">
        <v>50</v>
      </c>
      <c r="Y6948" s="19"/>
      <c r="Z6948" s="19"/>
      <c r="AA6948" s="19"/>
    </row>
    <row r="6949" spans="1:27" s="1" customFormat="1" ht="11.1" customHeight="1" outlineLevel="2" x14ac:dyDescent="0.2">
      <c r="A6949" s="17"/>
      <c r="B6949" s="17"/>
      <c r="C6949" s="17"/>
      <c r="D6949" s="18"/>
      <c r="E6949" s="18"/>
      <c r="F6949" s="18"/>
      <c r="G6949" s="18"/>
      <c r="H6949" s="18"/>
      <c r="I6949" s="18"/>
      <c r="J6949" s="18"/>
      <c r="K6949" s="18"/>
      <c r="L6949" s="18"/>
      <c r="M6949" s="18"/>
      <c r="N6949" s="18"/>
      <c r="O6949" s="18"/>
      <c r="P6949" s="19"/>
      <c r="Q6949" s="19"/>
      <c r="R6949" s="19"/>
      <c r="S6949" s="19"/>
      <c r="T6949" s="19"/>
      <c r="U6949" s="19"/>
      <c r="V6949" s="19"/>
      <c r="W6949" s="19"/>
      <c r="X6949" s="19"/>
      <c r="Y6949" s="19"/>
      <c r="Z6949" s="19"/>
      <c r="AA6949" s="19"/>
    </row>
    <row r="6950" spans="1:27" s="1" customFormat="1" ht="11.1" customHeight="1" outlineLevel="2" x14ac:dyDescent="0.2">
      <c r="A6950" s="17">
        <v>17691</v>
      </c>
      <c r="B6950" s="17"/>
      <c r="C6950" s="17"/>
      <c r="D6950" s="18" t="s">
        <v>3454</v>
      </c>
      <c r="E6950" s="18"/>
      <c r="F6950" s="18"/>
      <c r="G6950" s="18"/>
      <c r="H6950" s="18"/>
      <c r="I6950" s="18"/>
      <c r="J6950" s="18"/>
      <c r="K6950" s="18"/>
      <c r="L6950" s="18"/>
      <c r="M6950" s="18"/>
      <c r="N6950" s="18"/>
      <c r="O6950" s="18"/>
      <c r="P6950" s="19">
        <v>90</v>
      </c>
      <c r="Q6950" s="19"/>
      <c r="R6950" s="19"/>
      <c r="S6950" s="19"/>
      <c r="T6950" s="19">
        <v>50</v>
      </c>
      <c r="U6950" s="19"/>
      <c r="V6950" s="19"/>
      <c r="W6950" s="19"/>
      <c r="X6950" s="19">
        <v>50</v>
      </c>
      <c r="Y6950" s="19"/>
      <c r="Z6950" s="19"/>
      <c r="AA6950" s="19"/>
    </row>
    <row r="6951" spans="1:27" s="1" customFormat="1" ht="11.1" customHeight="1" outlineLevel="2" x14ac:dyDescent="0.2">
      <c r="A6951" s="17"/>
      <c r="B6951" s="17"/>
      <c r="C6951" s="17"/>
      <c r="D6951" s="18"/>
      <c r="E6951" s="18"/>
      <c r="F6951" s="18"/>
      <c r="G6951" s="18"/>
      <c r="H6951" s="18"/>
      <c r="I6951" s="18"/>
      <c r="J6951" s="18"/>
      <c r="K6951" s="18"/>
      <c r="L6951" s="18"/>
      <c r="M6951" s="18"/>
      <c r="N6951" s="18"/>
      <c r="O6951" s="18"/>
      <c r="P6951" s="19"/>
      <c r="Q6951" s="19"/>
      <c r="R6951" s="19"/>
      <c r="S6951" s="19"/>
      <c r="T6951" s="19"/>
      <c r="U6951" s="19"/>
      <c r="V6951" s="19"/>
      <c r="W6951" s="19"/>
      <c r="X6951" s="19"/>
      <c r="Y6951" s="19"/>
      <c r="Z6951" s="19"/>
      <c r="AA6951" s="19"/>
    </row>
    <row r="6952" spans="1:27" s="1" customFormat="1" ht="11.1" customHeight="1" outlineLevel="2" x14ac:dyDescent="0.2">
      <c r="A6952" s="17">
        <v>15280</v>
      </c>
      <c r="B6952" s="17"/>
      <c r="C6952" s="17"/>
      <c r="D6952" s="18" t="s">
        <v>3455</v>
      </c>
      <c r="E6952" s="18"/>
      <c r="F6952" s="18"/>
      <c r="G6952" s="18"/>
      <c r="H6952" s="18"/>
      <c r="I6952" s="18"/>
      <c r="J6952" s="18"/>
      <c r="K6952" s="18"/>
      <c r="L6952" s="18"/>
      <c r="M6952" s="18"/>
      <c r="N6952" s="18"/>
      <c r="O6952" s="18"/>
      <c r="P6952" s="19">
        <v>60</v>
      </c>
      <c r="Q6952" s="19"/>
      <c r="R6952" s="19"/>
      <c r="S6952" s="19"/>
      <c r="T6952" s="19">
        <v>40</v>
      </c>
      <c r="U6952" s="19"/>
      <c r="V6952" s="19"/>
      <c r="W6952" s="19"/>
      <c r="X6952" s="19">
        <v>44</v>
      </c>
      <c r="Y6952" s="19"/>
      <c r="Z6952" s="19"/>
      <c r="AA6952" s="19"/>
    </row>
    <row r="6953" spans="1:27" s="1" customFormat="1" ht="11.1" customHeight="1" outlineLevel="2" x14ac:dyDescent="0.2">
      <c r="A6953" s="17"/>
      <c r="B6953" s="17"/>
      <c r="C6953" s="17"/>
      <c r="D6953" s="18"/>
      <c r="E6953" s="18"/>
      <c r="F6953" s="18"/>
      <c r="G6953" s="18"/>
      <c r="H6953" s="18"/>
      <c r="I6953" s="18"/>
      <c r="J6953" s="18"/>
      <c r="K6953" s="18"/>
      <c r="L6953" s="18"/>
      <c r="M6953" s="18"/>
      <c r="N6953" s="18"/>
      <c r="O6953" s="18"/>
      <c r="P6953" s="19"/>
      <c r="Q6953" s="19"/>
      <c r="R6953" s="19"/>
      <c r="S6953" s="19"/>
      <c r="T6953" s="19"/>
      <c r="U6953" s="19"/>
      <c r="V6953" s="19"/>
      <c r="W6953" s="19"/>
      <c r="X6953" s="19"/>
      <c r="Y6953" s="19"/>
      <c r="Z6953" s="19"/>
      <c r="AA6953" s="19"/>
    </row>
    <row r="6954" spans="1:27" s="1" customFormat="1" ht="11.1" customHeight="1" outlineLevel="2" x14ac:dyDescent="0.2">
      <c r="A6954" s="17">
        <v>13700</v>
      </c>
      <c r="B6954" s="17"/>
      <c r="C6954" s="17"/>
      <c r="D6954" s="18" t="s">
        <v>3456</v>
      </c>
      <c r="E6954" s="18"/>
      <c r="F6954" s="18"/>
      <c r="G6954" s="18"/>
      <c r="H6954" s="18"/>
      <c r="I6954" s="18"/>
      <c r="J6954" s="18"/>
      <c r="K6954" s="18"/>
      <c r="L6954" s="18"/>
      <c r="M6954" s="18"/>
      <c r="N6954" s="18"/>
      <c r="O6954" s="18"/>
      <c r="P6954" s="19">
        <v>60</v>
      </c>
      <c r="Q6954" s="19"/>
      <c r="R6954" s="19"/>
      <c r="S6954" s="19"/>
      <c r="T6954" s="19">
        <v>40</v>
      </c>
      <c r="U6954" s="19"/>
      <c r="V6954" s="19"/>
      <c r="W6954" s="19"/>
      <c r="X6954" s="19">
        <v>41</v>
      </c>
      <c r="Y6954" s="19"/>
      <c r="Z6954" s="19"/>
      <c r="AA6954" s="19"/>
    </row>
    <row r="6955" spans="1:27" s="1" customFormat="1" ht="11.1" customHeight="1" outlineLevel="2" x14ac:dyDescent="0.2">
      <c r="A6955" s="17"/>
      <c r="B6955" s="17"/>
      <c r="C6955" s="17"/>
      <c r="D6955" s="18"/>
      <c r="E6955" s="18"/>
      <c r="F6955" s="18"/>
      <c r="G6955" s="18"/>
      <c r="H6955" s="18"/>
      <c r="I6955" s="18"/>
      <c r="J6955" s="18"/>
      <c r="K6955" s="18"/>
      <c r="L6955" s="18"/>
      <c r="M6955" s="18"/>
      <c r="N6955" s="18"/>
      <c r="O6955" s="18"/>
      <c r="P6955" s="19"/>
      <c r="Q6955" s="19"/>
      <c r="R6955" s="19"/>
      <c r="S6955" s="19"/>
      <c r="T6955" s="19"/>
      <c r="U6955" s="19"/>
      <c r="V6955" s="19"/>
      <c r="W6955" s="19"/>
      <c r="X6955" s="19"/>
      <c r="Y6955" s="19"/>
      <c r="Z6955" s="19"/>
      <c r="AA6955" s="19"/>
    </row>
    <row r="6956" spans="1:27" s="1" customFormat="1" ht="11.1" customHeight="1" outlineLevel="2" x14ac:dyDescent="0.2">
      <c r="A6956" s="17">
        <v>13563</v>
      </c>
      <c r="B6956" s="17"/>
      <c r="C6956" s="17"/>
      <c r="D6956" s="18" t="s">
        <v>3457</v>
      </c>
      <c r="E6956" s="18"/>
      <c r="F6956" s="18"/>
      <c r="G6956" s="18"/>
      <c r="H6956" s="18"/>
      <c r="I6956" s="18"/>
      <c r="J6956" s="18"/>
      <c r="K6956" s="18"/>
      <c r="L6956" s="18"/>
      <c r="M6956" s="18"/>
      <c r="N6956" s="18"/>
      <c r="O6956" s="18"/>
      <c r="P6956" s="19">
        <v>60</v>
      </c>
      <c r="Q6956" s="19"/>
      <c r="R6956" s="19"/>
      <c r="S6956" s="19"/>
      <c r="T6956" s="19">
        <v>40</v>
      </c>
      <c r="U6956" s="19"/>
      <c r="V6956" s="19"/>
      <c r="W6956" s="19"/>
      <c r="X6956" s="19">
        <v>148</v>
      </c>
      <c r="Y6956" s="19"/>
      <c r="Z6956" s="19"/>
      <c r="AA6956" s="19"/>
    </row>
    <row r="6957" spans="1:27" s="1" customFormat="1" ht="11.1" customHeight="1" outlineLevel="2" x14ac:dyDescent="0.2">
      <c r="A6957" s="17"/>
      <c r="B6957" s="17"/>
      <c r="C6957" s="17"/>
      <c r="D6957" s="18"/>
      <c r="E6957" s="18"/>
      <c r="F6957" s="18"/>
      <c r="G6957" s="18"/>
      <c r="H6957" s="18"/>
      <c r="I6957" s="18"/>
      <c r="J6957" s="18"/>
      <c r="K6957" s="18"/>
      <c r="L6957" s="18"/>
      <c r="M6957" s="18"/>
      <c r="N6957" s="18"/>
      <c r="O6957" s="18"/>
      <c r="P6957" s="19"/>
      <c r="Q6957" s="19"/>
      <c r="R6957" s="19"/>
      <c r="S6957" s="19"/>
      <c r="T6957" s="19"/>
      <c r="U6957" s="19"/>
      <c r="V6957" s="19"/>
      <c r="W6957" s="19"/>
      <c r="X6957" s="19"/>
      <c r="Y6957" s="19"/>
      <c r="Z6957" s="19"/>
      <c r="AA6957" s="19"/>
    </row>
    <row r="6958" spans="1:27" s="1" customFormat="1" ht="11.1" customHeight="1" outlineLevel="2" x14ac:dyDescent="0.2">
      <c r="A6958" s="17">
        <v>15281</v>
      </c>
      <c r="B6958" s="17"/>
      <c r="C6958" s="17"/>
      <c r="D6958" s="18" t="s">
        <v>3458</v>
      </c>
      <c r="E6958" s="18"/>
      <c r="F6958" s="18"/>
      <c r="G6958" s="18"/>
      <c r="H6958" s="18"/>
      <c r="I6958" s="18"/>
      <c r="J6958" s="18"/>
      <c r="K6958" s="18"/>
      <c r="L6958" s="18"/>
      <c r="M6958" s="18"/>
      <c r="N6958" s="18"/>
      <c r="O6958" s="18"/>
      <c r="P6958" s="19">
        <v>60</v>
      </c>
      <c r="Q6958" s="19"/>
      <c r="R6958" s="19"/>
      <c r="S6958" s="19"/>
      <c r="T6958" s="19">
        <v>40</v>
      </c>
      <c r="U6958" s="19"/>
      <c r="V6958" s="19"/>
      <c r="W6958" s="19"/>
      <c r="X6958" s="19">
        <v>50</v>
      </c>
      <c r="Y6958" s="19"/>
      <c r="Z6958" s="19"/>
      <c r="AA6958" s="19"/>
    </row>
    <row r="6959" spans="1:27" s="1" customFormat="1" ht="11.1" customHeight="1" outlineLevel="2" x14ac:dyDescent="0.2">
      <c r="A6959" s="17"/>
      <c r="B6959" s="17"/>
      <c r="C6959" s="17"/>
      <c r="D6959" s="18"/>
      <c r="E6959" s="18"/>
      <c r="F6959" s="18"/>
      <c r="G6959" s="18"/>
      <c r="H6959" s="18"/>
      <c r="I6959" s="18"/>
      <c r="J6959" s="18"/>
      <c r="K6959" s="18"/>
      <c r="L6959" s="18"/>
      <c r="M6959" s="18"/>
      <c r="N6959" s="18"/>
      <c r="O6959" s="18"/>
      <c r="P6959" s="19"/>
      <c r="Q6959" s="19"/>
      <c r="R6959" s="19"/>
      <c r="S6959" s="19"/>
      <c r="T6959" s="19"/>
      <c r="U6959" s="19"/>
      <c r="V6959" s="19"/>
      <c r="W6959" s="19"/>
      <c r="X6959" s="19"/>
      <c r="Y6959" s="19"/>
      <c r="Z6959" s="19"/>
      <c r="AA6959" s="19"/>
    </row>
    <row r="6960" spans="1:27" s="1" customFormat="1" ht="11.1" customHeight="1" outlineLevel="2" x14ac:dyDescent="0.2">
      <c r="A6960" s="17">
        <v>16466</v>
      </c>
      <c r="B6960" s="17"/>
      <c r="C6960" s="17"/>
      <c r="D6960" s="18" t="s">
        <v>3459</v>
      </c>
      <c r="E6960" s="18"/>
      <c r="F6960" s="18"/>
      <c r="G6960" s="18"/>
      <c r="H6960" s="18"/>
      <c r="I6960" s="18"/>
      <c r="J6960" s="18"/>
      <c r="K6960" s="18"/>
      <c r="L6960" s="18"/>
      <c r="M6960" s="18"/>
      <c r="N6960" s="18"/>
      <c r="O6960" s="18"/>
      <c r="P6960" s="19">
        <v>90</v>
      </c>
      <c r="Q6960" s="19"/>
      <c r="R6960" s="19"/>
      <c r="S6960" s="19"/>
      <c r="T6960" s="19">
        <v>60</v>
      </c>
      <c r="U6960" s="19"/>
      <c r="V6960" s="19"/>
      <c r="W6960" s="19"/>
      <c r="X6960" s="19">
        <v>50</v>
      </c>
      <c r="Y6960" s="19"/>
      <c r="Z6960" s="19"/>
      <c r="AA6960" s="19"/>
    </row>
    <row r="6961" spans="1:27" s="1" customFormat="1" ht="11.1" customHeight="1" outlineLevel="2" x14ac:dyDescent="0.2">
      <c r="A6961" s="17"/>
      <c r="B6961" s="17"/>
      <c r="C6961" s="17"/>
      <c r="D6961" s="18"/>
      <c r="E6961" s="18"/>
      <c r="F6961" s="18"/>
      <c r="G6961" s="18"/>
      <c r="H6961" s="18"/>
      <c r="I6961" s="18"/>
      <c r="J6961" s="18"/>
      <c r="K6961" s="18"/>
      <c r="L6961" s="18"/>
      <c r="M6961" s="18"/>
      <c r="N6961" s="18"/>
      <c r="O6961" s="18"/>
      <c r="P6961" s="19"/>
      <c r="Q6961" s="19"/>
      <c r="R6961" s="19"/>
      <c r="S6961" s="19"/>
      <c r="T6961" s="19"/>
      <c r="U6961" s="19"/>
      <c r="V6961" s="19"/>
      <c r="W6961" s="19"/>
      <c r="X6961" s="19"/>
      <c r="Y6961" s="19"/>
      <c r="Z6961" s="19"/>
      <c r="AA6961" s="19"/>
    </row>
    <row r="6962" spans="1:27" s="1" customFormat="1" ht="11.1" customHeight="1" outlineLevel="2" x14ac:dyDescent="0.2">
      <c r="A6962" s="17">
        <v>11543</v>
      </c>
      <c r="B6962" s="17"/>
      <c r="C6962" s="17"/>
      <c r="D6962" s="18" t="s">
        <v>3460</v>
      </c>
      <c r="E6962" s="18"/>
      <c r="F6962" s="18"/>
      <c r="G6962" s="18"/>
      <c r="H6962" s="18"/>
      <c r="I6962" s="18"/>
      <c r="J6962" s="18"/>
      <c r="K6962" s="18"/>
      <c r="L6962" s="18"/>
      <c r="M6962" s="18"/>
      <c r="N6962" s="18"/>
      <c r="O6962" s="18"/>
      <c r="P6962" s="19">
        <v>60</v>
      </c>
      <c r="Q6962" s="19"/>
      <c r="R6962" s="19"/>
      <c r="S6962" s="19"/>
      <c r="T6962" s="19">
        <v>34</v>
      </c>
      <c r="U6962" s="19"/>
      <c r="V6962" s="19"/>
      <c r="W6962" s="19"/>
      <c r="X6962" s="19">
        <v>8</v>
      </c>
      <c r="Y6962" s="19"/>
      <c r="Z6962" s="19"/>
      <c r="AA6962" s="19"/>
    </row>
    <row r="6963" spans="1:27" s="1" customFormat="1" ht="11.1" customHeight="1" outlineLevel="2" x14ac:dyDescent="0.2">
      <c r="A6963" s="17"/>
      <c r="B6963" s="17"/>
      <c r="C6963" s="17"/>
      <c r="D6963" s="18"/>
      <c r="E6963" s="18"/>
      <c r="F6963" s="18"/>
      <c r="G6963" s="18"/>
      <c r="H6963" s="18"/>
      <c r="I6963" s="18"/>
      <c r="J6963" s="18"/>
      <c r="K6963" s="18"/>
      <c r="L6963" s="18"/>
      <c r="M6963" s="18"/>
      <c r="N6963" s="18"/>
      <c r="O6963" s="18"/>
      <c r="P6963" s="19"/>
      <c r="Q6963" s="19"/>
      <c r="R6963" s="19"/>
      <c r="S6963" s="19"/>
      <c r="T6963" s="19"/>
      <c r="U6963" s="19"/>
      <c r="V6963" s="19"/>
      <c r="W6963" s="19"/>
      <c r="X6963" s="19"/>
      <c r="Y6963" s="19"/>
      <c r="Z6963" s="19"/>
      <c r="AA6963" s="19"/>
    </row>
    <row r="6964" spans="1:27" s="1" customFormat="1" ht="11.1" customHeight="1" outlineLevel="2" x14ac:dyDescent="0.2">
      <c r="A6964" s="17">
        <v>15282</v>
      </c>
      <c r="B6964" s="17"/>
      <c r="C6964" s="17"/>
      <c r="D6964" s="18" t="s">
        <v>3461</v>
      </c>
      <c r="E6964" s="18"/>
      <c r="F6964" s="18"/>
      <c r="G6964" s="18"/>
      <c r="H6964" s="18"/>
      <c r="I6964" s="18"/>
      <c r="J6964" s="18"/>
      <c r="K6964" s="18"/>
      <c r="L6964" s="18"/>
      <c r="M6964" s="18"/>
      <c r="N6964" s="18"/>
      <c r="O6964" s="18"/>
      <c r="P6964" s="19">
        <v>60</v>
      </c>
      <c r="Q6964" s="19"/>
      <c r="R6964" s="19"/>
      <c r="S6964" s="19"/>
      <c r="T6964" s="19">
        <v>40</v>
      </c>
      <c r="U6964" s="19"/>
      <c r="V6964" s="19"/>
      <c r="W6964" s="19"/>
      <c r="X6964" s="19">
        <v>48</v>
      </c>
      <c r="Y6964" s="19"/>
      <c r="Z6964" s="19"/>
      <c r="AA6964" s="19"/>
    </row>
    <row r="6965" spans="1:27" s="1" customFormat="1" ht="11.1" customHeight="1" outlineLevel="2" x14ac:dyDescent="0.2">
      <c r="A6965" s="17"/>
      <c r="B6965" s="17"/>
      <c r="C6965" s="17"/>
      <c r="D6965" s="18"/>
      <c r="E6965" s="18"/>
      <c r="F6965" s="18"/>
      <c r="G6965" s="18"/>
      <c r="H6965" s="18"/>
      <c r="I6965" s="18"/>
      <c r="J6965" s="18"/>
      <c r="K6965" s="18"/>
      <c r="L6965" s="18"/>
      <c r="M6965" s="18"/>
      <c r="N6965" s="18"/>
      <c r="O6965" s="18"/>
      <c r="P6965" s="19"/>
      <c r="Q6965" s="19"/>
      <c r="R6965" s="19"/>
      <c r="S6965" s="19"/>
      <c r="T6965" s="19"/>
      <c r="U6965" s="19"/>
      <c r="V6965" s="19"/>
      <c r="W6965" s="19"/>
      <c r="X6965" s="19"/>
      <c r="Y6965" s="19"/>
      <c r="Z6965" s="19"/>
      <c r="AA6965" s="19"/>
    </row>
    <row r="6966" spans="1:27" s="1" customFormat="1" ht="11.1" customHeight="1" outlineLevel="2" x14ac:dyDescent="0.2">
      <c r="A6966" s="17">
        <v>11545</v>
      </c>
      <c r="B6966" s="17"/>
      <c r="C6966" s="17"/>
      <c r="D6966" s="18" t="s">
        <v>3462</v>
      </c>
      <c r="E6966" s="18"/>
      <c r="F6966" s="18"/>
      <c r="G6966" s="18"/>
      <c r="H6966" s="18"/>
      <c r="I6966" s="18"/>
      <c r="J6966" s="18"/>
      <c r="K6966" s="18"/>
      <c r="L6966" s="18"/>
      <c r="M6966" s="18"/>
      <c r="N6966" s="18"/>
      <c r="O6966" s="18"/>
      <c r="P6966" s="19">
        <v>60</v>
      </c>
      <c r="Q6966" s="19"/>
      <c r="R6966" s="19"/>
      <c r="S6966" s="19"/>
      <c r="T6966" s="19">
        <v>34</v>
      </c>
      <c r="U6966" s="19"/>
      <c r="V6966" s="19"/>
      <c r="W6966" s="19"/>
      <c r="X6966" s="19">
        <v>9</v>
      </c>
      <c r="Y6966" s="19"/>
      <c r="Z6966" s="19"/>
      <c r="AA6966" s="19"/>
    </row>
    <row r="6967" spans="1:27" s="1" customFormat="1" ht="11.1" customHeight="1" outlineLevel="2" x14ac:dyDescent="0.2">
      <c r="A6967" s="17"/>
      <c r="B6967" s="17"/>
      <c r="C6967" s="17"/>
      <c r="D6967" s="18"/>
      <c r="E6967" s="18"/>
      <c r="F6967" s="18"/>
      <c r="G6967" s="18"/>
      <c r="H6967" s="18"/>
      <c r="I6967" s="18"/>
      <c r="J6967" s="18"/>
      <c r="K6967" s="18"/>
      <c r="L6967" s="18"/>
      <c r="M6967" s="18"/>
      <c r="N6967" s="18"/>
      <c r="O6967" s="18"/>
      <c r="P6967" s="19"/>
      <c r="Q6967" s="19"/>
      <c r="R6967" s="19"/>
      <c r="S6967" s="19"/>
      <c r="T6967" s="19"/>
      <c r="U6967" s="19"/>
      <c r="V6967" s="19"/>
      <c r="W6967" s="19"/>
      <c r="X6967" s="19"/>
      <c r="Y6967" s="19"/>
      <c r="Z6967" s="19"/>
      <c r="AA6967" s="19"/>
    </row>
    <row r="6968" spans="1:27" s="1" customFormat="1" ht="11.1" customHeight="1" outlineLevel="2" x14ac:dyDescent="0.2">
      <c r="A6968" s="17">
        <v>11547</v>
      </c>
      <c r="B6968" s="17"/>
      <c r="C6968" s="17"/>
      <c r="D6968" s="18" t="s">
        <v>3463</v>
      </c>
      <c r="E6968" s="18"/>
      <c r="F6968" s="18"/>
      <c r="G6968" s="18"/>
      <c r="H6968" s="18"/>
      <c r="I6968" s="18"/>
      <c r="J6968" s="18"/>
      <c r="K6968" s="18"/>
      <c r="L6968" s="18"/>
      <c r="M6968" s="18"/>
      <c r="N6968" s="18"/>
      <c r="O6968" s="18"/>
      <c r="P6968" s="19">
        <v>60</v>
      </c>
      <c r="Q6968" s="19"/>
      <c r="R6968" s="19"/>
      <c r="S6968" s="19"/>
      <c r="T6968" s="19">
        <v>34</v>
      </c>
      <c r="U6968" s="19"/>
      <c r="V6968" s="19"/>
      <c r="W6968" s="19"/>
      <c r="X6968" s="19">
        <v>6</v>
      </c>
      <c r="Y6968" s="19"/>
      <c r="Z6968" s="19"/>
      <c r="AA6968" s="19"/>
    </row>
    <row r="6969" spans="1:27" s="1" customFormat="1" ht="11.1" customHeight="1" outlineLevel="2" x14ac:dyDescent="0.2">
      <c r="A6969" s="17"/>
      <c r="B6969" s="17"/>
      <c r="C6969" s="17"/>
      <c r="D6969" s="18"/>
      <c r="E6969" s="18"/>
      <c r="F6969" s="18"/>
      <c r="G6969" s="18"/>
      <c r="H6969" s="18"/>
      <c r="I6969" s="18"/>
      <c r="J6969" s="18"/>
      <c r="K6969" s="18"/>
      <c r="L6969" s="18"/>
      <c r="M6969" s="18"/>
      <c r="N6969" s="18"/>
      <c r="O6969" s="18"/>
      <c r="P6969" s="19"/>
      <c r="Q6969" s="19"/>
      <c r="R6969" s="19"/>
      <c r="S6969" s="19"/>
      <c r="T6969" s="19"/>
      <c r="U6969" s="19"/>
      <c r="V6969" s="19"/>
      <c r="W6969" s="19"/>
      <c r="X6969" s="19"/>
      <c r="Y6969" s="19"/>
      <c r="Z6969" s="19"/>
      <c r="AA6969" s="19"/>
    </row>
    <row r="6970" spans="1:27" s="1" customFormat="1" ht="11.1" customHeight="1" outlineLevel="2" x14ac:dyDescent="0.2">
      <c r="A6970" s="17">
        <v>11548</v>
      </c>
      <c r="B6970" s="17"/>
      <c r="C6970" s="17"/>
      <c r="D6970" s="18" t="s">
        <v>3464</v>
      </c>
      <c r="E6970" s="18"/>
      <c r="F6970" s="18"/>
      <c r="G6970" s="18"/>
      <c r="H6970" s="18"/>
      <c r="I6970" s="18"/>
      <c r="J6970" s="18"/>
      <c r="K6970" s="18"/>
      <c r="L6970" s="18"/>
      <c r="M6970" s="18"/>
      <c r="N6970" s="18"/>
      <c r="O6970" s="18"/>
      <c r="P6970" s="19">
        <v>70</v>
      </c>
      <c r="Q6970" s="19"/>
      <c r="R6970" s="19"/>
      <c r="S6970" s="19"/>
      <c r="T6970" s="19">
        <v>54</v>
      </c>
      <c r="U6970" s="19"/>
      <c r="V6970" s="19"/>
      <c r="W6970" s="19"/>
      <c r="X6970" s="19">
        <v>10</v>
      </c>
      <c r="Y6970" s="19"/>
      <c r="Z6970" s="19"/>
      <c r="AA6970" s="19"/>
    </row>
    <row r="6971" spans="1:27" s="1" customFormat="1" ht="11.1" customHeight="1" outlineLevel="2" x14ac:dyDescent="0.2">
      <c r="A6971" s="17"/>
      <c r="B6971" s="17"/>
      <c r="C6971" s="17"/>
      <c r="D6971" s="18"/>
      <c r="E6971" s="18"/>
      <c r="F6971" s="18"/>
      <c r="G6971" s="18"/>
      <c r="H6971" s="18"/>
      <c r="I6971" s="18"/>
      <c r="J6971" s="18"/>
      <c r="K6971" s="18"/>
      <c r="L6971" s="18"/>
      <c r="M6971" s="18"/>
      <c r="N6971" s="18"/>
      <c r="O6971" s="18"/>
      <c r="P6971" s="19"/>
      <c r="Q6971" s="19"/>
      <c r="R6971" s="19"/>
      <c r="S6971" s="19"/>
      <c r="T6971" s="19"/>
      <c r="U6971" s="19"/>
      <c r="V6971" s="19"/>
      <c r="W6971" s="19"/>
      <c r="X6971" s="19"/>
      <c r="Y6971" s="19"/>
      <c r="Z6971" s="19"/>
      <c r="AA6971" s="19"/>
    </row>
    <row r="6972" spans="1:27" s="1" customFormat="1" ht="11.1" customHeight="1" outlineLevel="2" x14ac:dyDescent="0.2">
      <c r="A6972" s="17">
        <v>15283</v>
      </c>
      <c r="B6972" s="17"/>
      <c r="C6972" s="17"/>
      <c r="D6972" s="18" t="s">
        <v>3465</v>
      </c>
      <c r="E6972" s="18"/>
      <c r="F6972" s="18"/>
      <c r="G6972" s="18"/>
      <c r="H6972" s="18"/>
      <c r="I6972" s="18"/>
      <c r="J6972" s="18"/>
      <c r="K6972" s="18"/>
      <c r="L6972" s="18"/>
      <c r="M6972" s="18"/>
      <c r="N6972" s="18"/>
      <c r="O6972" s="18"/>
      <c r="P6972" s="19">
        <v>60</v>
      </c>
      <c r="Q6972" s="19"/>
      <c r="R6972" s="19"/>
      <c r="S6972" s="19"/>
      <c r="T6972" s="19">
        <v>40</v>
      </c>
      <c r="U6972" s="19"/>
      <c r="V6972" s="19"/>
      <c r="W6972" s="19"/>
      <c r="X6972" s="19">
        <v>50</v>
      </c>
      <c r="Y6972" s="19"/>
      <c r="Z6972" s="19"/>
      <c r="AA6972" s="19"/>
    </row>
    <row r="6973" spans="1:27" s="1" customFormat="1" ht="11.1" customHeight="1" outlineLevel="2" x14ac:dyDescent="0.2">
      <c r="A6973" s="17"/>
      <c r="B6973" s="17"/>
      <c r="C6973" s="17"/>
      <c r="D6973" s="18"/>
      <c r="E6973" s="18"/>
      <c r="F6973" s="18"/>
      <c r="G6973" s="18"/>
      <c r="H6973" s="18"/>
      <c r="I6973" s="18"/>
      <c r="J6973" s="18"/>
      <c r="K6973" s="18"/>
      <c r="L6973" s="18"/>
      <c r="M6973" s="18"/>
      <c r="N6973" s="18"/>
      <c r="O6973" s="18"/>
      <c r="P6973" s="19"/>
      <c r="Q6973" s="19"/>
      <c r="R6973" s="19"/>
      <c r="S6973" s="19"/>
      <c r="T6973" s="19"/>
      <c r="U6973" s="19"/>
      <c r="V6973" s="19"/>
      <c r="W6973" s="19"/>
      <c r="X6973" s="19"/>
      <c r="Y6973" s="19"/>
      <c r="Z6973" s="19"/>
      <c r="AA6973" s="19"/>
    </row>
    <row r="6974" spans="1:27" s="1" customFormat="1" ht="14.1" customHeight="1" outlineLevel="2" x14ac:dyDescent="0.2">
      <c r="A6974" s="17">
        <v>11865</v>
      </c>
      <c r="B6974" s="17"/>
      <c r="C6974" s="17"/>
      <c r="D6974" s="18" t="s">
        <v>3466</v>
      </c>
      <c r="E6974" s="18"/>
      <c r="F6974" s="18"/>
      <c r="G6974" s="18"/>
      <c r="H6974" s="18"/>
      <c r="I6974" s="18"/>
      <c r="J6974" s="18"/>
      <c r="K6974" s="18"/>
      <c r="L6974" s="18"/>
      <c r="M6974" s="18"/>
      <c r="N6974" s="18"/>
      <c r="O6974" s="18"/>
      <c r="P6974" s="19">
        <v>70</v>
      </c>
      <c r="Q6974" s="19"/>
      <c r="R6974" s="19"/>
      <c r="S6974" s="19"/>
      <c r="T6974" s="19">
        <v>54</v>
      </c>
      <c r="U6974" s="19"/>
      <c r="V6974" s="19"/>
      <c r="W6974" s="19"/>
      <c r="X6974" s="19">
        <v>7</v>
      </c>
      <c r="Y6974" s="19"/>
      <c r="Z6974" s="19"/>
      <c r="AA6974" s="19"/>
    </row>
    <row r="6975" spans="1:27" s="1" customFormat="1" ht="14.1" customHeight="1" outlineLevel="2" x14ac:dyDescent="0.2">
      <c r="A6975" s="17"/>
      <c r="B6975" s="17"/>
      <c r="C6975" s="17"/>
      <c r="D6975" s="18"/>
      <c r="E6975" s="18"/>
      <c r="F6975" s="18"/>
      <c r="G6975" s="18"/>
      <c r="H6975" s="18"/>
      <c r="I6975" s="18"/>
      <c r="J6975" s="18"/>
      <c r="K6975" s="18"/>
      <c r="L6975" s="18"/>
      <c r="M6975" s="18"/>
      <c r="N6975" s="18"/>
      <c r="O6975" s="18"/>
      <c r="P6975" s="19"/>
      <c r="Q6975" s="19"/>
      <c r="R6975" s="19"/>
      <c r="S6975" s="19"/>
      <c r="T6975" s="19"/>
      <c r="U6975" s="19"/>
      <c r="V6975" s="19"/>
      <c r="W6975" s="19"/>
      <c r="X6975" s="19"/>
      <c r="Y6975" s="19"/>
      <c r="Z6975" s="19"/>
      <c r="AA6975" s="19"/>
    </row>
    <row r="6976" spans="1:27" s="1" customFormat="1" ht="11.1" customHeight="1" outlineLevel="1" x14ac:dyDescent="0.2">
      <c r="A6976" s="16" t="s">
        <v>2336</v>
      </c>
      <c r="B6976" s="16"/>
      <c r="C6976" s="16"/>
      <c r="D6976" s="16"/>
      <c r="E6976" s="16"/>
      <c r="F6976" s="16"/>
      <c r="G6976" s="16"/>
      <c r="H6976" s="16"/>
      <c r="I6976" s="16"/>
      <c r="J6976" s="16"/>
      <c r="K6976" s="16"/>
      <c r="L6976" s="16"/>
      <c r="M6976" s="16"/>
      <c r="N6976" s="16"/>
      <c r="O6976" s="16"/>
      <c r="P6976" s="16"/>
      <c r="Q6976" s="16"/>
      <c r="R6976" s="16"/>
      <c r="S6976" s="16"/>
      <c r="T6976" s="16"/>
      <c r="U6976" s="16"/>
      <c r="V6976" s="16"/>
      <c r="W6976" s="16"/>
      <c r="X6976" s="16"/>
      <c r="Y6976" s="16"/>
      <c r="Z6976" s="16"/>
      <c r="AA6976" s="16"/>
    </row>
    <row r="6977" spans="1:27" s="1" customFormat="1" ht="11.1" customHeight="1" outlineLevel="1" x14ac:dyDescent="0.2">
      <c r="A6977" s="16"/>
      <c r="B6977" s="16"/>
      <c r="C6977" s="16"/>
      <c r="D6977" s="16"/>
      <c r="E6977" s="16"/>
      <c r="F6977" s="16"/>
      <c r="G6977" s="16"/>
      <c r="H6977" s="16"/>
      <c r="I6977" s="16"/>
      <c r="J6977" s="16"/>
      <c r="K6977" s="16"/>
      <c r="L6977" s="16"/>
      <c r="M6977" s="16"/>
      <c r="N6977" s="16"/>
      <c r="O6977" s="16"/>
      <c r="P6977" s="16"/>
      <c r="Q6977" s="16"/>
      <c r="R6977" s="16"/>
      <c r="S6977" s="16"/>
      <c r="T6977" s="16"/>
      <c r="U6977" s="16"/>
      <c r="V6977" s="16"/>
      <c r="W6977" s="16"/>
      <c r="X6977" s="16"/>
      <c r="Y6977" s="16"/>
      <c r="Z6977" s="16"/>
      <c r="AA6977" s="16"/>
    </row>
    <row r="6978" spans="1:27" s="1" customFormat="1" ht="14.1" customHeight="1" outlineLevel="2" x14ac:dyDescent="0.2">
      <c r="A6978" s="17">
        <v>17844</v>
      </c>
      <c r="B6978" s="17"/>
      <c r="C6978" s="17"/>
      <c r="D6978" s="18" t="s">
        <v>3467</v>
      </c>
      <c r="E6978" s="18"/>
      <c r="F6978" s="18"/>
      <c r="G6978" s="18"/>
      <c r="H6978" s="18"/>
      <c r="I6978" s="18"/>
      <c r="J6978" s="18"/>
      <c r="K6978" s="18"/>
      <c r="L6978" s="18"/>
      <c r="M6978" s="18"/>
      <c r="N6978" s="18"/>
      <c r="O6978" s="18"/>
      <c r="P6978" s="19">
        <v>400</v>
      </c>
      <c r="Q6978" s="19"/>
      <c r="R6978" s="19"/>
      <c r="S6978" s="19"/>
      <c r="T6978" s="19">
        <v>300</v>
      </c>
      <c r="U6978" s="19"/>
      <c r="V6978" s="19"/>
      <c r="W6978" s="19"/>
      <c r="X6978" s="19">
        <v>1</v>
      </c>
      <c r="Y6978" s="19"/>
      <c r="Z6978" s="19"/>
      <c r="AA6978" s="19"/>
    </row>
    <row r="6979" spans="1:27" s="1" customFormat="1" ht="14.1" customHeight="1" outlineLevel="2" x14ac:dyDescent="0.2">
      <c r="A6979" s="17"/>
      <c r="B6979" s="17"/>
      <c r="C6979" s="17"/>
      <c r="D6979" s="18"/>
      <c r="E6979" s="18"/>
      <c r="F6979" s="18"/>
      <c r="G6979" s="18"/>
      <c r="H6979" s="18"/>
      <c r="I6979" s="18"/>
      <c r="J6979" s="18"/>
      <c r="K6979" s="18"/>
      <c r="L6979" s="18"/>
      <c r="M6979" s="18"/>
      <c r="N6979" s="18"/>
      <c r="O6979" s="18"/>
      <c r="P6979" s="19"/>
      <c r="Q6979" s="19"/>
      <c r="R6979" s="19"/>
      <c r="S6979" s="19"/>
      <c r="T6979" s="19"/>
      <c r="U6979" s="19"/>
      <c r="V6979" s="19"/>
      <c r="W6979" s="19"/>
      <c r="X6979" s="19"/>
      <c r="Y6979" s="19"/>
      <c r="Z6979" s="19"/>
      <c r="AA6979" s="19"/>
    </row>
    <row r="6980" spans="1:27" s="1" customFormat="1" ht="11.1" customHeight="1" outlineLevel="1" x14ac:dyDescent="0.2">
      <c r="A6980" s="16" t="s">
        <v>1700</v>
      </c>
      <c r="B6980" s="16"/>
      <c r="C6980" s="16"/>
      <c r="D6980" s="16"/>
      <c r="E6980" s="16"/>
      <c r="F6980" s="16"/>
      <c r="G6980" s="16"/>
      <c r="H6980" s="16"/>
      <c r="I6980" s="16"/>
      <c r="J6980" s="16"/>
      <c r="K6980" s="16"/>
      <c r="L6980" s="16"/>
      <c r="M6980" s="16"/>
      <c r="N6980" s="16"/>
      <c r="O6980" s="16"/>
      <c r="P6980" s="16"/>
      <c r="Q6980" s="16"/>
      <c r="R6980" s="16"/>
      <c r="S6980" s="16"/>
      <c r="T6980" s="16"/>
      <c r="U6980" s="16"/>
      <c r="V6980" s="16"/>
      <c r="W6980" s="16"/>
      <c r="X6980" s="16"/>
      <c r="Y6980" s="16"/>
      <c r="Z6980" s="16"/>
      <c r="AA6980" s="16"/>
    </row>
    <row r="6981" spans="1:27" s="1" customFormat="1" ht="11.1" customHeight="1" outlineLevel="1" x14ac:dyDescent="0.2">
      <c r="A6981" s="16"/>
      <c r="B6981" s="16"/>
      <c r="C6981" s="16"/>
      <c r="D6981" s="16"/>
      <c r="E6981" s="16"/>
      <c r="F6981" s="16"/>
      <c r="G6981" s="16"/>
      <c r="H6981" s="16"/>
      <c r="I6981" s="16"/>
      <c r="J6981" s="16"/>
      <c r="K6981" s="16"/>
      <c r="L6981" s="16"/>
      <c r="M6981" s="16"/>
      <c r="N6981" s="16"/>
      <c r="O6981" s="16"/>
      <c r="P6981" s="16"/>
      <c r="Q6981" s="16"/>
      <c r="R6981" s="16"/>
      <c r="S6981" s="16"/>
      <c r="T6981" s="16"/>
      <c r="U6981" s="16"/>
      <c r="V6981" s="16"/>
      <c r="W6981" s="16"/>
      <c r="X6981" s="16"/>
      <c r="Y6981" s="16"/>
      <c r="Z6981" s="16"/>
      <c r="AA6981" s="16"/>
    </row>
    <row r="6982" spans="1:27" s="1" customFormat="1" ht="14.1" customHeight="1" outlineLevel="2" x14ac:dyDescent="0.2">
      <c r="A6982" s="17">
        <v>16851</v>
      </c>
      <c r="B6982" s="17"/>
      <c r="C6982" s="17"/>
      <c r="D6982" s="18" t="s">
        <v>3468</v>
      </c>
      <c r="E6982" s="18"/>
      <c r="F6982" s="18"/>
      <c r="G6982" s="18"/>
      <c r="H6982" s="18"/>
      <c r="I6982" s="18"/>
      <c r="J6982" s="18"/>
      <c r="K6982" s="18"/>
      <c r="L6982" s="18"/>
      <c r="M6982" s="18"/>
      <c r="N6982" s="18"/>
      <c r="O6982" s="18"/>
      <c r="P6982" s="19">
        <v>400</v>
      </c>
      <c r="Q6982" s="19"/>
      <c r="R6982" s="19"/>
      <c r="S6982" s="19"/>
      <c r="T6982" s="19">
        <v>300</v>
      </c>
      <c r="U6982" s="19"/>
      <c r="V6982" s="19"/>
      <c r="W6982" s="19"/>
      <c r="X6982" s="19">
        <v>1</v>
      </c>
      <c r="Y6982" s="19"/>
      <c r="Z6982" s="19"/>
      <c r="AA6982" s="19"/>
    </row>
    <row r="6983" spans="1:27" s="1" customFormat="1" ht="14.1" customHeight="1" outlineLevel="2" x14ac:dyDescent="0.2">
      <c r="A6983" s="17"/>
      <c r="B6983" s="17"/>
      <c r="C6983" s="17"/>
      <c r="D6983" s="18"/>
      <c r="E6983" s="18"/>
      <c r="F6983" s="18"/>
      <c r="G6983" s="18"/>
      <c r="H6983" s="18"/>
      <c r="I6983" s="18"/>
      <c r="J6983" s="18"/>
      <c r="K6983" s="18"/>
      <c r="L6983" s="18"/>
      <c r="M6983" s="18"/>
      <c r="N6983" s="18"/>
      <c r="O6983" s="18"/>
      <c r="P6983" s="19"/>
      <c r="Q6983" s="19"/>
      <c r="R6983" s="19"/>
      <c r="S6983" s="19"/>
      <c r="T6983" s="19"/>
      <c r="U6983" s="19"/>
      <c r="V6983" s="19"/>
      <c r="W6983" s="19"/>
      <c r="X6983" s="19"/>
      <c r="Y6983" s="19"/>
      <c r="Z6983" s="19"/>
      <c r="AA6983" s="19"/>
    </row>
    <row r="6984" spans="1:27" s="1" customFormat="1" ht="14.1" customHeight="1" outlineLevel="2" x14ac:dyDescent="0.2">
      <c r="A6984" s="17">
        <v>17531</v>
      </c>
      <c r="B6984" s="17"/>
      <c r="C6984" s="17"/>
      <c r="D6984" s="18" t="s">
        <v>3469</v>
      </c>
      <c r="E6984" s="18"/>
      <c r="F6984" s="18"/>
      <c r="G6984" s="18"/>
      <c r="H6984" s="18"/>
      <c r="I6984" s="18"/>
      <c r="J6984" s="18"/>
      <c r="K6984" s="18"/>
      <c r="L6984" s="18"/>
      <c r="M6984" s="18"/>
      <c r="N6984" s="18"/>
      <c r="O6984" s="18"/>
      <c r="P6984" s="19">
        <v>150</v>
      </c>
      <c r="Q6984" s="19"/>
      <c r="R6984" s="19"/>
      <c r="S6984" s="19"/>
      <c r="T6984" s="19">
        <v>100</v>
      </c>
      <c r="U6984" s="19"/>
      <c r="V6984" s="19"/>
      <c r="W6984" s="19"/>
      <c r="X6984" s="19">
        <v>1</v>
      </c>
      <c r="Y6984" s="19"/>
      <c r="Z6984" s="19"/>
      <c r="AA6984" s="19"/>
    </row>
    <row r="6985" spans="1:27" s="1" customFormat="1" ht="14.1" customHeight="1" outlineLevel="2" x14ac:dyDescent="0.2">
      <c r="A6985" s="17"/>
      <c r="B6985" s="17"/>
      <c r="C6985" s="17"/>
      <c r="D6985" s="18"/>
      <c r="E6985" s="18"/>
      <c r="F6985" s="18"/>
      <c r="G6985" s="18"/>
      <c r="H6985" s="18"/>
      <c r="I6985" s="18"/>
      <c r="J6985" s="18"/>
      <c r="K6985" s="18"/>
      <c r="L6985" s="18"/>
      <c r="M6985" s="18"/>
      <c r="N6985" s="18"/>
      <c r="O6985" s="18"/>
      <c r="P6985" s="19"/>
      <c r="Q6985" s="19"/>
      <c r="R6985" s="19"/>
      <c r="S6985" s="19"/>
      <c r="T6985" s="19"/>
      <c r="U6985" s="19"/>
      <c r="V6985" s="19"/>
      <c r="W6985" s="19"/>
      <c r="X6985" s="19"/>
      <c r="Y6985" s="19"/>
      <c r="Z6985" s="19"/>
      <c r="AA6985" s="19"/>
    </row>
    <row r="6986" spans="1:27" s="1" customFormat="1" ht="11.1" customHeight="1" outlineLevel="2" x14ac:dyDescent="0.2">
      <c r="A6986" s="17">
        <v>15285</v>
      </c>
      <c r="B6986" s="17"/>
      <c r="C6986" s="17"/>
      <c r="D6986" s="18" t="s">
        <v>3470</v>
      </c>
      <c r="E6986" s="18"/>
      <c r="F6986" s="18"/>
      <c r="G6986" s="18"/>
      <c r="H6986" s="18"/>
      <c r="I6986" s="18"/>
      <c r="J6986" s="18"/>
      <c r="K6986" s="18"/>
      <c r="L6986" s="18"/>
      <c r="M6986" s="18"/>
      <c r="N6986" s="18"/>
      <c r="O6986" s="18"/>
      <c r="P6986" s="19">
        <v>60</v>
      </c>
      <c r="Q6986" s="19"/>
      <c r="R6986" s="19"/>
      <c r="S6986" s="19"/>
      <c r="T6986" s="19">
        <v>40</v>
      </c>
      <c r="U6986" s="19"/>
      <c r="V6986" s="19"/>
      <c r="W6986" s="19"/>
      <c r="X6986" s="19">
        <v>50</v>
      </c>
      <c r="Y6986" s="19"/>
      <c r="Z6986" s="19"/>
      <c r="AA6986" s="19"/>
    </row>
    <row r="6987" spans="1:27" s="1" customFormat="1" ht="11.1" customHeight="1" outlineLevel="2" x14ac:dyDescent="0.2">
      <c r="A6987" s="17"/>
      <c r="B6987" s="17"/>
      <c r="C6987" s="17"/>
      <c r="D6987" s="18"/>
      <c r="E6987" s="18"/>
      <c r="F6987" s="18"/>
      <c r="G6987" s="18"/>
      <c r="H6987" s="18"/>
      <c r="I6987" s="18"/>
      <c r="J6987" s="18"/>
      <c r="K6987" s="18"/>
      <c r="L6987" s="18"/>
      <c r="M6987" s="18"/>
      <c r="N6987" s="18"/>
      <c r="O6987" s="18"/>
      <c r="P6987" s="19"/>
      <c r="Q6987" s="19"/>
      <c r="R6987" s="19"/>
      <c r="S6987" s="19"/>
      <c r="T6987" s="19"/>
      <c r="U6987" s="19"/>
      <c r="V6987" s="19"/>
      <c r="W6987" s="19"/>
      <c r="X6987" s="19"/>
      <c r="Y6987" s="19"/>
      <c r="Z6987" s="19"/>
      <c r="AA6987" s="19"/>
    </row>
    <row r="6988" spans="1:27" s="1" customFormat="1" ht="11.1" customHeight="1" outlineLevel="2" x14ac:dyDescent="0.2">
      <c r="A6988" s="17">
        <v>15286</v>
      </c>
      <c r="B6988" s="17"/>
      <c r="C6988" s="17"/>
      <c r="D6988" s="18" t="s">
        <v>3471</v>
      </c>
      <c r="E6988" s="18"/>
      <c r="F6988" s="18"/>
      <c r="G6988" s="18"/>
      <c r="H6988" s="18"/>
      <c r="I6988" s="18"/>
      <c r="J6988" s="18"/>
      <c r="K6988" s="18"/>
      <c r="L6988" s="18"/>
      <c r="M6988" s="18"/>
      <c r="N6988" s="18"/>
      <c r="O6988" s="18"/>
      <c r="P6988" s="19">
        <v>60</v>
      </c>
      <c r="Q6988" s="19"/>
      <c r="R6988" s="19"/>
      <c r="S6988" s="19"/>
      <c r="T6988" s="19">
        <v>40</v>
      </c>
      <c r="U6988" s="19"/>
      <c r="V6988" s="19"/>
      <c r="W6988" s="19"/>
      <c r="X6988" s="19">
        <v>50</v>
      </c>
      <c r="Y6988" s="19"/>
      <c r="Z6988" s="19"/>
      <c r="AA6988" s="19"/>
    </row>
    <row r="6989" spans="1:27" s="1" customFormat="1" ht="11.1" customHeight="1" outlineLevel="2" x14ac:dyDescent="0.2">
      <c r="A6989" s="17"/>
      <c r="B6989" s="17"/>
      <c r="C6989" s="17"/>
      <c r="D6989" s="18"/>
      <c r="E6989" s="18"/>
      <c r="F6989" s="18"/>
      <c r="G6989" s="18"/>
      <c r="H6989" s="18"/>
      <c r="I6989" s="18"/>
      <c r="J6989" s="18"/>
      <c r="K6989" s="18"/>
      <c r="L6989" s="18"/>
      <c r="M6989" s="18"/>
      <c r="N6989" s="18"/>
      <c r="O6989" s="18"/>
      <c r="P6989" s="19"/>
      <c r="Q6989" s="19"/>
      <c r="R6989" s="19"/>
      <c r="S6989" s="19"/>
      <c r="T6989" s="19"/>
      <c r="U6989" s="19"/>
      <c r="V6989" s="19"/>
      <c r="W6989" s="19"/>
      <c r="X6989" s="19"/>
      <c r="Y6989" s="19"/>
      <c r="Z6989" s="19"/>
      <c r="AA6989" s="19"/>
    </row>
    <row r="6990" spans="1:27" s="1" customFormat="1" ht="11.1" customHeight="1" outlineLevel="2" x14ac:dyDescent="0.2">
      <c r="A6990" s="17">
        <v>15287</v>
      </c>
      <c r="B6990" s="17"/>
      <c r="C6990" s="17"/>
      <c r="D6990" s="18" t="s">
        <v>3472</v>
      </c>
      <c r="E6990" s="18"/>
      <c r="F6990" s="18"/>
      <c r="G6990" s="18"/>
      <c r="H6990" s="18"/>
      <c r="I6990" s="18"/>
      <c r="J6990" s="18"/>
      <c r="K6990" s="18"/>
      <c r="L6990" s="18"/>
      <c r="M6990" s="18"/>
      <c r="N6990" s="18"/>
      <c r="O6990" s="18"/>
      <c r="P6990" s="19">
        <v>60</v>
      </c>
      <c r="Q6990" s="19"/>
      <c r="R6990" s="19"/>
      <c r="S6990" s="19"/>
      <c r="T6990" s="19">
        <v>40</v>
      </c>
      <c r="U6990" s="19"/>
      <c r="V6990" s="19"/>
      <c r="W6990" s="19"/>
      <c r="X6990" s="19">
        <v>99</v>
      </c>
      <c r="Y6990" s="19"/>
      <c r="Z6990" s="19"/>
      <c r="AA6990" s="19"/>
    </row>
    <row r="6991" spans="1:27" s="1" customFormat="1" ht="11.1" customHeight="1" outlineLevel="2" x14ac:dyDescent="0.2">
      <c r="A6991" s="17"/>
      <c r="B6991" s="17"/>
      <c r="C6991" s="17"/>
      <c r="D6991" s="18"/>
      <c r="E6991" s="18"/>
      <c r="F6991" s="18"/>
      <c r="G6991" s="18"/>
      <c r="H6991" s="18"/>
      <c r="I6991" s="18"/>
      <c r="J6991" s="18"/>
      <c r="K6991" s="18"/>
      <c r="L6991" s="18"/>
      <c r="M6991" s="18"/>
      <c r="N6991" s="18"/>
      <c r="O6991" s="18"/>
      <c r="P6991" s="19"/>
      <c r="Q6991" s="19"/>
      <c r="R6991" s="19"/>
      <c r="S6991" s="19"/>
      <c r="T6991" s="19"/>
      <c r="U6991" s="19"/>
      <c r="V6991" s="19"/>
      <c r="W6991" s="19"/>
      <c r="X6991" s="19"/>
      <c r="Y6991" s="19"/>
      <c r="Z6991" s="19"/>
      <c r="AA6991" s="19"/>
    </row>
    <row r="6992" spans="1:27" s="1" customFormat="1" ht="11.1" customHeight="1" outlineLevel="1" x14ac:dyDescent="0.2">
      <c r="A6992" s="16" t="s">
        <v>1212</v>
      </c>
      <c r="B6992" s="16"/>
      <c r="C6992" s="16"/>
      <c r="D6992" s="16"/>
      <c r="E6992" s="16"/>
      <c r="F6992" s="16"/>
      <c r="G6992" s="16"/>
      <c r="H6992" s="16"/>
      <c r="I6992" s="16"/>
      <c r="J6992" s="16"/>
      <c r="K6992" s="16"/>
      <c r="L6992" s="16"/>
      <c r="M6992" s="16"/>
      <c r="N6992" s="16"/>
      <c r="O6992" s="16"/>
      <c r="P6992" s="16"/>
      <c r="Q6992" s="16"/>
      <c r="R6992" s="16"/>
      <c r="S6992" s="16"/>
      <c r="T6992" s="16"/>
      <c r="U6992" s="16"/>
      <c r="V6992" s="16"/>
      <c r="W6992" s="16"/>
      <c r="X6992" s="16"/>
      <c r="Y6992" s="16"/>
      <c r="Z6992" s="16"/>
      <c r="AA6992" s="16"/>
    </row>
    <row r="6993" spans="1:27" s="1" customFormat="1" ht="11.1" customHeight="1" outlineLevel="1" x14ac:dyDescent="0.2">
      <c r="A6993" s="16"/>
      <c r="B6993" s="16"/>
      <c r="C6993" s="16"/>
      <c r="D6993" s="16"/>
      <c r="E6993" s="16"/>
      <c r="F6993" s="16"/>
      <c r="G6993" s="16"/>
      <c r="H6993" s="16"/>
      <c r="I6993" s="16"/>
      <c r="J6993" s="16"/>
      <c r="K6993" s="16"/>
      <c r="L6993" s="16"/>
      <c r="M6993" s="16"/>
      <c r="N6993" s="16"/>
      <c r="O6993" s="16"/>
      <c r="P6993" s="16"/>
      <c r="Q6993" s="16"/>
      <c r="R6993" s="16"/>
      <c r="S6993" s="16"/>
      <c r="T6993" s="16"/>
      <c r="U6993" s="16"/>
      <c r="V6993" s="16"/>
      <c r="W6993" s="16"/>
      <c r="X6993" s="16"/>
      <c r="Y6993" s="16"/>
      <c r="Z6993" s="16"/>
      <c r="AA6993" s="16"/>
    </row>
    <row r="6994" spans="1:27" s="1" customFormat="1" ht="14.1" customHeight="1" outlineLevel="2" x14ac:dyDescent="0.2">
      <c r="A6994" s="17">
        <v>16916</v>
      </c>
      <c r="B6994" s="17"/>
      <c r="C6994" s="17"/>
      <c r="D6994" s="18" t="s">
        <v>3473</v>
      </c>
      <c r="E6994" s="18"/>
      <c r="F6994" s="18"/>
      <c r="G6994" s="18"/>
      <c r="H6994" s="18"/>
      <c r="I6994" s="18"/>
      <c r="J6994" s="18"/>
      <c r="K6994" s="18"/>
      <c r="L6994" s="18"/>
      <c r="M6994" s="18"/>
      <c r="N6994" s="18"/>
      <c r="O6994" s="18"/>
      <c r="P6994" s="19">
        <v>300</v>
      </c>
      <c r="Q6994" s="19"/>
      <c r="R6994" s="19"/>
      <c r="S6994" s="19"/>
      <c r="T6994" s="19">
        <v>200</v>
      </c>
      <c r="U6994" s="19"/>
      <c r="V6994" s="19"/>
      <c r="W6994" s="19"/>
      <c r="X6994" s="19">
        <v>1</v>
      </c>
      <c r="Y6994" s="19"/>
      <c r="Z6994" s="19"/>
      <c r="AA6994" s="19"/>
    </row>
    <row r="6995" spans="1:27" s="1" customFormat="1" ht="14.1" customHeight="1" outlineLevel="2" x14ac:dyDescent="0.2">
      <c r="A6995" s="17"/>
      <c r="B6995" s="17"/>
      <c r="C6995" s="17"/>
      <c r="D6995" s="18"/>
      <c r="E6995" s="18"/>
      <c r="F6995" s="18"/>
      <c r="G6995" s="18"/>
      <c r="H6995" s="18"/>
      <c r="I6995" s="18"/>
      <c r="J6995" s="18"/>
      <c r="K6995" s="18"/>
      <c r="L6995" s="18"/>
      <c r="M6995" s="18"/>
      <c r="N6995" s="18"/>
      <c r="O6995" s="18"/>
      <c r="P6995" s="19"/>
      <c r="Q6995" s="19"/>
      <c r="R6995" s="19"/>
      <c r="S6995" s="19"/>
      <c r="T6995" s="19"/>
      <c r="U6995" s="19"/>
      <c r="V6995" s="19"/>
      <c r="W6995" s="19"/>
      <c r="X6995" s="19"/>
      <c r="Y6995" s="19"/>
      <c r="Z6995" s="19"/>
      <c r="AA6995" s="19"/>
    </row>
    <row r="6996" spans="1:27" s="1" customFormat="1" ht="14.1" customHeight="1" outlineLevel="2" x14ac:dyDescent="0.2">
      <c r="A6996" s="17">
        <v>17043</v>
      </c>
      <c r="B6996" s="17"/>
      <c r="C6996" s="17"/>
      <c r="D6996" s="18" t="s">
        <v>3474</v>
      </c>
      <c r="E6996" s="18"/>
      <c r="F6996" s="18"/>
      <c r="G6996" s="18"/>
      <c r="H6996" s="18"/>
      <c r="I6996" s="18"/>
      <c r="J6996" s="18"/>
      <c r="K6996" s="18"/>
      <c r="L6996" s="18"/>
      <c r="M6996" s="18"/>
      <c r="N6996" s="18"/>
      <c r="O6996" s="18"/>
      <c r="P6996" s="19">
        <v>250</v>
      </c>
      <c r="Q6996" s="19"/>
      <c r="R6996" s="19"/>
      <c r="S6996" s="19"/>
      <c r="T6996" s="19">
        <v>150</v>
      </c>
      <c r="U6996" s="19"/>
      <c r="V6996" s="19"/>
      <c r="W6996" s="19"/>
      <c r="X6996" s="19">
        <v>1</v>
      </c>
      <c r="Y6996" s="19"/>
      <c r="Z6996" s="19"/>
      <c r="AA6996" s="19"/>
    </row>
    <row r="6997" spans="1:27" s="1" customFormat="1" ht="14.1" customHeight="1" outlineLevel="2" x14ac:dyDescent="0.2">
      <c r="A6997" s="17"/>
      <c r="B6997" s="17"/>
      <c r="C6997" s="17"/>
      <c r="D6997" s="18"/>
      <c r="E6997" s="18"/>
      <c r="F6997" s="18"/>
      <c r="G6997" s="18"/>
      <c r="H6997" s="18"/>
      <c r="I6997" s="18"/>
      <c r="J6997" s="18"/>
      <c r="K6997" s="18"/>
      <c r="L6997" s="18"/>
      <c r="M6997" s="18"/>
      <c r="N6997" s="18"/>
      <c r="O6997" s="18"/>
      <c r="P6997" s="19"/>
      <c r="Q6997" s="19"/>
      <c r="R6997" s="19"/>
      <c r="S6997" s="19"/>
      <c r="T6997" s="19"/>
      <c r="U6997" s="19"/>
      <c r="V6997" s="19"/>
      <c r="W6997" s="19"/>
      <c r="X6997" s="19"/>
      <c r="Y6997" s="19"/>
      <c r="Z6997" s="19"/>
      <c r="AA6997" s="19"/>
    </row>
    <row r="6998" spans="1:27" s="1" customFormat="1" ht="14.1" customHeight="1" outlineLevel="2" x14ac:dyDescent="0.2">
      <c r="A6998" s="17">
        <v>17881</v>
      </c>
      <c r="B6998" s="17"/>
      <c r="C6998" s="17"/>
      <c r="D6998" s="18" t="s">
        <v>3475</v>
      </c>
      <c r="E6998" s="18"/>
      <c r="F6998" s="18"/>
      <c r="G6998" s="18"/>
      <c r="H6998" s="18"/>
      <c r="I6998" s="18"/>
      <c r="J6998" s="18"/>
      <c r="K6998" s="18"/>
      <c r="L6998" s="18"/>
      <c r="M6998" s="18"/>
      <c r="N6998" s="18"/>
      <c r="O6998" s="18"/>
      <c r="P6998" s="19">
        <v>150</v>
      </c>
      <c r="Q6998" s="19"/>
      <c r="R6998" s="19"/>
      <c r="S6998" s="19"/>
      <c r="T6998" s="19">
        <v>100</v>
      </c>
      <c r="U6998" s="19"/>
      <c r="V6998" s="19"/>
      <c r="W6998" s="19"/>
      <c r="X6998" s="19">
        <v>1</v>
      </c>
      <c r="Y6998" s="19"/>
      <c r="Z6998" s="19"/>
      <c r="AA6998" s="19"/>
    </row>
    <row r="6999" spans="1:27" s="1" customFormat="1" ht="14.1" customHeight="1" outlineLevel="2" x14ac:dyDescent="0.2">
      <c r="A6999" s="17"/>
      <c r="B6999" s="17"/>
      <c r="C6999" s="17"/>
      <c r="D6999" s="18"/>
      <c r="E6999" s="18"/>
      <c r="F6999" s="18"/>
      <c r="G6999" s="18"/>
      <c r="H6999" s="18"/>
      <c r="I6999" s="18"/>
      <c r="J6999" s="18"/>
      <c r="K6999" s="18"/>
      <c r="L6999" s="18"/>
      <c r="M6999" s="18"/>
      <c r="N6999" s="18"/>
      <c r="O6999" s="18"/>
      <c r="P6999" s="19"/>
      <c r="Q6999" s="19"/>
      <c r="R6999" s="19"/>
      <c r="S6999" s="19"/>
      <c r="T6999" s="19"/>
      <c r="U6999" s="19"/>
      <c r="V6999" s="19"/>
      <c r="W6999" s="19"/>
      <c r="X6999" s="19"/>
      <c r="Y6999" s="19"/>
      <c r="Z6999" s="19"/>
      <c r="AA6999" s="19"/>
    </row>
    <row r="7000" spans="1:27" s="1" customFormat="1" ht="14.1" customHeight="1" outlineLevel="2" x14ac:dyDescent="0.2">
      <c r="A7000" s="17">
        <v>17574</v>
      </c>
      <c r="B7000" s="17"/>
      <c r="C7000" s="17"/>
      <c r="D7000" s="18" t="s">
        <v>3476</v>
      </c>
      <c r="E7000" s="18"/>
      <c r="F7000" s="18"/>
      <c r="G7000" s="18"/>
      <c r="H7000" s="18"/>
      <c r="I7000" s="18"/>
      <c r="J7000" s="18"/>
      <c r="K7000" s="18"/>
      <c r="L7000" s="18"/>
      <c r="M7000" s="18"/>
      <c r="N7000" s="18"/>
      <c r="O7000" s="18"/>
      <c r="P7000" s="19">
        <v>400</v>
      </c>
      <c r="Q7000" s="19"/>
      <c r="R7000" s="19"/>
      <c r="S7000" s="19"/>
      <c r="T7000" s="19">
        <v>300</v>
      </c>
      <c r="U7000" s="19"/>
      <c r="V7000" s="19"/>
      <c r="W7000" s="19"/>
      <c r="X7000" s="19">
        <v>1</v>
      </c>
      <c r="Y7000" s="19"/>
      <c r="Z7000" s="19"/>
      <c r="AA7000" s="19"/>
    </row>
    <row r="7001" spans="1:27" s="1" customFormat="1" ht="14.1" customHeight="1" outlineLevel="2" x14ac:dyDescent="0.2">
      <c r="A7001" s="17"/>
      <c r="B7001" s="17"/>
      <c r="C7001" s="17"/>
      <c r="D7001" s="18"/>
      <c r="E7001" s="18"/>
      <c r="F7001" s="18"/>
      <c r="G7001" s="18"/>
      <c r="H7001" s="18"/>
      <c r="I7001" s="18"/>
      <c r="J7001" s="18"/>
      <c r="K7001" s="18"/>
      <c r="L7001" s="18"/>
      <c r="M7001" s="18"/>
      <c r="N7001" s="18"/>
      <c r="O7001" s="18"/>
      <c r="P7001" s="19"/>
      <c r="Q7001" s="19"/>
      <c r="R7001" s="19"/>
      <c r="S7001" s="19"/>
      <c r="T7001" s="19"/>
      <c r="U7001" s="19"/>
      <c r="V7001" s="19"/>
      <c r="W7001" s="19"/>
      <c r="X7001" s="19"/>
      <c r="Y7001" s="19"/>
      <c r="Z7001" s="19"/>
      <c r="AA7001" s="19"/>
    </row>
    <row r="7002" spans="1:27" s="1" customFormat="1" ht="14.1" customHeight="1" outlineLevel="2" x14ac:dyDescent="0.2">
      <c r="A7002" s="17">
        <v>13484</v>
      </c>
      <c r="B7002" s="17"/>
      <c r="C7002" s="17"/>
      <c r="D7002" s="18" t="s">
        <v>3477</v>
      </c>
      <c r="E7002" s="18"/>
      <c r="F7002" s="18"/>
      <c r="G7002" s="18"/>
      <c r="H7002" s="18"/>
      <c r="I7002" s="18"/>
      <c r="J7002" s="18"/>
      <c r="K7002" s="18"/>
      <c r="L7002" s="18"/>
      <c r="M7002" s="18"/>
      <c r="N7002" s="18"/>
      <c r="O7002" s="18"/>
      <c r="P7002" s="19">
        <v>130</v>
      </c>
      <c r="Q7002" s="19"/>
      <c r="R7002" s="19"/>
      <c r="S7002" s="19"/>
      <c r="T7002" s="19">
        <v>90</v>
      </c>
      <c r="U7002" s="19"/>
      <c r="V7002" s="19"/>
      <c r="W7002" s="19"/>
      <c r="X7002" s="19">
        <v>1</v>
      </c>
      <c r="Y7002" s="19"/>
      <c r="Z7002" s="19"/>
      <c r="AA7002" s="19"/>
    </row>
    <row r="7003" spans="1:27" s="1" customFormat="1" ht="14.1" customHeight="1" outlineLevel="2" x14ac:dyDescent="0.2">
      <c r="A7003" s="17"/>
      <c r="B7003" s="17"/>
      <c r="C7003" s="17"/>
      <c r="D7003" s="18"/>
      <c r="E7003" s="18"/>
      <c r="F7003" s="18"/>
      <c r="G7003" s="18"/>
      <c r="H7003" s="18"/>
      <c r="I7003" s="18"/>
      <c r="J7003" s="18"/>
      <c r="K7003" s="18"/>
      <c r="L7003" s="18"/>
      <c r="M7003" s="18"/>
      <c r="N7003" s="18"/>
      <c r="O7003" s="18"/>
      <c r="P7003" s="19"/>
      <c r="Q7003" s="19"/>
      <c r="R7003" s="19"/>
      <c r="S7003" s="19"/>
      <c r="T7003" s="19"/>
      <c r="U7003" s="19"/>
      <c r="V7003" s="19"/>
      <c r="W7003" s="19"/>
      <c r="X7003" s="19"/>
      <c r="Y7003" s="19"/>
      <c r="Z7003" s="19"/>
      <c r="AA7003" s="19"/>
    </row>
    <row r="7004" spans="1:27" s="1" customFormat="1" ht="11.1" customHeight="1" outlineLevel="2" x14ac:dyDescent="0.2">
      <c r="A7004" s="17">
        <v>14806</v>
      </c>
      <c r="B7004" s="17"/>
      <c r="C7004" s="17"/>
      <c r="D7004" s="18" t="s">
        <v>3478</v>
      </c>
      <c r="E7004" s="18"/>
      <c r="F7004" s="18"/>
      <c r="G7004" s="18"/>
      <c r="H7004" s="18"/>
      <c r="I7004" s="18"/>
      <c r="J7004" s="18"/>
      <c r="K7004" s="18"/>
      <c r="L7004" s="18"/>
      <c r="M7004" s="18"/>
      <c r="N7004" s="18"/>
      <c r="O7004" s="18"/>
      <c r="P7004" s="19">
        <v>80</v>
      </c>
      <c r="Q7004" s="19"/>
      <c r="R7004" s="19"/>
      <c r="S7004" s="19"/>
      <c r="T7004" s="19">
        <v>50</v>
      </c>
      <c r="U7004" s="19"/>
      <c r="V7004" s="19"/>
      <c r="W7004" s="19"/>
      <c r="X7004" s="19">
        <v>100</v>
      </c>
      <c r="Y7004" s="19"/>
      <c r="Z7004" s="19"/>
      <c r="AA7004" s="19"/>
    </row>
    <row r="7005" spans="1:27" s="1" customFormat="1" ht="11.1" customHeight="1" outlineLevel="2" x14ac:dyDescent="0.2">
      <c r="A7005" s="17"/>
      <c r="B7005" s="17"/>
      <c r="C7005" s="17"/>
      <c r="D7005" s="18"/>
      <c r="E7005" s="18"/>
      <c r="F7005" s="18"/>
      <c r="G7005" s="18"/>
      <c r="H7005" s="18"/>
      <c r="I7005" s="18"/>
      <c r="J7005" s="18"/>
      <c r="K7005" s="18"/>
      <c r="L7005" s="18"/>
      <c r="M7005" s="18"/>
      <c r="N7005" s="18"/>
      <c r="O7005" s="18"/>
      <c r="P7005" s="19"/>
      <c r="Q7005" s="19"/>
      <c r="R7005" s="19"/>
      <c r="S7005" s="19"/>
      <c r="T7005" s="19"/>
      <c r="U7005" s="19"/>
      <c r="V7005" s="19"/>
      <c r="W7005" s="19"/>
      <c r="X7005" s="19"/>
      <c r="Y7005" s="19"/>
      <c r="Z7005" s="19"/>
      <c r="AA7005" s="19"/>
    </row>
    <row r="7006" spans="1:27" s="1" customFormat="1" ht="11.1" customHeight="1" outlineLevel="2" x14ac:dyDescent="0.2">
      <c r="A7006" s="17">
        <v>15288</v>
      </c>
      <c r="B7006" s="17"/>
      <c r="C7006" s="17"/>
      <c r="D7006" s="18" t="s">
        <v>3479</v>
      </c>
      <c r="E7006" s="18"/>
      <c r="F7006" s="18"/>
      <c r="G7006" s="18"/>
      <c r="H7006" s="18"/>
      <c r="I7006" s="18"/>
      <c r="J7006" s="18"/>
      <c r="K7006" s="18"/>
      <c r="L7006" s="18"/>
      <c r="M7006" s="18"/>
      <c r="N7006" s="18"/>
      <c r="O7006" s="18"/>
      <c r="P7006" s="19">
        <v>60</v>
      </c>
      <c r="Q7006" s="19"/>
      <c r="R7006" s="19"/>
      <c r="S7006" s="19"/>
      <c r="T7006" s="19">
        <v>40</v>
      </c>
      <c r="U7006" s="19"/>
      <c r="V7006" s="19"/>
      <c r="W7006" s="19"/>
      <c r="X7006" s="19">
        <v>99</v>
      </c>
      <c r="Y7006" s="19"/>
      <c r="Z7006" s="19"/>
      <c r="AA7006" s="19"/>
    </row>
    <row r="7007" spans="1:27" s="1" customFormat="1" ht="11.1" customHeight="1" outlineLevel="2" x14ac:dyDescent="0.2">
      <c r="A7007" s="17"/>
      <c r="B7007" s="17"/>
      <c r="C7007" s="17"/>
      <c r="D7007" s="18"/>
      <c r="E7007" s="18"/>
      <c r="F7007" s="18"/>
      <c r="G7007" s="18"/>
      <c r="H7007" s="18"/>
      <c r="I7007" s="18"/>
      <c r="J7007" s="18"/>
      <c r="K7007" s="18"/>
      <c r="L7007" s="18"/>
      <c r="M7007" s="18"/>
      <c r="N7007" s="18"/>
      <c r="O7007" s="18"/>
      <c r="P7007" s="19"/>
      <c r="Q7007" s="19"/>
      <c r="R7007" s="19"/>
      <c r="S7007" s="19"/>
      <c r="T7007" s="19"/>
      <c r="U7007" s="19"/>
      <c r="V7007" s="19"/>
      <c r="W7007" s="19"/>
      <c r="X7007" s="19"/>
      <c r="Y7007" s="19"/>
      <c r="Z7007" s="19"/>
      <c r="AA7007" s="19"/>
    </row>
    <row r="7008" spans="1:27" s="1" customFormat="1" ht="14.1" customHeight="1" outlineLevel="2" x14ac:dyDescent="0.2">
      <c r="A7008" s="17">
        <v>15289</v>
      </c>
      <c r="B7008" s="17"/>
      <c r="C7008" s="17"/>
      <c r="D7008" s="18" t="s">
        <v>3480</v>
      </c>
      <c r="E7008" s="18"/>
      <c r="F7008" s="18"/>
      <c r="G7008" s="18"/>
      <c r="H7008" s="18"/>
      <c r="I7008" s="18"/>
      <c r="J7008" s="18"/>
      <c r="K7008" s="18"/>
      <c r="L7008" s="18"/>
      <c r="M7008" s="18"/>
      <c r="N7008" s="18"/>
      <c r="O7008" s="18"/>
      <c r="P7008" s="19">
        <v>60</v>
      </c>
      <c r="Q7008" s="19"/>
      <c r="R7008" s="19"/>
      <c r="S7008" s="19"/>
      <c r="T7008" s="19">
        <v>40</v>
      </c>
      <c r="U7008" s="19"/>
      <c r="V7008" s="19"/>
      <c r="W7008" s="19"/>
      <c r="X7008" s="19">
        <v>93</v>
      </c>
      <c r="Y7008" s="19"/>
      <c r="Z7008" s="19"/>
      <c r="AA7008" s="19"/>
    </row>
    <row r="7009" spans="1:27" s="1" customFormat="1" ht="14.1" customHeight="1" outlineLevel="2" x14ac:dyDescent="0.2">
      <c r="A7009" s="17"/>
      <c r="B7009" s="17"/>
      <c r="C7009" s="17"/>
      <c r="D7009" s="18"/>
      <c r="E7009" s="18"/>
      <c r="F7009" s="18"/>
      <c r="G7009" s="18"/>
      <c r="H7009" s="18"/>
      <c r="I7009" s="18"/>
      <c r="J7009" s="18"/>
      <c r="K7009" s="18"/>
      <c r="L7009" s="18"/>
      <c r="M7009" s="18"/>
      <c r="N7009" s="18"/>
      <c r="O7009" s="18"/>
      <c r="P7009" s="19"/>
      <c r="Q7009" s="19"/>
      <c r="R7009" s="19"/>
      <c r="S7009" s="19"/>
      <c r="T7009" s="19"/>
      <c r="U7009" s="19"/>
      <c r="V7009" s="19"/>
      <c r="W7009" s="19"/>
      <c r="X7009" s="19"/>
      <c r="Y7009" s="19"/>
      <c r="Z7009" s="19"/>
      <c r="AA7009" s="19"/>
    </row>
    <row r="7010" spans="1:27" s="1" customFormat="1" ht="14.1" customHeight="1" outlineLevel="2" x14ac:dyDescent="0.2">
      <c r="A7010" s="17">
        <v>15290</v>
      </c>
      <c r="B7010" s="17"/>
      <c r="C7010" s="17"/>
      <c r="D7010" s="18" t="s">
        <v>3481</v>
      </c>
      <c r="E7010" s="18"/>
      <c r="F7010" s="18"/>
      <c r="G7010" s="18"/>
      <c r="H7010" s="18"/>
      <c r="I7010" s="18"/>
      <c r="J7010" s="18"/>
      <c r="K7010" s="18"/>
      <c r="L7010" s="18"/>
      <c r="M7010" s="18"/>
      <c r="N7010" s="18"/>
      <c r="O7010" s="18"/>
      <c r="P7010" s="19">
        <v>60</v>
      </c>
      <c r="Q7010" s="19"/>
      <c r="R7010" s="19"/>
      <c r="S7010" s="19"/>
      <c r="T7010" s="19">
        <v>40</v>
      </c>
      <c r="U7010" s="19"/>
      <c r="V7010" s="19"/>
      <c r="W7010" s="19"/>
      <c r="X7010" s="19">
        <v>100</v>
      </c>
      <c r="Y7010" s="19"/>
      <c r="Z7010" s="19"/>
      <c r="AA7010" s="19"/>
    </row>
    <row r="7011" spans="1:27" s="1" customFormat="1" ht="14.1" customHeight="1" outlineLevel="2" x14ac:dyDescent="0.2">
      <c r="A7011" s="17"/>
      <c r="B7011" s="17"/>
      <c r="C7011" s="17"/>
      <c r="D7011" s="18"/>
      <c r="E7011" s="18"/>
      <c r="F7011" s="18"/>
      <c r="G7011" s="18"/>
      <c r="H7011" s="18"/>
      <c r="I7011" s="18"/>
      <c r="J7011" s="18"/>
      <c r="K7011" s="18"/>
      <c r="L7011" s="18"/>
      <c r="M7011" s="18"/>
      <c r="N7011" s="18"/>
      <c r="O7011" s="18"/>
      <c r="P7011" s="19"/>
      <c r="Q7011" s="19"/>
      <c r="R7011" s="19"/>
      <c r="S7011" s="19"/>
      <c r="T7011" s="19"/>
      <c r="U7011" s="19"/>
      <c r="V7011" s="19"/>
      <c r="W7011" s="19"/>
      <c r="X7011" s="19"/>
      <c r="Y7011" s="19"/>
      <c r="Z7011" s="19"/>
      <c r="AA7011" s="19"/>
    </row>
    <row r="7012" spans="1:27" s="1" customFormat="1" ht="14.1" customHeight="1" outlineLevel="2" x14ac:dyDescent="0.2">
      <c r="A7012" s="17">
        <v>11551</v>
      </c>
      <c r="B7012" s="17"/>
      <c r="C7012" s="17"/>
      <c r="D7012" s="18" t="s">
        <v>3482</v>
      </c>
      <c r="E7012" s="18"/>
      <c r="F7012" s="18"/>
      <c r="G7012" s="18"/>
      <c r="H7012" s="18"/>
      <c r="I7012" s="18"/>
      <c r="J7012" s="18"/>
      <c r="K7012" s="18"/>
      <c r="L7012" s="18"/>
      <c r="M7012" s="18"/>
      <c r="N7012" s="18"/>
      <c r="O7012" s="18"/>
      <c r="P7012" s="19">
        <v>70</v>
      </c>
      <c r="Q7012" s="19"/>
      <c r="R7012" s="19"/>
      <c r="S7012" s="19"/>
      <c r="T7012" s="19">
        <v>54</v>
      </c>
      <c r="U7012" s="19"/>
      <c r="V7012" s="19"/>
      <c r="W7012" s="19"/>
      <c r="X7012" s="19">
        <v>10</v>
      </c>
      <c r="Y7012" s="19"/>
      <c r="Z7012" s="19"/>
      <c r="AA7012" s="19"/>
    </row>
    <row r="7013" spans="1:27" s="1" customFormat="1" ht="14.1" customHeight="1" outlineLevel="2" x14ac:dyDescent="0.2">
      <c r="A7013" s="17"/>
      <c r="B7013" s="17"/>
      <c r="C7013" s="17"/>
      <c r="D7013" s="18"/>
      <c r="E7013" s="18"/>
      <c r="F7013" s="18"/>
      <c r="G7013" s="18"/>
      <c r="H7013" s="18"/>
      <c r="I7013" s="18"/>
      <c r="J7013" s="18"/>
      <c r="K7013" s="18"/>
      <c r="L7013" s="18"/>
      <c r="M7013" s="18"/>
      <c r="N7013" s="18"/>
      <c r="O7013" s="18"/>
      <c r="P7013" s="19"/>
      <c r="Q7013" s="19"/>
      <c r="R7013" s="19"/>
      <c r="S7013" s="19"/>
      <c r="T7013" s="19"/>
      <c r="U7013" s="19"/>
      <c r="V7013" s="19"/>
      <c r="W7013" s="19"/>
      <c r="X7013" s="19"/>
      <c r="Y7013" s="19"/>
      <c r="Z7013" s="19"/>
      <c r="AA7013" s="19"/>
    </row>
    <row r="7014" spans="1:27" s="1" customFormat="1" ht="14.1" customHeight="1" outlineLevel="2" x14ac:dyDescent="0.2">
      <c r="A7014" s="17">
        <v>11553</v>
      </c>
      <c r="B7014" s="17"/>
      <c r="C7014" s="17"/>
      <c r="D7014" s="18" t="s">
        <v>3483</v>
      </c>
      <c r="E7014" s="18"/>
      <c r="F7014" s="18"/>
      <c r="G7014" s="18"/>
      <c r="H7014" s="18"/>
      <c r="I7014" s="18"/>
      <c r="J7014" s="18"/>
      <c r="K7014" s="18"/>
      <c r="L7014" s="18"/>
      <c r="M7014" s="18"/>
      <c r="N7014" s="18"/>
      <c r="O7014" s="18"/>
      <c r="P7014" s="19">
        <v>130</v>
      </c>
      <c r="Q7014" s="19"/>
      <c r="R7014" s="19"/>
      <c r="S7014" s="19"/>
      <c r="T7014" s="19">
        <v>80</v>
      </c>
      <c r="U7014" s="19"/>
      <c r="V7014" s="19"/>
      <c r="W7014" s="19"/>
      <c r="X7014" s="19">
        <v>98</v>
      </c>
      <c r="Y7014" s="19"/>
      <c r="Z7014" s="19"/>
      <c r="AA7014" s="19"/>
    </row>
    <row r="7015" spans="1:27" s="1" customFormat="1" ht="14.1" customHeight="1" outlineLevel="2" x14ac:dyDescent="0.2">
      <c r="A7015" s="17"/>
      <c r="B7015" s="17"/>
      <c r="C7015" s="17"/>
      <c r="D7015" s="18"/>
      <c r="E7015" s="18"/>
      <c r="F7015" s="18"/>
      <c r="G7015" s="18"/>
      <c r="H7015" s="18"/>
      <c r="I7015" s="18"/>
      <c r="J7015" s="18"/>
      <c r="K7015" s="18"/>
      <c r="L7015" s="18"/>
      <c r="M7015" s="18"/>
      <c r="N7015" s="18"/>
      <c r="O7015" s="18"/>
      <c r="P7015" s="19"/>
      <c r="Q7015" s="19"/>
      <c r="R7015" s="19"/>
      <c r="S7015" s="19"/>
      <c r="T7015" s="19"/>
      <c r="U7015" s="19"/>
      <c r="V7015" s="19"/>
      <c r="W7015" s="19"/>
      <c r="X7015" s="19"/>
      <c r="Y7015" s="19"/>
      <c r="Z7015" s="19"/>
      <c r="AA7015" s="19"/>
    </row>
    <row r="7016" spans="1:27" s="1" customFormat="1" ht="14.1" customHeight="1" outlineLevel="2" x14ac:dyDescent="0.2">
      <c r="A7016" s="17">
        <v>14574</v>
      </c>
      <c r="B7016" s="17"/>
      <c r="C7016" s="17"/>
      <c r="D7016" s="18" t="s">
        <v>3484</v>
      </c>
      <c r="E7016" s="18"/>
      <c r="F7016" s="18"/>
      <c r="G7016" s="18"/>
      <c r="H7016" s="18"/>
      <c r="I7016" s="18"/>
      <c r="J7016" s="18"/>
      <c r="K7016" s="18"/>
      <c r="L7016" s="18"/>
      <c r="M7016" s="18"/>
      <c r="N7016" s="18"/>
      <c r="O7016" s="18"/>
      <c r="P7016" s="19">
        <v>160</v>
      </c>
      <c r="Q7016" s="19"/>
      <c r="R7016" s="19"/>
      <c r="S7016" s="19"/>
      <c r="T7016" s="19">
        <v>120</v>
      </c>
      <c r="U7016" s="19"/>
      <c r="V7016" s="19"/>
      <c r="W7016" s="19"/>
      <c r="X7016" s="19">
        <v>2</v>
      </c>
      <c r="Y7016" s="19"/>
      <c r="Z7016" s="19"/>
      <c r="AA7016" s="19"/>
    </row>
    <row r="7017" spans="1:27" s="1" customFormat="1" ht="14.1" customHeight="1" outlineLevel="2" x14ac:dyDescent="0.2">
      <c r="A7017" s="17"/>
      <c r="B7017" s="17"/>
      <c r="C7017" s="17"/>
      <c r="D7017" s="18"/>
      <c r="E7017" s="18"/>
      <c r="F7017" s="18"/>
      <c r="G7017" s="18"/>
      <c r="H7017" s="18"/>
      <c r="I7017" s="18"/>
      <c r="J7017" s="18"/>
      <c r="K7017" s="18"/>
      <c r="L7017" s="18"/>
      <c r="M7017" s="18"/>
      <c r="N7017" s="18"/>
      <c r="O7017" s="18"/>
      <c r="P7017" s="19"/>
      <c r="Q7017" s="19"/>
      <c r="R7017" s="19"/>
      <c r="S7017" s="19"/>
      <c r="T7017" s="19"/>
      <c r="U7017" s="19"/>
      <c r="V7017" s="19"/>
      <c r="W7017" s="19"/>
      <c r="X7017" s="19"/>
      <c r="Y7017" s="19"/>
      <c r="Z7017" s="19"/>
      <c r="AA7017" s="19"/>
    </row>
    <row r="7018" spans="1:27" s="1" customFormat="1" ht="14.1" customHeight="1" outlineLevel="2" x14ac:dyDescent="0.2">
      <c r="A7018" s="17">
        <v>11458</v>
      </c>
      <c r="B7018" s="17"/>
      <c r="C7018" s="17"/>
      <c r="D7018" s="18" t="s">
        <v>3485</v>
      </c>
      <c r="E7018" s="18"/>
      <c r="F7018" s="18"/>
      <c r="G7018" s="18"/>
      <c r="H7018" s="18"/>
      <c r="I7018" s="18"/>
      <c r="J7018" s="18"/>
      <c r="K7018" s="18"/>
      <c r="L7018" s="18"/>
      <c r="M7018" s="18"/>
      <c r="N7018" s="18"/>
      <c r="O7018" s="18"/>
      <c r="P7018" s="19">
        <v>450</v>
      </c>
      <c r="Q7018" s="19"/>
      <c r="R7018" s="19"/>
      <c r="S7018" s="19"/>
      <c r="T7018" s="19">
        <v>400</v>
      </c>
      <c r="U7018" s="19"/>
      <c r="V7018" s="19"/>
      <c r="W7018" s="19"/>
      <c r="X7018" s="19">
        <v>1</v>
      </c>
      <c r="Y7018" s="19"/>
      <c r="Z7018" s="19"/>
      <c r="AA7018" s="19"/>
    </row>
    <row r="7019" spans="1:27" s="1" customFormat="1" ht="14.1" customHeight="1" outlineLevel="2" x14ac:dyDescent="0.2">
      <c r="A7019" s="17"/>
      <c r="B7019" s="17"/>
      <c r="C7019" s="17"/>
      <c r="D7019" s="18"/>
      <c r="E7019" s="18"/>
      <c r="F7019" s="18"/>
      <c r="G7019" s="18"/>
      <c r="H7019" s="18"/>
      <c r="I7019" s="18"/>
      <c r="J7019" s="18"/>
      <c r="K7019" s="18"/>
      <c r="L7019" s="18"/>
      <c r="M7019" s="18"/>
      <c r="N7019" s="18"/>
      <c r="O7019" s="18"/>
      <c r="P7019" s="19"/>
      <c r="Q7019" s="19"/>
      <c r="R7019" s="19"/>
      <c r="S7019" s="19"/>
      <c r="T7019" s="19"/>
      <c r="U7019" s="19"/>
      <c r="V7019" s="19"/>
      <c r="W7019" s="19"/>
      <c r="X7019" s="19"/>
      <c r="Y7019" s="19"/>
      <c r="Z7019" s="19"/>
      <c r="AA7019" s="19"/>
    </row>
    <row r="7020" spans="1:27" s="1" customFormat="1" ht="14.1" customHeight="1" outlineLevel="2" x14ac:dyDescent="0.2">
      <c r="A7020" s="17">
        <v>11554</v>
      </c>
      <c r="B7020" s="17"/>
      <c r="C7020" s="17"/>
      <c r="D7020" s="18" t="s">
        <v>3486</v>
      </c>
      <c r="E7020" s="18"/>
      <c r="F7020" s="18"/>
      <c r="G7020" s="18"/>
      <c r="H7020" s="18"/>
      <c r="I7020" s="18"/>
      <c r="J7020" s="18"/>
      <c r="K7020" s="18"/>
      <c r="L7020" s="18"/>
      <c r="M7020" s="18"/>
      <c r="N7020" s="18"/>
      <c r="O7020" s="18"/>
      <c r="P7020" s="19">
        <v>70</v>
      </c>
      <c r="Q7020" s="19"/>
      <c r="R7020" s="19"/>
      <c r="S7020" s="19"/>
      <c r="T7020" s="19">
        <v>54</v>
      </c>
      <c r="U7020" s="19"/>
      <c r="V7020" s="19"/>
      <c r="W7020" s="19"/>
      <c r="X7020" s="19">
        <v>8</v>
      </c>
      <c r="Y7020" s="19"/>
      <c r="Z7020" s="19"/>
      <c r="AA7020" s="19"/>
    </row>
    <row r="7021" spans="1:27" s="1" customFormat="1" ht="14.1" customHeight="1" outlineLevel="2" x14ac:dyDescent="0.2">
      <c r="A7021" s="17"/>
      <c r="B7021" s="17"/>
      <c r="C7021" s="17"/>
      <c r="D7021" s="18"/>
      <c r="E7021" s="18"/>
      <c r="F7021" s="18"/>
      <c r="G7021" s="18"/>
      <c r="H7021" s="18"/>
      <c r="I7021" s="18"/>
      <c r="J7021" s="18"/>
      <c r="K7021" s="18"/>
      <c r="L7021" s="18"/>
      <c r="M7021" s="18"/>
      <c r="N7021" s="18"/>
      <c r="O7021" s="18"/>
      <c r="P7021" s="19"/>
      <c r="Q7021" s="19"/>
      <c r="R7021" s="19"/>
      <c r="S7021" s="19"/>
      <c r="T7021" s="19"/>
      <c r="U7021" s="19"/>
      <c r="V7021" s="19"/>
      <c r="W7021" s="19"/>
      <c r="X7021" s="19"/>
      <c r="Y7021" s="19"/>
      <c r="Z7021" s="19"/>
      <c r="AA7021" s="19"/>
    </row>
    <row r="7022" spans="1:27" s="1" customFormat="1" ht="14.1" customHeight="1" outlineLevel="2" x14ac:dyDescent="0.2">
      <c r="A7022" s="17">
        <v>17512</v>
      </c>
      <c r="B7022" s="17"/>
      <c r="C7022" s="17"/>
      <c r="D7022" s="18" t="s">
        <v>3487</v>
      </c>
      <c r="E7022" s="18"/>
      <c r="F7022" s="18"/>
      <c r="G7022" s="18"/>
      <c r="H7022" s="18"/>
      <c r="I7022" s="18"/>
      <c r="J7022" s="18"/>
      <c r="K7022" s="18"/>
      <c r="L7022" s="18"/>
      <c r="M7022" s="18"/>
      <c r="N7022" s="18"/>
      <c r="O7022" s="18"/>
      <c r="P7022" s="19">
        <v>300</v>
      </c>
      <c r="Q7022" s="19"/>
      <c r="R7022" s="19"/>
      <c r="S7022" s="19"/>
      <c r="T7022" s="19">
        <v>200</v>
      </c>
      <c r="U7022" s="19"/>
      <c r="V7022" s="19"/>
      <c r="W7022" s="19"/>
      <c r="X7022" s="19">
        <v>1</v>
      </c>
      <c r="Y7022" s="19"/>
      <c r="Z7022" s="19"/>
      <c r="AA7022" s="19"/>
    </row>
    <row r="7023" spans="1:27" s="1" customFormat="1" ht="14.1" customHeight="1" outlineLevel="2" x14ac:dyDescent="0.2">
      <c r="A7023" s="17"/>
      <c r="B7023" s="17"/>
      <c r="C7023" s="17"/>
      <c r="D7023" s="18"/>
      <c r="E7023" s="18"/>
      <c r="F7023" s="18"/>
      <c r="G7023" s="18"/>
      <c r="H7023" s="18"/>
      <c r="I7023" s="18"/>
      <c r="J7023" s="18"/>
      <c r="K7023" s="18"/>
      <c r="L7023" s="18"/>
      <c r="M7023" s="18"/>
      <c r="N7023" s="18"/>
      <c r="O7023" s="18"/>
      <c r="P7023" s="19"/>
      <c r="Q7023" s="19"/>
      <c r="R7023" s="19"/>
      <c r="S7023" s="19"/>
      <c r="T7023" s="19"/>
      <c r="U7023" s="19"/>
      <c r="V7023" s="19"/>
      <c r="W7023" s="19"/>
      <c r="X7023" s="19"/>
      <c r="Y7023" s="19"/>
      <c r="Z7023" s="19"/>
      <c r="AA7023" s="19"/>
    </row>
    <row r="7024" spans="1:27" s="1" customFormat="1" ht="14.1" customHeight="1" outlineLevel="2" x14ac:dyDescent="0.2">
      <c r="A7024" s="17">
        <v>11555</v>
      </c>
      <c r="B7024" s="17"/>
      <c r="C7024" s="17"/>
      <c r="D7024" s="18" t="s">
        <v>3488</v>
      </c>
      <c r="E7024" s="18"/>
      <c r="F7024" s="18"/>
      <c r="G7024" s="18"/>
      <c r="H7024" s="18"/>
      <c r="I7024" s="18"/>
      <c r="J7024" s="18"/>
      <c r="K7024" s="18"/>
      <c r="L7024" s="18"/>
      <c r="M7024" s="18"/>
      <c r="N7024" s="18"/>
      <c r="O7024" s="18"/>
      <c r="P7024" s="19">
        <v>70</v>
      </c>
      <c r="Q7024" s="19"/>
      <c r="R7024" s="19"/>
      <c r="S7024" s="19"/>
      <c r="T7024" s="19">
        <v>54</v>
      </c>
      <c r="U7024" s="19"/>
      <c r="V7024" s="19"/>
      <c r="W7024" s="19"/>
      <c r="X7024" s="19">
        <v>4</v>
      </c>
      <c r="Y7024" s="19"/>
      <c r="Z7024" s="19"/>
      <c r="AA7024" s="19"/>
    </row>
    <row r="7025" spans="1:27" s="1" customFormat="1" ht="14.1" customHeight="1" outlineLevel="2" x14ac:dyDescent="0.2">
      <c r="A7025" s="17"/>
      <c r="B7025" s="17"/>
      <c r="C7025" s="17"/>
      <c r="D7025" s="18"/>
      <c r="E7025" s="18"/>
      <c r="F7025" s="18"/>
      <c r="G7025" s="18"/>
      <c r="H7025" s="18"/>
      <c r="I7025" s="18"/>
      <c r="J7025" s="18"/>
      <c r="K7025" s="18"/>
      <c r="L7025" s="18"/>
      <c r="M7025" s="18"/>
      <c r="N7025" s="18"/>
      <c r="O7025" s="18"/>
      <c r="P7025" s="19"/>
      <c r="Q7025" s="19"/>
      <c r="R7025" s="19"/>
      <c r="S7025" s="19"/>
      <c r="T7025" s="19"/>
      <c r="U7025" s="19"/>
      <c r="V7025" s="19"/>
      <c r="W7025" s="19"/>
      <c r="X7025" s="19"/>
      <c r="Y7025" s="19"/>
      <c r="Z7025" s="19"/>
      <c r="AA7025" s="19"/>
    </row>
    <row r="7026" spans="1:27" s="1" customFormat="1" ht="14.1" customHeight="1" outlineLevel="2" x14ac:dyDescent="0.2">
      <c r="A7026" s="17">
        <v>17587</v>
      </c>
      <c r="B7026" s="17"/>
      <c r="C7026" s="17"/>
      <c r="D7026" s="18" t="s">
        <v>3489</v>
      </c>
      <c r="E7026" s="18"/>
      <c r="F7026" s="18"/>
      <c r="G7026" s="18"/>
      <c r="H7026" s="18"/>
      <c r="I7026" s="18"/>
      <c r="J7026" s="18"/>
      <c r="K7026" s="18"/>
      <c r="L7026" s="18"/>
      <c r="M7026" s="18"/>
      <c r="N7026" s="18"/>
      <c r="O7026" s="18"/>
      <c r="P7026" s="19">
        <v>250</v>
      </c>
      <c r="Q7026" s="19"/>
      <c r="R7026" s="19"/>
      <c r="S7026" s="19"/>
      <c r="T7026" s="19">
        <v>200</v>
      </c>
      <c r="U7026" s="19"/>
      <c r="V7026" s="19"/>
      <c r="W7026" s="19"/>
      <c r="X7026" s="19">
        <v>1</v>
      </c>
      <c r="Y7026" s="19"/>
      <c r="Z7026" s="19"/>
      <c r="AA7026" s="19"/>
    </row>
    <row r="7027" spans="1:27" s="1" customFormat="1" ht="14.1" customHeight="1" outlineLevel="2" x14ac:dyDescent="0.2">
      <c r="A7027" s="17"/>
      <c r="B7027" s="17"/>
      <c r="C7027" s="17"/>
      <c r="D7027" s="18"/>
      <c r="E7027" s="18"/>
      <c r="F7027" s="18"/>
      <c r="G7027" s="18"/>
      <c r="H7027" s="18"/>
      <c r="I7027" s="18"/>
      <c r="J7027" s="18"/>
      <c r="K7027" s="18"/>
      <c r="L7027" s="18"/>
      <c r="M7027" s="18"/>
      <c r="N7027" s="18"/>
      <c r="O7027" s="18"/>
      <c r="P7027" s="19"/>
      <c r="Q7027" s="19"/>
      <c r="R7027" s="19"/>
      <c r="S7027" s="19"/>
      <c r="T7027" s="19"/>
      <c r="U7027" s="19"/>
      <c r="V7027" s="19"/>
      <c r="W7027" s="19"/>
      <c r="X7027" s="19"/>
      <c r="Y7027" s="19"/>
      <c r="Z7027" s="19"/>
      <c r="AA7027" s="19"/>
    </row>
    <row r="7028" spans="1:27" s="1" customFormat="1" ht="14.1" customHeight="1" outlineLevel="2" x14ac:dyDescent="0.2">
      <c r="A7028" s="17">
        <v>15291</v>
      </c>
      <c r="B7028" s="17"/>
      <c r="C7028" s="17"/>
      <c r="D7028" s="18" t="s">
        <v>3490</v>
      </c>
      <c r="E7028" s="18"/>
      <c r="F7028" s="18"/>
      <c r="G7028" s="18"/>
      <c r="H7028" s="18"/>
      <c r="I7028" s="18"/>
      <c r="J7028" s="18"/>
      <c r="K7028" s="18"/>
      <c r="L7028" s="18"/>
      <c r="M7028" s="18"/>
      <c r="N7028" s="18"/>
      <c r="O7028" s="18"/>
      <c r="P7028" s="19">
        <v>70</v>
      </c>
      <c r="Q7028" s="19"/>
      <c r="R7028" s="19"/>
      <c r="S7028" s="19"/>
      <c r="T7028" s="19">
        <v>50</v>
      </c>
      <c r="U7028" s="19"/>
      <c r="V7028" s="19"/>
      <c r="W7028" s="19"/>
      <c r="X7028" s="19">
        <v>100</v>
      </c>
      <c r="Y7028" s="19"/>
      <c r="Z7028" s="19"/>
      <c r="AA7028" s="19"/>
    </row>
    <row r="7029" spans="1:27" s="1" customFormat="1" ht="14.1" customHeight="1" outlineLevel="2" x14ac:dyDescent="0.2">
      <c r="A7029" s="17"/>
      <c r="B7029" s="17"/>
      <c r="C7029" s="17"/>
      <c r="D7029" s="18"/>
      <c r="E7029" s="18"/>
      <c r="F7029" s="18"/>
      <c r="G7029" s="18"/>
      <c r="H7029" s="18"/>
      <c r="I7029" s="18"/>
      <c r="J7029" s="18"/>
      <c r="K7029" s="18"/>
      <c r="L7029" s="18"/>
      <c r="M7029" s="18"/>
      <c r="N7029" s="18"/>
      <c r="O7029" s="18"/>
      <c r="P7029" s="19"/>
      <c r="Q7029" s="19"/>
      <c r="R7029" s="19"/>
      <c r="S7029" s="19"/>
      <c r="T7029" s="19"/>
      <c r="U7029" s="19"/>
      <c r="V7029" s="19"/>
      <c r="W7029" s="19"/>
      <c r="X7029" s="19"/>
      <c r="Y7029" s="19"/>
      <c r="Z7029" s="19"/>
      <c r="AA7029" s="19"/>
    </row>
    <row r="7030" spans="1:27" s="1" customFormat="1" ht="14.1" customHeight="1" outlineLevel="2" x14ac:dyDescent="0.2">
      <c r="A7030" s="17">
        <v>15330</v>
      </c>
      <c r="B7030" s="17"/>
      <c r="C7030" s="17"/>
      <c r="D7030" s="18" t="s">
        <v>3491</v>
      </c>
      <c r="E7030" s="18"/>
      <c r="F7030" s="18"/>
      <c r="G7030" s="18"/>
      <c r="H7030" s="18"/>
      <c r="I7030" s="18"/>
      <c r="J7030" s="18"/>
      <c r="K7030" s="18"/>
      <c r="L7030" s="18"/>
      <c r="M7030" s="18"/>
      <c r="N7030" s="18"/>
      <c r="O7030" s="18"/>
      <c r="P7030" s="19">
        <v>250</v>
      </c>
      <c r="Q7030" s="19"/>
      <c r="R7030" s="19"/>
      <c r="S7030" s="19"/>
      <c r="T7030" s="19">
        <v>200</v>
      </c>
      <c r="U7030" s="19"/>
      <c r="V7030" s="19"/>
      <c r="W7030" s="19"/>
      <c r="X7030" s="19">
        <v>1</v>
      </c>
      <c r="Y7030" s="19"/>
      <c r="Z7030" s="19"/>
      <c r="AA7030" s="19"/>
    </row>
    <row r="7031" spans="1:27" s="1" customFormat="1" ht="14.1" customHeight="1" outlineLevel="2" x14ac:dyDescent="0.2">
      <c r="A7031" s="17"/>
      <c r="B7031" s="17"/>
      <c r="C7031" s="17"/>
      <c r="D7031" s="18"/>
      <c r="E7031" s="18"/>
      <c r="F7031" s="18"/>
      <c r="G7031" s="18"/>
      <c r="H7031" s="18"/>
      <c r="I7031" s="18"/>
      <c r="J7031" s="18"/>
      <c r="K7031" s="18"/>
      <c r="L7031" s="18"/>
      <c r="M7031" s="18"/>
      <c r="N7031" s="18"/>
      <c r="O7031" s="18"/>
      <c r="P7031" s="19"/>
      <c r="Q7031" s="19"/>
      <c r="R7031" s="19"/>
      <c r="S7031" s="19"/>
      <c r="T7031" s="19"/>
      <c r="U7031" s="19"/>
      <c r="V7031" s="19"/>
      <c r="W7031" s="19"/>
      <c r="X7031" s="19"/>
      <c r="Y7031" s="19"/>
      <c r="Z7031" s="19"/>
      <c r="AA7031" s="19"/>
    </row>
    <row r="7032" spans="1:27" s="1" customFormat="1" ht="14.1" customHeight="1" outlineLevel="2" x14ac:dyDescent="0.2">
      <c r="A7032" s="17">
        <v>13507</v>
      </c>
      <c r="B7032" s="17"/>
      <c r="C7032" s="17"/>
      <c r="D7032" s="18" t="s">
        <v>3492</v>
      </c>
      <c r="E7032" s="18"/>
      <c r="F7032" s="18"/>
      <c r="G7032" s="18"/>
      <c r="H7032" s="18"/>
      <c r="I7032" s="18"/>
      <c r="J7032" s="18"/>
      <c r="K7032" s="18"/>
      <c r="L7032" s="18"/>
      <c r="M7032" s="18"/>
      <c r="N7032" s="18"/>
      <c r="O7032" s="18"/>
      <c r="P7032" s="19">
        <v>130</v>
      </c>
      <c r="Q7032" s="19"/>
      <c r="R7032" s="19"/>
      <c r="S7032" s="19"/>
      <c r="T7032" s="19">
        <v>90</v>
      </c>
      <c r="U7032" s="19"/>
      <c r="V7032" s="19"/>
      <c r="W7032" s="19"/>
      <c r="X7032" s="19">
        <v>1</v>
      </c>
      <c r="Y7032" s="19"/>
      <c r="Z7032" s="19"/>
      <c r="AA7032" s="19"/>
    </row>
    <row r="7033" spans="1:27" s="1" customFormat="1" ht="14.1" customHeight="1" outlineLevel="2" x14ac:dyDescent="0.2">
      <c r="A7033" s="17"/>
      <c r="B7033" s="17"/>
      <c r="C7033" s="17"/>
      <c r="D7033" s="18"/>
      <c r="E7033" s="18"/>
      <c r="F7033" s="18"/>
      <c r="G7033" s="18"/>
      <c r="H7033" s="18"/>
      <c r="I7033" s="18"/>
      <c r="J7033" s="18"/>
      <c r="K7033" s="18"/>
      <c r="L7033" s="18"/>
      <c r="M7033" s="18"/>
      <c r="N7033" s="18"/>
      <c r="O7033" s="18"/>
      <c r="P7033" s="19"/>
      <c r="Q7033" s="19"/>
      <c r="R7033" s="19"/>
      <c r="S7033" s="19"/>
      <c r="T7033" s="19"/>
      <c r="U7033" s="19"/>
      <c r="V7033" s="19"/>
      <c r="W7033" s="19"/>
      <c r="X7033" s="19"/>
      <c r="Y7033" s="19"/>
      <c r="Z7033" s="19"/>
      <c r="AA7033" s="19"/>
    </row>
    <row r="7034" spans="1:27" s="1" customFormat="1" ht="11.1" customHeight="1" outlineLevel="2" x14ac:dyDescent="0.2">
      <c r="A7034" s="17">
        <v>14807</v>
      </c>
      <c r="B7034" s="17"/>
      <c r="C7034" s="17"/>
      <c r="D7034" s="18" t="s">
        <v>3493</v>
      </c>
      <c r="E7034" s="18"/>
      <c r="F7034" s="18"/>
      <c r="G7034" s="18"/>
      <c r="H7034" s="18"/>
      <c r="I7034" s="18"/>
      <c r="J7034" s="18"/>
      <c r="K7034" s="18"/>
      <c r="L7034" s="18"/>
      <c r="M7034" s="18"/>
      <c r="N7034" s="18"/>
      <c r="O7034" s="18"/>
      <c r="P7034" s="19">
        <v>80</v>
      </c>
      <c r="Q7034" s="19"/>
      <c r="R7034" s="19"/>
      <c r="S7034" s="19"/>
      <c r="T7034" s="19">
        <v>50</v>
      </c>
      <c r="U7034" s="19"/>
      <c r="V7034" s="19"/>
      <c r="W7034" s="19"/>
      <c r="X7034" s="19">
        <v>99</v>
      </c>
      <c r="Y7034" s="19"/>
      <c r="Z7034" s="19"/>
      <c r="AA7034" s="19"/>
    </row>
    <row r="7035" spans="1:27" s="1" customFormat="1" ht="11.1" customHeight="1" outlineLevel="2" x14ac:dyDescent="0.2">
      <c r="A7035" s="17"/>
      <c r="B7035" s="17"/>
      <c r="C7035" s="17"/>
      <c r="D7035" s="18"/>
      <c r="E7035" s="18"/>
      <c r="F7035" s="18"/>
      <c r="G7035" s="18"/>
      <c r="H7035" s="18"/>
      <c r="I7035" s="18"/>
      <c r="J7035" s="18"/>
      <c r="K7035" s="18"/>
      <c r="L7035" s="18"/>
      <c r="M7035" s="18"/>
      <c r="N7035" s="18"/>
      <c r="O7035" s="18"/>
      <c r="P7035" s="19"/>
      <c r="Q7035" s="19"/>
      <c r="R7035" s="19"/>
      <c r="S7035" s="19"/>
      <c r="T7035" s="19"/>
      <c r="U7035" s="19"/>
      <c r="V7035" s="19"/>
      <c r="W7035" s="19"/>
      <c r="X7035" s="19"/>
      <c r="Y7035" s="19"/>
      <c r="Z7035" s="19"/>
      <c r="AA7035" s="19"/>
    </row>
    <row r="7036" spans="1:27" s="1" customFormat="1" ht="14.1" customHeight="1" outlineLevel="2" x14ac:dyDescent="0.2">
      <c r="A7036" s="17">
        <v>12898</v>
      </c>
      <c r="B7036" s="17"/>
      <c r="C7036" s="17"/>
      <c r="D7036" s="18" t="s">
        <v>3494</v>
      </c>
      <c r="E7036" s="18"/>
      <c r="F7036" s="18"/>
      <c r="G7036" s="18"/>
      <c r="H7036" s="18"/>
      <c r="I7036" s="18"/>
      <c r="J7036" s="18"/>
      <c r="K7036" s="18"/>
      <c r="L7036" s="18"/>
      <c r="M7036" s="18"/>
      <c r="N7036" s="18"/>
      <c r="O7036" s="18"/>
      <c r="P7036" s="19">
        <v>160</v>
      </c>
      <c r="Q7036" s="19"/>
      <c r="R7036" s="19"/>
      <c r="S7036" s="19"/>
      <c r="T7036" s="19">
        <v>120</v>
      </c>
      <c r="U7036" s="19"/>
      <c r="V7036" s="19"/>
      <c r="W7036" s="19"/>
      <c r="X7036" s="19">
        <v>1</v>
      </c>
      <c r="Y7036" s="19"/>
      <c r="Z7036" s="19"/>
      <c r="AA7036" s="19"/>
    </row>
    <row r="7037" spans="1:27" s="1" customFormat="1" ht="14.1" customHeight="1" outlineLevel="2" x14ac:dyDescent="0.2">
      <c r="A7037" s="17"/>
      <c r="B7037" s="17"/>
      <c r="C7037" s="17"/>
      <c r="D7037" s="18"/>
      <c r="E7037" s="18"/>
      <c r="F7037" s="18"/>
      <c r="G7037" s="18"/>
      <c r="H7037" s="18"/>
      <c r="I7037" s="18"/>
      <c r="J7037" s="18"/>
      <c r="K7037" s="18"/>
      <c r="L7037" s="18"/>
      <c r="M7037" s="18"/>
      <c r="N7037" s="18"/>
      <c r="O7037" s="18"/>
      <c r="P7037" s="19"/>
      <c r="Q7037" s="19"/>
      <c r="R7037" s="19"/>
      <c r="S7037" s="19"/>
      <c r="T7037" s="19"/>
      <c r="U7037" s="19"/>
      <c r="V7037" s="19"/>
      <c r="W7037" s="19"/>
      <c r="X7037" s="19"/>
      <c r="Y7037" s="19"/>
      <c r="Z7037" s="19"/>
      <c r="AA7037" s="19"/>
    </row>
    <row r="7038" spans="1:27" s="1" customFormat="1" ht="14.1" customHeight="1" outlineLevel="2" x14ac:dyDescent="0.2">
      <c r="A7038" s="17">
        <v>13372</v>
      </c>
      <c r="B7038" s="17"/>
      <c r="C7038" s="17"/>
      <c r="D7038" s="18" t="s">
        <v>3495</v>
      </c>
      <c r="E7038" s="18"/>
      <c r="F7038" s="18"/>
      <c r="G7038" s="18"/>
      <c r="H7038" s="18"/>
      <c r="I7038" s="18"/>
      <c r="J7038" s="18"/>
      <c r="K7038" s="18"/>
      <c r="L7038" s="18"/>
      <c r="M7038" s="18"/>
      <c r="N7038" s="18"/>
      <c r="O7038" s="18"/>
      <c r="P7038" s="19">
        <v>240</v>
      </c>
      <c r="Q7038" s="19"/>
      <c r="R7038" s="19"/>
      <c r="S7038" s="19"/>
      <c r="T7038" s="19">
        <v>180</v>
      </c>
      <c r="U7038" s="19"/>
      <c r="V7038" s="19"/>
      <c r="W7038" s="19"/>
      <c r="X7038" s="19">
        <v>1</v>
      </c>
      <c r="Y7038" s="19"/>
      <c r="Z7038" s="19"/>
      <c r="AA7038" s="19"/>
    </row>
    <row r="7039" spans="1:27" s="1" customFormat="1" ht="14.1" customHeight="1" outlineLevel="2" x14ac:dyDescent="0.2">
      <c r="A7039" s="17"/>
      <c r="B7039" s="17"/>
      <c r="C7039" s="17"/>
      <c r="D7039" s="18"/>
      <c r="E7039" s="18"/>
      <c r="F7039" s="18"/>
      <c r="G7039" s="18"/>
      <c r="H7039" s="18"/>
      <c r="I7039" s="18"/>
      <c r="J7039" s="18"/>
      <c r="K7039" s="18"/>
      <c r="L7039" s="18"/>
      <c r="M7039" s="18"/>
      <c r="N7039" s="18"/>
      <c r="O7039" s="18"/>
      <c r="P7039" s="19"/>
      <c r="Q7039" s="19"/>
      <c r="R7039" s="19"/>
      <c r="S7039" s="19"/>
      <c r="T7039" s="19"/>
      <c r="U7039" s="19"/>
      <c r="V7039" s="19"/>
      <c r="W7039" s="19"/>
      <c r="X7039" s="19"/>
      <c r="Y7039" s="19"/>
      <c r="Z7039" s="19"/>
      <c r="AA7039" s="19"/>
    </row>
    <row r="7040" spans="1:27" s="1" customFormat="1" ht="14.1" customHeight="1" outlineLevel="2" x14ac:dyDescent="0.2">
      <c r="A7040" s="17">
        <v>13346</v>
      </c>
      <c r="B7040" s="17"/>
      <c r="C7040" s="17"/>
      <c r="D7040" s="18" t="s">
        <v>3496</v>
      </c>
      <c r="E7040" s="18"/>
      <c r="F7040" s="18"/>
      <c r="G7040" s="18"/>
      <c r="H7040" s="18"/>
      <c r="I7040" s="18"/>
      <c r="J7040" s="18"/>
      <c r="K7040" s="18"/>
      <c r="L7040" s="18"/>
      <c r="M7040" s="18"/>
      <c r="N7040" s="18"/>
      <c r="O7040" s="18"/>
      <c r="P7040" s="19">
        <v>290</v>
      </c>
      <c r="Q7040" s="19"/>
      <c r="R7040" s="19"/>
      <c r="S7040" s="19"/>
      <c r="T7040" s="19">
        <v>230</v>
      </c>
      <c r="U7040" s="19"/>
      <c r="V7040" s="19"/>
      <c r="W7040" s="19"/>
      <c r="X7040" s="19">
        <v>1</v>
      </c>
      <c r="Y7040" s="19"/>
      <c r="Z7040" s="19"/>
      <c r="AA7040" s="19"/>
    </row>
    <row r="7041" spans="1:27" s="1" customFormat="1" ht="14.1" customHeight="1" outlineLevel="2" x14ac:dyDescent="0.2">
      <c r="A7041" s="17"/>
      <c r="B7041" s="17"/>
      <c r="C7041" s="17"/>
      <c r="D7041" s="18"/>
      <c r="E7041" s="18"/>
      <c r="F7041" s="18"/>
      <c r="G7041" s="18"/>
      <c r="H7041" s="18"/>
      <c r="I7041" s="18"/>
      <c r="J7041" s="18"/>
      <c r="K7041" s="18"/>
      <c r="L7041" s="18"/>
      <c r="M7041" s="18"/>
      <c r="N7041" s="18"/>
      <c r="O7041" s="18"/>
      <c r="P7041" s="19"/>
      <c r="Q7041" s="19"/>
      <c r="R7041" s="19"/>
      <c r="S7041" s="19"/>
      <c r="T7041" s="19"/>
      <c r="U7041" s="19"/>
      <c r="V7041" s="19"/>
      <c r="W7041" s="19"/>
      <c r="X7041" s="19"/>
      <c r="Y7041" s="19"/>
      <c r="Z7041" s="19"/>
      <c r="AA7041" s="19"/>
    </row>
    <row r="7042" spans="1:27" s="1" customFormat="1" ht="14.1" customHeight="1" outlineLevel="2" x14ac:dyDescent="0.2">
      <c r="A7042" s="17">
        <v>13332</v>
      </c>
      <c r="B7042" s="17"/>
      <c r="C7042" s="17"/>
      <c r="D7042" s="18" t="s">
        <v>3497</v>
      </c>
      <c r="E7042" s="18"/>
      <c r="F7042" s="18"/>
      <c r="G7042" s="18"/>
      <c r="H7042" s="18"/>
      <c r="I7042" s="18"/>
      <c r="J7042" s="18"/>
      <c r="K7042" s="18"/>
      <c r="L7042" s="18"/>
      <c r="M7042" s="18"/>
      <c r="N7042" s="18"/>
      <c r="O7042" s="18"/>
      <c r="P7042" s="19">
        <v>235</v>
      </c>
      <c r="Q7042" s="19"/>
      <c r="R7042" s="19"/>
      <c r="S7042" s="19"/>
      <c r="T7042" s="19">
        <v>180</v>
      </c>
      <c r="U7042" s="19"/>
      <c r="V7042" s="19"/>
      <c r="W7042" s="19"/>
      <c r="X7042" s="19">
        <v>1</v>
      </c>
      <c r="Y7042" s="19"/>
      <c r="Z7042" s="19"/>
      <c r="AA7042" s="19"/>
    </row>
    <row r="7043" spans="1:27" s="1" customFormat="1" ht="14.1" customHeight="1" outlineLevel="2" x14ac:dyDescent="0.2">
      <c r="A7043" s="17"/>
      <c r="B7043" s="17"/>
      <c r="C7043" s="17"/>
      <c r="D7043" s="18"/>
      <c r="E7043" s="18"/>
      <c r="F7043" s="18"/>
      <c r="G7043" s="18"/>
      <c r="H7043" s="18"/>
      <c r="I7043" s="18"/>
      <c r="J7043" s="18"/>
      <c r="K7043" s="18"/>
      <c r="L7043" s="18"/>
      <c r="M7043" s="18"/>
      <c r="N7043" s="18"/>
      <c r="O7043" s="18"/>
      <c r="P7043" s="19"/>
      <c r="Q7043" s="19"/>
      <c r="R7043" s="19"/>
      <c r="S7043" s="19"/>
      <c r="T7043" s="19"/>
      <c r="U7043" s="19"/>
      <c r="V7043" s="19"/>
      <c r="W7043" s="19"/>
      <c r="X7043" s="19"/>
      <c r="Y7043" s="19"/>
      <c r="Z7043" s="19"/>
      <c r="AA7043" s="19"/>
    </row>
    <row r="7044" spans="1:27" s="1" customFormat="1" ht="14.1" customHeight="1" outlineLevel="2" x14ac:dyDescent="0.2">
      <c r="A7044" s="17">
        <v>18196</v>
      </c>
      <c r="B7044" s="17"/>
      <c r="C7044" s="17"/>
      <c r="D7044" s="18" t="s">
        <v>3498</v>
      </c>
      <c r="E7044" s="18"/>
      <c r="F7044" s="18"/>
      <c r="G7044" s="18"/>
      <c r="H7044" s="18"/>
      <c r="I7044" s="18"/>
      <c r="J7044" s="18"/>
      <c r="K7044" s="18"/>
      <c r="L7044" s="18"/>
      <c r="M7044" s="18"/>
      <c r="N7044" s="18"/>
      <c r="O7044" s="18"/>
      <c r="P7044" s="19">
        <v>100</v>
      </c>
      <c r="Q7044" s="19"/>
      <c r="R7044" s="19"/>
      <c r="S7044" s="19"/>
      <c r="T7044" s="19">
        <v>50</v>
      </c>
      <c r="U7044" s="19"/>
      <c r="V7044" s="19"/>
      <c r="W7044" s="19"/>
      <c r="X7044" s="19">
        <v>1</v>
      </c>
      <c r="Y7044" s="19"/>
      <c r="Z7044" s="19"/>
      <c r="AA7044" s="19"/>
    </row>
    <row r="7045" spans="1:27" s="1" customFormat="1" ht="14.1" customHeight="1" outlineLevel="2" x14ac:dyDescent="0.2">
      <c r="A7045" s="17"/>
      <c r="B7045" s="17"/>
      <c r="C7045" s="17"/>
      <c r="D7045" s="18"/>
      <c r="E7045" s="18"/>
      <c r="F7045" s="18"/>
      <c r="G7045" s="18"/>
      <c r="H7045" s="18"/>
      <c r="I7045" s="18"/>
      <c r="J7045" s="18"/>
      <c r="K7045" s="18"/>
      <c r="L7045" s="18"/>
      <c r="M7045" s="18"/>
      <c r="N7045" s="18"/>
      <c r="O7045" s="18"/>
      <c r="P7045" s="19"/>
      <c r="Q7045" s="19"/>
      <c r="R7045" s="19"/>
      <c r="S7045" s="19"/>
      <c r="T7045" s="19"/>
      <c r="U7045" s="19"/>
      <c r="V7045" s="19"/>
      <c r="W7045" s="19"/>
      <c r="X7045" s="19"/>
      <c r="Y7045" s="19"/>
      <c r="Z7045" s="19"/>
      <c r="AA7045" s="19"/>
    </row>
    <row r="7046" spans="1:27" s="1" customFormat="1" ht="14.1" customHeight="1" outlineLevel="2" x14ac:dyDescent="0.2">
      <c r="A7046" s="17">
        <v>14656</v>
      </c>
      <c r="B7046" s="17"/>
      <c r="C7046" s="17"/>
      <c r="D7046" s="18" t="s">
        <v>3499</v>
      </c>
      <c r="E7046" s="18"/>
      <c r="F7046" s="18"/>
      <c r="G7046" s="18"/>
      <c r="H7046" s="18"/>
      <c r="I7046" s="18"/>
      <c r="J7046" s="18"/>
      <c r="K7046" s="18"/>
      <c r="L7046" s="18"/>
      <c r="M7046" s="18"/>
      <c r="N7046" s="18"/>
      <c r="O7046" s="18"/>
      <c r="P7046" s="19">
        <v>190</v>
      </c>
      <c r="Q7046" s="19"/>
      <c r="R7046" s="19"/>
      <c r="S7046" s="19"/>
      <c r="T7046" s="19">
        <v>150</v>
      </c>
      <c r="U7046" s="19"/>
      <c r="V7046" s="19"/>
      <c r="W7046" s="19"/>
      <c r="X7046" s="19">
        <v>1</v>
      </c>
      <c r="Y7046" s="19"/>
      <c r="Z7046" s="19"/>
      <c r="AA7046" s="19"/>
    </row>
    <row r="7047" spans="1:27" s="1" customFormat="1" ht="14.1" customHeight="1" outlineLevel="2" x14ac:dyDescent="0.2">
      <c r="A7047" s="17"/>
      <c r="B7047" s="17"/>
      <c r="C7047" s="17"/>
      <c r="D7047" s="18"/>
      <c r="E7047" s="18"/>
      <c r="F7047" s="18"/>
      <c r="G7047" s="18"/>
      <c r="H7047" s="18"/>
      <c r="I7047" s="18"/>
      <c r="J7047" s="18"/>
      <c r="K7047" s="18"/>
      <c r="L7047" s="18"/>
      <c r="M7047" s="18"/>
      <c r="N7047" s="18"/>
      <c r="O7047" s="18"/>
      <c r="P7047" s="19"/>
      <c r="Q7047" s="19"/>
      <c r="R7047" s="19"/>
      <c r="S7047" s="19"/>
      <c r="T7047" s="19"/>
      <c r="U7047" s="19"/>
      <c r="V7047" s="19"/>
      <c r="W7047" s="19"/>
      <c r="X7047" s="19"/>
      <c r="Y7047" s="19"/>
      <c r="Z7047" s="19"/>
      <c r="AA7047" s="19"/>
    </row>
    <row r="7048" spans="1:27" s="1" customFormat="1" ht="11.1" customHeight="1" outlineLevel="1" x14ac:dyDescent="0.2">
      <c r="A7048" s="16" t="s">
        <v>2019</v>
      </c>
      <c r="B7048" s="16"/>
      <c r="C7048" s="16"/>
      <c r="D7048" s="16"/>
      <c r="E7048" s="16"/>
      <c r="F7048" s="16"/>
      <c r="G7048" s="16"/>
      <c r="H7048" s="16"/>
      <c r="I7048" s="16"/>
      <c r="J7048" s="16"/>
      <c r="K7048" s="16"/>
      <c r="L7048" s="16"/>
      <c r="M7048" s="16"/>
      <c r="N7048" s="16"/>
      <c r="O7048" s="16"/>
      <c r="P7048" s="16"/>
      <c r="Q7048" s="16"/>
      <c r="R7048" s="16"/>
      <c r="S7048" s="16"/>
      <c r="T7048" s="16"/>
      <c r="U7048" s="16"/>
      <c r="V7048" s="16"/>
      <c r="W7048" s="16"/>
      <c r="X7048" s="16"/>
      <c r="Y7048" s="16"/>
      <c r="Z7048" s="16"/>
      <c r="AA7048" s="16"/>
    </row>
    <row r="7049" spans="1:27" s="1" customFormat="1" ht="11.1" customHeight="1" outlineLevel="1" x14ac:dyDescent="0.2">
      <c r="A7049" s="16"/>
      <c r="B7049" s="16"/>
      <c r="C7049" s="16"/>
      <c r="D7049" s="16"/>
      <c r="E7049" s="16"/>
      <c r="F7049" s="16"/>
      <c r="G7049" s="16"/>
      <c r="H7049" s="16"/>
      <c r="I7049" s="16"/>
      <c r="J7049" s="16"/>
      <c r="K7049" s="16"/>
      <c r="L7049" s="16"/>
      <c r="M7049" s="16"/>
      <c r="N7049" s="16"/>
      <c r="O7049" s="16"/>
      <c r="P7049" s="16"/>
      <c r="Q7049" s="16"/>
      <c r="R7049" s="16"/>
      <c r="S7049" s="16"/>
      <c r="T7049" s="16"/>
      <c r="U7049" s="16"/>
      <c r="V7049" s="16"/>
      <c r="W7049" s="16"/>
      <c r="X7049" s="16"/>
      <c r="Y7049" s="16"/>
      <c r="Z7049" s="16"/>
      <c r="AA7049" s="16"/>
    </row>
    <row r="7050" spans="1:27" s="1" customFormat="1" ht="11.1" customHeight="1" outlineLevel="2" x14ac:dyDescent="0.2">
      <c r="A7050" s="17">
        <v>15293</v>
      </c>
      <c r="B7050" s="17"/>
      <c r="C7050" s="17"/>
      <c r="D7050" s="18" t="s">
        <v>3500</v>
      </c>
      <c r="E7050" s="18"/>
      <c r="F7050" s="18"/>
      <c r="G7050" s="18"/>
      <c r="H7050" s="18"/>
      <c r="I7050" s="18"/>
      <c r="J7050" s="18"/>
      <c r="K7050" s="18"/>
      <c r="L7050" s="18"/>
      <c r="M7050" s="18"/>
      <c r="N7050" s="18"/>
      <c r="O7050" s="18"/>
      <c r="P7050" s="19">
        <v>70</v>
      </c>
      <c r="Q7050" s="19"/>
      <c r="R7050" s="19"/>
      <c r="S7050" s="19"/>
      <c r="T7050" s="19">
        <v>50</v>
      </c>
      <c r="U7050" s="19"/>
      <c r="V7050" s="19"/>
      <c r="W7050" s="19"/>
      <c r="X7050" s="19">
        <v>100</v>
      </c>
      <c r="Y7050" s="19"/>
      <c r="Z7050" s="19"/>
      <c r="AA7050" s="19"/>
    </row>
    <row r="7051" spans="1:27" s="1" customFormat="1" ht="11.1" customHeight="1" outlineLevel="2" x14ac:dyDescent="0.2">
      <c r="A7051" s="17"/>
      <c r="B7051" s="17"/>
      <c r="C7051" s="17"/>
      <c r="D7051" s="18"/>
      <c r="E7051" s="18"/>
      <c r="F7051" s="18"/>
      <c r="G7051" s="18"/>
      <c r="H7051" s="18"/>
      <c r="I7051" s="18"/>
      <c r="J7051" s="18"/>
      <c r="K7051" s="18"/>
      <c r="L7051" s="18"/>
      <c r="M7051" s="18"/>
      <c r="N7051" s="18"/>
      <c r="O7051" s="18"/>
      <c r="P7051" s="19"/>
      <c r="Q7051" s="19"/>
      <c r="R7051" s="19"/>
      <c r="S7051" s="19"/>
      <c r="T7051" s="19"/>
      <c r="U7051" s="19"/>
      <c r="V7051" s="19"/>
      <c r="W7051" s="19"/>
      <c r="X7051" s="19"/>
      <c r="Y7051" s="19"/>
      <c r="Z7051" s="19"/>
      <c r="AA7051" s="19"/>
    </row>
    <row r="7052" spans="1:27" s="1" customFormat="1" ht="11.1" customHeight="1" outlineLevel="2" x14ac:dyDescent="0.2">
      <c r="A7052" s="17">
        <v>15294</v>
      </c>
      <c r="B7052" s="17"/>
      <c r="C7052" s="17"/>
      <c r="D7052" s="18" t="s">
        <v>3501</v>
      </c>
      <c r="E7052" s="18"/>
      <c r="F7052" s="18"/>
      <c r="G7052" s="18"/>
      <c r="H7052" s="18"/>
      <c r="I7052" s="18"/>
      <c r="J7052" s="18"/>
      <c r="K7052" s="18"/>
      <c r="L7052" s="18"/>
      <c r="M7052" s="18"/>
      <c r="N7052" s="18"/>
      <c r="O7052" s="18"/>
      <c r="P7052" s="19">
        <v>60</v>
      </c>
      <c r="Q7052" s="19"/>
      <c r="R7052" s="19"/>
      <c r="S7052" s="19"/>
      <c r="T7052" s="19">
        <v>40</v>
      </c>
      <c r="U7052" s="19"/>
      <c r="V7052" s="19"/>
      <c r="W7052" s="19"/>
      <c r="X7052" s="19">
        <v>100</v>
      </c>
      <c r="Y7052" s="19"/>
      <c r="Z7052" s="19"/>
      <c r="AA7052" s="19"/>
    </row>
    <row r="7053" spans="1:27" s="1" customFormat="1" ht="11.1" customHeight="1" outlineLevel="2" x14ac:dyDescent="0.2">
      <c r="A7053" s="17"/>
      <c r="B7053" s="17"/>
      <c r="C7053" s="17"/>
      <c r="D7053" s="18"/>
      <c r="E7053" s="18"/>
      <c r="F7053" s="18"/>
      <c r="G7053" s="18"/>
      <c r="H7053" s="18"/>
      <c r="I7053" s="18"/>
      <c r="J7053" s="18"/>
      <c r="K7053" s="18"/>
      <c r="L7053" s="18"/>
      <c r="M7053" s="18"/>
      <c r="N7053" s="18"/>
      <c r="O7053" s="18"/>
      <c r="P7053" s="19"/>
      <c r="Q7053" s="19"/>
      <c r="R7053" s="19"/>
      <c r="S7053" s="19"/>
      <c r="T7053" s="19"/>
      <c r="U7053" s="19"/>
      <c r="V7053" s="19"/>
      <c r="W7053" s="19"/>
      <c r="X7053" s="19"/>
      <c r="Y7053" s="19"/>
      <c r="Z7053" s="19"/>
      <c r="AA7053" s="19"/>
    </row>
    <row r="7054" spans="1:27" s="1" customFormat="1" ht="11.1" customHeight="1" outlineLevel="2" x14ac:dyDescent="0.2">
      <c r="A7054" s="17">
        <v>15295</v>
      </c>
      <c r="B7054" s="17"/>
      <c r="C7054" s="17"/>
      <c r="D7054" s="18" t="s">
        <v>3502</v>
      </c>
      <c r="E7054" s="18"/>
      <c r="F7054" s="18"/>
      <c r="G7054" s="18"/>
      <c r="H7054" s="18"/>
      <c r="I7054" s="18"/>
      <c r="J7054" s="18"/>
      <c r="K7054" s="18"/>
      <c r="L7054" s="18"/>
      <c r="M7054" s="18"/>
      <c r="N7054" s="18"/>
      <c r="O7054" s="18"/>
      <c r="P7054" s="19">
        <v>60</v>
      </c>
      <c r="Q7054" s="19"/>
      <c r="R7054" s="19"/>
      <c r="S7054" s="19"/>
      <c r="T7054" s="19">
        <v>40</v>
      </c>
      <c r="U7054" s="19"/>
      <c r="V7054" s="19"/>
      <c r="W7054" s="19"/>
      <c r="X7054" s="19">
        <v>99</v>
      </c>
      <c r="Y7054" s="19"/>
      <c r="Z7054" s="19"/>
      <c r="AA7054" s="19"/>
    </row>
    <row r="7055" spans="1:27" s="1" customFormat="1" ht="11.1" customHeight="1" outlineLevel="2" x14ac:dyDescent="0.2">
      <c r="A7055" s="17"/>
      <c r="B7055" s="17"/>
      <c r="C7055" s="17"/>
      <c r="D7055" s="18"/>
      <c r="E7055" s="18"/>
      <c r="F7055" s="18"/>
      <c r="G7055" s="18"/>
      <c r="H7055" s="18"/>
      <c r="I7055" s="18"/>
      <c r="J7055" s="18"/>
      <c r="K7055" s="18"/>
      <c r="L7055" s="18"/>
      <c r="M7055" s="18"/>
      <c r="N7055" s="18"/>
      <c r="O7055" s="18"/>
      <c r="P7055" s="19"/>
      <c r="Q7055" s="19"/>
      <c r="R7055" s="19"/>
      <c r="S7055" s="19"/>
      <c r="T7055" s="19"/>
      <c r="U7055" s="19"/>
      <c r="V7055" s="19"/>
      <c r="W7055" s="19"/>
      <c r="X7055" s="19"/>
      <c r="Y7055" s="19"/>
      <c r="Z7055" s="19"/>
      <c r="AA7055" s="19"/>
    </row>
    <row r="7056" spans="1:27" s="1" customFormat="1" ht="11.1" customHeight="1" outlineLevel="2" x14ac:dyDescent="0.2">
      <c r="A7056" s="17">
        <v>15296</v>
      </c>
      <c r="B7056" s="17"/>
      <c r="C7056" s="17"/>
      <c r="D7056" s="18" t="s">
        <v>3503</v>
      </c>
      <c r="E7056" s="18"/>
      <c r="F7056" s="18"/>
      <c r="G7056" s="18"/>
      <c r="H7056" s="18"/>
      <c r="I7056" s="18"/>
      <c r="J7056" s="18"/>
      <c r="K7056" s="18"/>
      <c r="L7056" s="18"/>
      <c r="M7056" s="18"/>
      <c r="N7056" s="18"/>
      <c r="O7056" s="18"/>
      <c r="P7056" s="19">
        <v>60</v>
      </c>
      <c r="Q7056" s="19"/>
      <c r="R7056" s="19"/>
      <c r="S7056" s="19"/>
      <c r="T7056" s="19">
        <v>40</v>
      </c>
      <c r="U7056" s="19"/>
      <c r="V7056" s="19"/>
      <c r="W7056" s="19"/>
      <c r="X7056" s="19">
        <v>99</v>
      </c>
      <c r="Y7056" s="19"/>
      <c r="Z7056" s="19"/>
      <c r="AA7056" s="19"/>
    </row>
    <row r="7057" spans="1:27" s="1" customFormat="1" ht="11.1" customHeight="1" outlineLevel="2" x14ac:dyDescent="0.2">
      <c r="A7057" s="17"/>
      <c r="B7057" s="17"/>
      <c r="C7057" s="17"/>
      <c r="D7057" s="18"/>
      <c r="E7057" s="18"/>
      <c r="F7057" s="18"/>
      <c r="G7057" s="18"/>
      <c r="H7057" s="18"/>
      <c r="I7057" s="18"/>
      <c r="J7057" s="18"/>
      <c r="K7057" s="18"/>
      <c r="L7057" s="18"/>
      <c r="M7057" s="18"/>
      <c r="N7057" s="18"/>
      <c r="O7057" s="18"/>
      <c r="P7057" s="19"/>
      <c r="Q7057" s="19"/>
      <c r="R7057" s="19"/>
      <c r="S7057" s="19"/>
      <c r="T7057" s="19"/>
      <c r="U7057" s="19"/>
      <c r="V7057" s="19"/>
      <c r="W7057" s="19"/>
      <c r="X7057" s="19"/>
      <c r="Y7057" s="19"/>
      <c r="Z7057" s="19"/>
      <c r="AA7057" s="19"/>
    </row>
    <row r="7058" spans="1:27" s="1" customFormat="1" ht="14.1" customHeight="1" outlineLevel="2" x14ac:dyDescent="0.2">
      <c r="A7058" s="17">
        <v>16765</v>
      </c>
      <c r="B7058" s="17"/>
      <c r="C7058" s="17"/>
      <c r="D7058" s="18" t="s">
        <v>3504</v>
      </c>
      <c r="E7058" s="18"/>
      <c r="F7058" s="18"/>
      <c r="G7058" s="18"/>
      <c r="H7058" s="18"/>
      <c r="I7058" s="18"/>
      <c r="J7058" s="18"/>
      <c r="K7058" s="18"/>
      <c r="L7058" s="18"/>
      <c r="M7058" s="18"/>
      <c r="N7058" s="18"/>
      <c r="O7058" s="18"/>
      <c r="P7058" s="19">
        <v>350</v>
      </c>
      <c r="Q7058" s="19"/>
      <c r="R7058" s="19"/>
      <c r="S7058" s="19"/>
      <c r="T7058" s="19">
        <v>300</v>
      </c>
      <c r="U7058" s="19"/>
      <c r="V7058" s="19"/>
      <c r="W7058" s="19"/>
      <c r="X7058" s="19">
        <v>1</v>
      </c>
      <c r="Y7058" s="19"/>
      <c r="Z7058" s="19"/>
      <c r="AA7058" s="19"/>
    </row>
    <row r="7059" spans="1:27" s="1" customFormat="1" ht="14.1" customHeight="1" outlineLevel="2" x14ac:dyDescent="0.2">
      <c r="A7059" s="17"/>
      <c r="B7059" s="17"/>
      <c r="C7059" s="17"/>
      <c r="D7059" s="18"/>
      <c r="E7059" s="18"/>
      <c r="F7059" s="18"/>
      <c r="G7059" s="18"/>
      <c r="H7059" s="18"/>
      <c r="I7059" s="18"/>
      <c r="J7059" s="18"/>
      <c r="K7059" s="18"/>
      <c r="L7059" s="18"/>
      <c r="M7059" s="18"/>
      <c r="N7059" s="18"/>
      <c r="O7059" s="18"/>
      <c r="P7059" s="19"/>
      <c r="Q7059" s="19"/>
      <c r="R7059" s="19"/>
      <c r="S7059" s="19"/>
      <c r="T7059" s="19"/>
      <c r="U7059" s="19"/>
      <c r="V7059" s="19"/>
      <c r="W7059" s="19"/>
      <c r="X7059" s="19"/>
      <c r="Y7059" s="19"/>
      <c r="Z7059" s="19"/>
      <c r="AA7059" s="19"/>
    </row>
    <row r="7060" spans="1:27" s="1" customFormat="1" ht="11.1" customHeight="1" outlineLevel="2" x14ac:dyDescent="0.2">
      <c r="A7060" s="17">
        <v>15297</v>
      </c>
      <c r="B7060" s="17"/>
      <c r="C7060" s="17"/>
      <c r="D7060" s="18" t="s">
        <v>3505</v>
      </c>
      <c r="E7060" s="18"/>
      <c r="F7060" s="18"/>
      <c r="G7060" s="18"/>
      <c r="H7060" s="18"/>
      <c r="I7060" s="18"/>
      <c r="J7060" s="18"/>
      <c r="K7060" s="18"/>
      <c r="L7060" s="18"/>
      <c r="M7060" s="18"/>
      <c r="N7060" s="18"/>
      <c r="O7060" s="18"/>
      <c r="P7060" s="19">
        <v>60</v>
      </c>
      <c r="Q7060" s="19"/>
      <c r="R7060" s="19"/>
      <c r="S7060" s="19"/>
      <c r="T7060" s="19">
        <v>40</v>
      </c>
      <c r="U7060" s="19"/>
      <c r="V7060" s="19"/>
      <c r="W7060" s="19"/>
      <c r="X7060" s="19">
        <v>100</v>
      </c>
      <c r="Y7060" s="19"/>
      <c r="Z7060" s="19"/>
      <c r="AA7060" s="19"/>
    </row>
    <row r="7061" spans="1:27" s="1" customFormat="1" ht="11.1" customHeight="1" outlineLevel="2" x14ac:dyDescent="0.2">
      <c r="A7061" s="17"/>
      <c r="B7061" s="17"/>
      <c r="C7061" s="17"/>
      <c r="D7061" s="18"/>
      <c r="E7061" s="18"/>
      <c r="F7061" s="18"/>
      <c r="G7061" s="18"/>
      <c r="H7061" s="18"/>
      <c r="I7061" s="18"/>
      <c r="J7061" s="18"/>
      <c r="K7061" s="18"/>
      <c r="L7061" s="18"/>
      <c r="M7061" s="18"/>
      <c r="N7061" s="18"/>
      <c r="O7061" s="18"/>
      <c r="P7061" s="19"/>
      <c r="Q7061" s="19"/>
      <c r="R7061" s="19"/>
      <c r="S7061" s="19"/>
      <c r="T7061" s="19"/>
      <c r="U7061" s="19"/>
      <c r="V7061" s="19"/>
      <c r="W7061" s="19"/>
      <c r="X7061" s="19"/>
      <c r="Y7061" s="19"/>
      <c r="Z7061" s="19"/>
      <c r="AA7061" s="19"/>
    </row>
    <row r="7062" spans="1:27" s="1" customFormat="1" ht="11.1" customHeight="1" outlineLevel="1" x14ac:dyDescent="0.2">
      <c r="A7062" s="16" t="s">
        <v>1298</v>
      </c>
      <c r="B7062" s="16"/>
      <c r="C7062" s="16"/>
      <c r="D7062" s="16"/>
      <c r="E7062" s="16"/>
      <c r="F7062" s="16"/>
      <c r="G7062" s="16"/>
      <c r="H7062" s="16"/>
      <c r="I7062" s="16"/>
      <c r="J7062" s="16"/>
      <c r="K7062" s="16"/>
      <c r="L7062" s="16"/>
      <c r="M7062" s="16"/>
      <c r="N7062" s="16"/>
      <c r="O7062" s="16"/>
      <c r="P7062" s="16"/>
      <c r="Q7062" s="16"/>
      <c r="R7062" s="16"/>
      <c r="S7062" s="16"/>
      <c r="T7062" s="16"/>
      <c r="U7062" s="16"/>
      <c r="V7062" s="16"/>
      <c r="W7062" s="16"/>
      <c r="X7062" s="16"/>
      <c r="Y7062" s="16"/>
      <c r="Z7062" s="16"/>
      <c r="AA7062" s="16"/>
    </row>
    <row r="7063" spans="1:27" s="1" customFormat="1" ht="11.1" customHeight="1" outlineLevel="1" x14ac:dyDescent="0.2">
      <c r="A7063" s="16"/>
      <c r="B7063" s="16"/>
      <c r="C7063" s="16"/>
      <c r="D7063" s="16"/>
      <c r="E7063" s="16"/>
      <c r="F7063" s="16"/>
      <c r="G7063" s="16"/>
      <c r="H7063" s="16"/>
      <c r="I7063" s="16"/>
      <c r="J7063" s="16"/>
      <c r="K7063" s="16"/>
      <c r="L7063" s="16"/>
      <c r="M7063" s="16"/>
      <c r="N7063" s="16"/>
      <c r="O7063" s="16"/>
      <c r="P7063" s="16"/>
      <c r="Q7063" s="16"/>
      <c r="R7063" s="16"/>
      <c r="S7063" s="16"/>
      <c r="T7063" s="16"/>
      <c r="U7063" s="16"/>
      <c r="V7063" s="16"/>
      <c r="W7063" s="16"/>
      <c r="X7063" s="16"/>
      <c r="Y7063" s="16"/>
      <c r="Z7063" s="16"/>
      <c r="AA7063" s="16"/>
    </row>
    <row r="7064" spans="1:27" s="1" customFormat="1" ht="14.1" customHeight="1" outlineLevel="2" x14ac:dyDescent="0.2">
      <c r="A7064" s="17">
        <v>15929</v>
      </c>
      <c r="B7064" s="17"/>
      <c r="C7064" s="17"/>
      <c r="D7064" s="18" t="s">
        <v>3506</v>
      </c>
      <c r="E7064" s="18"/>
      <c r="F7064" s="18"/>
      <c r="G7064" s="18"/>
      <c r="H7064" s="18"/>
      <c r="I7064" s="18"/>
      <c r="J7064" s="18"/>
      <c r="K7064" s="18"/>
      <c r="L7064" s="18"/>
      <c r="M7064" s="18"/>
      <c r="N7064" s="18"/>
      <c r="O7064" s="18"/>
      <c r="P7064" s="19">
        <v>300</v>
      </c>
      <c r="Q7064" s="19"/>
      <c r="R7064" s="19"/>
      <c r="S7064" s="19"/>
      <c r="T7064" s="19">
        <v>250</v>
      </c>
      <c r="U7064" s="19"/>
      <c r="V7064" s="19"/>
      <c r="W7064" s="19"/>
      <c r="X7064" s="19">
        <v>1</v>
      </c>
      <c r="Y7064" s="19"/>
      <c r="Z7064" s="19"/>
      <c r="AA7064" s="19"/>
    </row>
    <row r="7065" spans="1:27" s="1" customFormat="1" ht="14.1" customHeight="1" outlineLevel="2" x14ac:dyDescent="0.2">
      <c r="A7065" s="17"/>
      <c r="B7065" s="17"/>
      <c r="C7065" s="17"/>
      <c r="D7065" s="18"/>
      <c r="E7065" s="18"/>
      <c r="F7065" s="18"/>
      <c r="G7065" s="18"/>
      <c r="H7065" s="18"/>
      <c r="I7065" s="18"/>
      <c r="J7065" s="18"/>
      <c r="K7065" s="18"/>
      <c r="L7065" s="18"/>
      <c r="M7065" s="18"/>
      <c r="N7065" s="18"/>
      <c r="O7065" s="18"/>
      <c r="P7065" s="19"/>
      <c r="Q7065" s="19"/>
      <c r="R7065" s="19"/>
      <c r="S7065" s="19"/>
      <c r="T7065" s="19"/>
      <c r="U7065" s="19"/>
      <c r="V7065" s="19"/>
      <c r="W7065" s="19"/>
      <c r="X7065" s="19"/>
      <c r="Y7065" s="19"/>
      <c r="Z7065" s="19"/>
      <c r="AA7065" s="19"/>
    </row>
    <row r="7066" spans="1:27" s="1" customFormat="1" ht="14.1" customHeight="1" outlineLevel="2" x14ac:dyDescent="0.2">
      <c r="A7066" s="17">
        <v>9238</v>
      </c>
      <c r="B7066" s="17"/>
      <c r="C7066" s="17"/>
      <c r="D7066" s="18" t="s">
        <v>3507</v>
      </c>
      <c r="E7066" s="18"/>
      <c r="F7066" s="18"/>
      <c r="G7066" s="18"/>
      <c r="H7066" s="18"/>
      <c r="I7066" s="18"/>
      <c r="J7066" s="18"/>
      <c r="K7066" s="18"/>
      <c r="L7066" s="18"/>
      <c r="M7066" s="18"/>
      <c r="N7066" s="18"/>
      <c r="O7066" s="18"/>
      <c r="P7066" s="19">
        <v>390</v>
      </c>
      <c r="Q7066" s="19"/>
      <c r="R7066" s="19"/>
      <c r="S7066" s="19"/>
      <c r="T7066" s="19">
        <v>300</v>
      </c>
      <c r="U7066" s="19"/>
      <c r="V7066" s="19"/>
      <c r="W7066" s="19"/>
      <c r="X7066" s="19">
        <v>1</v>
      </c>
      <c r="Y7066" s="19"/>
      <c r="Z7066" s="19"/>
      <c r="AA7066" s="19"/>
    </row>
    <row r="7067" spans="1:27" s="1" customFormat="1" ht="14.1" customHeight="1" outlineLevel="2" x14ac:dyDescent="0.2">
      <c r="A7067" s="17"/>
      <c r="B7067" s="17"/>
      <c r="C7067" s="17"/>
      <c r="D7067" s="18"/>
      <c r="E7067" s="18"/>
      <c r="F7067" s="18"/>
      <c r="G7067" s="18"/>
      <c r="H7067" s="18"/>
      <c r="I7067" s="18"/>
      <c r="J7067" s="18"/>
      <c r="K7067" s="18"/>
      <c r="L7067" s="18"/>
      <c r="M7067" s="18"/>
      <c r="N7067" s="18"/>
      <c r="O7067" s="18"/>
      <c r="P7067" s="19"/>
      <c r="Q7067" s="19"/>
      <c r="R7067" s="19"/>
      <c r="S7067" s="19"/>
      <c r="T7067" s="19"/>
      <c r="U7067" s="19"/>
      <c r="V7067" s="19"/>
      <c r="W7067" s="19"/>
      <c r="X7067" s="19"/>
      <c r="Y7067" s="19"/>
      <c r="Z7067" s="19"/>
      <c r="AA7067" s="19"/>
    </row>
    <row r="7068" spans="1:27" s="1" customFormat="1" ht="14.1" customHeight="1" outlineLevel="2" x14ac:dyDescent="0.2">
      <c r="A7068" s="17">
        <v>16657</v>
      </c>
      <c r="B7068" s="17"/>
      <c r="C7068" s="17"/>
      <c r="D7068" s="18" t="s">
        <v>3508</v>
      </c>
      <c r="E7068" s="18"/>
      <c r="F7068" s="18"/>
      <c r="G7068" s="18"/>
      <c r="H7068" s="18"/>
      <c r="I7068" s="18"/>
      <c r="J7068" s="18"/>
      <c r="K7068" s="18"/>
      <c r="L7068" s="18"/>
      <c r="M7068" s="18"/>
      <c r="N7068" s="18"/>
      <c r="O7068" s="18"/>
      <c r="P7068" s="19">
        <v>500</v>
      </c>
      <c r="Q7068" s="19"/>
      <c r="R7068" s="19"/>
      <c r="S7068" s="19"/>
      <c r="T7068" s="19">
        <v>400</v>
      </c>
      <c r="U7068" s="19"/>
      <c r="V7068" s="19"/>
      <c r="W7068" s="19"/>
      <c r="X7068" s="19">
        <v>1</v>
      </c>
      <c r="Y7068" s="19"/>
      <c r="Z7068" s="19"/>
      <c r="AA7068" s="19"/>
    </row>
    <row r="7069" spans="1:27" s="1" customFormat="1" ht="14.1" customHeight="1" outlineLevel="2" x14ac:dyDescent="0.2">
      <c r="A7069" s="17"/>
      <c r="B7069" s="17"/>
      <c r="C7069" s="17"/>
      <c r="D7069" s="18"/>
      <c r="E7069" s="18"/>
      <c r="F7069" s="18"/>
      <c r="G7069" s="18"/>
      <c r="H7069" s="18"/>
      <c r="I7069" s="18"/>
      <c r="J7069" s="18"/>
      <c r="K7069" s="18"/>
      <c r="L7069" s="18"/>
      <c r="M7069" s="18"/>
      <c r="N7069" s="18"/>
      <c r="O7069" s="18"/>
      <c r="P7069" s="19"/>
      <c r="Q7069" s="19"/>
      <c r="R7069" s="19"/>
      <c r="S7069" s="19"/>
      <c r="T7069" s="19"/>
      <c r="U7069" s="19"/>
      <c r="V7069" s="19"/>
      <c r="W7069" s="19"/>
      <c r="X7069" s="19"/>
      <c r="Y7069" s="19"/>
      <c r="Z7069" s="19"/>
      <c r="AA7069" s="19"/>
    </row>
    <row r="7070" spans="1:27" s="1" customFormat="1" ht="14.1" customHeight="1" outlineLevel="2" x14ac:dyDescent="0.2">
      <c r="A7070" s="17">
        <v>18054</v>
      </c>
      <c r="B7070" s="17"/>
      <c r="C7070" s="17"/>
      <c r="D7070" s="18" t="s">
        <v>3509</v>
      </c>
      <c r="E7070" s="18"/>
      <c r="F7070" s="18"/>
      <c r="G7070" s="18"/>
      <c r="H7070" s="18"/>
      <c r="I7070" s="18"/>
      <c r="J7070" s="18"/>
      <c r="K7070" s="18"/>
      <c r="L7070" s="18"/>
      <c r="M7070" s="18"/>
      <c r="N7070" s="18"/>
      <c r="O7070" s="18"/>
      <c r="P7070" s="19">
        <v>400</v>
      </c>
      <c r="Q7070" s="19"/>
      <c r="R7070" s="19"/>
      <c r="S7070" s="19"/>
      <c r="T7070" s="19">
        <v>300</v>
      </c>
      <c r="U7070" s="19"/>
      <c r="V7070" s="19"/>
      <c r="W7070" s="19"/>
      <c r="X7070" s="19">
        <v>1</v>
      </c>
      <c r="Y7070" s="19"/>
      <c r="Z7070" s="19"/>
      <c r="AA7070" s="19"/>
    </row>
    <row r="7071" spans="1:27" s="1" customFormat="1" ht="14.1" customHeight="1" outlineLevel="2" x14ac:dyDescent="0.2">
      <c r="A7071" s="17"/>
      <c r="B7071" s="17"/>
      <c r="C7071" s="17"/>
      <c r="D7071" s="18"/>
      <c r="E7071" s="18"/>
      <c r="F7071" s="18"/>
      <c r="G7071" s="18"/>
      <c r="H7071" s="18"/>
      <c r="I7071" s="18"/>
      <c r="J7071" s="18"/>
      <c r="K7071" s="18"/>
      <c r="L7071" s="18"/>
      <c r="M7071" s="18"/>
      <c r="N7071" s="18"/>
      <c r="O7071" s="18"/>
      <c r="P7071" s="19"/>
      <c r="Q7071" s="19"/>
      <c r="R7071" s="19"/>
      <c r="S7071" s="19"/>
      <c r="T7071" s="19"/>
      <c r="U7071" s="19"/>
      <c r="V7071" s="19"/>
      <c r="W7071" s="19"/>
      <c r="X7071" s="19"/>
      <c r="Y7071" s="19"/>
      <c r="Z7071" s="19"/>
      <c r="AA7071" s="19"/>
    </row>
    <row r="7072" spans="1:27" s="1" customFormat="1" ht="11.1" customHeight="1" outlineLevel="2" x14ac:dyDescent="0.2">
      <c r="A7072" s="17">
        <v>11557</v>
      </c>
      <c r="B7072" s="17"/>
      <c r="C7072" s="17"/>
      <c r="D7072" s="18" t="s">
        <v>3510</v>
      </c>
      <c r="E7072" s="18"/>
      <c r="F7072" s="18"/>
      <c r="G7072" s="18"/>
      <c r="H7072" s="18"/>
      <c r="I7072" s="18"/>
      <c r="J7072" s="18"/>
      <c r="K7072" s="18"/>
      <c r="L7072" s="18"/>
      <c r="M7072" s="18"/>
      <c r="N7072" s="18"/>
      <c r="O7072" s="18"/>
      <c r="P7072" s="19">
        <v>70</v>
      </c>
      <c r="Q7072" s="19"/>
      <c r="R7072" s="19"/>
      <c r="S7072" s="19"/>
      <c r="T7072" s="19">
        <v>54</v>
      </c>
      <c r="U7072" s="19"/>
      <c r="V7072" s="19"/>
      <c r="W7072" s="19"/>
      <c r="X7072" s="19">
        <v>10</v>
      </c>
      <c r="Y7072" s="19"/>
      <c r="Z7072" s="19"/>
      <c r="AA7072" s="19"/>
    </row>
    <row r="7073" spans="1:27" s="1" customFormat="1" ht="11.1" customHeight="1" outlineLevel="2" x14ac:dyDescent="0.2">
      <c r="A7073" s="17"/>
      <c r="B7073" s="17"/>
      <c r="C7073" s="17"/>
      <c r="D7073" s="18"/>
      <c r="E7073" s="18"/>
      <c r="F7073" s="18"/>
      <c r="G7073" s="18"/>
      <c r="H7073" s="18"/>
      <c r="I7073" s="18"/>
      <c r="J7073" s="18"/>
      <c r="K7073" s="18"/>
      <c r="L7073" s="18"/>
      <c r="M7073" s="18"/>
      <c r="N7073" s="18"/>
      <c r="O7073" s="18"/>
      <c r="P7073" s="19"/>
      <c r="Q7073" s="19"/>
      <c r="R7073" s="19"/>
      <c r="S7073" s="19"/>
      <c r="T7073" s="19"/>
      <c r="U7073" s="19"/>
      <c r="V7073" s="19"/>
      <c r="W7073" s="19"/>
      <c r="X7073" s="19"/>
      <c r="Y7073" s="19"/>
      <c r="Z7073" s="19"/>
      <c r="AA7073" s="19"/>
    </row>
    <row r="7074" spans="1:27" s="1" customFormat="1" ht="11.1" customHeight="1" outlineLevel="2" x14ac:dyDescent="0.2">
      <c r="A7074" s="17">
        <v>11558</v>
      </c>
      <c r="B7074" s="17"/>
      <c r="C7074" s="17"/>
      <c r="D7074" s="18" t="s">
        <v>3511</v>
      </c>
      <c r="E7074" s="18"/>
      <c r="F7074" s="18"/>
      <c r="G7074" s="18"/>
      <c r="H7074" s="18"/>
      <c r="I7074" s="18"/>
      <c r="J7074" s="18"/>
      <c r="K7074" s="18"/>
      <c r="L7074" s="18"/>
      <c r="M7074" s="18"/>
      <c r="N7074" s="18"/>
      <c r="O7074" s="18"/>
      <c r="P7074" s="19">
        <v>70</v>
      </c>
      <c r="Q7074" s="19"/>
      <c r="R7074" s="19"/>
      <c r="S7074" s="19"/>
      <c r="T7074" s="19">
        <v>54</v>
      </c>
      <c r="U7074" s="19"/>
      <c r="V7074" s="19"/>
      <c r="W7074" s="19"/>
      <c r="X7074" s="19">
        <v>9</v>
      </c>
      <c r="Y7074" s="19"/>
      <c r="Z7074" s="19"/>
      <c r="AA7074" s="19"/>
    </row>
    <row r="7075" spans="1:27" s="1" customFormat="1" ht="11.1" customHeight="1" outlineLevel="2" x14ac:dyDescent="0.2">
      <c r="A7075" s="17"/>
      <c r="B7075" s="17"/>
      <c r="C7075" s="17"/>
      <c r="D7075" s="18"/>
      <c r="E7075" s="18"/>
      <c r="F7075" s="18"/>
      <c r="G7075" s="18"/>
      <c r="H7075" s="18"/>
      <c r="I7075" s="18"/>
      <c r="J7075" s="18"/>
      <c r="K7075" s="18"/>
      <c r="L7075" s="18"/>
      <c r="M7075" s="18"/>
      <c r="N7075" s="18"/>
      <c r="O7075" s="18"/>
      <c r="P7075" s="19"/>
      <c r="Q7075" s="19"/>
      <c r="R7075" s="19"/>
      <c r="S7075" s="19"/>
      <c r="T7075" s="19"/>
      <c r="U7075" s="19"/>
      <c r="V7075" s="19"/>
      <c r="W7075" s="19"/>
      <c r="X7075" s="19"/>
      <c r="Y7075" s="19"/>
      <c r="Z7075" s="19"/>
      <c r="AA7075" s="19"/>
    </row>
    <row r="7076" spans="1:27" s="1" customFormat="1" ht="11.1" customHeight="1" outlineLevel="2" x14ac:dyDescent="0.2">
      <c r="A7076" s="17">
        <v>14815</v>
      </c>
      <c r="B7076" s="17"/>
      <c r="C7076" s="17"/>
      <c r="D7076" s="18" t="s">
        <v>3512</v>
      </c>
      <c r="E7076" s="18"/>
      <c r="F7076" s="18"/>
      <c r="G7076" s="18"/>
      <c r="H7076" s="18"/>
      <c r="I7076" s="18"/>
      <c r="J7076" s="18"/>
      <c r="K7076" s="18"/>
      <c r="L7076" s="18"/>
      <c r="M7076" s="18"/>
      <c r="N7076" s="18"/>
      <c r="O7076" s="18"/>
      <c r="P7076" s="19">
        <v>70</v>
      </c>
      <c r="Q7076" s="19"/>
      <c r="R7076" s="19"/>
      <c r="S7076" s="19"/>
      <c r="T7076" s="19">
        <v>50</v>
      </c>
      <c r="U7076" s="19"/>
      <c r="V7076" s="19"/>
      <c r="W7076" s="19"/>
      <c r="X7076" s="19">
        <v>99</v>
      </c>
      <c r="Y7076" s="19"/>
      <c r="Z7076" s="19"/>
      <c r="AA7076" s="19"/>
    </row>
    <row r="7077" spans="1:27" s="1" customFormat="1" ht="11.1" customHeight="1" outlineLevel="2" x14ac:dyDescent="0.2">
      <c r="A7077" s="17"/>
      <c r="B7077" s="17"/>
      <c r="C7077" s="17"/>
      <c r="D7077" s="18"/>
      <c r="E7077" s="18"/>
      <c r="F7077" s="18"/>
      <c r="G7077" s="18"/>
      <c r="H7077" s="18"/>
      <c r="I7077" s="18"/>
      <c r="J7077" s="18"/>
      <c r="K7077" s="18"/>
      <c r="L7077" s="18"/>
      <c r="M7077" s="18"/>
      <c r="N7077" s="18"/>
      <c r="O7077" s="18"/>
      <c r="P7077" s="19"/>
      <c r="Q7077" s="19"/>
      <c r="R7077" s="19"/>
      <c r="S7077" s="19"/>
      <c r="T7077" s="19"/>
      <c r="U7077" s="19"/>
      <c r="V7077" s="19"/>
      <c r="W7077" s="19"/>
      <c r="X7077" s="19"/>
      <c r="Y7077" s="19"/>
      <c r="Z7077" s="19"/>
      <c r="AA7077" s="19"/>
    </row>
    <row r="7078" spans="1:27" s="1" customFormat="1" ht="14.1" customHeight="1" outlineLevel="2" x14ac:dyDescent="0.2">
      <c r="A7078" s="17">
        <v>17028</v>
      </c>
      <c r="B7078" s="17"/>
      <c r="C7078" s="17"/>
      <c r="D7078" s="18" t="s">
        <v>3513</v>
      </c>
      <c r="E7078" s="18"/>
      <c r="F7078" s="18"/>
      <c r="G7078" s="18"/>
      <c r="H7078" s="18"/>
      <c r="I7078" s="18"/>
      <c r="J7078" s="18"/>
      <c r="K7078" s="18"/>
      <c r="L7078" s="18"/>
      <c r="M7078" s="18"/>
      <c r="N7078" s="18"/>
      <c r="O7078" s="18"/>
      <c r="P7078" s="19">
        <v>490</v>
      </c>
      <c r="Q7078" s="19"/>
      <c r="R7078" s="19"/>
      <c r="S7078" s="19"/>
      <c r="T7078" s="19">
        <v>300</v>
      </c>
      <c r="U7078" s="19"/>
      <c r="V7078" s="19"/>
      <c r="W7078" s="19"/>
      <c r="X7078" s="19">
        <v>1</v>
      </c>
      <c r="Y7078" s="19"/>
      <c r="Z7078" s="19"/>
      <c r="AA7078" s="19"/>
    </row>
    <row r="7079" spans="1:27" s="1" customFormat="1" ht="14.1" customHeight="1" outlineLevel="2" x14ac:dyDescent="0.2">
      <c r="A7079" s="17"/>
      <c r="B7079" s="17"/>
      <c r="C7079" s="17"/>
      <c r="D7079" s="18"/>
      <c r="E7079" s="18"/>
      <c r="F7079" s="18"/>
      <c r="G7079" s="18"/>
      <c r="H7079" s="18"/>
      <c r="I7079" s="18"/>
      <c r="J7079" s="18"/>
      <c r="K7079" s="18"/>
      <c r="L7079" s="18"/>
      <c r="M7079" s="18"/>
      <c r="N7079" s="18"/>
      <c r="O7079" s="18"/>
      <c r="P7079" s="19"/>
      <c r="Q7079" s="19"/>
      <c r="R7079" s="19"/>
      <c r="S7079" s="19"/>
      <c r="T7079" s="19"/>
      <c r="U7079" s="19"/>
      <c r="V7079" s="19"/>
      <c r="W7079" s="19"/>
      <c r="X7079" s="19"/>
      <c r="Y7079" s="19"/>
      <c r="Z7079" s="19"/>
      <c r="AA7079" s="19"/>
    </row>
    <row r="7080" spans="1:27" s="1" customFormat="1" ht="11.1" customHeight="1" outlineLevel="2" x14ac:dyDescent="0.2">
      <c r="A7080" s="17">
        <v>14816</v>
      </c>
      <c r="B7080" s="17"/>
      <c r="C7080" s="17"/>
      <c r="D7080" s="18" t="s">
        <v>3514</v>
      </c>
      <c r="E7080" s="18"/>
      <c r="F7080" s="18"/>
      <c r="G7080" s="18"/>
      <c r="H7080" s="18"/>
      <c r="I7080" s="18"/>
      <c r="J7080" s="18"/>
      <c r="K7080" s="18"/>
      <c r="L7080" s="18"/>
      <c r="M7080" s="18"/>
      <c r="N7080" s="18"/>
      <c r="O7080" s="18"/>
      <c r="P7080" s="19">
        <v>95</v>
      </c>
      <c r="Q7080" s="19"/>
      <c r="R7080" s="19"/>
      <c r="S7080" s="19"/>
      <c r="T7080" s="19">
        <v>60</v>
      </c>
      <c r="U7080" s="19"/>
      <c r="V7080" s="19"/>
      <c r="W7080" s="19"/>
      <c r="X7080" s="19">
        <v>50</v>
      </c>
      <c r="Y7080" s="19"/>
      <c r="Z7080" s="19"/>
      <c r="AA7080" s="19"/>
    </row>
    <row r="7081" spans="1:27" s="1" customFormat="1" ht="11.1" customHeight="1" outlineLevel="2" x14ac:dyDescent="0.2">
      <c r="A7081" s="17"/>
      <c r="B7081" s="17"/>
      <c r="C7081" s="17"/>
      <c r="D7081" s="18"/>
      <c r="E7081" s="18"/>
      <c r="F7081" s="18"/>
      <c r="G7081" s="18"/>
      <c r="H7081" s="18"/>
      <c r="I7081" s="18"/>
      <c r="J7081" s="18"/>
      <c r="K7081" s="18"/>
      <c r="L7081" s="18"/>
      <c r="M7081" s="18"/>
      <c r="N7081" s="18"/>
      <c r="O7081" s="18"/>
      <c r="P7081" s="19"/>
      <c r="Q7081" s="19"/>
      <c r="R7081" s="19"/>
      <c r="S7081" s="19"/>
      <c r="T7081" s="19"/>
      <c r="U7081" s="19"/>
      <c r="V7081" s="19"/>
      <c r="W7081" s="19"/>
      <c r="X7081" s="19"/>
      <c r="Y7081" s="19"/>
      <c r="Z7081" s="19"/>
      <c r="AA7081" s="19"/>
    </row>
    <row r="7082" spans="1:27" s="1" customFormat="1" ht="11.1" customHeight="1" outlineLevel="2" x14ac:dyDescent="0.2">
      <c r="A7082" s="17">
        <v>11559</v>
      </c>
      <c r="B7082" s="17"/>
      <c r="C7082" s="17"/>
      <c r="D7082" s="18" t="s">
        <v>3515</v>
      </c>
      <c r="E7082" s="18"/>
      <c r="F7082" s="18"/>
      <c r="G7082" s="18"/>
      <c r="H7082" s="18"/>
      <c r="I7082" s="18"/>
      <c r="J7082" s="18"/>
      <c r="K7082" s="18"/>
      <c r="L7082" s="18"/>
      <c r="M7082" s="18"/>
      <c r="N7082" s="18"/>
      <c r="O7082" s="18"/>
      <c r="P7082" s="19">
        <v>60</v>
      </c>
      <c r="Q7082" s="19"/>
      <c r="R7082" s="19"/>
      <c r="S7082" s="19"/>
      <c r="T7082" s="19">
        <v>34</v>
      </c>
      <c r="U7082" s="19"/>
      <c r="V7082" s="19"/>
      <c r="W7082" s="19"/>
      <c r="X7082" s="19">
        <v>10</v>
      </c>
      <c r="Y7082" s="19"/>
      <c r="Z7082" s="19"/>
      <c r="AA7082" s="19"/>
    </row>
    <row r="7083" spans="1:27" s="1" customFormat="1" ht="11.1" customHeight="1" outlineLevel="2" x14ac:dyDescent="0.2">
      <c r="A7083" s="17"/>
      <c r="B7083" s="17"/>
      <c r="C7083" s="17"/>
      <c r="D7083" s="18"/>
      <c r="E7083" s="18"/>
      <c r="F7083" s="18"/>
      <c r="G7083" s="18"/>
      <c r="H7083" s="18"/>
      <c r="I7083" s="18"/>
      <c r="J7083" s="18"/>
      <c r="K7083" s="18"/>
      <c r="L7083" s="18"/>
      <c r="M7083" s="18"/>
      <c r="N7083" s="18"/>
      <c r="O7083" s="18"/>
      <c r="P7083" s="19"/>
      <c r="Q7083" s="19"/>
      <c r="R7083" s="19"/>
      <c r="S7083" s="19"/>
      <c r="T7083" s="19"/>
      <c r="U7083" s="19"/>
      <c r="V7083" s="19"/>
      <c r="W7083" s="19"/>
      <c r="X7083" s="19"/>
      <c r="Y7083" s="19"/>
      <c r="Z7083" s="19"/>
      <c r="AA7083" s="19"/>
    </row>
    <row r="7084" spans="1:27" s="1" customFormat="1" ht="11.1" customHeight="1" outlineLevel="2" x14ac:dyDescent="0.2">
      <c r="A7084" s="17">
        <v>11562</v>
      </c>
      <c r="B7084" s="17"/>
      <c r="C7084" s="17"/>
      <c r="D7084" s="18" t="s">
        <v>3516</v>
      </c>
      <c r="E7084" s="18"/>
      <c r="F7084" s="18"/>
      <c r="G7084" s="18"/>
      <c r="H7084" s="18"/>
      <c r="I7084" s="18"/>
      <c r="J7084" s="18"/>
      <c r="K7084" s="18"/>
      <c r="L7084" s="18"/>
      <c r="M7084" s="18"/>
      <c r="N7084" s="18"/>
      <c r="O7084" s="18"/>
      <c r="P7084" s="19">
        <v>70</v>
      </c>
      <c r="Q7084" s="19"/>
      <c r="R7084" s="19"/>
      <c r="S7084" s="19"/>
      <c r="T7084" s="19">
        <v>54</v>
      </c>
      <c r="U7084" s="19"/>
      <c r="V7084" s="19"/>
      <c r="W7084" s="19"/>
      <c r="X7084" s="19">
        <v>9</v>
      </c>
      <c r="Y7084" s="19"/>
      <c r="Z7084" s="19"/>
      <c r="AA7084" s="19"/>
    </row>
    <row r="7085" spans="1:27" s="1" customFormat="1" ht="11.1" customHeight="1" outlineLevel="2" x14ac:dyDescent="0.2">
      <c r="A7085" s="17"/>
      <c r="B7085" s="17"/>
      <c r="C7085" s="17"/>
      <c r="D7085" s="18"/>
      <c r="E7085" s="18"/>
      <c r="F7085" s="18"/>
      <c r="G7085" s="18"/>
      <c r="H7085" s="18"/>
      <c r="I7085" s="18"/>
      <c r="J7085" s="18"/>
      <c r="K7085" s="18"/>
      <c r="L7085" s="18"/>
      <c r="M7085" s="18"/>
      <c r="N7085" s="18"/>
      <c r="O7085" s="18"/>
      <c r="P7085" s="19"/>
      <c r="Q7085" s="19"/>
      <c r="R7085" s="19"/>
      <c r="S7085" s="19"/>
      <c r="T7085" s="19"/>
      <c r="U7085" s="19"/>
      <c r="V7085" s="19"/>
      <c r="W7085" s="19"/>
      <c r="X7085" s="19"/>
      <c r="Y7085" s="19"/>
      <c r="Z7085" s="19"/>
      <c r="AA7085" s="19"/>
    </row>
    <row r="7086" spans="1:27" s="1" customFormat="1" ht="11.1" customHeight="1" outlineLevel="2" x14ac:dyDescent="0.2">
      <c r="A7086" s="17">
        <v>11560</v>
      </c>
      <c r="B7086" s="17"/>
      <c r="C7086" s="17"/>
      <c r="D7086" s="18" t="s">
        <v>3517</v>
      </c>
      <c r="E7086" s="18"/>
      <c r="F7086" s="18"/>
      <c r="G7086" s="18"/>
      <c r="H7086" s="18"/>
      <c r="I7086" s="18"/>
      <c r="J7086" s="18"/>
      <c r="K7086" s="18"/>
      <c r="L7086" s="18"/>
      <c r="M7086" s="18"/>
      <c r="N7086" s="18"/>
      <c r="O7086" s="18"/>
      <c r="P7086" s="19">
        <v>70</v>
      </c>
      <c r="Q7086" s="19"/>
      <c r="R7086" s="19"/>
      <c r="S7086" s="19"/>
      <c r="T7086" s="19">
        <v>54</v>
      </c>
      <c r="U7086" s="19"/>
      <c r="V7086" s="19"/>
      <c r="W7086" s="19"/>
      <c r="X7086" s="19">
        <v>9</v>
      </c>
      <c r="Y7086" s="19"/>
      <c r="Z7086" s="19"/>
      <c r="AA7086" s="19"/>
    </row>
    <row r="7087" spans="1:27" s="1" customFormat="1" ht="11.1" customHeight="1" outlineLevel="2" x14ac:dyDescent="0.2">
      <c r="A7087" s="17"/>
      <c r="B7087" s="17"/>
      <c r="C7087" s="17"/>
      <c r="D7087" s="18"/>
      <c r="E7087" s="18"/>
      <c r="F7087" s="18"/>
      <c r="G7087" s="18"/>
      <c r="H7087" s="18"/>
      <c r="I7087" s="18"/>
      <c r="J7087" s="18"/>
      <c r="K7087" s="18"/>
      <c r="L7087" s="18"/>
      <c r="M7087" s="18"/>
      <c r="N7087" s="18"/>
      <c r="O7087" s="18"/>
      <c r="P7087" s="19"/>
      <c r="Q7087" s="19"/>
      <c r="R7087" s="19"/>
      <c r="S7087" s="19"/>
      <c r="T7087" s="19"/>
      <c r="U7087" s="19"/>
      <c r="V7087" s="19"/>
      <c r="W7087" s="19"/>
      <c r="X7087" s="19"/>
      <c r="Y7087" s="19"/>
      <c r="Z7087" s="19"/>
      <c r="AA7087" s="19"/>
    </row>
    <row r="7088" spans="1:27" s="1" customFormat="1" ht="11.1" customHeight="1" outlineLevel="2" x14ac:dyDescent="0.2">
      <c r="A7088" s="17">
        <v>11561</v>
      </c>
      <c r="B7088" s="17"/>
      <c r="C7088" s="17"/>
      <c r="D7088" s="18" t="s">
        <v>3518</v>
      </c>
      <c r="E7088" s="18"/>
      <c r="F7088" s="18"/>
      <c r="G7088" s="18"/>
      <c r="H7088" s="18"/>
      <c r="I7088" s="18"/>
      <c r="J7088" s="18"/>
      <c r="K7088" s="18"/>
      <c r="L7088" s="18"/>
      <c r="M7088" s="18"/>
      <c r="N7088" s="18"/>
      <c r="O7088" s="18"/>
      <c r="P7088" s="19">
        <v>70</v>
      </c>
      <c r="Q7088" s="19"/>
      <c r="R7088" s="19"/>
      <c r="S7088" s="19"/>
      <c r="T7088" s="19">
        <v>54</v>
      </c>
      <c r="U7088" s="19"/>
      <c r="V7088" s="19"/>
      <c r="W7088" s="19"/>
      <c r="X7088" s="19">
        <v>10</v>
      </c>
      <c r="Y7088" s="19"/>
      <c r="Z7088" s="19"/>
      <c r="AA7088" s="19"/>
    </row>
    <row r="7089" spans="1:27" s="1" customFormat="1" ht="11.1" customHeight="1" outlineLevel="2" x14ac:dyDescent="0.2">
      <c r="A7089" s="17"/>
      <c r="B7089" s="17"/>
      <c r="C7089" s="17"/>
      <c r="D7089" s="18"/>
      <c r="E7089" s="18"/>
      <c r="F7089" s="18"/>
      <c r="G7089" s="18"/>
      <c r="H7089" s="18"/>
      <c r="I7089" s="18"/>
      <c r="J7089" s="18"/>
      <c r="K7089" s="18"/>
      <c r="L7089" s="18"/>
      <c r="M7089" s="18"/>
      <c r="N7089" s="18"/>
      <c r="O7089" s="18"/>
      <c r="P7089" s="19"/>
      <c r="Q7089" s="19"/>
      <c r="R7089" s="19"/>
      <c r="S7089" s="19"/>
      <c r="T7089" s="19"/>
      <c r="U7089" s="19"/>
      <c r="V7089" s="19"/>
      <c r="W7089" s="19"/>
      <c r="X7089" s="19"/>
      <c r="Y7089" s="19"/>
      <c r="Z7089" s="19"/>
      <c r="AA7089" s="19"/>
    </row>
    <row r="7090" spans="1:27" s="1" customFormat="1" ht="11.1" customHeight="1" outlineLevel="2" x14ac:dyDescent="0.2">
      <c r="A7090" s="17">
        <v>11563</v>
      </c>
      <c r="B7090" s="17"/>
      <c r="C7090" s="17"/>
      <c r="D7090" s="18" t="s">
        <v>3519</v>
      </c>
      <c r="E7090" s="18"/>
      <c r="F7090" s="18"/>
      <c r="G7090" s="18"/>
      <c r="H7090" s="18"/>
      <c r="I7090" s="18"/>
      <c r="J7090" s="18"/>
      <c r="K7090" s="18"/>
      <c r="L7090" s="18"/>
      <c r="M7090" s="18"/>
      <c r="N7090" s="18"/>
      <c r="O7090" s="18"/>
      <c r="P7090" s="19">
        <v>70</v>
      </c>
      <c r="Q7090" s="19"/>
      <c r="R7090" s="19"/>
      <c r="S7090" s="19"/>
      <c r="T7090" s="19">
        <v>54</v>
      </c>
      <c r="U7090" s="19"/>
      <c r="V7090" s="19"/>
      <c r="W7090" s="19"/>
      <c r="X7090" s="19">
        <v>10</v>
      </c>
      <c r="Y7090" s="19"/>
      <c r="Z7090" s="19"/>
      <c r="AA7090" s="19"/>
    </row>
    <row r="7091" spans="1:27" s="1" customFormat="1" ht="11.1" customHeight="1" outlineLevel="2" x14ac:dyDescent="0.2">
      <c r="A7091" s="17"/>
      <c r="B7091" s="17"/>
      <c r="C7091" s="17"/>
      <c r="D7091" s="18"/>
      <c r="E7091" s="18"/>
      <c r="F7091" s="18"/>
      <c r="G7091" s="18"/>
      <c r="H7091" s="18"/>
      <c r="I7091" s="18"/>
      <c r="J7091" s="18"/>
      <c r="K7091" s="18"/>
      <c r="L7091" s="18"/>
      <c r="M7091" s="18"/>
      <c r="N7091" s="18"/>
      <c r="O7091" s="18"/>
      <c r="P7091" s="19"/>
      <c r="Q7091" s="19"/>
      <c r="R7091" s="19"/>
      <c r="S7091" s="19"/>
      <c r="T7091" s="19"/>
      <c r="U7091" s="19"/>
      <c r="V7091" s="19"/>
      <c r="W7091" s="19"/>
      <c r="X7091" s="19"/>
      <c r="Y7091" s="19"/>
      <c r="Z7091" s="19"/>
      <c r="AA7091" s="19"/>
    </row>
    <row r="7092" spans="1:27" s="1" customFormat="1" ht="11.1" customHeight="1" outlineLevel="2" x14ac:dyDescent="0.2">
      <c r="A7092" s="17">
        <v>11565</v>
      </c>
      <c r="B7092" s="17"/>
      <c r="C7092" s="17"/>
      <c r="D7092" s="18" t="s">
        <v>3520</v>
      </c>
      <c r="E7092" s="18"/>
      <c r="F7092" s="18"/>
      <c r="G7092" s="18"/>
      <c r="H7092" s="18"/>
      <c r="I7092" s="18"/>
      <c r="J7092" s="18"/>
      <c r="K7092" s="18"/>
      <c r="L7092" s="18"/>
      <c r="M7092" s="18"/>
      <c r="N7092" s="18"/>
      <c r="O7092" s="18"/>
      <c r="P7092" s="19">
        <v>70</v>
      </c>
      <c r="Q7092" s="19"/>
      <c r="R7092" s="19"/>
      <c r="S7092" s="19"/>
      <c r="T7092" s="19">
        <v>54</v>
      </c>
      <c r="U7092" s="19"/>
      <c r="V7092" s="19"/>
      <c r="W7092" s="19"/>
      <c r="X7092" s="19">
        <v>7</v>
      </c>
      <c r="Y7092" s="19"/>
      <c r="Z7092" s="19"/>
      <c r="AA7092" s="19"/>
    </row>
    <row r="7093" spans="1:27" s="1" customFormat="1" ht="11.1" customHeight="1" outlineLevel="2" x14ac:dyDescent="0.2">
      <c r="A7093" s="17"/>
      <c r="B7093" s="17"/>
      <c r="C7093" s="17"/>
      <c r="D7093" s="18"/>
      <c r="E7093" s="18"/>
      <c r="F7093" s="18"/>
      <c r="G7093" s="18"/>
      <c r="H7093" s="18"/>
      <c r="I7093" s="18"/>
      <c r="J7093" s="18"/>
      <c r="K7093" s="18"/>
      <c r="L7093" s="18"/>
      <c r="M7093" s="18"/>
      <c r="N7093" s="18"/>
      <c r="O7093" s="18"/>
      <c r="P7093" s="19"/>
      <c r="Q7093" s="19"/>
      <c r="R7093" s="19"/>
      <c r="S7093" s="19"/>
      <c r="T7093" s="19"/>
      <c r="U7093" s="19"/>
      <c r="V7093" s="19"/>
      <c r="W7093" s="19"/>
      <c r="X7093" s="19"/>
      <c r="Y7093" s="19"/>
      <c r="Z7093" s="19"/>
      <c r="AA7093" s="19"/>
    </row>
    <row r="7094" spans="1:27" s="1" customFormat="1" ht="14.1" customHeight="1" outlineLevel="2" x14ac:dyDescent="0.2">
      <c r="A7094" s="17">
        <v>11564</v>
      </c>
      <c r="B7094" s="17"/>
      <c r="C7094" s="17"/>
      <c r="D7094" s="18" t="s">
        <v>3521</v>
      </c>
      <c r="E7094" s="18"/>
      <c r="F7094" s="18"/>
      <c r="G7094" s="18"/>
      <c r="H7094" s="18"/>
      <c r="I7094" s="18"/>
      <c r="J7094" s="18"/>
      <c r="K7094" s="18"/>
      <c r="L7094" s="18"/>
      <c r="M7094" s="18"/>
      <c r="N7094" s="18"/>
      <c r="O7094" s="18"/>
      <c r="P7094" s="19">
        <v>70</v>
      </c>
      <c r="Q7094" s="19"/>
      <c r="R7094" s="19"/>
      <c r="S7094" s="19"/>
      <c r="T7094" s="19">
        <v>54</v>
      </c>
      <c r="U7094" s="19"/>
      <c r="V7094" s="19"/>
      <c r="W7094" s="19"/>
      <c r="X7094" s="19">
        <v>5</v>
      </c>
      <c r="Y7094" s="19"/>
      <c r="Z7094" s="19"/>
      <c r="AA7094" s="19"/>
    </row>
    <row r="7095" spans="1:27" s="1" customFormat="1" ht="14.1" customHeight="1" outlineLevel="2" x14ac:dyDescent="0.2">
      <c r="A7095" s="17"/>
      <c r="B7095" s="17"/>
      <c r="C7095" s="17"/>
      <c r="D7095" s="18"/>
      <c r="E7095" s="18"/>
      <c r="F7095" s="18"/>
      <c r="G7095" s="18"/>
      <c r="H7095" s="18"/>
      <c r="I7095" s="18"/>
      <c r="J7095" s="18"/>
      <c r="K7095" s="18"/>
      <c r="L7095" s="18"/>
      <c r="M7095" s="18"/>
      <c r="N7095" s="18"/>
      <c r="O7095" s="18"/>
      <c r="P7095" s="19"/>
      <c r="Q7095" s="19"/>
      <c r="R7095" s="19"/>
      <c r="S7095" s="19"/>
      <c r="T7095" s="19"/>
      <c r="U7095" s="19"/>
      <c r="V7095" s="19"/>
      <c r="W7095" s="19"/>
      <c r="X7095" s="19"/>
      <c r="Y7095" s="19"/>
      <c r="Z7095" s="19"/>
      <c r="AA7095" s="19"/>
    </row>
    <row r="7096" spans="1:27" s="1" customFormat="1" ht="11.1" customHeight="1" outlineLevel="2" x14ac:dyDescent="0.2">
      <c r="A7096" s="17">
        <v>11566</v>
      </c>
      <c r="B7096" s="17"/>
      <c r="C7096" s="17"/>
      <c r="D7096" s="18" t="s">
        <v>3522</v>
      </c>
      <c r="E7096" s="18"/>
      <c r="F7096" s="18"/>
      <c r="G7096" s="18"/>
      <c r="H7096" s="18"/>
      <c r="I7096" s="18"/>
      <c r="J7096" s="18"/>
      <c r="K7096" s="18"/>
      <c r="L7096" s="18"/>
      <c r="M7096" s="18"/>
      <c r="N7096" s="18"/>
      <c r="O7096" s="18"/>
      <c r="P7096" s="19">
        <v>70</v>
      </c>
      <c r="Q7096" s="19"/>
      <c r="R7096" s="19"/>
      <c r="S7096" s="19"/>
      <c r="T7096" s="19">
        <v>54</v>
      </c>
      <c r="U7096" s="19"/>
      <c r="V7096" s="19"/>
      <c r="W7096" s="19"/>
      <c r="X7096" s="19">
        <v>8</v>
      </c>
      <c r="Y7096" s="19"/>
      <c r="Z7096" s="19"/>
      <c r="AA7096" s="19"/>
    </row>
    <row r="7097" spans="1:27" s="1" customFormat="1" ht="11.1" customHeight="1" outlineLevel="2" x14ac:dyDescent="0.2">
      <c r="A7097" s="17"/>
      <c r="B7097" s="17"/>
      <c r="C7097" s="17"/>
      <c r="D7097" s="18"/>
      <c r="E7097" s="18"/>
      <c r="F7097" s="18"/>
      <c r="G7097" s="18"/>
      <c r="H7097" s="18"/>
      <c r="I7097" s="18"/>
      <c r="J7097" s="18"/>
      <c r="K7097" s="18"/>
      <c r="L7097" s="18"/>
      <c r="M7097" s="18"/>
      <c r="N7097" s="18"/>
      <c r="O7097" s="18"/>
      <c r="P7097" s="19"/>
      <c r="Q7097" s="19"/>
      <c r="R7097" s="19"/>
      <c r="S7097" s="19"/>
      <c r="T7097" s="19"/>
      <c r="U7097" s="19"/>
      <c r="V7097" s="19"/>
      <c r="W7097" s="19"/>
      <c r="X7097" s="19"/>
      <c r="Y7097" s="19"/>
      <c r="Z7097" s="19"/>
      <c r="AA7097" s="19"/>
    </row>
    <row r="7098" spans="1:27" s="1" customFormat="1" ht="11.1" customHeight="1" outlineLevel="2" x14ac:dyDescent="0.2">
      <c r="A7098" s="17">
        <v>14808</v>
      </c>
      <c r="B7098" s="17"/>
      <c r="C7098" s="17"/>
      <c r="D7098" s="18" t="s">
        <v>3523</v>
      </c>
      <c r="E7098" s="18"/>
      <c r="F7098" s="18"/>
      <c r="G7098" s="18"/>
      <c r="H7098" s="18"/>
      <c r="I7098" s="18"/>
      <c r="J7098" s="18"/>
      <c r="K7098" s="18"/>
      <c r="L7098" s="18"/>
      <c r="M7098" s="18"/>
      <c r="N7098" s="18"/>
      <c r="O7098" s="18"/>
      <c r="P7098" s="19">
        <v>80</v>
      </c>
      <c r="Q7098" s="19"/>
      <c r="R7098" s="19"/>
      <c r="S7098" s="19"/>
      <c r="T7098" s="19">
        <v>50</v>
      </c>
      <c r="U7098" s="19"/>
      <c r="V7098" s="19"/>
      <c r="W7098" s="19"/>
      <c r="X7098" s="19">
        <v>50</v>
      </c>
      <c r="Y7098" s="19"/>
      <c r="Z7098" s="19"/>
      <c r="AA7098" s="19"/>
    </row>
    <row r="7099" spans="1:27" s="1" customFormat="1" ht="11.1" customHeight="1" outlineLevel="2" x14ac:dyDescent="0.2">
      <c r="A7099" s="17"/>
      <c r="B7099" s="17"/>
      <c r="C7099" s="17"/>
      <c r="D7099" s="18"/>
      <c r="E7099" s="18"/>
      <c r="F7099" s="18"/>
      <c r="G7099" s="18"/>
      <c r="H7099" s="18"/>
      <c r="I7099" s="18"/>
      <c r="J7099" s="18"/>
      <c r="K7099" s="18"/>
      <c r="L7099" s="18"/>
      <c r="M7099" s="18"/>
      <c r="N7099" s="18"/>
      <c r="O7099" s="18"/>
      <c r="P7099" s="19"/>
      <c r="Q7099" s="19"/>
      <c r="R7099" s="19"/>
      <c r="S7099" s="19"/>
      <c r="T7099" s="19"/>
      <c r="U7099" s="19"/>
      <c r="V7099" s="19"/>
      <c r="W7099" s="19"/>
      <c r="X7099" s="19"/>
      <c r="Y7099" s="19"/>
      <c r="Z7099" s="19"/>
      <c r="AA7099" s="19"/>
    </row>
    <row r="7100" spans="1:27" s="1" customFormat="1" ht="11.1" customHeight="1" outlineLevel="2" x14ac:dyDescent="0.2">
      <c r="A7100" s="17">
        <v>14810</v>
      </c>
      <c r="B7100" s="17"/>
      <c r="C7100" s="17"/>
      <c r="D7100" s="18" t="s">
        <v>3524</v>
      </c>
      <c r="E7100" s="18"/>
      <c r="F7100" s="18"/>
      <c r="G7100" s="18"/>
      <c r="H7100" s="18"/>
      <c r="I7100" s="18"/>
      <c r="J7100" s="18"/>
      <c r="K7100" s="18"/>
      <c r="L7100" s="18"/>
      <c r="M7100" s="18"/>
      <c r="N7100" s="18"/>
      <c r="O7100" s="18"/>
      <c r="P7100" s="19">
        <v>145</v>
      </c>
      <c r="Q7100" s="19"/>
      <c r="R7100" s="19"/>
      <c r="S7100" s="19"/>
      <c r="T7100" s="19">
        <v>90</v>
      </c>
      <c r="U7100" s="19"/>
      <c r="V7100" s="19"/>
      <c r="W7100" s="19"/>
      <c r="X7100" s="19">
        <v>38</v>
      </c>
      <c r="Y7100" s="19"/>
      <c r="Z7100" s="19"/>
      <c r="AA7100" s="19"/>
    </row>
    <row r="7101" spans="1:27" s="1" customFormat="1" ht="11.1" customHeight="1" outlineLevel="2" x14ac:dyDescent="0.2">
      <c r="A7101" s="17"/>
      <c r="B7101" s="17"/>
      <c r="C7101" s="17"/>
      <c r="D7101" s="18"/>
      <c r="E7101" s="18"/>
      <c r="F7101" s="18"/>
      <c r="G7101" s="18"/>
      <c r="H7101" s="18"/>
      <c r="I7101" s="18"/>
      <c r="J7101" s="18"/>
      <c r="K7101" s="18"/>
      <c r="L7101" s="18"/>
      <c r="M7101" s="18"/>
      <c r="N7101" s="18"/>
      <c r="O7101" s="18"/>
      <c r="P7101" s="19"/>
      <c r="Q7101" s="19"/>
      <c r="R7101" s="19"/>
      <c r="S7101" s="19"/>
      <c r="T7101" s="19"/>
      <c r="U7101" s="19"/>
      <c r="V7101" s="19"/>
      <c r="W7101" s="19"/>
      <c r="X7101" s="19"/>
      <c r="Y7101" s="19"/>
      <c r="Z7101" s="19"/>
      <c r="AA7101" s="19"/>
    </row>
    <row r="7102" spans="1:27" s="1" customFormat="1" ht="11.1" customHeight="1" outlineLevel="2" x14ac:dyDescent="0.2">
      <c r="A7102" s="17">
        <v>14809</v>
      </c>
      <c r="B7102" s="17"/>
      <c r="C7102" s="17"/>
      <c r="D7102" s="18" t="s">
        <v>3525</v>
      </c>
      <c r="E7102" s="18"/>
      <c r="F7102" s="18"/>
      <c r="G7102" s="18"/>
      <c r="H7102" s="18"/>
      <c r="I7102" s="18"/>
      <c r="J7102" s="18"/>
      <c r="K7102" s="18"/>
      <c r="L7102" s="18"/>
      <c r="M7102" s="18"/>
      <c r="N7102" s="18"/>
      <c r="O7102" s="18"/>
      <c r="P7102" s="19">
        <v>130</v>
      </c>
      <c r="Q7102" s="19"/>
      <c r="R7102" s="19"/>
      <c r="S7102" s="19"/>
      <c r="T7102" s="19">
        <v>80</v>
      </c>
      <c r="U7102" s="19"/>
      <c r="V7102" s="19"/>
      <c r="W7102" s="19"/>
      <c r="X7102" s="19">
        <v>50</v>
      </c>
      <c r="Y7102" s="19"/>
      <c r="Z7102" s="19"/>
      <c r="AA7102" s="19"/>
    </row>
    <row r="7103" spans="1:27" s="1" customFormat="1" ht="11.1" customHeight="1" outlineLevel="2" x14ac:dyDescent="0.2">
      <c r="A7103" s="17"/>
      <c r="B7103" s="17"/>
      <c r="C7103" s="17"/>
      <c r="D7103" s="18"/>
      <c r="E7103" s="18"/>
      <c r="F7103" s="18"/>
      <c r="G7103" s="18"/>
      <c r="H7103" s="18"/>
      <c r="I7103" s="18"/>
      <c r="J7103" s="18"/>
      <c r="K7103" s="18"/>
      <c r="L7103" s="18"/>
      <c r="M7103" s="18"/>
      <c r="N7103" s="18"/>
      <c r="O7103" s="18"/>
      <c r="P7103" s="19"/>
      <c r="Q7103" s="19"/>
      <c r="R7103" s="19"/>
      <c r="S7103" s="19"/>
      <c r="T7103" s="19"/>
      <c r="U7103" s="19"/>
      <c r="V7103" s="19"/>
      <c r="W7103" s="19"/>
      <c r="X7103" s="19"/>
      <c r="Y7103" s="19"/>
      <c r="Z7103" s="19"/>
      <c r="AA7103" s="19"/>
    </row>
    <row r="7104" spans="1:27" s="1" customFormat="1" ht="11.1" customHeight="1" outlineLevel="2" x14ac:dyDescent="0.2">
      <c r="A7104" s="17">
        <v>11863</v>
      </c>
      <c r="B7104" s="17"/>
      <c r="C7104" s="17"/>
      <c r="D7104" s="18" t="s">
        <v>3526</v>
      </c>
      <c r="E7104" s="18"/>
      <c r="F7104" s="18"/>
      <c r="G7104" s="18"/>
      <c r="H7104" s="18"/>
      <c r="I7104" s="18"/>
      <c r="J7104" s="18"/>
      <c r="K7104" s="18"/>
      <c r="L7104" s="18"/>
      <c r="M7104" s="18"/>
      <c r="N7104" s="18"/>
      <c r="O7104" s="18"/>
      <c r="P7104" s="19">
        <v>120</v>
      </c>
      <c r="Q7104" s="19"/>
      <c r="R7104" s="19"/>
      <c r="S7104" s="19"/>
      <c r="T7104" s="19">
        <v>90</v>
      </c>
      <c r="U7104" s="19"/>
      <c r="V7104" s="19"/>
      <c r="W7104" s="19"/>
      <c r="X7104" s="19">
        <v>15</v>
      </c>
      <c r="Y7104" s="19"/>
      <c r="Z7104" s="19"/>
      <c r="AA7104" s="19"/>
    </row>
    <row r="7105" spans="1:27" s="1" customFormat="1" ht="11.1" customHeight="1" outlineLevel="2" x14ac:dyDescent="0.2">
      <c r="A7105" s="17"/>
      <c r="B7105" s="17"/>
      <c r="C7105" s="17"/>
      <c r="D7105" s="18"/>
      <c r="E7105" s="18"/>
      <c r="F7105" s="18"/>
      <c r="G7105" s="18"/>
      <c r="H7105" s="18"/>
      <c r="I7105" s="18"/>
      <c r="J7105" s="18"/>
      <c r="K7105" s="18"/>
      <c r="L7105" s="18"/>
      <c r="M7105" s="18"/>
      <c r="N7105" s="18"/>
      <c r="O7105" s="18"/>
      <c r="P7105" s="19"/>
      <c r="Q7105" s="19"/>
      <c r="R7105" s="19"/>
      <c r="S7105" s="19"/>
      <c r="T7105" s="19"/>
      <c r="U7105" s="19"/>
      <c r="V7105" s="19"/>
      <c r="W7105" s="19"/>
      <c r="X7105" s="19"/>
      <c r="Y7105" s="19"/>
      <c r="Z7105" s="19"/>
      <c r="AA7105" s="19"/>
    </row>
    <row r="7106" spans="1:27" s="1" customFormat="1" ht="11.1" customHeight="1" outlineLevel="2" x14ac:dyDescent="0.2">
      <c r="A7106" s="17">
        <v>15298</v>
      </c>
      <c r="B7106" s="17"/>
      <c r="C7106" s="17"/>
      <c r="D7106" s="18" t="s">
        <v>3527</v>
      </c>
      <c r="E7106" s="18"/>
      <c r="F7106" s="18"/>
      <c r="G7106" s="18"/>
      <c r="H7106" s="18"/>
      <c r="I7106" s="18"/>
      <c r="J7106" s="18"/>
      <c r="K7106" s="18"/>
      <c r="L7106" s="18"/>
      <c r="M7106" s="18"/>
      <c r="N7106" s="18"/>
      <c r="O7106" s="18"/>
      <c r="P7106" s="19">
        <v>60</v>
      </c>
      <c r="Q7106" s="19"/>
      <c r="R7106" s="19"/>
      <c r="S7106" s="19"/>
      <c r="T7106" s="19">
        <v>40</v>
      </c>
      <c r="U7106" s="19"/>
      <c r="V7106" s="19"/>
      <c r="W7106" s="19"/>
      <c r="X7106" s="19">
        <v>97</v>
      </c>
      <c r="Y7106" s="19"/>
      <c r="Z7106" s="19"/>
      <c r="AA7106" s="19"/>
    </row>
    <row r="7107" spans="1:27" s="1" customFormat="1" ht="11.1" customHeight="1" outlineLevel="2" x14ac:dyDescent="0.2">
      <c r="A7107" s="17"/>
      <c r="B7107" s="17"/>
      <c r="C7107" s="17"/>
      <c r="D7107" s="18"/>
      <c r="E7107" s="18"/>
      <c r="F7107" s="18"/>
      <c r="G7107" s="18"/>
      <c r="H7107" s="18"/>
      <c r="I7107" s="18"/>
      <c r="J7107" s="18"/>
      <c r="K7107" s="18"/>
      <c r="L7107" s="18"/>
      <c r="M7107" s="18"/>
      <c r="N7107" s="18"/>
      <c r="O7107" s="18"/>
      <c r="P7107" s="19"/>
      <c r="Q7107" s="19"/>
      <c r="R7107" s="19"/>
      <c r="S7107" s="19"/>
      <c r="T7107" s="19"/>
      <c r="U7107" s="19"/>
      <c r="V7107" s="19"/>
      <c r="W7107" s="19"/>
      <c r="X7107" s="19"/>
      <c r="Y7107" s="19"/>
      <c r="Z7107" s="19"/>
      <c r="AA7107" s="19"/>
    </row>
    <row r="7108" spans="1:27" s="1" customFormat="1" ht="11.1" customHeight="1" outlineLevel="2" x14ac:dyDescent="0.2">
      <c r="A7108" s="17">
        <v>11567</v>
      </c>
      <c r="B7108" s="17"/>
      <c r="C7108" s="17"/>
      <c r="D7108" s="18" t="s">
        <v>3528</v>
      </c>
      <c r="E7108" s="18"/>
      <c r="F7108" s="18"/>
      <c r="G7108" s="18"/>
      <c r="H7108" s="18"/>
      <c r="I7108" s="18"/>
      <c r="J7108" s="18"/>
      <c r="K7108" s="18"/>
      <c r="L7108" s="18"/>
      <c r="M7108" s="18"/>
      <c r="N7108" s="18"/>
      <c r="O7108" s="18"/>
      <c r="P7108" s="19">
        <v>60</v>
      </c>
      <c r="Q7108" s="19"/>
      <c r="R7108" s="19"/>
      <c r="S7108" s="19"/>
      <c r="T7108" s="19">
        <v>34</v>
      </c>
      <c r="U7108" s="19"/>
      <c r="V7108" s="19"/>
      <c r="W7108" s="19"/>
      <c r="X7108" s="19">
        <v>7</v>
      </c>
      <c r="Y7108" s="19"/>
      <c r="Z7108" s="19"/>
      <c r="AA7108" s="19"/>
    </row>
    <row r="7109" spans="1:27" s="1" customFormat="1" ht="11.1" customHeight="1" outlineLevel="2" x14ac:dyDescent="0.2">
      <c r="A7109" s="17"/>
      <c r="B7109" s="17"/>
      <c r="C7109" s="17"/>
      <c r="D7109" s="18"/>
      <c r="E7109" s="18"/>
      <c r="F7109" s="18"/>
      <c r="G7109" s="18"/>
      <c r="H7109" s="18"/>
      <c r="I7109" s="18"/>
      <c r="J7109" s="18"/>
      <c r="K7109" s="18"/>
      <c r="L7109" s="18"/>
      <c r="M7109" s="18"/>
      <c r="N7109" s="18"/>
      <c r="O7109" s="18"/>
      <c r="P7109" s="19"/>
      <c r="Q7109" s="19"/>
      <c r="R7109" s="19"/>
      <c r="S7109" s="19"/>
      <c r="T7109" s="19"/>
      <c r="U7109" s="19"/>
      <c r="V7109" s="19"/>
      <c r="W7109" s="19"/>
      <c r="X7109" s="19"/>
      <c r="Y7109" s="19"/>
      <c r="Z7109" s="19"/>
      <c r="AA7109" s="19"/>
    </row>
    <row r="7110" spans="1:27" s="1" customFormat="1" ht="11.1" customHeight="1" outlineLevel="2" x14ac:dyDescent="0.2">
      <c r="A7110" s="17">
        <v>11568</v>
      </c>
      <c r="B7110" s="17"/>
      <c r="C7110" s="17"/>
      <c r="D7110" s="18" t="s">
        <v>3529</v>
      </c>
      <c r="E7110" s="18"/>
      <c r="F7110" s="18"/>
      <c r="G7110" s="18"/>
      <c r="H7110" s="18"/>
      <c r="I7110" s="18"/>
      <c r="J7110" s="18"/>
      <c r="K7110" s="18"/>
      <c r="L7110" s="18"/>
      <c r="M7110" s="18"/>
      <c r="N7110" s="18"/>
      <c r="O7110" s="18"/>
      <c r="P7110" s="19">
        <v>70</v>
      </c>
      <c r="Q7110" s="19"/>
      <c r="R7110" s="19"/>
      <c r="S7110" s="19"/>
      <c r="T7110" s="19">
        <v>54</v>
      </c>
      <c r="U7110" s="19"/>
      <c r="V7110" s="19"/>
      <c r="W7110" s="19"/>
      <c r="X7110" s="19">
        <v>5</v>
      </c>
      <c r="Y7110" s="19"/>
      <c r="Z7110" s="19"/>
      <c r="AA7110" s="19"/>
    </row>
    <row r="7111" spans="1:27" s="1" customFormat="1" ht="11.1" customHeight="1" outlineLevel="2" x14ac:dyDescent="0.2">
      <c r="A7111" s="17"/>
      <c r="B7111" s="17"/>
      <c r="C7111" s="17"/>
      <c r="D7111" s="18"/>
      <c r="E7111" s="18"/>
      <c r="F7111" s="18"/>
      <c r="G7111" s="18"/>
      <c r="H7111" s="18"/>
      <c r="I7111" s="18"/>
      <c r="J7111" s="18"/>
      <c r="K7111" s="18"/>
      <c r="L7111" s="18"/>
      <c r="M7111" s="18"/>
      <c r="N7111" s="18"/>
      <c r="O7111" s="18"/>
      <c r="P7111" s="19"/>
      <c r="Q7111" s="19"/>
      <c r="R7111" s="19"/>
      <c r="S7111" s="19"/>
      <c r="T7111" s="19"/>
      <c r="U7111" s="19"/>
      <c r="V7111" s="19"/>
      <c r="W7111" s="19"/>
      <c r="X7111" s="19"/>
      <c r="Y7111" s="19"/>
      <c r="Z7111" s="19"/>
      <c r="AA7111" s="19"/>
    </row>
    <row r="7112" spans="1:27" s="1" customFormat="1" ht="11.1" customHeight="1" outlineLevel="2" x14ac:dyDescent="0.2">
      <c r="A7112" s="17">
        <v>11569</v>
      </c>
      <c r="B7112" s="17"/>
      <c r="C7112" s="17"/>
      <c r="D7112" s="18" t="s">
        <v>3530</v>
      </c>
      <c r="E7112" s="18"/>
      <c r="F7112" s="18"/>
      <c r="G7112" s="18"/>
      <c r="H7112" s="18"/>
      <c r="I7112" s="18"/>
      <c r="J7112" s="18"/>
      <c r="K7112" s="18"/>
      <c r="L7112" s="18"/>
      <c r="M7112" s="18"/>
      <c r="N7112" s="18"/>
      <c r="O7112" s="18"/>
      <c r="P7112" s="19">
        <v>50</v>
      </c>
      <c r="Q7112" s="19"/>
      <c r="R7112" s="19"/>
      <c r="S7112" s="19"/>
      <c r="T7112" s="19">
        <v>30</v>
      </c>
      <c r="U7112" s="19"/>
      <c r="V7112" s="19"/>
      <c r="W7112" s="19"/>
      <c r="X7112" s="19">
        <v>56</v>
      </c>
      <c r="Y7112" s="19"/>
      <c r="Z7112" s="19"/>
      <c r="AA7112" s="19"/>
    </row>
    <row r="7113" spans="1:27" s="1" customFormat="1" ht="11.1" customHeight="1" outlineLevel="2" x14ac:dyDescent="0.2">
      <c r="A7113" s="17"/>
      <c r="B7113" s="17"/>
      <c r="C7113" s="17"/>
      <c r="D7113" s="18"/>
      <c r="E7113" s="18"/>
      <c r="F7113" s="18"/>
      <c r="G7113" s="18"/>
      <c r="H7113" s="18"/>
      <c r="I7113" s="18"/>
      <c r="J7113" s="18"/>
      <c r="K7113" s="18"/>
      <c r="L7113" s="18"/>
      <c r="M7113" s="18"/>
      <c r="N7113" s="18"/>
      <c r="O7113" s="18"/>
      <c r="P7113" s="19"/>
      <c r="Q7113" s="19"/>
      <c r="R7113" s="19"/>
      <c r="S7113" s="19"/>
      <c r="T7113" s="19"/>
      <c r="U7113" s="19"/>
      <c r="V7113" s="19"/>
      <c r="W7113" s="19"/>
      <c r="X7113" s="19"/>
      <c r="Y7113" s="19"/>
      <c r="Z7113" s="19"/>
      <c r="AA7113" s="19"/>
    </row>
    <row r="7114" spans="1:27" s="1" customFormat="1" ht="11.1" customHeight="1" outlineLevel="2" x14ac:dyDescent="0.2">
      <c r="A7114" s="17">
        <v>11570</v>
      </c>
      <c r="B7114" s="17"/>
      <c r="C7114" s="17"/>
      <c r="D7114" s="18" t="s">
        <v>3531</v>
      </c>
      <c r="E7114" s="18"/>
      <c r="F7114" s="18"/>
      <c r="G7114" s="18"/>
      <c r="H7114" s="18"/>
      <c r="I7114" s="18"/>
      <c r="J7114" s="18"/>
      <c r="K7114" s="18"/>
      <c r="L7114" s="18"/>
      <c r="M7114" s="18"/>
      <c r="N7114" s="18"/>
      <c r="O7114" s="18"/>
      <c r="P7114" s="19">
        <v>70</v>
      </c>
      <c r="Q7114" s="19"/>
      <c r="R7114" s="19"/>
      <c r="S7114" s="19"/>
      <c r="T7114" s="19">
        <v>55</v>
      </c>
      <c r="U7114" s="19"/>
      <c r="V7114" s="19"/>
      <c r="W7114" s="19"/>
      <c r="X7114" s="19">
        <v>27</v>
      </c>
      <c r="Y7114" s="19"/>
      <c r="Z7114" s="19"/>
      <c r="AA7114" s="19"/>
    </row>
    <row r="7115" spans="1:27" s="1" customFormat="1" ht="11.1" customHeight="1" outlineLevel="2" x14ac:dyDescent="0.2">
      <c r="A7115" s="17"/>
      <c r="B7115" s="17"/>
      <c r="C7115" s="17"/>
      <c r="D7115" s="18"/>
      <c r="E7115" s="18"/>
      <c r="F7115" s="18"/>
      <c r="G7115" s="18"/>
      <c r="H7115" s="18"/>
      <c r="I7115" s="18"/>
      <c r="J7115" s="18"/>
      <c r="K7115" s="18"/>
      <c r="L7115" s="18"/>
      <c r="M7115" s="18"/>
      <c r="N7115" s="18"/>
      <c r="O7115" s="18"/>
      <c r="P7115" s="19"/>
      <c r="Q7115" s="19"/>
      <c r="R7115" s="19"/>
      <c r="S7115" s="19"/>
      <c r="T7115" s="19"/>
      <c r="U7115" s="19"/>
      <c r="V7115" s="19"/>
      <c r="W7115" s="19"/>
      <c r="X7115" s="19"/>
      <c r="Y7115" s="19"/>
      <c r="Z7115" s="19"/>
      <c r="AA7115" s="19"/>
    </row>
    <row r="7116" spans="1:27" s="1" customFormat="1" ht="11.1" customHeight="1" outlineLevel="2" x14ac:dyDescent="0.2">
      <c r="A7116" s="17">
        <v>14811</v>
      </c>
      <c r="B7116" s="17"/>
      <c r="C7116" s="17"/>
      <c r="D7116" s="18" t="s">
        <v>3532</v>
      </c>
      <c r="E7116" s="18"/>
      <c r="F7116" s="18"/>
      <c r="G7116" s="18"/>
      <c r="H7116" s="18"/>
      <c r="I7116" s="18"/>
      <c r="J7116" s="18"/>
      <c r="K7116" s="18"/>
      <c r="L7116" s="18"/>
      <c r="M7116" s="18"/>
      <c r="N7116" s="18"/>
      <c r="O7116" s="18"/>
      <c r="P7116" s="19">
        <v>50</v>
      </c>
      <c r="Q7116" s="19"/>
      <c r="R7116" s="19"/>
      <c r="S7116" s="19"/>
      <c r="T7116" s="19">
        <v>30</v>
      </c>
      <c r="U7116" s="19"/>
      <c r="V7116" s="19"/>
      <c r="W7116" s="19"/>
      <c r="X7116" s="19">
        <v>97</v>
      </c>
      <c r="Y7116" s="19"/>
      <c r="Z7116" s="19"/>
      <c r="AA7116" s="19"/>
    </row>
    <row r="7117" spans="1:27" s="1" customFormat="1" ht="11.1" customHeight="1" outlineLevel="2" x14ac:dyDescent="0.2">
      <c r="A7117" s="17"/>
      <c r="B7117" s="17"/>
      <c r="C7117" s="17"/>
      <c r="D7117" s="18"/>
      <c r="E7117" s="18"/>
      <c r="F7117" s="18"/>
      <c r="G7117" s="18"/>
      <c r="H7117" s="18"/>
      <c r="I7117" s="18"/>
      <c r="J7117" s="18"/>
      <c r="K7117" s="18"/>
      <c r="L7117" s="18"/>
      <c r="M7117" s="18"/>
      <c r="N7117" s="18"/>
      <c r="O7117" s="18"/>
      <c r="P7117" s="19"/>
      <c r="Q7117" s="19"/>
      <c r="R7117" s="19"/>
      <c r="S7117" s="19"/>
      <c r="T7117" s="19"/>
      <c r="U7117" s="19"/>
      <c r="V7117" s="19"/>
      <c r="W7117" s="19"/>
      <c r="X7117" s="19"/>
      <c r="Y7117" s="19"/>
      <c r="Z7117" s="19"/>
      <c r="AA7117" s="19"/>
    </row>
    <row r="7118" spans="1:27" s="1" customFormat="1" ht="11.1" customHeight="1" outlineLevel="2" x14ac:dyDescent="0.2">
      <c r="A7118" s="17">
        <v>14812</v>
      </c>
      <c r="B7118" s="17"/>
      <c r="C7118" s="17"/>
      <c r="D7118" s="18" t="s">
        <v>3533</v>
      </c>
      <c r="E7118" s="18"/>
      <c r="F7118" s="18"/>
      <c r="G7118" s="18"/>
      <c r="H7118" s="18"/>
      <c r="I7118" s="18"/>
      <c r="J7118" s="18"/>
      <c r="K7118" s="18"/>
      <c r="L7118" s="18"/>
      <c r="M7118" s="18"/>
      <c r="N7118" s="18"/>
      <c r="O7118" s="18"/>
      <c r="P7118" s="19">
        <v>80</v>
      </c>
      <c r="Q7118" s="19"/>
      <c r="R7118" s="19"/>
      <c r="S7118" s="19"/>
      <c r="T7118" s="19">
        <v>50</v>
      </c>
      <c r="U7118" s="19"/>
      <c r="V7118" s="19"/>
      <c r="W7118" s="19"/>
      <c r="X7118" s="19">
        <v>98</v>
      </c>
      <c r="Y7118" s="19"/>
      <c r="Z7118" s="19"/>
      <c r="AA7118" s="19"/>
    </row>
    <row r="7119" spans="1:27" s="1" customFormat="1" ht="11.1" customHeight="1" outlineLevel="2" x14ac:dyDescent="0.2">
      <c r="A7119" s="17"/>
      <c r="B7119" s="17"/>
      <c r="C7119" s="17"/>
      <c r="D7119" s="18"/>
      <c r="E7119" s="18"/>
      <c r="F7119" s="18"/>
      <c r="G7119" s="18"/>
      <c r="H7119" s="18"/>
      <c r="I7119" s="18"/>
      <c r="J7119" s="18"/>
      <c r="K7119" s="18"/>
      <c r="L7119" s="18"/>
      <c r="M7119" s="18"/>
      <c r="N7119" s="18"/>
      <c r="O7119" s="18"/>
      <c r="P7119" s="19"/>
      <c r="Q7119" s="19"/>
      <c r="R7119" s="19"/>
      <c r="S7119" s="19"/>
      <c r="T7119" s="19"/>
      <c r="U7119" s="19"/>
      <c r="V7119" s="19"/>
      <c r="W7119" s="19"/>
      <c r="X7119" s="19"/>
      <c r="Y7119" s="19"/>
      <c r="Z7119" s="19"/>
      <c r="AA7119" s="19"/>
    </row>
    <row r="7120" spans="1:27" s="1" customFormat="1" ht="11.1" customHeight="1" outlineLevel="2" x14ac:dyDescent="0.2">
      <c r="A7120" s="17">
        <v>14813</v>
      </c>
      <c r="B7120" s="17"/>
      <c r="C7120" s="17"/>
      <c r="D7120" s="18" t="s">
        <v>3534</v>
      </c>
      <c r="E7120" s="18"/>
      <c r="F7120" s="18"/>
      <c r="G7120" s="18"/>
      <c r="H7120" s="18"/>
      <c r="I7120" s="18"/>
      <c r="J7120" s="18"/>
      <c r="K7120" s="18"/>
      <c r="L7120" s="18"/>
      <c r="M7120" s="18"/>
      <c r="N7120" s="18"/>
      <c r="O7120" s="18"/>
      <c r="P7120" s="19">
        <v>80</v>
      </c>
      <c r="Q7120" s="19"/>
      <c r="R7120" s="19"/>
      <c r="S7120" s="19"/>
      <c r="T7120" s="19">
        <v>50</v>
      </c>
      <c r="U7120" s="19"/>
      <c r="V7120" s="19"/>
      <c r="W7120" s="19"/>
      <c r="X7120" s="19">
        <v>93</v>
      </c>
      <c r="Y7120" s="19"/>
      <c r="Z7120" s="19"/>
      <c r="AA7120" s="19"/>
    </row>
    <row r="7121" spans="1:27" s="1" customFormat="1" ht="11.1" customHeight="1" outlineLevel="2" x14ac:dyDescent="0.2">
      <c r="A7121" s="17"/>
      <c r="B7121" s="17"/>
      <c r="C7121" s="17"/>
      <c r="D7121" s="18"/>
      <c r="E7121" s="18"/>
      <c r="F7121" s="18"/>
      <c r="G7121" s="18"/>
      <c r="H7121" s="18"/>
      <c r="I7121" s="18"/>
      <c r="J7121" s="18"/>
      <c r="K7121" s="18"/>
      <c r="L7121" s="18"/>
      <c r="M7121" s="18"/>
      <c r="N7121" s="18"/>
      <c r="O7121" s="18"/>
      <c r="P7121" s="19"/>
      <c r="Q7121" s="19"/>
      <c r="R7121" s="19"/>
      <c r="S7121" s="19"/>
      <c r="T7121" s="19"/>
      <c r="U7121" s="19"/>
      <c r="V7121" s="19"/>
      <c r="W7121" s="19"/>
      <c r="X7121" s="19"/>
      <c r="Y7121" s="19"/>
      <c r="Z7121" s="19"/>
      <c r="AA7121" s="19"/>
    </row>
    <row r="7122" spans="1:27" s="1" customFormat="1" ht="11.1" customHeight="1" outlineLevel="2" x14ac:dyDescent="0.2">
      <c r="A7122" s="17">
        <v>15300</v>
      </c>
      <c r="B7122" s="17"/>
      <c r="C7122" s="17"/>
      <c r="D7122" s="18" t="s">
        <v>3535</v>
      </c>
      <c r="E7122" s="18"/>
      <c r="F7122" s="18"/>
      <c r="G7122" s="18"/>
      <c r="H7122" s="18"/>
      <c r="I7122" s="18"/>
      <c r="J7122" s="18"/>
      <c r="K7122" s="18"/>
      <c r="L7122" s="18"/>
      <c r="M7122" s="18"/>
      <c r="N7122" s="18"/>
      <c r="O7122" s="18"/>
      <c r="P7122" s="19">
        <v>60</v>
      </c>
      <c r="Q7122" s="19"/>
      <c r="R7122" s="19"/>
      <c r="S7122" s="19"/>
      <c r="T7122" s="19">
        <v>40</v>
      </c>
      <c r="U7122" s="19"/>
      <c r="V7122" s="19"/>
      <c r="W7122" s="19"/>
      <c r="X7122" s="19">
        <v>100</v>
      </c>
      <c r="Y7122" s="19"/>
      <c r="Z7122" s="19"/>
      <c r="AA7122" s="19"/>
    </row>
    <row r="7123" spans="1:27" s="1" customFormat="1" ht="11.1" customHeight="1" outlineLevel="2" x14ac:dyDescent="0.2">
      <c r="A7123" s="17"/>
      <c r="B7123" s="17"/>
      <c r="C7123" s="17"/>
      <c r="D7123" s="18"/>
      <c r="E7123" s="18"/>
      <c r="F7123" s="18"/>
      <c r="G7123" s="18"/>
      <c r="H7123" s="18"/>
      <c r="I7123" s="18"/>
      <c r="J7123" s="18"/>
      <c r="K7123" s="18"/>
      <c r="L7123" s="18"/>
      <c r="M7123" s="18"/>
      <c r="N7123" s="18"/>
      <c r="O7123" s="18"/>
      <c r="P7123" s="19"/>
      <c r="Q7123" s="19"/>
      <c r="R7123" s="19"/>
      <c r="S7123" s="19"/>
      <c r="T7123" s="19"/>
      <c r="U7123" s="19"/>
      <c r="V7123" s="19"/>
      <c r="W7123" s="19"/>
      <c r="X7123" s="19"/>
      <c r="Y7123" s="19"/>
      <c r="Z7123" s="19"/>
      <c r="AA7123" s="19"/>
    </row>
    <row r="7124" spans="1:27" s="1" customFormat="1" ht="11.1" customHeight="1" outlineLevel="2" x14ac:dyDescent="0.2">
      <c r="A7124" s="17">
        <v>15299</v>
      </c>
      <c r="B7124" s="17"/>
      <c r="C7124" s="17"/>
      <c r="D7124" s="18" t="s">
        <v>3536</v>
      </c>
      <c r="E7124" s="18"/>
      <c r="F7124" s="18"/>
      <c r="G7124" s="18"/>
      <c r="H7124" s="18"/>
      <c r="I7124" s="18"/>
      <c r="J7124" s="18"/>
      <c r="K7124" s="18"/>
      <c r="L7124" s="18"/>
      <c r="M7124" s="18"/>
      <c r="N7124" s="18"/>
      <c r="O7124" s="18"/>
      <c r="P7124" s="19">
        <v>60</v>
      </c>
      <c r="Q7124" s="19"/>
      <c r="R7124" s="19"/>
      <c r="S7124" s="19"/>
      <c r="T7124" s="19">
        <v>40</v>
      </c>
      <c r="U7124" s="19"/>
      <c r="V7124" s="19"/>
      <c r="W7124" s="19"/>
      <c r="X7124" s="19">
        <v>100</v>
      </c>
      <c r="Y7124" s="19"/>
      <c r="Z7124" s="19"/>
      <c r="AA7124" s="19"/>
    </row>
    <row r="7125" spans="1:27" s="1" customFormat="1" ht="11.1" customHeight="1" outlineLevel="2" x14ac:dyDescent="0.2">
      <c r="A7125" s="17"/>
      <c r="B7125" s="17"/>
      <c r="C7125" s="17"/>
      <c r="D7125" s="18"/>
      <c r="E7125" s="18"/>
      <c r="F7125" s="18"/>
      <c r="G7125" s="18"/>
      <c r="H7125" s="18"/>
      <c r="I7125" s="18"/>
      <c r="J7125" s="18"/>
      <c r="K7125" s="18"/>
      <c r="L7125" s="18"/>
      <c r="M7125" s="18"/>
      <c r="N7125" s="18"/>
      <c r="O7125" s="18"/>
      <c r="P7125" s="19"/>
      <c r="Q7125" s="19"/>
      <c r="R7125" s="19"/>
      <c r="S7125" s="19"/>
      <c r="T7125" s="19"/>
      <c r="U7125" s="19"/>
      <c r="V7125" s="19"/>
      <c r="W7125" s="19"/>
      <c r="X7125" s="19"/>
      <c r="Y7125" s="19"/>
      <c r="Z7125" s="19"/>
      <c r="AA7125" s="19"/>
    </row>
    <row r="7126" spans="1:27" s="1" customFormat="1" ht="11.1" customHeight="1" outlineLevel="2" x14ac:dyDescent="0.2">
      <c r="A7126" s="17">
        <v>13564</v>
      </c>
      <c r="B7126" s="17"/>
      <c r="C7126" s="17"/>
      <c r="D7126" s="18" t="s">
        <v>3537</v>
      </c>
      <c r="E7126" s="18"/>
      <c r="F7126" s="18"/>
      <c r="G7126" s="18"/>
      <c r="H7126" s="18"/>
      <c r="I7126" s="18"/>
      <c r="J7126" s="18"/>
      <c r="K7126" s="18"/>
      <c r="L7126" s="18"/>
      <c r="M7126" s="18"/>
      <c r="N7126" s="18"/>
      <c r="O7126" s="18"/>
      <c r="P7126" s="19">
        <v>120</v>
      </c>
      <c r="Q7126" s="19"/>
      <c r="R7126" s="19"/>
      <c r="S7126" s="19"/>
      <c r="T7126" s="19">
        <v>80</v>
      </c>
      <c r="U7126" s="19"/>
      <c r="V7126" s="19"/>
      <c r="W7126" s="19"/>
      <c r="X7126" s="19">
        <v>91</v>
      </c>
      <c r="Y7126" s="19"/>
      <c r="Z7126" s="19"/>
      <c r="AA7126" s="19"/>
    </row>
    <row r="7127" spans="1:27" s="1" customFormat="1" ht="11.1" customHeight="1" outlineLevel="2" x14ac:dyDescent="0.2">
      <c r="A7127" s="17"/>
      <c r="B7127" s="17"/>
      <c r="C7127" s="17"/>
      <c r="D7127" s="18"/>
      <c r="E7127" s="18"/>
      <c r="F7127" s="18"/>
      <c r="G7127" s="18"/>
      <c r="H7127" s="18"/>
      <c r="I7127" s="18"/>
      <c r="J7127" s="18"/>
      <c r="K7127" s="18"/>
      <c r="L7127" s="18"/>
      <c r="M7127" s="18"/>
      <c r="N7127" s="18"/>
      <c r="O7127" s="18"/>
      <c r="P7127" s="19"/>
      <c r="Q7127" s="19"/>
      <c r="R7127" s="19"/>
      <c r="S7127" s="19"/>
      <c r="T7127" s="19"/>
      <c r="U7127" s="19"/>
      <c r="V7127" s="19"/>
      <c r="W7127" s="19"/>
      <c r="X7127" s="19"/>
      <c r="Y7127" s="19"/>
      <c r="Z7127" s="19"/>
      <c r="AA7127" s="19"/>
    </row>
    <row r="7128" spans="1:27" s="1" customFormat="1" ht="11.1" customHeight="1" outlineLevel="2" x14ac:dyDescent="0.2">
      <c r="A7128" s="17">
        <v>16095</v>
      </c>
      <c r="B7128" s="17"/>
      <c r="C7128" s="17"/>
      <c r="D7128" s="18" t="s">
        <v>3538</v>
      </c>
      <c r="E7128" s="18"/>
      <c r="F7128" s="18"/>
      <c r="G7128" s="18"/>
      <c r="H7128" s="18"/>
      <c r="I7128" s="18"/>
      <c r="J7128" s="18"/>
      <c r="K7128" s="18"/>
      <c r="L7128" s="18"/>
      <c r="M7128" s="18"/>
      <c r="N7128" s="18"/>
      <c r="O7128" s="18"/>
      <c r="P7128" s="19">
        <v>160</v>
      </c>
      <c r="Q7128" s="19"/>
      <c r="R7128" s="19"/>
      <c r="S7128" s="19"/>
      <c r="T7128" s="19">
        <v>120</v>
      </c>
      <c r="U7128" s="19"/>
      <c r="V7128" s="19"/>
      <c r="W7128" s="19"/>
      <c r="X7128" s="19">
        <v>14</v>
      </c>
      <c r="Y7128" s="19"/>
      <c r="Z7128" s="19"/>
      <c r="AA7128" s="19"/>
    </row>
    <row r="7129" spans="1:27" s="1" customFormat="1" ht="11.1" customHeight="1" outlineLevel="2" x14ac:dyDescent="0.2">
      <c r="A7129" s="17"/>
      <c r="B7129" s="17"/>
      <c r="C7129" s="17"/>
      <c r="D7129" s="18"/>
      <c r="E7129" s="18"/>
      <c r="F7129" s="18"/>
      <c r="G7129" s="18"/>
      <c r="H7129" s="18"/>
      <c r="I7129" s="18"/>
      <c r="J7129" s="18"/>
      <c r="K7129" s="18"/>
      <c r="L7129" s="18"/>
      <c r="M7129" s="18"/>
      <c r="N7129" s="18"/>
      <c r="O7129" s="18"/>
      <c r="P7129" s="19"/>
      <c r="Q7129" s="19"/>
      <c r="R7129" s="19"/>
      <c r="S7129" s="19"/>
      <c r="T7129" s="19"/>
      <c r="U7129" s="19"/>
      <c r="V7129" s="19"/>
      <c r="W7129" s="19"/>
      <c r="X7129" s="19"/>
      <c r="Y7129" s="19"/>
      <c r="Z7129" s="19"/>
      <c r="AA7129" s="19"/>
    </row>
    <row r="7130" spans="1:27" s="1" customFormat="1" ht="11.1" customHeight="1" outlineLevel="2" x14ac:dyDescent="0.2">
      <c r="A7130" s="17">
        <v>11571</v>
      </c>
      <c r="B7130" s="17"/>
      <c r="C7130" s="17"/>
      <c r="D7130" s="18" t="s">
        <v>3539</v>
      </c>
      <c r="E7130" s="18"/>
      <c r="F7130" s="18"/>
      <c r="G7130" s="18"/>
      <c r="H7130" s="18"/>
      <c r="I7130" s="18"/>
      <c r="J7130" s="18"/>
      <c r="K7130" s="18"/>
      <c r="L7130" s="18"/>
      <c r="M7130" s="18"/>
      <c r="N7130" s="18"/>
      <c r="O7130" s="18"/>
      <c r="P7130" s="19">
        <v>70</v>
      </c>
      <c r="Q7130" s="19"/>
      <c r="R7130" s="19"/>
      <c r="S7130" s="19"/>
      <c r="T7130" s="19">
        <v>54</v>
      </c>
      <c r="U7130" s="19"/>
      <c r="V7130" s="19"/>
      <c r="W7130" s="19"/>
      <c r="X7130" s="19">
        <v>9</v>
      </c>
      <c r="Y7130" s="19"/>
      <c r="Z7130" s="19"/>
      <c r="AA7130" s="19"/>
    </row>
    <row r="7131" spans="1:27" s="1" customFormat="1" ht="11.1" customHeight="1" outlineLevel="2" x14ac:dyDescent="0.2">
      <c r="A7131" s="17"/>
      <c r="B7131" s="17"/>
      <c r="C7131" s="17"/>
      <c r="D7131" s="18"/>
      <c r="E7131" s="18"/>
      <c r="F7131" s="18"/>
      <c r="G7131" s="18"/>
      <c r="H7131" s="18"/>
      <c r="I7131" s="18"/>
      <c r="J7131" s="18"/>
      <c r="K7131" s="18"/>
      <c r="L7131" s="18"/>
      <c r="M7131" s="18"/>
      <c r="N7131" s="18"/>
      <c r="O7131" s="18"/>
      <c r="P7131" s="19"/>
      <c r="Q7131" s="19"/>
      <c r="R7131" s="19"/>
      <c r="S7131" s="19"/>
      <c r="T7131" s="19"/>
      <c r="U7131" s="19"/>
      <c r="V7131" s="19"/>
      <c r="W7131" s="19"/>
      <c r="X7131" s="19"/>
      <c r="Y7131" s="19"/>
      <c r="Z7131" s="19"/>
      <c r="AA7131" s="19"/>
    </row>
    <row r="7132" spans="1:27" s="1" customFormat="1" ht="14.1" customHeight="1" outlineLevel="2" x14ac:dyDescent="0.2">
      <c r="A7132" s="17">
        <v>11572</v>
      </c>
      <c r="B7132" s="17"/>
      <c r="C7132" s="17"/>
      <c r="D7132" s="18" t="s">
        <v>3540</v>
      </c>
      <c r="E7132" s="18"/>
      <c r="F7132" s="18"/>
      <c r="G7132" s="18"/>
      <c r="H7132" s="18"/>
      <c r="I7132" s="18"/>
      <c r="J7132" s="18"/>
      <c r="K7132" s="18"/>
      <c r="L7132" s="18"/>
      <c r="M7132" s="18"/>
      <c r="N7132" s="18"/>
      <c r="O7132" s="18"/>
      <c r="P7132" s="19">
        <v>100</v>
      </c>
      <c r="Q7132" s="19"/>
      <c r="R7132" s="19"/>
      <c r="S7132" s="19"/>
      <c r="T7132" s="19">
        <v>65</v>
      </c>
      <c r="U7132" s="19"/>
      <c r="V7132" s="19"/>
      <c r="W7132" s="19"/>
      <c r="X7132" s="19">
        <v>2</v>
      </c>
      <c r="Y7132" s="19"/>
      <c r="Z7132" s="19"/>
      <c r="AA7132" s="19"/>
    </row>
    <row r="7133" spans="1:27" s="1" customFormat="1" ht="14.1" customHeight="1" outlineLevel="2" x14ac:dyDescent="0.2">
      <c r="A7133" s="17"/>
      <c r="B7133" s="17"/>
      <c r="C7133" s="17"/>
      <c r="D7133" s="18"/>
      <c r="E7133" s="18"/>
      <c r="F7133" s="18"/>
      <c r="G7133" s="18"/>
      <c r="H7133" s="18"/>
      <c r="I7133" s="18"/>
      <c r="J7133" s="18"/>
      <c r="K7133" s="18"/>
      <c r="L7133" s="18"/>
      <c r="M7133" s="18"/>
      <c r="N7133" s="18"/>
      <c r="O7133" s="18"/>
      <c r="P7133" s="19"/>
      <c r="Q7133" s="19"/>
      <c r="R7133" s="19"/>
      <c r="S7133" s="19"/>
      <c r="T7133" s="19"/>
      <c r="U7133" s="19"/>
      <c r="V7133" s="19"/>
      <c r="W7133" s="19"/>
      <c r="X7133" s="19"/>
      <c r="Y7133" s="19"/>
      <c r="Z7133" s="19"/>
      <c r="AA7133" s="19"/>
    </row>
    <row r="7134" spans="1:27" s="1" customFormat="1" ht="11.1" customHeight="1" outlineLevel="2" x14ac:dyDescent="0.2">
      <c r="A7134" s="17">
        <v>14814</v>
      </c>
      <c r="B7134" s="17"/>
      <c r="C7134" s="17"/>
      <c r="D7134" s="18" t="s">
        <v>3541</v>
      </c>
      <c r="E7134" s="18"/>
      <c r="F7134" s="18"/>
      <c r="G7134" s="18"/>
      <c r="H7134" s="18"/>
      <c r="I7134" s="18"/>
      <c r="J7134" s="18"/>
      <c r="K7134" s="18"/>
      <c r="L7134" s="18"/>
      <c r="M7134" s="18"/>
      <c r="N7134" s="18"/>
      <c r="O7134" s="18"/>
      <c r="P7134" s="19">
        <v>80</v>
      </c>
      <c r="Q7134" s="19"/>
      <c r="R7134" s="19"/>
      <c r="S7134" s="19"/>
      <c r="T7134" s="19">
        <v>50</v>
      </c>
      <c r="U7134" s="19"/>
      <c r="V7134" s="19"/>
      <c r="W7134" s="19"/>
      <c r="X7134" s="19">
        <v>96</v>
      </c>
      <c r="Y7134" s="19"/>
      <c r="Z7134" s="19"/>
      <c r="AA7134" s="19"/>
    </row>
    <row r="7135" spans="1:27" s="1" customFormat="1" ht="11.1" customHeight="1" outlineLevel="2" x14ac:dyDescent="0.2">
      <c r="A7135" s="17"/>
      <c r="B7135" s="17"/>
      <c r="C7135" s="17"/>
      <c r="D7135" s="18"/>
      <c r="E7135" s="18"/>
      <c r="F7135" s="18"/>
      <c r="G7135" s="18"/>
      <c r="H7135" s="18"/>
      <c r="I7135" s="18"/>
      <c r="J7135" s="18"/>
      <c r="K7135" s="18"/>
      <c r="L7135" s="18"/>
      <c r="M7135" s="18"/>
      <c r="N7135" s="18"/>
      <c r="O7135" s="18"/>
      <c r="P7135" s="19"/>
      <c r="Q7135" s="19"/>
      <c r="R7135" s="19"/>
      <c r="S7135" s="19"/>
      <c r="T7135" s="19"/>
      <c r="U7135" s="19"/>
      <c r="V7135" s="19"/>
      <c r="W7135" s="19"/>
      <c r="X7135" s="19"/>
      <c r="Y7135" s="19"/>
      <c r="Z7135" s="19"/>
      <c r="AA7135" s="19"/>
    </row>
    <row r="7136" spans="1:27" s="1" customFormat="1" ht="11.1" customHeight="1" outlineLevel="2" x14ac:dyDescent="0.2">
      <c r="A7136" s="17">
        <v>11574</v>
      </c>
      <c r="B7136" s="17"/>
      <c r="C7136" s="17"/>
      <c r="D7136" s="18" t="s">
        <v>3542</v>
      </c>
      <c r="E7136" s="18"/>
      <c r="F7136" s="18"/>
      <c r="G7136" s="18"/>
      <c r="H7136" s="18"/>
      <c r="I7136" s="18"/>
      <c r="J7136" s="18"/>
      <c r="K7136" s="18"/>
      <c r="L7136" s="18"/>
      <c r="M7136" s="18"/>
      <c r="N7136" s="18"/>
      <c r="O7136" s="18"/>
      <c r="P7136" s="19">
        <v>100</v>
      </c>
      <c r="Q7136" s="19"/>
      <c r="R7136" s="19"/>
      <c r="S7136" s="19"/>
      <c r="T7136" s="19">
        <v>65</v>
      </c>
      <c r="U7136" s="19"/>
      <c r="V7136" s="19"/>
      <c r="W7136" s="19"/>
      <c r="X7136" s="19">
        <v>7</v>
      </c>
      <c r="Y7136" s="19"/>
      <c r="Z7136" s="19"/>
      <c r="AA7136" s="19"/>
    </row>
    <row r="7137" spans="1:27" s="1" customFormat="1" ht="11.1" customHeight="1" outlineLevel="2" x14ac:dyDescent="0.2">
      <c r="A7137" s="17"/>
      <c r="B7137" s="17"/>
      <c r="C7137" s="17"/>
      <c r="D7137" s="18"/>
      <c r="E7137" s="18"/>
      <c r="F7137" s="18"/>
      <c r="G7137" s="18"/>
      <c r="H7137" s="18"/>
      <c r="I7137" s="18"/>
      <c r="J7137" s="18"/>
      <c r="K7137" s="18"/>
      <c r="L7137" s="18"/>
      <c r="M7137" s="18"/>
      <c r="N7137" s="18"/>
      <c r="O7137" s="18"/>
      <c r="P7137" s="19"/>
      <c r="Q7137" s="19"/>
      <c r="R7137" s="19"/>
      <c r="S7137" s="19"/>
      <c r="T7137" s="19"/>
      <c r="U7137" s="19"/>
      <c r="V7137" s="19"/>
      <c r="W7137" s="19"/>
      <c r="X7137" s="19"/>
      <c r="Y7137" s="19"/>
      <c r="Z7137" s="19"/>
      <c r="AA7137" s="19"/>
    </row>
    <row r="7138" spans="1:27" s="1" customFormat="1" ht="14.1" customHeight="1" outlineLevel="2" x14ac:dyDescent="0.2">
      <c r="A7138" s="17">
        <v>12825</v>
      </c>
      <c r="B7138" s="17"/>
      <c r="C7138" s="17"/>
      <c r="D7138" s="18" t="s">
        <v>3543</v>
      </c>
      <c r="E7138" s="18"/>
      <c r="F7138" s="18"/>
      <c r="G7138" s="18"/>
      <c r="H7138" s="18"/>
      <c r="I7138" s="18"/>
      <c r="J7138" s="18"/>
      <c r="K7138" s="18"/>
      <c r="L7138" s="18"/>
      <c r="M7138" s="18"/>
      <c r="N7138" s="18"/>
      <c r="O7138" s="18"/>
      <c r="P7138" s="19">
        <v>200</v>
      </c>
      <c r="Q7138" s="19"/>
      <c r="R7138" s="19"/>
      <c r="S7138" s="19"/>
      <c r="T7138" s="19">
        <v>150</v>
      </c>
      <c r="U7138" s="19"/>
      <c r="V7138" s="19"/>
      <c r="W7138" s="19"/>
      <c r="X7138" s="19">
        <v>2</v>
      </c>
      <c r="Y7138" s="19"/>
      <c r="Z7138" s="19"/>
      <c r="AA7138" s="19"/>
    </row>
    <row r="7139" spans="1:27" s="1" customFormat="1" ht="14.1" customHeight="1" outlineLevel="2" x14ac:dyDescent="0.2">
      <c r="A7139" s="17"/>
      <c r="B7139" s="17"/>
      <c r="C7139" s="17"/>
      <c r="D7139" s="18"/>
      <c r="E7139" s="18"/>
      <c r="F7139" s="18"/>
      <c r="G7139" s="18"/>
      <c r="H7139" s="18"/>
      <c r="I7139" s="18"/>
      <c r="J7139" s="18"/>
      <c r="K7139" s="18"/>
      <c r="L7139" s="18"/>
      <c r="M7139" s="18"/>
      <c r="N7139" s="18"/>
      <c r="O7139" s="18"/>
      <c r="P7139" s="19"/>
      <c r="Q7139" s="19"/>
      <c r="R7139" s="19"/>
      <c r="S7139" s="19"/>
      <c r="T7139" s="19"/>
      <c r="U7139" s="19"/>
      <c r="V7139" s="19"/>
      <c r="W7139" s="19"/>
      <c r="X7139" s="19"/>
      <c r="Y7139" s="19"/>
      <c r="Z7139" s="19"/>
      <c r="AA7139" s="19"/>
    </row>
    <row r="7140" spans="1:27" s="1" customFormat="1" ht="14.1" customHeight="1" outlineLevel="2" x14ac:dyDescent="0.2">
      <c r="A7140" s="17">
        <v>12828</v>
      </c>
      <c r="B7140" s="17"/>
      <c r="C7140" s="17"/>
      <c r="D7140" s="18" t="s">
        <v>3544</v>
      </c>
      <c r="E7140" s="18"/>
      <c r="F7140" s="18"/>
      <c r="G7140" s="18"/>
      <c r="H7140" s="18"/>
      <c r="I7140" s="18"/>
      <c r="J7140" s="18"/>
      <c r="K7140" s="18"/>
      <c r="L7140" s="18"/>
      <c r="M7140" s="18"/>
      <c r="N7140" s="18"/>
      <c r="O7140" s="18"/>
      <c r="P7140" s="19">
        <v>160</v>
      </c>
      <c r="Q7140" s="19"/>
      <c r="R7140" s="19"/>
      <c r="S7140" s="19"/>
      <c r="T7140" s="19">
        <v>120</v>
      </c>
      <c r="U7140" s="19"/>
      <c r="V7140" s="19"/>
      <c r="W7140" s="19"/>
      <c r="X7140" s="19">
        <v>1</v>
      </c>
      <c r="Y7140" s="19"/>
      <c r="Z7140" s="19"/>
      <c r="AA7140" s="19"/>
    </row>
    <row r="7141" spans="1:27" s="1" customFormat="1" ht="14.1" customHeight="1" outlineLevel="2" x14ac:dyDescent="0.2">
      <c r="A7141" s="17"/>
      <c r="B7141" s="17"/>
      <c r="C7141" s="17"/>
      <c r="D7141" s="18"/>
      <c r="E7141" s="18"/>
      <c r="F7141" s="18"/>
      <c r="G7141" s="18"/>
      <c r="H7141" s="18"/>
      <c r="I7141" s="18"/>
      <c r="J7141" s="18"/>
      <c r="K7141" s="18"/>
      <c r="L7141" s="18"/>
      <c r="M7141" s="18"/>
      <c r="N7141" s="18"/>
      <c r="O7141" s="18"/>
      <c r="P7141" s="19"/>
      <c r="Q7141" s="19"/>
      <c r="R7141" s="19"/>
      <c r="S7141" s="19"/>
      <c r="T7141" s="19"/>
      <c r="U7141" s="19"/>
      <c r="V7141" s="19"/>
      <c r="W7141" s="19"/>
      <c r="X7141" s="19"/>
      <c r="Y7141" s="19"/>
      <c r="Z7141" s="19"/>
      <c r="AA7141" s="19"/>
    </row>
    <row r="7142" spans="1:27" s="1" customFormat="1" ht="11.1" customHeight="1" outlineLevel="1" x14ac:dyDescent="0.2">
      <c r="A7142" s="16" t="s">
        <v>2162</v>
      </c>
      <c r="B7142" s="16"/>
      <c r="C7142" s="16"/>
      <c r="D7142" s="16"/>
      <c r="E7142" s="16"/>
      <c r="F7142" s="16"/>
      <c r="G7142" s="16"/>
      <c r="H7142" s="16"/>
      <c r="I7142" s="16"/>
      <c r="J7142" s="16"/>
      <c r="K7142" s="16"/>
      <c r="L7142" s="16"/>
      <c r="M7142" s="16"/>
      <c r="N7142" s="16"/>
      <c r="O7142" s="16"/>
      <c r="P7142" s="16"/>
      <c r="Q7142" s="16"/>
      <c r="R7142" s="16"/>
      <c r="S7142" s="16"/>
      <c r="T7142" s="16"/>
      <c r="U7142" s="16"/>
      <c r="V7142" s="16"/>
      <c r="W7142" s="16"/>
      <c r="X7142" s="16"/>
      <c r="Y7142" s="16"/>
      <c r="Z7142" s="16"/>
      <c r="AA7142" s="16"/>
    </row>
    <row r="7143" spans="1:27" s="1" customFormat="1" ht="11.1" customHeight="1" outlineLevel="1" x14ac:dyDescent="0.2">
      <c r="A7143" s="16"/>
      <c r="B7143" s="16"/>
      <c r="C7143" s="16"/>
      <c r="D7143" s="16"/>
      <c r="E7143" s="16"/>
      <c r="F7143" s="16"/>
      <c r="G7143" s="16"/>
      <c r="H7143" s="16"/>
      <c r="I7143" s="16"/>
      <c r="J7143" s="16"/>
      <c r="K7143" s="16"/>
      <c r="L7143" s="16"/>
      <c r="M7143" s="16"/>
      <c r="N7143" s="16"/>
      <c r="O7143" s="16"/>
      <c r="P7143" s="16"/>
      <c r="Q7143" s="16"/>
      <c r="R7143" s="16"/>
      <c r="S7143" s="16"/>
      <c r="T7143" s="16"/>
      <c r="U7143" s="16"/>
      <c r="V7143" s="16"/>
      <c r="W7143" s="16"/>
      <c r="X7143" s="16"/>
      <c r="Y7143" s="16"/>
      <c r="Z7143" s="16"/>
      <c r="AA7143" s="16"/>
    </row>
    <row r="7144" spans="1:27" s="1" customFormat="1" ht="14.1" customHeight="1" outlineLevel="2" x14ac:dyDescent="0.2">
      <c r="A7144" s="17">
        <v>17599</v>
      </c>
      <c r="B7144" s="17"/>
      <c r="C7144" s="17"/>
      <c r="D7144" s="18" t="s">
        <v>3545</v>
      </c>
      <c r="E7144" s="18"/>
      <c r="F7144" s="18"/>
      <c r="G7144" s="18"/>
      <c r="H7144" s="18"/>
      <c r="I7144" s="18"/>
      <c r="J7144" s="18"/>
      <c r="K7144" s="18"/>
      <c r="L7144" s="18"/>
      <c r="M7144" s="18"/>
      <c r="N7144" s="18"/>
      <c r="O7144" s="18"/>
      <c r="P7144" s="19">
        <v>400</v>
      </c>
      <c r="Q7144" s="19"/>
      <c r="R7144" s="19"/>
      <c r="S7144" s="19"/>
      <c r="T7144" s="19">
        <v>300</v>
      </c>
      <c r="U7144" s="19"/>
      <c r="V7144" s="19"/>
      <c r="W7144" s="19"/>
      <c r="X7144" s="19">
        <v>1</v>
      </c>
      <c r="Y7144" s="19"/>
      <c r="Z7144" s="19"/>
      <c r="AA7144" s="19"/>
    </row>
    <row r="7145" spans="1:27" s="1" customFormat="1" ht="14.1" customHeight="1" outlineLevel="2" x14ac:dyDescent="0.2">
      <c r="A7145" s="17"/>
      <c r="B7145" s="17"/>
      <c r="C7145" s="17"/>
      <c r="D7145" s="18"/>
      <c r="E7145" s="18"/>
      <c r="F7145" s="18"/>
      <c r="G7145" s="18"/>
      <c r="H7145" s="18"/>
      <c r="I7145" s="18"/>
      <c r="J7145" s="18"/>
      <c r="K7145" s="18"/>
      <c r="L7145" s="18"/>
      <c r="M7145" s="18"/>
      <c r="N7145" s="18"/>
      <c r="O7145" s="18"/>
      <c r="P7145" s="19"/>
      <c r="Q7145" s="19"/>
      <c r="R7145" s="19"/>
      <c r="S7145" s="19"/>
      <c r="T7145" s="19"/>
      <c r="U7145" s="19"/>
      <c r="V7145" s="19"/>
      <c r="W7145" s="19"/>
      <c r="X7145" s="19"/>
      <c r="Y7145" s="19"/>
      <c r="Z7145" s="19"/>
      <c r="AA7145" s="19"/>
    </row>
    <row r="7146" spans="1:27" s="1" customFormat="1" ht="11.1" customHeight="1" x14ac:dyDescent="0.2">
      <c r="A7146" s="16" t="s">
        <v>3546</v>
      </c>
      <c r="B7146" s="16"/>
      <c r="C7146" s="16"/>
      <c r="D7146" s="16"/>
      <c r="E7146" s="16"/>
      <c r="F7146" s="16"/>
      <c r="G7146" s="16"/>
      <c r="H7146" s="16"/>
      <c r="I7146" s="16"/>
      <c r="J7146" s="16"/>
      <c r="K7146" s="16"/>
      <c r="L7146" s="16"/>
      <c r="M7146" s="16"/>
      <c r="N7146" s="16"/>
      <c r="O7146" s="16"/>
      <c r="P7146" s="16"/>
      <c r="Q7146" s="16"/>
      <c r="R7146" s="16"/>
      <c r="S7146" s="16"/>
      <c r="T7146" s="16"/>
      <c r="U7146" s="16"/>
      <c r="V7146" s="16"/>
      <c r="W7146" s="16"/>
      <c r="X7146" s="16"/>
      <c r="Y7146" s="16"/>
      <c r="Z7146" s="16"/>
      <c r="AA7146" s="16"/>
    </row>
    <row r="7147" spans="1:27" s="1" customFormat="1" ht="11.1" customHeight="1" x14ac:dyDescent="0.2">
      <c r="A7147" s="16"/>
      <c r="B7147" s="16"/>
      <c r="C7147" s="16"/>
      <c r="D7147" s="16"/>
      <c r="E7147" s="16"/>
      <c r="F7147" s="16"/>
      <c r="G7147" s="16"/>
      <c r="H7147" s="16"/>
      <c r="I7147" s="16"/>
      <c r="J7147" s="16"/>
      <c r="K7147" s="16"/>
      <c r="L7147" s="16"/>
      <c r="M7147" s="16"/>
      <c r="N7147" s="16"/>
      <c r="O7147" s="16"/>
      <c r="P7147" s="16"/>
      <c r="Q7147" s="16"/>
      <c r="R7147" s="16"/>
      <c r="S7147" s="16"/>
      <c r="T7147" s="16"/>
      <c r="U7147" s="16"/>
      <c r="V7147" s="16"/>
      <c r="W7147" s="16"/>
      <c r="X7147" s="16"/>
      <c r="Y7147" s="16"/>
      <c r="Z7147" s="16"/>
      <c r="AA7147" s="16"/>
    </row>
    <row r="7148" spans="1:27" s="1" customFormat="1" ht="11.1" customHeight="1" outlineLevel="1" x14ac:dyDescent="0.2">
      <c r="A7148" s="16" t="s">
        <v>1448</v>
      </c>
      <c r="B7148" s="16"/>
      <c r="C7148" s="16"/>
      <c r="D7148" s="16"/>
      <c r="E7148" s="16"/>
      <c r="F7148" s="16"/>
      <c r="G7148" s="16"/>
      <c r="H7148" s="16"/>
      <c r="I7148" s="16"/>
      <c r="J7148" s="16"/>
      <c r="K7148" s="16"/>
      <c r="L7148" s="16"/>
      <c r="M7148" s="16"/>
      <c r="N7148" s="16"/>
      <c r="O7148" s="16"/>
      <c r="P7148" s="16"/>
      <c r="Q7148" s="16"/>
      <c r="R7148" s="16"/>
      <c r="S7148" s="16"/>
      <c r="T7148" s="16"/>
      <c r="U7148" s="16"/>
      <c r="V7148" s="16"/>
      <c r="W7148" s="16"/>
      <c r="X7148" s="16"/>
      <c r="Y7148" s="16"/>
      <c r="Z7148" s="16"/>
      <c r="AA7148" s="16"/>
    </row>
    <row r="7149" spans="1:27" s="1" customFormat="1" ht="11.1" customHeight="1" outlineLevel="1" x14ac:dyDescent="0.2">
      <c r="A7149" s="16"/>
      <c r="B7149" s="16"/>
      <c r="C7149" s="16"/>
      <c r="D7149" s="16"/>
      <c r="E7149" s="16"/>
      <c r="F7149" s="16"/>
      <c r="G7149" s="16"/>
      <c r="H7149" s="16"/>
      <c r="I7149" s="16"/>
      <c r="J7149" s="16"/>
      <c r="K7149" s="16"/>
      <c r="L7149" s="16"/>
      <c r="M7149" s="16"/>
      <c r="N7149" s="16"/>
      <c r="O7149" s="16"/>
      <c r="P7149" s="16"/>
      <c r="Q7149" s="16"/>
      <c r="R7149" s="16"/>
      <c r="S7149" s="16"/>
      <c r="T7149" s="16"/>
      <c r="U7149" s="16"/>
      <c r="V7149" s="16"/>
      <c r="W7149" s="16"/>
      <c r="X7149" s="16"/>
      <c r="Y7149" s="16"/>
      <c r="Z7149" s="16"/>
      <c r="AA7149" s="16"/>
    </row>
    <row r="7150" spans="1:27" s="1" customFormat="1" ht="11.1" customHeight="1" outlineLevel="2" x14ac:dyDescent="0.2">
      <c r="A7150" s="17">
        <v>8398</v>
      </c>
      <c r="B7150" s="17"/>
      <c r="C7150" s="17"/>
      <c r="D7150" s="18" t="s">
        <v>3547</v>
      </c>
      <c r="E7150" s="18"/>
      <c r="F7150" s="18"/>
      <c r="G7150" s="18"/>
      <c r="H7150" s="18"/>
      <c r="I7150" s="18"/>
      <c r="J7150" s="18"/>
      <c r="K7150" s="18"/>
      <c r="L7150" s="18"/>
      <c r="M7150" s="18"/>
      <c r="N7150" s="18"/>
      <c r="O7150" s="18"/>
      <c r="P7150" s="19">
        <v>240</v>
      </c>
      <c r="Q7150" s="19"/>
      <c r="R7150" s="19"/>
      <c r="S7150" s="19"/>
      <c r="T7150" s="19">
        <v>190</v>
      </c>
      <c r="U7150" s="19"/>
      <c r="V7150" s="19"/>
      <c r="W7150" s="19"/>
      <c r="X7150" s="19">
        <v>1</v>
      </c>
      <c r="Y7150" s="19"/>
      <c r="Z7150" s="19"/>
      <c r="AA7150" s="19"/>
    </row>
    <row r="7151" spans="1:27" s="1" customFormat="1" ht="11.1" customHeight="1" outlineLevel="2" x14ac:dyDescent="0.2">
      <c r="A7151" s="17"/>
      <c r="B7151" s="17"/>
      <c r="C7151" s="17"/>
      <c r="D7151" s="18"/>
      <c r="E7151" s="18"/>
      <c r="F7151" s="18"/>
      <c r="G7151" s="18"/>
      <c r="H7151" s="18"/>
      <c r="I7151" s="18"/>
      <c r="J7151" s="18"/>
      <c r="K7151" s="18"/>
      <c r="L7151" s="18"/>
      <c r="M7151" s="18"/>
      <c r="N7151" s="18"/>
      <c r="O7151" s="18"/>
      <c r="P7151" s="19"/>
      <c r="Q7151" s="19"/>
      <c r="R7151" s="19"/>
      <c r="S7151" s="19"/>
      <c r="T7151" s="19"/>
      <c r="U7151" s="19"/>
      <c r="V7151" s="19"/>
      <c r="W7151" s="19"/>
      <c r="X7151" s="19"/>
      <c r="Y7151" s="19"/>
      <c r="Z7151" s="19"/>
      <c r="AA7151" s="19"/>
    </row>
    <row r="7152" spans="1:27" s="1" customFormat="1" ht="11.1" customHeight="1" outlineLevel="2" x14ac:dyDescent="0.2">
      <c r="A7152" s="17">
        <v>5105</v>
      </c>
      <c r="B7152" s="17"/>
      <c r="C7152" s="17"/>
      <c r="D7152" s="18" t="s">
        <v>3548</v>
      </c>
      <c r="E7152" s="18"/>
      <c r="F7152" s="18"/>
      <c r="G7152" s="18"/>
      <c r="H7152" s="18"/>
      <c r="I7152" s="18"/>
      <c r="J7152" s="18"/>
      <c r="K7152" s="18"/>
      <c r="L7152" s="18"/>
      <c r="M7152" s="18"/>
      <c r="N7152" s="18"/>
      <c r="O7152" s="18"/>
      <c r="P7152" s="19">
        <v>490</v>
      </c>
      <c r="Q7152" s="19"/>
      <c r="R7152" s="19"/>
      <c r="S7152" s="19"/>
      <c r="T7152" s="19">
        <v>440</v>
      </c>
      <c r="U7152" s="19"/>
      <c r="V7152" s="19"/>
      <c r="W7152" s="19"/>
      <c r="X7152" s="19">
        <v>1</v>
      </c>
      <c r="Y7152" s="19"/>
      <c r="Z7152" s="19"/>
      <c r="AA7152" s="19"/>
    </row>
    <row r="7153" spans="1:27" s="1" customFormat="1" ht="11.1" customHeight="1" outlineLevel="2" x14ac:dyDescent="0.2">
      <c r="A7153" s="17"/>
      <c r="B7153" s="17"/>
      <c r="C7153" s="17"/>
      <c r="D7153" s="18"/>
      <c r="E7153" s="18"/>
      <c r="F7153" s="18"/>
      <c r="G7153" s="18"/>
      <c r="H7153" s="18"/>
      <c r="I7153" s="18"/>
      <c r="J7153" s="18"/>
      <c r="K7153" s="18"/>
      <c r="L7153" s="18"/>
      <c r="M7153" s="18"/>
      <c r="N7153" s="18"/>
      <c r="O7153" s="18"/>
      <c r="P7153" s="19"/>
      <c r="Q7153" s="19"/>
      <c r="R7153" s="19"/>
      <c r="S7153" s="19"/>
      <c r="T7153" s="19"/>
      <c r="U7153" s="19"/>
      <c r="V7153" s="19"/>
      <c r="W7153" s="19"/>
      <c r="X7153" s="19"/>
      <c r="Y7153" s="19"/>
      <c r="Z7153" s="19"/>
      <c r="AA7153" s="19"/>
    </row>
    <row r="7154" spans="1:27" s="1" customFormat="1" ht="11.1" customHeight="1" outlineLevel="2" x14ac:dyDescent="0.2">
      <c r="A7154" s="17">
        <v>1324</v>
      </c>
      <c r="B7154" s="17"/>
      <c r="C7154" s="17"/>
      <c r="D7154" s="18" t="s">
        <v>3549</v>
      </c>
      <c r="E7154" s="18"/>
      <c r="F7154" s="18"/>
      <c r="G7154" s="18"/>
      <c r="H7154" s="18"/>
      <c r="I7154" s="18"/>
      <c r="J7154" s="18"/>
      <c r="K7154" s="18"/>
      <c r="L7154" s="18"/>
      <c r="M7154" s="18"/>
      <c r="N7154" s="18"/>
      <c r="O7154" s="18"/>
      <c r="P7154" s="19">
        <v>450</v>
      </c>
      <c r="Q7154" s="19"/>
      <c r="R7154" s="19"/>
      <c r="S7154" s="19"/>
      <c r="T7154" s="19">
        <v>400</v>
      </c>
      <c r="U7154" s="19"/>
      <c r="V7154" s="19"/>
      <c r="W7154" s="19"/>
      <c r="X7154" s="19">
        <v>1</v>
      </c>
      <c r="Y7154" s="19"/>
      <c r="Z7154" s="19"/>
      <c r="AA7154" s="19"/>
    </row>
    <row r="7155" spans="1:27" s="1" customFormat="1" ht="11.1" customHeight="1" outlineLevel="2" x14ac:dyDescent="0.2">
      <c r="A7155" s="17"/>
      <c r="B7155" s="17"/>
      <c r="C7155" s="17"/>
      <c r="D7155" s="18"/>
      <c r="E7155" s="18"/>
      <c r="F7155" s="18"/>
      <c r="G7155" s="18"/>
      <c r="H7155" s="18"/>
      <c r="I7155" s="18"/>
      <c r="J7155" s="18"/>
      <c r="K7155" s="18"/>
      <c r="L7155" s="18"/>
      <c r="M7155" s="18"/>
      <c r="N7155" s="18"/>
      <c r="O7155" s="18"/>
      <c r="P7155" s="19"/>
      <c r="Q7155" s="19"/>
      <c r="R7155" s="19"/>
      <c r="S7155" s="19"/>
      <c r="T7155" s="19"/>
      <c r="U7155" s="19"/>
      <c r="V7155" s="19"/>
      <c r="W7155" s="19"/>
      <c r="X7155" s="19"/>
      <c r="Y7155" s="19"/>
      <c r="Z7155" s="19"/>
      <c r="AA7155" s="19"/>
    </row>
    <row r="7156" spans="1:27" s="1" customFormat="1" ht="11.1" customHeight="1" outlineLevel="2" x14ac:dyDescent="0.2">
      <c r="A7156" s="17">
        <v>1323</v>
      </c>
      <c r="B7156" s="17"/>
      <c r="C7156" s="17"/>
      <c r="D7156" s="18" t="s">
        <v>3550</v>
      </c>
      <c r="E7156" s="18"/>
      <c r="F7156" s="18"/>
      <c r="G7156" s="18"/>
      <c r="H7156" s="18"/>
      <c r="I7156" s="18"/>
      <c r="J7156" s="18"/>
      <c r="K7156" s="18"/>
      <c r="L7156" s="18"/>
      <c r="M7156" s="18"/>
      <c r="N7156" s="18"/>
      <c r="O7156" s="18"/>
      <c r="P7156" s="19">
        <v>300</v>
      </c>
      <c r="Q7156" s="19"/>
      <c r="R7156" s="19"/>
      <c r="S7156" s="19"/>
      <c r="T7156" s="19">
        <v>260</v>
      </c>
      <c r="U7156" s="19"/>
      <c r="V7156" s="19"/>
      <c r="W7156" s="19"/>
      <c r="X7156" s="19">
        <v>1</v>
      </c>
      <c r="Y7156" s="19"/>
      <c r="Z7156" s="19"/>
      <c r="AA7156" s="19"/>
    </row>
    <row r="7157" spans="1:27" s="1" customFormat="1" ht="11.1" customHeight="1" outlineLevel="2" x14ac:dyDescent="0.2">
      <c r="A7157" s="17"/>
      <c r="B7157" s="17"/>
      <c r="C7157" s="17"/>
      <c r="D7157" s="18"/>
      <c r="E7157" s="18"/>
      <c r="F7157" s="18"/>
      <c r="G7157" s="18"/>
      <c r="H7157" s="18"/>
      <c r="I7157" s="18"/>
      <c r="J7157" s="18"/>
      <c r="K7157" s="18"/>
      <c r="L7157" s="18"/>
      <c r="M7157" s="18"/>
      <c r="N7157" s="18"/>
      <c r="O7157" s="18"/>
      <c r="P7157" s="19"/>
      <c r="Q7157" s="19"/>
      <c r="R7157" s="19"/>
      <c r="S7157" s="19"/>
      <c r="T7157" s="19"/>
      <c r="U7157" s="19"/>
      <c r="V7157" s="19"/>
      <c r="W7157" s="19"/>
      <c r="X7157" s="19"/>
      <c r="Y7157" s="19"/>
      <c r="Z7157" s="19"/>
      <c r="AA7157" s="19"/>
    </row>
    <row r="7158" spans="1:27" s="1" customFormat="1" ht="11.1" customHeight="1" outlineLevel="2" x14ac:dyDescent="0.2">
      <c r="A7158" s="17">
        <v>1325</v>
      </c>
      <c r="B7158" s="17"/>
      <c r="C7158" s="17"/>
      <c r="D7158" s="18" t="s">
        <v>3551</v>
      </c>
      <c r="E7158" s="18"/>
      <c r="F7158" s="18"/>
      <c r="G7158" s="18"/>
      <c r="H7158" s="18"/>
      <c r="I7158" s="18"/>
      <c r="J7158" s="18"/>
      <c r="K7158" s="18"/>
      <c r="L7158" s="18"/>
      <c r="M7158" s="18"/>
      <c r="N7158" s="18"/>
      <c r="O7158" s="18"/>
      <c r="P7158" s="19">
        <v>450</v>
      </c>
      <c r="Q7158" s="19"/>
      <c r="R7158" s="19"/>
      <c r="S7158" s="19"/>
      <c r="T7158" s="19">
        <v>400</v>
      </c>
      <c r="U7158" s="19"/>
      <c r="V7158" s="19"/>
      <c r="W7158" s="19"/>
      <c r="X7158" s="19">
        <v>1</v>
      </c>
      <c r="Y7158" s="19"/>
      <c r="Z7158" s="19"/>
      <c r="AA7158" s="19"/>
    </row>
    <row r="7159" spans="1:27" s="1" customFormat="1" ht="11.1" customHeight="1" outlineLevel="2" x14ac:dyDescent="0.2">
      <c r="A7159" s="17"/>
      <c r="B7159" s="17"/>
      <c r="C7159" s="17"/>
      <c r="D7159" s="18"/>
      <c r="E7159" s="18"/>
      <c r="F7159" s="18"/>
      <c r="G7159" s="18"/>
      <c r="H7159" s="18"/>
      <c r="I7159" s="18"/>
      <c r="J7159" s="18"/>
      <c r="K7159" s="18"/>
      <c r="L7159" s="18"/>
      <c r="M7159" s="18"/>
      <c r="N7159" s="18"/>
      <c r="O7159" s="18"/>
      <c r="P7159" s="19"/>
      <c r="Q7159" s="19"/>
      <c r="R7159" s="19"/>
      <c r="S7159" s="19"/>
      <c r="T7159" s="19"/>
      <c r="U7159" s="19"/>
      <c r="V7159" s="19"/>
      <c r="W7159" s="19"/>
      <c r="X7159" s="19"/>
      <c r="Y7159" s="19"/>
      <c r="Z7159" s="19"/>
      <c r="AA7159" s="19"/>
    </row>
    <row r="7160" spans="1:27" s="1" customFormat="1" ht="11.1" customHeight="1" outlineLevel="1" x14ac:dyDescent="0.2">
      <c r="A7160" s="16" t="s">
        <v>1164</v>
      </c>
      <c r="B7160" s="16"/>
      <c r="C7160" s="16"/>
      <c r="D7160" s="16"/>
      <c r="E7160" s="16"/>
      <c r="F7160" s="16"/>
      <c r="G7160" s="16"/>
      <c r="H7160" s="16"/>
      <c r="I7160" s="16"/>
      <c r="J7160" s="16"/>
      <c r="K7160" s="16"/>
      <c r="L7160" s="16"/>
      <c r="M7160" s="16"/>
      <c r="N7160" s="16"/>
      <c r="O7160" s="16"/>
      <c r="P7160" s="16"/>
      <c r="Q7160" s="16"/>
      <c r="R7160" s="16"/>
      <c r="S7160" s="16"/>
      <c r="T7160" s="16"/>
      <c r="U7160" s="16"/>
      <c r="V7160" s="16"/>
      <c r="W7160" s="16"/>
      <c r="X7160" s="16"/>
      <c r="Y7160" s="16"/>
      <c r="Z7160" s="16"/>
      <c r="AA7160" s="16"/>
    </row>
    <row r="7161" spans="1:27" s="1" customFormat="1" ht="11.1" customHeight="1" outlineLevel="1" x14ac:dyDescent="0.2">
      <c r="A7161" s="16"/>
      <c r="B7161" s="16"/>
      <c r="C7161" s="16"/>
      <c r="D7161" s="16"/>
      <c r="E7161" s="16"/>
      <c r="F7161" s="16"/>
      <c r="G7161" s="16"/>
      <c r="H7161" s="16"/>
      <c r="I7161" s="16"/>
      <c r="J7161" s="16"/>
      <c r="K7161" s="16"/>
      <c r="L7161" s="16"/>
      <c r="M7161" s="16"/>
      <c r="N7161" s="16"/>
      <c r="O7161" s="16"/>
      <c r="P7161" s="16"/>
      <c r="Q7161" s="16"/>
      <c r="R7161" s="16"/>
      <c r="S7161" s="16"/>
      <c r="T7161" s="16"/>
      <c r="U7161" s="16"/>
      <c r="V7161" s="16"/>
      <c r="W7161" s="16"/>
      <c r="X7161" s="16"/>
      <c r="Y7161" s="16"/>
      <c r="Z7161" s="16"/>
      <c r="AA7161" s="16"/>
    </row>
    <row r="7162" spans="1:27" s="1" customFormat="1" ht="11.1" customHeight="1" outlineLevel="2" x14ac:dyDescent="0.2">
      <c r="A7162" s="17">
        <v>1468</v>
      </c>
      <c r="B7162" s="17"/>
      <c r="C7162" s="17"/>
      <c r="D7162" s="18" t="s">
        <v>3552</v>
      </c>
      <c r="E7162" s="18"/>
      <c r="F7162" s="18"/>
      <c r="G7162" s="18"/>
      <c r="H7162" s="18"/>
      <c r="I7162" s="18"/>
      <c r="J7162" s="18"/>
      <c r="K7162" s="18"/>
      <c r="L7162" s="18"/>
      <c r="M7162" s="18"/>
      <c r="N7162" s="18"/>
      <c r="O7162" s="18"/>
      <c r="P7162" s="19">
        <v>500</v>
      </c>
      <c r="Q7162" s="19"/>
      <c r="R7162" s="19"/>
      <c r="S7162" s="19"/>
      <c r="T7162" s="19">
        <v>450</v>
      </c>
      <c r="U7162" s="19"/>
      <c r="V7162" s="19"/>
      <c r="W7162" s="19"/>
      <c r="X7162" s="19">
        <v>1</v>
      </c>
      <c r="Y7162" s="19"/>
      <c r="Z7162" s="19"/>
      <c r="AA7162" s="19"/>
    </row>
    <row r="7163" spans="1:27" s="1" customFormat="1" ht="11.1" customHeight="1" outlineLevel="2" x14ac:dyDescent="0.2">
      <c r="A7163" s="17"/>
      <c r="B7163" s="17"/>
      <c r="C7163" s="17"/>
      <c r="D7163" s="18"/>
      <c r="E7163" s="18"/>
      <c r="F7163" s="18"/>
      <c r="G7163" s="18"/>
      <c r="H7163" s="18"/>
      <c r="I7163" s="18"/>
      <c r="J7163" s="18"/>
      <c r="K7163" s="18"/>
      <c r="L7163" s="18"/>
      <c r="M7163" s="18"/>
      <c r="N7163" s="18"/>
      <c r="O7163" s="18"/>
      <c r="P7163" s="19"/>
      <c r="Q7163" s="19"/>
      <c r="R7163" s="19"/>
      <c r="S7163" s="19"/>
      <c r="T7163" s="19"/>
      <c r="U7163" s="19"/>
      <c r="V7163" s="19"/>
      <c r="W7163" s="19"/>
      <c r="X7163" s="19"/>
      <c r="Y7163" s="19"/>
      <c r="Z7163" s="19"/>
      <c r="AA7163" s="19"/>
    </row>
    <row r="7164" spans="1:27" s="1" customFormat="1" ht="11.1" customHeight="1" outlineLevel="2" x14ac:dyDescent="0.2">
      <c r="A7164" s="17">
        <v>17329</v>
      </c>
      <c r="B7164" s="17"/>
      <c r="C7164" s="17"/>
      <c r="D7164" s="18" t="s">
        <v>3553</v>
      </c>
      <c r="E7164" s="18"/>
      <c r="F7164" s="18"/>
      <c r="G7164" s="18"/>
      <c r="H7164" s="18"/>
      <c r="I7164" s="18"/>
      <c r="J7164" s="18"/>
      <c r="K7164" s="18"/>
      <c r="L7164" s="18"/>
      <c r="M7164" s="18"/>
      <c r="N7164" s="18"/>
      <c r="O7164" s="18"/>
      <c r="P7164" s="20">
        <v>1000</v>
      </c>
      <c r="Q7164" s="20"/>
      <c r="R7164" s="20"/>
      <c r="S7164" s="20"/>
      <c r="T7164" s="19">
        <v>850</v>
      </c>
      <c r="U7164" s="19"/>
      <c r="V7164" s="19"/>
      <c r="W7164" s="19"/>
      <c r="X7164" s="19">
        <v>5</v>
      </c>
      <c r="Y7164" s="19"/>
      <c r="Z7164" s="19"/>
      <c r="AA7164" s="19"/>
    </row>
    <row r="7165" spans="1:27" s="1" customFormat="1" ht="11.1" customHeight="1" outlineLevel="2" x14ac:dyDescent="0.2">
      <c r="A7165" s="17"/>
      <c r="B7165" s="17"/>
      <c r="C7165" s="17"/>
      <c r="D7165" s="18"/>
      <c r="E7165" s="18"/>
      <c r="F7165" s="18"/>
      <c r="G7165" s="18"/>
      <c r="H7165" s="18"/>
      <c r="I7165" s="18"/>
      <c r="J7165" s="18"/>
      <c r="K7165" s="18"/>
      <c r="L7165" s="18"/>
      <c r="M7165" s="18"/>
      <c r="N7165" s="18"/>
      <c r="O7165" s="18"/>
      <c r="P7165" s="20"/>
      <c r="Q7165" s="20"/>
      <c r="R7165" s="20"/>
      <c r="S7165" s="20"/>
      <c r="T7165" s="19"/>
      <c r="U7165" s="19"/>
      <c r="V7165" s="19"/>
      <c r="W7165" s="19"/>
      <c r="X7165" s="19"/>
      <c r="Y7165" s="19"/>
      <c r="Z7165" s="19"/>
      <c r="AA7165" s="19"/>
    </row>
    <row r="7166" spans="1:27" s="1" customFormat="1" ht="11.1" customHeight="1" outlineLevel="1" x14ac:dyDescent="0.2">
      <c r="A7166" s="16" t="s">
        <v>1468</v>
      </c>
      <c r="B7166" s="16"/>
      <c r="C7166" s="16"/>
      <c r="D7166" s="16"/>
      <c r="E7166" s="16"/>
      <c r="F7166" s="16"/>
      <c r="G7166" s="16"/>
      <c r="H7166" s="16"/>
      <c r="I7166" s="16"/>
      <c r="J7166" s="16"/>
      <c r="K7166" s="16"/>
      <c r="L7166" s="16"/>
      <c r="M7166" s="16"/>
      <c r="N7166" s="16"/>
      <c r="O7166" s="16"/>
      <c r="P7166" s="16"/>
      <c r="Q7166" s="16"/>
      <c r="R7166" s="16"/>
      <c r="S7166" s="16"/>
      <c r="T7166" s="16"/>
      <c r="U7166" s="16"/>
      <c r="V7166" s="16"/>
      <c r="W7166" s="16"/>
      <c r="X7166" s="16"/>
      <c r="Y7166" s="16"/>
      <c r="Z7166" s="16"/>
      <c r="AA7166" s="16"/>
    </row>
    <row r="7167" spans="1:27" s="1" customFormat="1" ht="11.1" customHeight="1" outlineLevel="1" x14ac:dyDescent="0.2">
      <c r="A7167" s="16"/>
      <c r="B7167" s="16"/>
      <c r="C7167" s="16"/>
      <c r="D7167" s="16"/>
      <c r="E7167" s="16"/>
      <c r="F7167" s="16"/>
      <c r="G7167" s="16"/>
      <c r="H7167" s="16"/>
      <c r="I7167" s="16"/>
      <c r="J7167" s="16"/>
      <c r="K7167" s="16"/>
      <c r="L7167" s="16"/>
      <c r="M7167" s="16"/>
      <c r="N7167" s="16"/>
      <c r="O7167" s="16"/>
      <c r="P7167" s="16"/>
      <c r="Q7167" s="16"/>
      <c r="R7167" s="16"/>
      <c r="S7167" s="16"/>
      <c r="T7167" s="16"/>
      <c r="U7167" s="16"/>
      <c r="V7167" s="16"/>
      <c r="W7167" s="16"/>
      <c r="X7167" s="16"/>
      <c r="Y7167" s="16"/>
      <c r="Z7167" s="16"/>
      <c r="AA7167" s="16"/>
    </row>
    <row r="7168" spans="1:27" s="1" customFormat="1" ht="11.1" customHeight="1" outlineLevel="2" x14ac:dyDescent="0.2">
      <c r="A7168" s="17">
        <v>9459</v>
      </c>
      <c r="B7168" s="17"/>
      <c r="C7168" s="17"/>
      <c r="D7168" s="18" t="s">
        <v>3554</v>
      </c>
      <c r="E7168" s="18"/>
      <c r="F7168" s="18"/>
      <c r="G7168" s="18"/>
      <c r="H7168" s="18"/>
      <c r="I7168" s="18"/>
      <c r="J7168" s="18"/>
      <c r="K7168" s="18"/>
      <c r="L7168" s="18"/>
      <c r="M7168" s="18"/>
      <c r="N7168" s="18"/>
      <c r="O7168" s="18"/>
      <c r="P7168" s="19">
        <v>420</v>
      </c>
      <c r="Q7168" s="19"/>
      <c r="R7168" s="19"/>
      <c r="S7168" s="19"/>
      <c r="T7168" s="19">
        <v>350</v>
      </c>
      <c r="U7168" s="19"/>
      <c r="V7168" s="19"/>
      <c r="W7168" s="19"/>
      <c r="X7168" s="19">
        <v>4</v>
      </c>
      <c r="Y7168" s="19"/>
      <c r="Z7168" s="19"/>
      <c r="AA7168" s="19"/>
    </row>
    <row r="7169" spans="1:27" s="1" customFormat="1" ht="11.1" customHeight="1" outlineLevel="2" x14ac:dyDescent="0.2">
      <c r="A7169" s="17"/>
      <c r="B7169" s="17"/>
      <c r="C7169" s="17"/>
      <c r="D7169" s="18"/>
      <c r="E7169" s="18"/>
      <c r="F7169" s="18"/>
      <c r="G7169" s="18"/>
      <c r="H7169" s="18"/>
      <c r="I7169" s="18"/>
      <c r="J7169" s="18"/>
      <c r="K7169" s="18"/>
      <c r="L7169" s="18"/>
      <c r="M7169" s="18"/>
      <c r="N7169" s="18"/>
      <c r="O7169" s="18"/>
      <c r="P7169" s="19"/>
      <c r="Q7169" s="19"/>
      <c r="R7169" s="19"/>
      <c r="S7169" s="19"/>
      <c r="T7169" s="19"/>
      <c r="U7169" s="19"/>
      <c r="V7169" s="19"/>
      <c r="W7169" s="19"/>
      <c r="X7169" s="19"/>
      <c r="Y7169" s="19"/>
      <c r="Z7169" s="19"/>
      <c r="AA7169" s="19"/>
    </row>
    <row r="7170" spans="1:27" s="1" customFormat="1" ht="11.1" customHeight="1" outlineLevel="2" x14ac:dyDescent="0.2">
      <c r="A7170" s="17">
        <v>6409</v>
      </c>
      <c r="B7170" s="17"/>
      <c r="C7170" s="17"/>
      <c r="D7170" s="18" t="s">
        <v>3555</v>
      </c>
      <c r="E7170" s="18"/>
      <c r="F7170" s="18"/>
      <c r="G7170" s="18"/>
      <c r="H7170" s="18"/>
      <c r="I7170" s="18"/>
      <c r="J7170" s="18"/>
      <c r="K7170" s="18"/>
      <c r="L7170" s="18"/>
      <c r="M7170" s="18"/>
      <c r="N7170" s="18"/>
      <c r="O7170" s="18"/>
      <c r="P7170" s="19">
        <v>420</v>
      </c>
      <c r="Q7170" s="19"/>
      <c r="R7170" s="19"/>
      <c r="S7170" s="19"/>
      <c r="T7170" s="19">
        <v>350</v>
      </c>
      <c r="U7170" s="19"/>
      <c r="V7170" s="19"/>
      <c r="W7170" s="19"/>
      <c r="X7170" s="19">
        <v>5</v>
      </c>
      <c r="Y7170" s="19"/>
      <c r="Z7170" s="19"/>
      <c r="AA7170" s="19"/>
    </row>
    <row r="7171" spans="1:27" s="1" customFormat="1" ht="11.1" customHeight="1" outlineLevel="2" x14ac:dyDescent="0.2">
      <c r="A7171" s="17"/>
      <c r="B7171" s="17"/>
      <c r="C7171" s="17"/>
      <c r="D7171" s="18"/>
      <c r="E7171" s="18"/>
      <c r="F7171" s="18"/>
      <c r="G7171" s="18"/>
      <c r="H7171" s="18"/>
      <c r="I7171" s="18"/>
      <c r="J7171" s="18"/>
      <c r="K7171" s="18"/>
      <c r="L7171" s="18"/>
      <c r="M7171" s="18"/>
      <c r="N7171" s="18"/>
      <c r="O7171" s="18"/>
      <c r="P7171" s="19"/>
      <c r="Q7171" s="19"/>
      <c r="R7171" s="19"/>
      <c r="S7171" s="19"/>
      <c r="T7171" s="19"/>
      <c r="U7171" s="19"/>
      <c r="V7171" s="19"/>
      <c r="W7171" s="19"/>
      <c r="X7171" s="19"/>
      <c r="Y7171" s="19"/>
      <c r="Z7171" s="19"/>
      <c r="AA7171" s="19"/>
    </row>
    <row r="7172" spans="1:27" s="1" customFormat="1" ht="11.1" customHeight="1" outlineLevel="2" x14ac:dyDescent="0.2">
      <c r="A7172" s="17">
        <v>5936</v>
      </c>
      <c r="B7172" s="17"/>
      <c r="C7172" s="17"/>
      <c r="D7172" s="18" t="s">
        <v>3556</v>
      </c>
      <c r="E7172" s="18"/>
      <c r="F7172" s="18"/>
      <c r="G7172" s="18"/>
      <c r="H7172" s="18"/>
      <c r="I7172" s="18"/>
      <c r="J7172" s="18"/>
      <c r="K7172" s="18"/>
      <c r="L7172" s="18"/>
      <c r="M7172" s="18"/>
      <c r="N7172" s="18"/>
      <c r="O7172" s="18"/>
      <c r="P7172" s="19">
        <v>410</v>
      </c>
      <c r="Q7172" s="19"/>
      <c r="R7172" s="19"/>
      <c r="S7172" s="19"/>
      <c r="T7172" s="19">
        <v>340</v>
      </c>
      <c r="U7172" s="19"/>
      <c r="V7172" s="19"/>
      <c r="W7172" s="19"/>
      <c r="X7172" s="19">
        <v>8</v>
      </c>
      <c r="Y7172" s="19"/>
      <c r="Z7172" s="19"/>
      <c r="AA7172" s="19"/>
    </row>
    <row r="7173" spans="1:27" s="1" customFormat="1" ht="11.1" customHeight="1" outlineLevel="2" x14ac:dyDescent="0.2">
      <c r="A7173" s="17"/>
      <c r="B7173" s="17"/>
      <c r="C7173" s="17"/>
      <c r="D7173" s="18"/>
      <c r="E7173" s="18"/>
      <c r="F7173" s="18"/>
      <c r="G7173" s="18"/>
      <c r="H7173" s="18"/>
      <c r="I7173" s="18"/>
      <c r="J7173" s="18"/>
      <c r="K7173" s="18"/>
      <c r="L7173" s="18"/>
      <c r="M7173" s="18"/>
      <c r="N7173" s="18"/>
      <c r="O7173" s="18"/>
      <c r="P7173" s="19"/>
      <c r="Q7173" s="19"/>
      <c r="R7173" s="19"/>
      <c r="S7173" s="19"/>
      <c r="T7173" s="19"/>
      <c r="U7173" s="19"/>
      <c r="V7173" s="19"/>
      <c r="W7173" s="19"/>
      <c r="X7173" s="19"/>
      <c r="Y7173" s="19"/>
      <c r="Z7173" s="19"/>
      <c r="AA7173" s="19"/>
    </row>
    <row r="7174" spans="1:27" s="1" customFormat="1" ht="11.1" customHeight="1" outlineLevel="2" x14ac:dyDescent="0.2">
      <c r="A7174" s="17">
        <v>8328</v>
      </c>
      <c r="B7174" s="17"/>
      <c r="C7174" s="17"/>
      <c r="D7174" s="18" t="s">
        <v>3557</v>
      </c>
      <c r="E7174" s="18"/>
      <c r="F7174" s="18"/>
      <c r="G7174" s="18"/>
      <c r="H7174" s="18"/>
      <c r="I7174" s="18"/>
      <c r="J7174" s="18"/>
      <c r="K7174" s="18"/>
      <c r="L7174" s="18"/>
      <c r="M7174" s="18"/>
      <c r="N7174" s="18"/>
      <c r="O7174" s="18"/>
      <c r="P7174" s="19">
        <v>550</v>
      </c>
      <c r="Q7174" s="19"/>
      <c r="R7174" s="19"/>
      <c r="S7174" s="19"/>
      <c r="T7174" s="19">
        <v>400</v>
      </c>
      <c r="U7174" s="19"/>
      <c r="V7174" s="19"/>
      <c r="W7174" s="19"/>
      <c r="X7174" s="19">
        <v>5</v>
      </c>
      <c r="Y7174" s="19"/>
      <c r="Z7174" s="19"/>
      <c r="AA7174" s="19"/>
    </row>
    <row r="7175" spans="1:27" s="1" customFormat="1" ht="11.1" customHeight="1" outlineLevel="2" x14ac:dyDescent="0.2">
      <c r="A7175" s="17"/>
      <c r="B7175" s="17"/>
      <c r="C7175" s="17"/>
      <c r="D7175" s="18"/>
      <c r="E7175" s="18"/>
      <c r="F7175" s="18"/>
      <c r="G7175" s="18"/>
      <c r="H7175" s="18"/>
      <c r="I7175" s="18"/>
      <c r="J7175" s="18"/>
      <c r="K7175" s="18"/>
      <c r="L7175" s="18"/>
      <c r="M7175" s="18"/>
      <c r="N7175" s="18"/>
      <c r="O7175" s="18"/>
      <c r="P7175" s="19"/>
      <c r="Q7175" s="19"/>
      <c r="R7175" s="19"/>
      <c r="S7175" s="19"/>
      <c r="T7175" s="19"/>
      <c r="U7175" s="19"/>
      <c r="V7175" s="19"/>
      <c r="W7175" s="19"/>
      <c r="X7175" s="19"/>
      <c r="Y7175" s="19"/>
      <c r="Z7175" s="19"/>
      <c r="AA7175" s="19"/>
    </row>
    <row r="7176" spans="1:27" s="1" customFormat="1" ht="11.1" customHeight="1" outlineLevel="2" x14ac:dyDescent="0.2">
      <c r="A7176" s="17">
        <v>7375</v>
      </c>
      <c r="B7176" s="17"/>
      <c r="C7176" s="17"/>
      <c r="D7176" s="18" t="s">
        <v>3558</v>
      </c>
      <c r="E7176" s="18"/>
      <c r="F7176" s="18"/>
      <c r="G7176" s="18"/>
      <c r="H7176" s="18"/>
      <c r="I7176" s="18"/>
      <c r="J7176" s="18"/>
      <c r="K7176" s="18"/>
      <c r="L7176" s="18"/>
      <c r="M7176" s="18"/>
      <c r="N7176" s="18"/>
      <c r="O7176" s="18"/>
      <c r="P7176" s="19">
        <v>540</v>
      </c>
      <c r="Q7176" s="19"/>
      <c r="R7176" s="19"/>
      <c r="S7176" s="19"/>
      <c r="T7176" s="19">
        <v>490</v>
      </c>
      <c r="U7176" s="19"/>
      <c r="V7176" s="19"/>
      <c r="W7176" s="19"/>
      <c r="X7176" s="19">
        <v>1</v>
      </c>
      <c r="Y7176" s="19"/>
      <c r="Z7176" s="19"/>
      <c r="AA7176" s="19"/>
    </row>
    <row r="7177" spans="1:27" s="1" customFormat="1" ht="11.1" customHeight="1" outlineLevel="2" x14ac:dyDescent="0.2">
      <c r="A7177" s="17"/>
      <c r="B7177" s="17"/>
      <c r="C7177" s="17"/>
      <c r="D7177" s="18"/>
      <c r="E7177" s="18"/>
      <c r="F7177" s="18"/>
      <c r="G7177" s="18"/>
      <c r="H7177" s="18"/>
      <c r="I7177" s="18"/>
      <c r="J7177" s="18"/>
      <c r="K7177" s="18"/>
      <c r="L7177" s="18"/>
      <c r="M7177" s="18"/>
      <c r="N7177" s="18"/>
      <c r="O7177" s="18"/>
      <c r="P7177" s="19"/>
      <c r="Q7177" s="19"/>
      <c r="R7177" s="19"/>
      <c r="S7177" s="19"/>
      <c r="T7177" s="19"/>
      <c r="U7177" s="19"/>
      <c r="V7177" s="19"/>
      <c r="W7177" s="19"/>
      <c r="X7177" s="19"/>
      <c r="Y7177" s="19"/>
      <c r="Z7177" s="19"/>
      <c r="AA7177" s="19"/>
    </row>
    <row r="7178" spans="1:27" s="1" customFormat="1" ht="11.1" customHeight="1" outlineLevel="2" x14ac:dyDescent="0.2">
      <c r="A7178" s="17">
        <v>6998</v>
      </c>
      <c r="B7178" s="17"/>
      <c r="C7178" s="17"/>
      <c r="D7178" s="18" t="s">
        <v>3559</v>
      </c>
      <c r="E7178" s="18"/>
      <c r="F7178" s="18"/>
      <c r="G7178" s="18"/>
      <c r="H7178" s="18"/>
      <c r="I7178" s="18"/>
      <c r="J7178" s="18"/>
      <c r="K7178" s="18"/>
      <c r="L7178" s="18"/>
      <c r="M7178" s="18"/>
      <c r="N7178" s="18"/>
      <c r="O7178" s="18"/>
      <c r="P7178" s="19">
        <v>440</v>
      </c>
      <c r="Q7178" s="19"/>
      <c r="R7178" s="19"/>
      <c r="S7178" s="19"/>
      <c r="T7178" s="19">
        <v>390</v>
      </c>
      <c r="U7178" s="19"/>
      <c r="V7178" s="19"/>
      <c r="W7178" s="19"/>
      <c r="X7178" s="19">
        <v>1</v>
      </c>
      <c r="Y7178" s="19"/>
      <c r="Z7178" s="19"/>
      <c r="AA7178" s="19"/>
    </row>
    <row r="7179" spans="1:27" s="1" customFormat="1" ht="11.1" customHeight="1" outlineLevel="2" x14ac:dyDescent="0.2">
      <c r="A7179" s="17"/>
      <c r="B7179" s="17"/>
      <c r="C7179" s="17"/>
      <c r="D7179" s="18"/>
      <c r="E7179" s="18"/>
      <c r="F7179" s="18"/>
      <c r="G7179" s="18"/>
      <c r="H7179" s="18"/>
      <c r="I7179" s="18"/>
      <c r="J7179" s="18"/>
      <c r="K7179" s="18"/>
      <c r="L7179" s="18"/>
      <c r="M7179" s="18"/>
      <c r="N7179" s="18"/>
      <c r="O7179" s="18"/>
      <c r="P7179" s="19"/>
      <c r="Q7179" s="19"/>
      <c r="R7179" s="19"/>
      <c r="S7179" s="19"/>
      <c r="T7179" s="19"/>
      <c r="U7179" s="19"/>
      <c r="V7179" s="19"/>
      <c r="W7179" s="19"/>
      <c r="X7179" s="19"/>
      <c r="Y7179" s="19"/>
      <c r="Z7179" s="19"/>
      <c r="AA7179" s="19"/>
    </row>
    <row r="7180" spans="1:27" s="1" customFormat="1" ht="11.1" customHeight="1" outlineLevel="2" x14ac:dyDescent="0.2">
      <c r="A7180" s="17">
        <v>10460</v>
      </c>
      <c r="B7180" s="17"/>
      <c r="C7180" s="17"/>
      <c r="D7180" s="18" t="s">
        <v>3560</v>
      </c>
      <c r="E7180" s="18"/>
      <c r="F7180" s="18"/>
      <c r="G7180" s="18"/>
      <c r="H7180" s="18"/>
      <c r="I7180" s="18"/>
      <c r="J7180" s="18"/>
      <c r="K7180" s="18"/>
      <c r="L7180" s="18"/>
      <c r="M7180" s="18"/>
      <c r="N7180" s="18"/>
      <c r="O7180" s="18"/>
      <c r="P7180" s="19">
        <v>550</v>
      </c>
      <c r="Q7180" s="19"/>
      <c r="R7180" s="19"/>
      <c r="S7180" s="19"/>
      <c r="T7180" s="19">
        <v>450</v>
      </c>
      <c r="U7180" s="19"/>
      <c r="V7180" s="19"/>
      <c r="W7180" s="19"/>
      <c r="X7180" s="19">
        <v>6</v>
      </c>
      <c r="Y7180" s="19"/>
      <c r="Z7180" s="19"/>
      <c r="AA7180" s="19"/>
    </row>
    <row r="7181" spans="1:27" s="1" customFormat="1" ht="11.1" customHeight="1" outlineLevel="2" x14ac:dyDescent="0.2">
      <c r="A7181" s="17"/>
      <c r="B7181" s="17"/>
      <c r="C7181" s="17"/>
      <c r="D7181" s="18"/>
      <c r="E7181" s="18"/>
      <c r="F7181" s="18"/>
      <c r="G7181" s="18"/>
      <c r="H7181" s="18"/>
      <c r="I7181" s="18"/>
      <c r="J7181" s="18"/>
      <c r="K7181" s="18"/>
      <c r="L7181" s="18"/>
      <c r="M7181" s="18"/>
      <c r="N7181" s="18"/>
      <c r="O7181" s="18"/>
      <c r="P7181" s="19"/>
      <c r="Q7181" s="19"/>
      <c r="R7181" s="19"/>
      <c r="S7181" s="19"/>
      <c r="T7181" s="19"/>
      <c r="U7181" s="19"/>
      <c r="V7181" s="19"/>
      <c r="W7181" s="19"/>
      <c r="X7181" s="19"/>
      <c r="Y7181" s="19"/>
      <c r="Z7181" s="19"/>
      <c r="AA7181" s="19"/>
    </row>
    <row r="7182" spans="1:27" s="1" customFormat="1" ht="14.1" customHeight="1" outlineLevel="2" x14ac:dyDescent="0.2">
      <c r="A7182" s="17">
        <v>7929</v>
      </c>
      <c r="B7182" s="17"/>
      <c r="C7182" s="17"/>
      <c r="D7182" s="18" t="s">
        <v>3561</v>
      </c>
      <c r="E7182" s="18"/>
      <c r="F7182" s="18"/>
      <c r="G7182" s="18"/>
      <c r="H7182" s="18"/>
      <c r="I7182" s="18"/>
      <c r="J7182" s="18"/>
      <c r="K7182" s="18"/>
      <c r="L7182" s="18"/>
      <c r="M7182" s="18"/>
      <c r="N7182" s="18"/>
      <c r="O7182" s="18"/>
      <c r="P7182" s="19">
        <v>490</v>
      </c>
      <c r="Q7182" s="19"/>
      <c r="R7182" s="19"/>
      <c r="S7182" s="19"/>
      <c r="T7182" s="19">
        <v>430</v>
      </c>
      <c r="U7182" s="19"/>
      <c r="V7182" s="19"/>
      <c r="W7182" s="19"/>
      <c r="X7182" s="19">
        <v>14</v>
      </c>
      <c r="Y7182" s="19"/>
      <c r="Z7182" s="19"/>
      <c r="AA7182" s="19"/>
    </row>
    <row r="7183" spans="1:27" s="1" customFormat="1" ht="14.1" customHeight="1" outlineLevel="2" x14ac:dyDescent="0.2">
      <c r="A7183" s="17"/>
      <c r="B7183" s="17"/>
      <c r="C7183" s="17"/>
      <c r="D7183" s="18"/>
      <c r="E7183" s="18"/>
      <c r="F7183" s="18"/>
      <c r="G7183" s="18"/>
      <c r="H7183" s="18"/>
      <c r="I7183" s="18"/>
      <c r="J7183" s="18"/>
      <c r="K7183" s="18"/>
      <c r="L7183" s="18"/>
      <c r="M7183" s="18"/>
      <c r="N7183" s="18"/>
      <c r="O7183" s="18"/>
      <c r="P7183" s="19"/>
      <c r="Q7183" s="19"/>
      <c r="R7183" s="19"/>
      <c r="S7183" s="19"/>
      <c r="T7183" s="19"/>
      <c r="U7183" s="19"/>
      <c r="V7183" s="19"/>
      <c r="W7183" s="19"/>
      <c r="X7183" s="19"/>
      <c r="Y7183" s="19"/>
      <c r="Z7183" s="19"/>
      <c r="AA7183" s="19"/>
    </row>
    <row r="7184" spans="1:27" s="1" customFormat="1" ht="11.1" customHeight="1" outlineLevel="2" x14ac:dyDescent="0.2">
      <c r="A7184" s="17">
        <v>8638</v>
      </c>
      <c r="B7184" s="17"/>
      <c r="C7184" s="17"/>
      <c r="D7184" s="18" t="s">
        <v>3562</v>
      </c>
      <c r="E7184" s="18"/>
      <c r="F7184" s="18"/>
      <c r="G7184" s="18"/>
      <c r="H7184" s="18"/>
      <c r="I7184" s="18"/>
      <c r="J7184" s="18"/>
      <c r="K7184" s="18"/>
      <c r="L7184" s="18"/>
      <c r="M7184" s="18"/>
      <c r="N7184" s="18"/>
      <c r="O7184" s="18"/>
      <c r="P7184" s="19">
        <v>470</v>
      </c>
      <c r="Q7184" s="19"/>
      <c r="R7184" s="19"/>
      <c r="S7184" s="19"/>
      <c r="T7184" s="19">
        <v>370</v>
      </c>
      <c r="U7184" s="19"/>
      <c r="V7184" s="19"/>
      <c r="W7184" s="19"/>
      <c r="X7184" s="19">
        <v>2</v>
      </c>
      <c r="Y7184" s="19"/>
      <c r="Z7184" s="19"/>
      <c r="AA7184" s="19"/>
    </row>
    <row r="7185" spans="1:27" s="1" customFormat="1" ht="11.1" customHeight="1" outlineLevel="2" x14ac:dyDescent="0.2">
      <c r="A7185" s="17"/>
      <c r="B7185" s="17"/>
      <c r="C7185" s="17"/>
      <c r="D7185" s="18"/>
      <c r="E7185" s="18"/>
      <c r="F7185" s="18"/>
      <c r="G7185" s="18"/>
      <c r="H7185" s="18"/>
      <c r="I7185" s="18"/>
      <c r="J7185" s="18"/>
      <c r="K7185" s="18"/>
      <c r="L7185" s="18"/>
      <c r="M7185" s="18"/>
      <c r="N7185" s="18"/>
      <c r="O7185" s="18"/>
      <c r="P7185" s="19"/>
      <c r="Q7185" s="19"/>
      <c r="R7185" s="19"/>
      <c r="S7185" s="19"/>
      <c r="T7185" s="19"/>
      <c r="U7185" s="19"/>
      <c r="V7185" s="19"/>
      <c r="W7185" s="19"/>
      <c r="X7185" s="19"/>
      <c r="Y7185" s="19"/>
      <c r="Z7185" s="19"/>
      <c r="AA7185" s="19"/>
    </row>
    <row r="7186" spans="1:27" s="1" customFormat="1" ht="11.1" customHeight="1" outlineLevel="2" x14ac:dyDescent="0.2">
      <c r="A7186" s="17">
        <v>8639</v>
      </c>
      <c r="B7186" s="17"/>
      <c r="C7186" s="17"/>
      <c r="D7186" s="18" t="s">
        <v>3563</v>
      </c>
      <c r="E7186" s="18"/>
      <c r="F7186" s="18"/>
      <c r="G7186" s="18"/>
      <c r="H7186" s="18"/>
      <c r="I7186" s="18"/>
      <c r="J7186" s="18"/>
      <c r="K7186" s="18"/>
      <c r="L7186" s="18"/>
      <c r="M7186" s="18"/>
      <c r="N7186" s="18"/>
      <c r="O7186" s="18"/>
      <c r="P7186" s="19">
        <v>470</v>
      </c>
      <c r="Q7186" s="19"/>
      <c r="R7186" s="19"/>
      <c r="S7186" s="19"/>
      <c r="T7186" s="19">
        <v>370</v>
      </c>
      <c r="U7186" s="19"/>
      <c r="V7186" s="19"/>
      <c r="W7186" s="19"/>
      <c r="X7186" s="19">
        <v>1</v>
      </c>
      <c r="Y7186" s="19"/>
      <c r="Z7186" s="19"/>
      <c r="AA7186" s="19"/>
    </row>
    <row r="7187" spans="1:27" s="1" customFormat="1" ht="11.1" customHeight="1" outlineLevel="2" x14ac:dyDescent="0.2">
      <c r="A7187" s="17"/>
      <c r="B7187" s="17"/>
      <c r="C7187" s="17"/>
      <c r="D7187" s="18"/>
      <c r="E7187" s="18"/>
      <c r="F7187" s="18"/>
      <c r="G7187" s="18"/>
      <c r="H7187" s="18"/>
      <c r="I7187" s="18"/>
      <c r="J7187" s="18"/>
      <c r="K7187" s="18"/>
      <c r="L7187" s="18"/>
      <c r="M7187" s="18"/>
      <c r="N7187" s="18"/>
      <c r="O7187" s="18"/>
      <c r="P7187" s="19"/>
      <c r="Q7187" s="19"/>
      <c r="R7187" s="19"/>
      <c r="S7187" s="19"/>
      <c r="T7187" s="19"/>
      <c r="U7187" s="19"/>
      <c r="V7187" s="19"/>
      <c r="W7187" s="19"/>
      <c r="X7187" s="19"/>
      <c r="Y7187" s="19"/>
      <c r="Z7187" s="19"/>
      <c r="AA7187" s="19"/>
    </row>
    <row r="7188" spans="1:27" s="1" customFormat="1" ht="11.1" customHeight="1" outlineLevel="2" x14ac:dyDescent="0.2">
      <c r="A7188" s="17">
        <v>6306</v>
      </c>
      <c r="B7188" s="17"/>
      <c r="C7188" s="17"/>
      <c r="D7188" s="18" t="s">
        <v>3564</v>
      </c>
      <c r="E7188" s="18"/>
      <c r="F7188" s="18"/>
      <c r="G7188" s="18"/>
      <c r="H7188" s="18"/>
      <c r="I7188" s="18"/>
      <c r="J7188" s="18"/>
      <c r="K7188" s="18"/>
      <c r="L7188" s="18"/>
      <c r="M7188" s="18"/>
      <c r="N7188" s="18"/>
      <c r="O7188" s="18"/>
      <c r="P7188" s="19">
        <v>450</v>
      </c>
      <c r="Q7188" s="19"/>
      <c r="R7188" s="19"/>
      <c r="S7188" s="19"/>
      <c r="T7188" s="19">
        <v>390</v>
      </c>
      <c r="U7188" s="19"/>
      <c r="V7188" s="19"/>
      <c r="W7188" s="19"/>
      <c r="X7188" s="19">
        <v>1</v>
      </c>
      <c r="Y7188" s="19"/>
      <c r="Z7188" s="19"/>
      <c r="AA7188" s="19"/>
    </row>
    <row r="7189" spans="1:27" s="1" customFormat="1" ht="11.1" customHeight="1" outlineLevel="2" x14ac:dyDescent="0.2">
      <c r="A7189" s="17"/>
      <c r="B7189" s="17"/>
      <c r="C7189" s="17"/>
      <c r="D7189" s="18"/>
      <c r="E7189" s="18"/>
      <c r="F7189" s="18"/>
      <c r="G7189" s="18"/>
      <c r="H7189" s="18"/>
      <c r="I7189" s="18"/>
      <c r="J7189" s="18"/>
      <c r="K7189" s="18"/>
      <c r="L7189" s="18"/>
      <c r="M7189" s="18"/>
      <c r="N7189" s="18"/>
      <c r="O7189" s="18"/>
      <c r="P7189" s="19"/>
      <c r="Q7189" s="19"/>
      <c r="R7189" s="19"/>
      <c r="S7189" s="19"/>
      <c r="T7189" s="19"/>
      <c r="U7189" s="19"/>
      <c r="V7189" s="19"/>
      <c r="W7189" s="19"/>
      <c r="X7189" s="19"/>
      <c r="Y7189" s="19"/>
      <c r="Z7189" s="19"/>
      <c r="AA7189" s="19"/>
    </row>
    <row r="7190" spans="1:27" s="1" customFormat="1" ht="11.1" customHeight="1" outlineLevel="2" x14ac:dyDescent="0.2">
      <c r="A7190" s="17">
        <v>7165</v>
      </c>
      <c r="B7190" s="17"/>
      <c r="C7190" s="17"/>
      <c r="D7190" s="18" t="s">
        <v>3565</v>
      </c>
      <c r="E7190" s="18"/>
      <c r="F7190" s="18"/>
      <c r="G7190" s="18"/>
      <c r="H7190" s="18"/>
      <c r="I7190" s="18"/>
      <c r="J7190" s="18"/>
      <c r="K7190" s="18"/>
      <c r="L7190" s="18"/>
      <c r="M7190" s="18"/>
      <c r="N7190" s="18"/>
      <c r="O7190" s="18"/>
      <c r="P7190" s="19">
        <v>500</v>
      </c>
      <c r="Q7190" s="19"/>
      <c r="R7190" s="19"/>
      <c r="S7190" s="19"/>
      <c r="T7190" s="19">
        <v>450</v>
      </c>
      <c r="U7190" s="19"/>
      <c r="V7190" s="19"/>
      <c r="W7190" s="19"/>
      <c r="X7190" s="19">
        <v>9</v>
      </c>
      <c r="Y7190" s="19"/>
      <c r="Z7190" s="19"/>
      <c r="AA7190" s="19"/>
    </row>
    <row r="7191" spans="1:27" s="1" customFormat="1" ht="11.1" customHeight="1" outlineLevel="2" x14ac:dyDescent="0.2">
      <c r="A7191" s="17"/>
      <c r="B7191" s="17"/>
      <c r="C7191" s="17"/>
      <c r="D7191" s="18"/>
      <c r="E7191" s="18"/>
      <c r="F7191" s="18"/>
      <c r="G7191" s="18"/>
      <c r="H7191" s="18"/>
      <c r="I7191" s="18"/>
      <c r="J7191" s="18"/>
      <c r="K7191" s="18"/>
      <c r="L7191" s="18"/>
      <c r="M7191" s="18"/>
      <c r="N7191" s="18"/>
      <c r="O7191" s="18"/>
      <c r="P7191" s="19"/>
      <c r="Q7191" s="19"/>
      <c r="R7191" s="19"/>
      <c r="S7191" s="19"/>
      <c r="T7191" s="19"/>
      <c r="U7191" s="19"/>
      <c r="V7191" s="19"/>
      <c r="W7191" s="19"/>
      <c r="X7191" s="19"/>
      <c r="Y7191" s="19"/>
      <c r="Z7191" s="19"/>
      <c r="AA7191" s="19"/>
    </row>
    <row r="7192" spans="1:27" s="1" customFormat="1" ht="11.1" customHeight="1" outlineLevel="2" x14ac:dyDescent="0.2">
      <c r="A7192" s="17">
        <v>8637</v>
      </c>
      <c r="B7192" s="17"/>
      <c r="C7192" s="17"/>
      <c r="D7192" s="18" t="s">
        <v>3566</v>
      </c>
      <c r="E7192" s="18"/>
      <c r="F7192" s="18"/>
      <c r="G7192" s="18"/>
      <c r="H7192" s="18"/>
      <c r="I7192" s="18"/>
      <c r="J7192" s="18"/>
      <c r="K7192" s="18"/>
      <c r="L7192" s="18"/>
      <c r="M7192" s="18"/>
      <c r="N7192" s="18"/>
      <c r="O7192" s="18"/>
      <c r="P7192" s="19">
        <v>600</v>
      </c>
      <c r="Q7192" s="19"/>
      <c r="R7192" s="19"/>
      <c r="S7192" s="19"/>
      <c r="T7192" s="19">
        <v>520</v>
      </c>
      <c r="U7192" s="19"/>
      <c r="V7192" s="19"/>
      <c r="W7192" s="19"/>
      <c r="X7192" s="19">
        <v>8</v>
      </c>
      <c r="Y7192" s="19"/>
      <c r="Z7192" s="19"/>
      <c r="AA7192" s="19"/>
    </row>
    <row r="7193" spans="1:27" s="1" customFormat="1" ht="11.1" customHeight="1" outlineLevel="2" x14ac:dyDescent="0.2">
      <c r="A7193" s="17"/>
      <c r="B7193" s="17"/>
      <c r="C7193" s="17"/>
      <c r="D7193" s="18"/>
      <c r="E7193" s="18"/>
      <c r="F7193" s="18"/>
      <c r="G7193" s="18"/>
      <c r="H7193" s="18"/>
      <c r="I7193" s="18"/>
      <c r="J7193" s="18"/>
      <c r="K7193" s="18"/>
      <c r="L7193" s="18"/>
      <c r="M7193" s="18"/>
      <c r="N7193" s="18"/>
      <c r="O7193" s="18"/>
      <c r="P7193" s="19"/>
      <c r="Q7193" s="19"/>
      <c r="R7193" s="19"/>
      <c r="S7193" s="19"/>
      <c r="T7193" s="19"/>
      <c r="U7193" s="19"/>
      <c r="V7193" s="19"/>
      <c r="W7193" s="19"/>
      <c r="X7193" s="19"/>
      <c r="Y7193" s="19"/>
      <c r="Z7193" s="19"/>
      <c r="AA7193" s="19"/>
    </row>
    <row r="7194" spans="1:27" s="1" customFormat="1" ht="11.1" customHeight="1" outlineLevel="2" x14ac:dyDescent="0.2">
      <c r="A7194" s="17">
        <v>7697</v>
      </c>
      <c r="B7194" s="17"/>
      <c r="C7194" s="17"/>
      <c r="D7194" s="18" t="s">
        <v>3567</v>
      </c>
      <c r="E7194" s="18"/>
      <c r="F7194" s="18"/>
      <c r="G7194" s="18"/>
      <c r="H7194" s="18"/>
      <c r="I7194" s="18"/>
      <c r="J7194" s="18"/>
      <c r="K7194" s="18"/>
      <c r="L7194" s="18"/>
      <c r="M7194" s="18"/>
      <c r="N7194" s="18"/>
      <c r="O7194" s="18"/>
      <c r="P7194" s="19">
        <v>390</v>
      </c>
      <c r="Q7194" s="19"/>
      <c r="R7194" s="19"/>
      <c r="S7194" s="19"/>
      <c r="T7194" s="19">
        <v>340</v>
      </c>
      <c r="U7194" s="19"/>
      <c r="V7194" s="19"/>
      <c r="W7194" s="19"/>
      <c r="X7194" s="19">
        <v>1</v>
      </c>
      <c r="Y7194" s="19"/>
      <c r="Z7194" s="19"/>
      <c r="AA7194" s="19"/>
    </row>
    <row r="7195" spans="1:27" s="1" customFormat="1" ht="11.1" customHeight="1" outlineLevel="2" x14ac:dyDescent="0.2">
      <c r="A7195" s="17"/>
      <c r="B7195" s="17"/>
      <c r="C7195" s="17"/>
      <c r="D7195" s="18"/>
      <c r="E7195" s="18"/>
      <c r="F7195" s="18"/>
      <c r="G7195" s="18"/>
      <c r="H7195" s="18"/>
      <c r="I7195" s="18"/>
      <c r="J7195" s="18"/>
      <c r="K7195" s="18"/>
      <c r="L7195" s="18"/>
      <c r="M7195" s="18"/>
      <c r="N7195" s="18"/>
      <c r="O7195" s="18"/>
      <c r="P7195" s="19"/>
      <c r="Q7195" s="19"/>
      <c r="R7195" s="19"/>
      <c r="S7195" s="19"/>
      <c r="T7195" s="19"/>
      <c r="U7195" s="19"/>
      <c r="V7195" s="19"/>
      <c r="W7195" s="19"/>
      <c r="X7195" s="19"/>
      <c r="Y7195" s="19"/>
      <c r="Z7195" s="19"/>
      <c r="AA7195" s="19"/>
    </row>
    <row r="7196" spans="1:27" s="1" customFormat="1" ht="11.1" customHeight="1" outlineLevel="1" x14ac:dyDescent="0.2">
      <c r="A7196" s="16" t="s">
        <v>3568</v>
      </c>
      <c r="B7196" s="16"/>
      <c r="C7196" s="16"/>
      <c r="D7196" s="16"/>
      <c r="E7196" s="16"/>
      <c r="F7196" s="16"/>
      <c r="G7196" s="16"/>
      <c r="H7196" s="16"/>
      <c r="I7196" s="16"/>
      <c r="J7196" s="16"/>
      <c r="K7196" s="16"/>
      <c r="L7196" s="16"/>
      <c r="M7196" s="16"/>
      <c r="N7196" s="16"/>
      <c r="O7196" s="16"/>
      <c r="P7196" s="16"/>
      <c r="Q7196" s="16"/>
      <c r="R7196" s="16"/>
      <c r="S7196" s="16"/>
      <c r="T7196" s="16"/>
      <c r="U7196" s="16"/>
      <c r="V7196" s="16"/>
      <c r="W7196" s="16"/>
      <c r="X7196" s="16"/>
      <c r="Y7196" s="16"/>
      <c r="Z7196" s="16"/>
      <c r="AA7196" s="16"/>
    </row>
    <row r="7197" spans="1:27" s="1" customFormat="1" ht="11.1" customHeight="1" outlineLevel="1" x14ac:dyDescent="0.2">
      <c r="A7197" s="16"/>
      <c r="B7197" s="16"/>
      <c r="C7197" s="16"/>
      <c r="D7197" s="16"/>
      <c r="E7197" s="16"/>
      <c r="F7197" s="16"/>
      <c r="G7197" s="16"/>
      <c r="H7197" s="16"/>
      <c r="I7197" s="16"/>
      <c r="J7197" s="16"/>
      <c r="K7197" s="16"/>
      <c r="L7197" s="16"/>
      <c r="M7197" s="16"/>
      <c r="N7197" s="16"/>
      <c r="O7197" s="16"/>
      <c r="P7197" s="16"/>
      <c r="Q7197" s="16"/>
      <c r="R7197" s="16"/>
      <c r="S7197" s="16"/>
      <c r="T7197" s="16"/>
      <c r="U7197" s="16"/>
      <c r="V7197" s="16"/>
      <c r="W7197" s="16"/>
      <c r="X7197" s="16"/>
      <c r="Y7197" s="16"/>
      <c r="Z7197" s="16"/>
      <c r="AA7197" s="16"/>
    </row>
    <row r="7198" spans="1:27" s="1" customFormat="1" ht="11.1" customHeight="1" outlineLevel="2" x14ac:dyDescent="0.2">
      <c r="A7198" s="17">
        <v>7041</v>
      </c>
      <c r="B7198" s="17"/>
      <c r="C7198" s="17"/>
      <c r="D7198" s="18" t="s">
        <v>3569</v>
      </c>
      <c r="E7198" s="18"/>
      <c r="F7198" s="18"/>
      <c r="G7198" s="18"/>
      <c r="H7198" s="18"/>
      <c r="I7198" s="18"/>
      <c r="J7198" s="18"/>
      <c r="K7198" s="18"/>
      <c r="L7198" s="18"/>
      <c r="M7198" s="18"/>
      <c r="N7198" s="18"/>
      <c r="O7198" s="18"/>
      <c r="P7198" s="19">
        <v>500</v>
      </c>
      <c r="Q7198" s="19"/>
      <c r="R7198" s="19"/>
      <c r="S7198" s="19"/>
      <c r="T7198" s="19">
        <v>440</v>
      </c>
      <c r="U7198" s="19"/>
      <c r="V7198" s="19"/>
      <c r="W7198" s="19"/>
      <c r="X7198" s="19">
        <v>1</v>
      </c>
      <c r="Y7198" s="19"/>
      <c r="Z7198" s="19"/>
      <c r="AA7198" s="19"/>
    </row>
    <row r="7199" spans="1:27" s="1" customFormat="1" ht="11.1" customHeight="1" outlineLevel="2" x14ac:dyDescent="0.2">
      <c r="A7199" s="17"/>
      <c r="B7199" s="17"/>
      <c r="C7199" s="17"/>
      <c r="D7199" s="18"/>
      <c r="E7199" s="18"/>
      <c r="F7199" s="18"/>
      <c r="G7199" s="18"/>
      <c r="H7199" s="18"/>
      <c r="I7199" s="18"/>
      <c r="J7199" s="18"/>
      <c r="K7199" s="18"/>
      <c r="L7199" s="18"/>
      <c r="M7199" s="18"/>
      <c r="N7199" s="18"/>
      <c r="O7199" s="18"/>
      <c r="P7199" s="19"/>
      <c r="Q7199" s="19"/>
      <c r="R7199" s="19"/>
      <c r="S7199" s="19"/>
      <c r="T7199" s="19"/>
      <c r="U7199" s="19"/>
      <c r="V7199" s="19"/>
      <c r="W7199" s="19"/>
      <c r="X7199" s="19"/>
      <c r="Y7199" s="19"/>
      <c r="Z7199" s="19"/>
      <c r="AA7199" s="19"/>
    </row>
    <row r="7200" spans="1:27" s="1" customFormat="1" ht="11.1" customHeight="1" outlineLevel="2" x14ac:dyDescent="0.2">
      <c r="A7200" s="17">
        <v>7957</v>
      </c>
      <c r="B7200" s="17"/>
      <c r="C7200" s="17"/>
      <c r="D7200" s="18" t="s">
        <v>3570</v>
      </c>
      <c r="E7200" s="18"/>
      <c r="F7200" s="18"/>
      <c r="G7200" s="18"/>
      <c r="H7200" s="18"/>
      <c r="I7200" s="18"/>
      <c r="J7200" s="18"/>
      <c r="K7200" s="18"/>
      <c r="L7200" s="18"/>
      <c r="M7200" s="18"/>
      <c r="N7200" s="18"/>
      <c r="O7200" s="18"/>
      <c r="P7200" s="19">
        <v>450</v>
      </c>
      <c r="Q7200" s="19"/>
      <c r="R7200" s="19"/>
      <c r="S7200" s="19"/>
      <c r="T7200" s="19">
        <v>390</v>
      </c>
      <c r="U7200" s="19"/>
      <c r="V7200" s="19"/>
      <c r="W7200" s="19"/>
      <c r="X7200" s="19">
        <v>2</v>
      </c>
      <c r="Y7200" s="19"/>
      <c r="Z7200" s="19"/>
      <c r="AA7200" s="19"/>
    </row>
    <row r="7201" spans="1:27" s="1" customFormat="1" ht="11.1" customHeight="1" outlineLevel="2" x14ac:dyDescent="0.2">
      <c r="A7201" s="17"/>
      <c r="B7201" s="17"/>
      <c r="C7201" s="17"/>
      <c r="D7201" s="18"/>
      <c r="E7201" s="18"/>
      <c r="F7201" s="18"/>
      <c r="G7201" s="18"/>
      <c r="H7201" s="18"/>
      <c r="I7201" s="18"/>
      <c r="J7201" s="18"/>
      <c r="K7201" s="18"/>
      <c r="L7201" s="18"/>
      <c r="M7201" s="18"/>
      <c r="N7201" s="18"/>
      <c r="O7201" s="18"/>
      <c r="P7201" s="19"/>
      <c r="Q7201" s="19"/>
      <c r="R7201" s="19"/>
      <c r="S7201" s="19"/>
      <c r="T7201" s="19"/>
      <c r="U7201" s="19"/>
      <c r="V7201" s="19"/>
      <c r="W7201" s="19"/>
      <c r="X7201" s="19"/>
      <c r="Y7201" s="19"/>
      <c r="Z7201" s="19"/>
      <c r="AA7201" s="19"/>
    </row>
    <row r="7202" spans="1:27" s="1" customFormat="1" ht="11.1" customHeight="1" outlineLevel="2" x14ac:dyDescent="0.2">
      <c r="A7202" s="17">
        <v>11398</v>
      </c>
      <c r="B7202" s="17"/>
      <c r="C7202" s="17"/>
      <c r="D7202" s="18" t="s">
        <v>3571</v>
      </c>
      <c r="E7202" s="18"/>
      <c r="F7202" s="18"/>
      <c r="G7202" s="18"/>
      <c r="H7202" s="18"/>
      <c r="I7202" s="18"/>
      <c r="J7202" s="18"/>
      <c r="K7202" s="18"/>
      <c r="L7202" s="18"/>
      <c r="M7202" s="18"/>
      <c r="N7202" s="18"/>
      <c r="O7202" s="18"/>
      <c r="P7202" s="19">
        <v>370</v>
      </c>
      <c r="Q7202" s="19"/>
      <c r="R7202" s="19"/>
      <c r="S7202" s="19"/>
      <c r="T7202" s="19">
        <v>370</v>
      </c>
      <c r="U7202" s="19"/>
      <c r="V7202" s="19"/>
      <c r="W7202" s="19"/>
      <c r="X7202" s="19">
        <v>1</v>
      </c>
      <c r="Y7202" s="19"/>
      <c r="Z7202" s="19"/>
      <c r="AA7202" s="19"/>
    </row>
    <row r="7203" spans="1:27" s="1" customFormat="1" ht="11.1" customHeight="1" outlineLevel="2" x14ac:dyDescent="0.2">
      <c r="A7203" s="17"/>
      <c r="B7203" s="17"/>
      <c r="C7203" s="17"/>
      <c r="D7203" s="18"/>
      <c r="E7203" s="18"/>
      <c r="F7203" s="18"/>
      <c r="G7203" s="18"/>
      <c r="H7203" s="18"/>
      <c r="I7203" s="18"/>
      <c r="J7203" s="18"/>
      <c r="K7203" s="18"/>
      <c r="L7203" s="18"/>
      <c r="M7203" s="18"/>
      <c r="N7203" s="18"/>
      <c r="O7203" s="18"/>
      <c r="P7203" s="19"/>
      <c r="Q7203" s="19"/>
      <c r="R7203" s="19"/>
      <c r="S7203" s="19"/>
      <c r="T7203" s="19"/>
      <c r="U7203" s="19"/>
      <c r="V7203" s="19"/>
      <c r="W7203" s="19"/>
      <c r="X7203" s="19"/>
      <c r="Y7203" s="19"/>
      <c r="Z7203" s="19"/>
      <c r="AA7203" s="19"/>
    </row>
    <row r="7204" spans="1:27" s="1" customFormat="1" ht="11.1" customHeight="1" outlineLevel="2" x14ac:dyDescent="0.2">
      <c r="A7204" s="17">
        <v>9402</v>
      </c>
      <c r="B7204" s="17"/>
      <c r="C7204" s="17"/>
      <c r="D7204" s="18" t="s">
        <v>3572</v>
      </c>
      <c r="E7204" s="18"/>
      <c r="F7204" s="18"/>
      <c r="G7204" s="18"/>
      <c r="H7204" s="18"/>
      <c r="I7204" s="18"/>
      <c r="J7204" s="18"/>
      <c r="K7204" s="18"/>
      <c r="L7204" s="18"/>
      <c r="M7204" s="18"/>
      <c r="N7204" s="18"/>
      <c r="O7204" s="18"/>
      <c r="P7204" s="19">
        <v>390</v>
      </c>
      <c r="Q7204" s="19"/>
      <c r="R7204" s="19"/>
      <c r="S7204" s="19"/>
      <c r="T7204" s="19">
        <v>390</v>
      </c>
      <c r="U7204" s="19"/>
      <c r="V7204" s="19"/>
      <c r="W7204" s="19"/>
      <c r="X7204" s="19">
        <v>6</v>
      </c>
      <c r="Y7204" s="19"/>
      <c r="Z7204" s="19"/>
      <c r="AA7204" s="19"/>
    </row>
    <row r="7205" spans="1:27" s="1" customFormat="1" ht="11.1" customHeight="1" outlineLevel="2" x14ac:dyDescent="0.2">
      <c r="A7205" s="17"/>
      <c r="B7205" s="17"/>
      <c r="C7205" s="17"/>
      <c r="D7205" s="18"/>
      <c r="E7205" s="18"/>
      <c r="F7205" s="18"/>
      <c r="G7205" s="18"/>
      <c r="H7205" s="18"/>
      <c r="I7205" s="18"/>
      <c r="J7205" s="18"/>
      <c r="K7205" s="18"/>
      <c r="L7205" s="18"/>
      <c r="M7205" s="18"/>
      <c r="N7205" s="18"/>
      <c r="O7205" s="18"/>
      <c r="P7205" s="19"/>
      <c r="Q7205" s="19"/>
      <c r="R7205" s="19"/>
      <c r="S7205" s="19"/>
      <c r="T7205" s="19"/>
      <c r="U7205" s="19"/>
      <c r="V7205" s="19"/>
      <c r="W7205" s="19"/>
      <c r="X7205" s="19"/>
      <c r="Y7205" s="19"/>
      <c r="Z7205" s="19"/>
      <c r="AA7205" s="19"/>
    </row>
    <row r="7206" spans="1:27" s="1" customFormat="1" ht="11.1" customHeight="1" outlineLevel="1" x14ac:dyDescent="0.2">
      <c r="A7206" s="16" t="s">
        <v>1472</v>
      </c>
      <c r="B7206" s="16"/>
      <c r="C7206" s="16"/>
      <c r="D7206" s="16"/>
      <c r="E7206" s="16"/>
      <c r="F7206" s="16"/>
      <c r="G7206" s="16"/>
      <c r="H7206" s="16"/>
      <c r="I7206" s="16"/>
      <c r="J7206" s="16"/>
      <c r="K7206" s="16"/>
      <c r="L7206" s="16"/>
      <c r="M7206" s="16"/>
      <c r="N7206" s="16"/>
      <c r="O7206" s="16"/>
      <c r="P7206" s="16"/>
      <c r="Q7206" s="16"/>
      <c r="R7206" s="16"/>
      <c r="S7206" s="16"/>
      <c r="T7206" s="16"/>
      <c r="U7206" s="16"/>
      <c r="V7206" s="16"/>
      <c r="W7206" s="16"/>
      <c r="X7206" s="16"/>
      <c r="Y7206" s="16"/>
      <c r="Z7206" s="16"/>
      <c r="AA7206" s="16"/>
    </row>
    <row r="7207" spans="1:27" s="1" customFormat="1" ht="11.1" customHeight="1" outlineLevel="1" x14ac:dyDescent="0.2">
      <c r="A7207" s="16"/>
      <c r="B7207" s="16"/>
      <c r="C7207" s="16"/>
      <c r="D7207" s="16"/>
      <c r="E7207" s="16"/>
      <c r="F7207" s="16"/>
      <c r="G7207" s="16"/>
      <c r="H7207" s="16"/>
      <c r="I7207" s="16"/>
      <c r="J7207" s="16"/>
      <c r="K7207" s="16"/>
      <c r="L7207" s="16"/>
      <c r="M7207" s="16"/>
      <c r="N7207" s="16"/>
      <c r="O7207" s="16"/>
      <c r="P7207" s="16"/>
      <c r="Q7207" s="16"/>
      <c r="R7207" s="16"/>
      <c r="S7207" s="16"/>
      <c r="T7207" s="16"/>
      <c r="U7207" s="16"/>
      <c r="V7207" s="16"/>
      <c r="W7207" s="16"/>
      <c r="X7207" s="16"/>
      <c r="Y7207" s="16"/>
      <c r="Z7207" s="16"/>
      <c r="AA7207" s="16"/>
    </row>
    <row r="7208" spans="1:27" s="1" customFormat="1" ht="11.1" customHeight="1" outlineLevel="2" x14ac:dyDescent="0.2">
      <c r="A7208" s="17">
        <v>5895</v>
      </c>
      <c r="B7208" s="17"/>
      <c r="C7208" s="17"/>
      <c r="D7208" s="18" t="s">
        <v>3573</v>
      </c>
      <c r="E7208" s="18"/>
      <c r="F7208" s="18"/>
      <c r="G7208" s="18"/>
      <c r="H7208" s="18"/>
      <c r="I7208" s="18"/>
      <c r="J7208" s="18"/>
      <c r="K7208" s="18"/>
      <c r="L7208" s="18"/>
      <c r="M7208" s="18"/>
      <c r="N7208" s="18"/>
      <c r="O7208" s="18"/>
      <c r="P7208" s="19">
        <v>250</v>
      </c>
      <c r="Q7208" s="19"/>
      <c r="R7208" s="19"/>
      <c r="S7208" s="19"/>
      <c r="T7208" s="19">
        <v>210</v>
      </c>
      <c r="U7208" s="19"/>
      <c r="V7208" s="19"/>
      <c r="W7208" s="19"/>
      <c r="X7208" s="19">
        <v>1</v>
      </c>
      <c r="Y7208" s="19"/>
      <c r="Z7208" s="19"/>
      <c r="AA7208" s="19"/>
    </row>
    <row r="7209" spans="1:27" s="1" customFormat="1" ht="11.1" customHeight="1" outlineLevel="2" x14ac:dyDescent="0.2">
      <c r="A7209" s="17"/>
      <c r="B7209" s="17"/>
      <c r="C7209" s="17"/>
      <c r="D7209" s="18"/>
      <c r="E7209" s="18"/>
      <c r="F7209" s="18"/>
      <c r="G7209" s="18"/>
      <c r="H7209" s="18"/>
      <c r="I7209" s="18"/>
      <c r="J7209" s="18"/>
      <c r="K7209" s="18"/>
      <c r="L7209" s="18"/>
      <c r="M7209" s="18"/>
      <c r="N7209" s="18"/>
      <c r="O7209" s="18"/>
      <c r="P7209" s="19"/>
      <c r="Q7209" s="19"/>
      <c r="R7209" s="19"/>
      <c r="S7209" s="19"/>
      <c r="T7209" s="19"/>
      <c r="U7209" s="19"/>
      <c r="V7209" s="19"/>
      <c r="W7209" s="19"/>
      <c r="X7209" s="19"/>
      <c r="Y7209" s="19"/>
      <c r="Z7209" s="19"/>
      <c r="AA7209" s="19"/>
    </row>
    <row r="7210" spans="1:27" s="1" customFormat="1" ht="11.1" customHeight="1" outlineLevel="2" x14ac:dyDescent="0.2">
      <c r="A7210" s="17">
        <v>1113</v>
      </c>
      <c r="B7210" s="17"/>
      <c r="C7210" s="17"/>
      <c r="D7210" s="18" t="s">
        <v>3574</v>
      </c>
      <c r="E7210" s="18"/>
      <c r="F7210" s="18"/>
      <c r="G7210" s="18"/>
      <c r="H7210" s="18"/>
      <c r="I7210" s="18"/>
      <c r="J7210" s="18"/>
      <c r="K7210" s="18"/>
      <c r="L7210" s="18"/>
      <c r="M7210" s="18"/>
      <c r="N7210" s="18"/>
      <c r="O7210" s="18"/>
      <c r="P7210" s="19">
        <v>270</v>
      </c>
      <c r="Q7210" s="19"/>
      <c r="R7210" s="19"/>
      <c r="S7210" s="19"/>
      <c r="T7210" s="19">
        <v>220</v>
      </c>
      <c r="U7210" s="19"/>
      <c r="V7210" s="19"/>
      <c r="W7210" s="19"/>
      <c r="X7210" s="19">
        <v>3</v>
      </c>
      <c r="Y7210" s="19"/>
      <c r="Z7210" s="19"/>
      <c r="AA7210" s="19"/>
    </row>
    <row r="7211" spans="1:27" s="1" customFormat="1" ht="11.1" customHeight="1" outlineLevel="2" x14ac:dyDescent="0.2">
      <c r="A7211" s="17"/>
      <c r="B7211" s="17"/>
      <c r="C7211" s="17"/>
      <c r="D7211" s="18"/>
      <c r="E7211" s="18"/>
      <c r="F7211" s="18"/>
      <c r="G7211" s="18"/>
      <c r="H7211" s="18"/>
      <c r="I7211" s="18"/>
      <c r="J7211" s="18"/>
      <c r="K7211" s="18"/>
      <c r="L7211" s="18"/>
      <c r="M7211" s="18"/>
      <c r="N7211" s="18"/>
      <c r="O7211" s="18"/>
      <c r="P7211" s="19"/>
      <c r="Q7211" s="19"/>
      <c r="R7211" s="19"/>
      <c r="S7211" s="19"/>
      <c r="T7211" s="19"/>
      <c r="U7211" s="19"/>
      <c r="V7211" s="19"/>
      <c r="W7211" s="19"/>
      <c r="X7211" s="19"/>
      <c r="Y7211" s="19"/>
      <c r="Z7211" s="19"/>
      <c r="AA7211" s="19"/>
    </row>
    <row r="7212" spans="1:27" s="1" customFormat="1" ht="11.1" customHeight="1" outlineLevel="2" x14ac:dyDescent="0.2">
      <c r="A7212" s="17">
        <v>1117</v>
      </c>
      <c r="B7212" s="17"/>
      <c r="C7212" s="17"/>
      <c r="D7212" s="18" t="s">
        <v>3575</v>
      </c>
      <c r="E7212" s="18"/>
      <c r="F7212" s="18"/>
      <c r="G7212" s="18"/>
      <c r="H7212" s="18"/>
      <c r="I7212" s="18"/>
      <c r="J7212" s="18"/>
      <c r="K7212" s="18"/>
      <c r="L7212" s="18"/>
      <c r="M7212" s="18"/>
      <c r="N7212" s="18"/>
      <c r="O7212" s="18"/>
      <c r="P7212" s="19">
        <v>250</v>
      </c>
      <c r="Q7212" s="19"/>
      <c r="R7212" s="19"/>
      <c r="S7212" s="19"/>
      <c r="T7212" s="19">
        <v>200</v>
      </c>
      <c r="U7212" s="19"/>
      <c r="V7212" s="19"/>
      <c r="W7212" s="19"/>
      <c r="X7212" s="19">
        <v>2</v>
      </c>
      <c r="Y7212" s="19"/>
      <c r="Z7212" s="19"/>
      <c r="AA7212" s="19"/>
    </row>
    <row r="7213" spans="1:27" s="1" customFormat="1" ht="11.1" customHeight="1" outlineLevel="2" x14ac:dyDescent="0.2">
      <c r="A7213" s="17"/>
      <c r="B7213" s="17"/>
      <c r="C7213" s="17"/>
      <c r="D7213" s="18"/>
      <c r="E7213" s="18"/>
      <c r="F7213" s="18"/>
      <c r="G7213" s="18"/>
      <c r="H7213" s="18"/>
      <c r="I7213" s="18"/>
      <c r="J7213" s="18"/>
      <c r="K7213" s="18"/>
      <c r="L7213" s="18"/>
      <c r="M7213" s="18"/>
      <c r="N7213" s="18"/>
      <c r="O7213" s="18"/>
      <c r="P7213" s="19"/>
      <c r="Q7213" s="19"/>
      <c r="R7213" s="19"/>
      <c r="S7213" s="19"/>
      <c r="T7213" s="19"/>
      <c r="U7213" s="19"/>
      <c r="V7213" s="19"/>
      <c r="W7213" s="19"/>
      <c r="X7213" s="19"/>
      <c r="Y7213" s="19"/>
      <c r="Z7213" s="19"/>
      <c r="AA7213" s="19"/>
    </row>
    <row r="7214" spans="1:27" s="1" customFormat="1" ht="11.1" customHeight="1" outlineLevel="2" x14ac:dyDescent="0.2">
      <c r="A7214" s="17">
        <v>1115</v>
      </c>
      <c r="B7214" s="17"/>
      <c r="C7214" s="17"/>
      <c r="D7214" s="18" t="s">
        <v>3576</v>
      </c>
      <c r="E7214" s="18"/>
      <c r="F7214" s="18"/>
      <c r="G7214" s="18"/>
      <c r="H7214" s="18"/>
      <c r="I7214" s="18"/>
      <c r="J7214" s="18"/>
      <c r="K7214" s="18"/>
      <c r="L7214" s="18"/>
      <c r="M7214" s="18"/>
      <c r="N7214" s="18"/>
      <c r="O7214" s="18"/>
      <c r="P7214" s="19">
        <v>260</v>
      </c>
      <c r="Q7214" s="19"/>
      <c r="R7214" s="19"/>
      <c r="S7214" s="19"/>
      <c r="T7214" s="19">
        <v>210</v>
      </c>
      <c r="U7214" s="19"/>
      <c r="V7214" s="19"/>
      <c r="W7214" s="19"/>
      <c r="X7214" s="19">
        <v>2</v>
      </c>
      <c r="Y7214" s="19"/>
      <c r="Z7214" s="19"/>
      <c r="AA7214" s="19"/>
    </row>
    <row r="7215" spans="1:27" s="1" customFormat="1" ht="11.1" customHeight="1" outlineLevel="2" x14ac:dyDescent="0.2">
      <c r="A7215" s="17"/>
      <c r="B7215" s="17"/>
      <c r="C7215" s="17"/>
      <c r="D7215" s="18"/>
      <c r="E7215" s="18"/>
      <c r="F7215" s="18"/>
      <c r="G7215" s="18"/>
      <c r="H7215" s="18"/>
      <c r="I7215" s="18"/>
      <c r="J7215" s="18"/>
      <c r="K7215" s="18"/>
      <c r="L7215" s="18"/>
      <c r="M7215" s="18"/>
      <c r="N7215" s="18"/>
      <c r="O7215" s="18"/>
      <c r="P7215" s="19"/>
      <c r="Q7215" s="19"/>
      <c r="R7215" s="19"/>
      <c r="S7215" s="19"/>
      <c r="T7215" s="19"/>
      <c r="U7215" s="19"/>
      <c r="V7215" s="19"/>
      <c r="W7215" s="19"/>
      <c r="X7215" s="19"/>
      <c r="Y7215" s="19"/>
      <c r="Z7215" s="19"/>
      <c r="AA7215" s="19"/>
    </row>
    <row r="7216" spans="1:27" s="1" customFormat="1" ht="11.1" customHeight="1" outlineLevel="1" x14ac:dyDescent="0.2">
      <c r="A7216" s="16" t="s">
        <v>1475</v>
      </c>
      <c r="B7216" s="16"/>
      <c r="C7216" s="16"/>
      <c r="D7216" s="16"/>
      <c r="E7216" s="16"/>
      <c r="F7216" s="16"/>
      <c r="G7216" s="16"/>
      <c r="H7216" s="16"/>
      <c r="I7216" s="16"/>
      <c r="J7216" s="16"/>
      <c r="K7216" s="16"/>
      <c r="L7216" s="16"/>
      <c r="M7216" s="16"/>
      <c r="N7216" s="16"/>
      <c r="O7216" s="16"/>
      <c r="P7216" s="16"/>
      <c r="Q7216" s="16"/>
      <c r="R7216" s="16"/>
      <c r="S7216" s="16"/>
      <c r="T7216" s="16"/>
      <c r="U7216" s="16"/>
      <c r="V7216" s="16"/>
      <c r="W7216" s="16"/>
      <c r="X7216" s="16"/>
      <c r="Y7216" s="16"/>
      <c r="Z7216" s="16"/>
      <c r="AA7216" s="16"/>
    </row>
    <row r="7217" spans="1:27" s="1" customFormat="1" ht="11.1" customHeight="1" outlineLevel="1" x14ac:dyDescent="0.2">
      <c r="A7217" s="16"/>
      <c r="B7217" s="16"/>
      <c r="C7217" s="16"/>
      <c r="D7217" s="16"/>
      <c r="E7217" s="16"/>
      <c r="F7217" s="16"/>
      <c r="G7217" s="16"/>
      <c r="H7217" s="16"/>
      <c r="I7217" s="16"/>
      <c r="J7217" s="16"/>
      <c r="K7217" s="16"/>
      <c r="L7217" s="16"/>
      <c r="M7217" s="16"/>
      <c r="N7217" s="16"/>
      <c r="O7217" s="16"/>
      <c r="P7217" s="16"/>
      <c r="Q7217" s="16"/>
      <c r="R7217" s="16"/>
      <c r="S7217" s="16"/>
      <c r="T7217" s="16"/>
      <c r="U7217" s="16"/>
      <c r="V7217" s="16"/>
      <c r="W7217" s="16"/>
      <c r="X7217" s="16"/>
      <c r="Y7217" s="16"/>
      <c r="Z7217" s="16"/>
      <c r="AA7217" s="16"/>
    </row>
    <row r="7218" spans="1:27" s="1" customFormat="1" ht="11.1" customHeight="1" outlineLevel="2" x14ac:dyDescent="0.2">
      <c r="A7218" s="17">
        <v>1150</v>
      </c>
      <c r="B7218" s="17"/>
      <c r="C7218" s="17"/>
      <c r="D7218" s="18" t="s">
        <v>3577</v>
      </c>
      <c r="E7218" s="18"/>
      <c r="F7218" s="18"/>
      <c r="G7218" s="18"/>
      <c r="H7218" s="18"/>
      <c r="I7218" s="18"/>
      <c r="J7218" s="18"/>
      <c r="K7218" s="18"/>
      <c r="L7218" s="18"/>
      <c r="M7218" s="18"/>
      <c r="N7218" s="18"/>
      <c r="O7218" s="18"/>
      <c r="P7218" s="19">
        <v>600</v>
      </c>
      <c r="Q7218" s="19"/>
      <c r="R7218" s="19"/>
      <c r="S7218" s="19"/>
      <c r="T7218" s="21"/>
      <c r="U7218" s="21"/>
      <c r="V7218" s="21"/>
      <c r="W7218" s="21"/>
      <c r="X7218" s="19">
        <v>1</v>
      </c>
      <c r="Y7218" s="19"/>
      <c r="Z7218" s="19"/>
      <c r="AA7218" s="19"/>
    </row>
    <row r="7219" spans="1:27" s="1" customFormat="1" ht="11.1" customHeight="1" outlineLevel="2" x14ac:dyDescent="0.2">
      <c r="A7219" s="17"/>
      <c r="B7219" s="17"/>
      <c r="C7219" s="17"/>
      <c r="D7219" s="18"/>
      <c r="E7219" s="18"/>
      <c r="F7219" s="18"/>
      <c r="G7219" s="18"/>
      <c r="H7219" s="18"/>
      <c r="I7219" s="18"/>
      <c r="J7219" s="18"/>
      <c r="K7219" s="18"/>
      <c r="L7219" s="18"/>
      <c r="M7219" s="18"/>
      <c r="N7219" s="18"/>
      <c r="O7219" s="18"/>
      <c r="P7219" s="19"/>
      <c r="Q7219" s="19"/>
      <c r="R7219" s="19"/>
      <c r="S7219" s="19"/>
      <c r="T7219" s="21"/>
      <c r="U7219" s="21"/>
      <c r="V7219" s="21"/>
      <c r="W7219" s="21"/>
      <c r="X7219" s="19"/>
      <c r="Y7219" s="19"/>
      <c r="Z7219" s="19"/>
      <c r="AA7219" s="19"/>
    </row>
    <row r="7220" spans="1:27" s="1" customFormat="1" ht="11.1" customHeight="1" outlineLevel="2" x14ac:dyDescent="0.2">
      <c r="A7220" s="17">
        <v>7607</v>
      </c>
      <c r="B7220" s="17"/>
      <c r="C7220" s="17"/>
      <c r="D7220" s="18" t="s">
        <v>3578</v>
      </c>
      <c r="E7220" s="18"/>
      <c r="F7220" s="18"/>
      <c r="G7220" s="18"/>
      <c r="H7220" s="18"/>
      <c r="I7220" s="18"/>
      <c r="J7220" s="18"/>
      <c r="K7220" s="18"/>
      <c r="L7220" s="18"/>
      <c r="M7220" s="18"/>
      <c r="N7220" s="18"/>
      <c r="O7220" s="18"/>
      <c r="P7220" s="19">
        <v>390</v>
      </c>
      <c r="Q7220" s="19"/>
      <c r="R7220" s="19"/>
      <c r="S7220" s="19"/>
      <c r="T7220" s="19">
        <v>340</v>
      </c>
      <c r="U7220" s="19"/>
      <c r="V7220" s="19"/>
      <c r="W7220" s="19"/>
      <c r="X7220" s="19">
        <v>9</v>
      </c>
      <c r="Y7220" s="19"/>
      <c r="Z7220" s="19"/>
      <c r="AA7220" s="19"/>
    </row>
    <row r="7221" spans="1:27" s="1" customFormat="1" ht="11.1" customHeight="1" outlineLevel="2" x14ac:dyDescent="0.2">
      <c r="A7221" s="17"/>
      <c r="B7221" s="17"/>
      <c r="C7221" s="17"/>
      <c r="D7221" s="18"/>
      <c r="E7221" s="18"/>
      <c r="F7221" s="18"/>
      <c r="G7221" s="18"/>
      <c r="H7221" s="18"/>
      <c r="I7221" s="18"/>
      <c r="J7221" s="18"/>
      <c r="K7221" s="18"/>
      <c r="L7221" s="18"/>
      <c r="M7221" s="18"/>
      <c r="N7221" s="18"/>
      <c r="O7221" s="18"/>
      <c r="P7221" s="19"/>
      <c r="Q7221" s="19"/>
      <c r="R7221" s="19"/>
      <c r="S7221" s="19"/>
      <c r="T7221" s="19"/>
      <c r="U7221" s="19"/>
      <c r="V7221" s="19"/>
      <c r="W7221" s="19"/>
      <c r="X7221" s="19"/>
      <c r="Y7221" s="19"/>
      <c r="Z7221" s="19"/>
      <c r="AA7221" s="19"/>
    </row>
    <row r="7222" spans="1:27" s="1" customFormat="1" ht="11.1" customHeight="1" outlineLevel="2" x14ac:dyDescent="0.2">
      <c r="A7222" s="17">
        <v>1148</v>
      </c>
      <c r="B7222" s="17"/>
      <c r="C7222" s="17"/>
      <c r="D7222" s="18" t="s">
        <v>3579</v>
      </c>
      <c r="E7222" s="18"/>
      <c r="F7222" s="18"/>
      <c r="G7222" s="18"/>
      <c r="H7222" s="18"/>
      <c r="I7222" s="18"/>
      <c r="J7222" s="18"/>
      <c r="K7222" s="18"/>
      <c r="L7222" s="18"/>
      <c r="M7222" s="18"/>
      <c r="N7222" s="18"/>
      <c r="O7222" s="18"/>
      <c r="P7222" s="19">
        <v>380</v>
      </c>
      <c r="Q7222" s="19"/>
      <c r="R7222" s="19"/>
      <c r="S7222" s="19"/>
      <c r="T7222" s="19">
        <v>330</v>
      </c>
      <c r="U7222" s="19"/>
      <c r="V7222" s="19"/>
      <c r="W7222" s="19"/>
      <c r="X7222" s="19">
        <v>1</v>
      </c>
      <c r="Y7222" s="19"/>
      <c r="Z7222" s="19"/>
      <c r="AA7222" s="19"/>
    </row>
    <row r="7223" spans="1:27" s="1" customFormat="1" ht="11.1" customHeight="1" outlineLevel="2" x14ac:dyDescent="0.2">
      <c r="A7223" s="17"/>
      <c r="B7223" s="17"/>
      <c r="C7223" s="17"/>
      <c r="D7223" s="18"/>
      <c r="E7223" s="18"/>
      <c r="F7223" s="18"/>
      <c r="G7223" s="18"/>
      <c r="H7223" s="18"/>
      <c r="I7223" s="18"/>
      <c r="J7223" s="18"/>
      <c r="K7223" s="18"/>
      <c r="L7223" s="18"/>
      <c r="M7223" s="18"/>
      <c r="N7223" s="18"/>
      <c r="O7223" s="18"/>
      <c r="P7223" s="19"/>
      <c r="Q7223" s="19"/>
      <c r="R7223" s="19"/>
      <c r="S7223" s="19"/>
      <c r="T7223" s="19"/>
      <c r="U7223" s="19"/>
      <c r="V7223" s="19"/>
      <c r="W7223" s="19"/>
      <c r="X7223" s="19"/>
      <c r="Y7223" s="19"/>
      <c r="Z7223" s="19"/>
      <c r="AA7223" s="19"/>
    </row>
    <row r="7224" spans="1:27" s="1" customFormat="1" ht="11.1" customHeight="1" outlineLevel="2" x14ac:dyDescent="0.2">
      <c r="A7224" s="17">
        <v>5996</v>
      </c>
      <c r="B7224" s="17"/>
      <c r="C7224" s="17"/>
      <c r="D7224" s="18" t="s">
        <v>3580</v>
      </c>
      <c r="E7224" s="18"/>
      <c r="F7224" s="18"/>
      <c r="G7224" s="18"/>
      <c r="H7224" s="18"/>
      <c r="I7224" s="18"/>
      <c r="J7224" s="18"/>
      <c r="K7224" s="18"/>
      <c r="L7224" s="18"/>
      <c r="M7224" s="18"/>
      <c r="N7224" s="18"/>
      <c r="O7224" s="18"/>
      <c r="P7224" s="19">
        <v>360</v>
      </c>
      <c r="Q7224" s="19"/>
      <c r="R7224" s="19"/>
      <c r="S7224" s="19"/>
      <c r="T7224" s="19">
        <v>310</v>
      </c>
      <c r="U7224" s="19"/>
      <c r="V7224" s="19"/>
      <c r="W7224" s="19"/>
      <c r="X7224" s="19">
        <v>1</v>
      </c>
      <c r="Y7224" s="19"/>
      <c r="Z7224" s="19"/>
      <c r="AA7224" s="19"/>
    </row>
    <row r="7225" spans="1:27" s="1" customFormat="1" ht="11.1" customHeight="1" outlineLevel="2" x14ac:dyDescent="0.2">
      <c r="A7225" s="17"/>
      <c r="B7225" s="17"/>
      <c r="C7225" s="17"/>
      <c r="D7225" s="18"/>
      <c r="E7225" s="18"/>
      <c r="F7225" s="18"/>
      <c r="G7225" s="18"/>
      <c r="H7225" s="18"/>
      <c r="I7225" s="18"/>
      <c r="J7225" s="18"/>
      <c r="K7225" s="18"/>
      <c r="L7225" s="18"/>
      <c r="M7225" s="18"/>
      <c r="N7225" s="18"/>
      <c r="O7225" s="18"/>
      <c r="P7225" s="19"/>
      <c r="Q7225" s="19"/>
      <c r="R7225" s="19"/>
      <c r="S7225" s="19"/>
      <c r="T7225" s="19"/>
      <c r="U7225" s="19"/>
      <c r="V7225" s="19"/>
      <c r="W7225" s="19"/>
      <c r="X7225" s="19"/>
      <c r="Y7225" s="19"/>
      <c r="Z7225" s="19"/>
      <c r="AA7225" s="19"/>
    </row>
    <row r="7226" spans="1:27" s="1" customFormat="1" ht="11.1" customHeight="1" outlineLevel="2" x14ac:dyDescent="0.2">
      <c r="A7226" s="17">
        <v>1149</v>
      </c>
      <c r="B7226" s="17"/>
      <c r="C7226" s="17"/>
      <c r="D7226" s="18" t="s">
        <v>3581</v>
      </c>
      <c r="E7226" s="18"/>
      <c r="F7226" s="18"/>
      <c r="G7226" s="18"/>
      <c r="H7226" s="18"/>
      <c r="I7226" s="18"/>
      <c r="J7226" s="18"/>
      <c r="K7226" s="18"/>
      <c r="L7226" s="18"/>
      <c r="M7226" s="18"/>
      <c r="N7226" s="18"/>
      <c r="O7226" s="18"/>
      <c r="P7226" s="19">
        <v>370</v>
      </c>
      <c r="Q7226" s="19"/>
      <c r="R7226" s="19"/>
      <c r="S7226" s="19"/>
      <c r="T7226" s="19">
        <v>320</v>
      </c>
      <c r="U7226" s="19"/>
      <c r="V7226" s="19"/>
      <c r="W7226" s="19"/>
      <c r="X7226" s="19">
        <v>1</v>
      </c>
      <c r="Y7226" s="19"/>
      <c r="Z7226" s="19"/>
      <c r="AA7226" s="19"/>
    </row>
    <row r="7227" spans="1:27" s="1" customFormat="1" ht="11.1" customHeight="1" outlineLevel="2" x14ac:dyDescent="0.2">
      <c r="A7227" s="17"/>
      <c r="B7227" s="17"/>
      <c r="C7227" s="17"/>
      <c r="D7227" s="18"/>
      <c r="E7227" s="18"/>
      <c r="F7227" s="18"/>
      <c r="G7227" s="18"/>
      <c r="H7227" s="18"/>
      <c r="I7227" s="18"/>
      <c r="J7227" s="18"/>
      <c r="K7227" s="18"/>
      <c r="L7227" s="18"/>
      <c r="M7227" s="18"/>
      <c r="N7227" s="18"/>
      <c r="O7227" s="18"/>
      <c r="P7227" s="19"/>
      <c r="Q7227" s="19"/>
      <c r="R7227" s="19"/>
      <c r="S7227" s="19"/>
      <c r="T7227" s="19"/>
      <c r="U7227" s="19"/>
      <c r="V7227" s="19"/>
      <c r="W7227" s="19"/>
      <c r="X7227" s="19"/>
      <c r="Y7227" s="19"/>
      <c r="Z7227" s="19"/>
      <c r="AA7227" s="19"/>
    </row>
    <row r="7228" spans="1:27" s="1" customFormat="1" ht="11.1" customHeight="1" outlineLevel="2" x14ac:dyDescent="0.2">
      <c r="A7228" s="17">
        <v>1318</v>
      </c>
      <c r="B7228" s="17"/>
      <c r="C7228" s="17"/>
      <c r="D7228" s="18" t="s">
        <v>3582</v>
      </c>
      <c r="E7228" s="18"/>
      <c r="F7228" s="18"/>
      <c r="G7228" s="18"/>
      <c r="H7228" s="18"/>
      <c r="I7228" s="18"/>
      <c r="J7228" s="18"/>
      <c r="K7228" s="18"/>
      <c r="L7228" s="18"/>
      <c r="M7228" s="18"/>
      <c r="N7228" s="18"/>
      <c r="O7228" s="18"/>
      <c r="P7228" s="19">
        <v>300</v>
      </c>
      <c r="Q7228" s="19"/>
      <c r="R7228" s="19"/>
      <c r="S7228" s="19"/>
      <c r="T7228" s="19">
        <v>250</v>
      </c>
      <c r="U7228" s="19"/>
      <c r="V7228" s="19"/>
      <c r="W7228" s="19"/>
      <c r="X7228" s="19">
        <v>1</v>
      </c>
      <c r="Y7228" s="19"/>
      <c r="Z7228" s="19"/>
      <c r="AA7228" s="19"/>
    </row>
    <row r="7229" spans="1:27" s="1" customFormat="1" ht="11.1" customHeight="1" outlineLevel="2" x14ac:dyDescent="0.2">
      <c r="A7229" s="17"/>
      <c r="B7229" s="17"/>
      <c r="C7229" s="17"/>
      <c r="D7229" s="18"/>
      <c r="E7229" s="18"/>
      <c r="F7229" s="18"/>
      <c r="G7229" s="18"/>
      <c r="H7229" s="18"/>
      <c r="I7229" s="18"/>
      <c r="J7229" s="18"/>
      <c r="K7229" s="18"/>
      <c r="L7229" s="18"/>
      <c r="M7229" s="18"/>
      <c r="N7229" s="18"/>
      <c r="O7229" s="18"/>
      <c r="P7229" s="19"/>
      <c r="Q7229" s="19"/>
      <c r="R7229" s="19"/>
      <c r="S7229" s="19"/>
      <c r="T7229" s="19"/>
      <c r="U7229" s="19"/>
      <c r="V7229" s="19"/>
      <c r="W7229" s="19"/>
      <c r="X7229" s="19"/>
      <c r="Y7229" s="19"/>
      <c r="Z7229" s="19"/>
      <c r="AA7229" s="19"/>
    </row>
    <row r="7230" spans="1:27" s="1" customFormat="1" ht="11.1" customHeight="1" outlineLevel="2" x14ac:dyDescent="0.2">
      <c r="A7230" s="17">
        <v>4641</v>
      </c>
      <c r="B7230" s="17"/>
      <c r="C7230" s="17"/>
      <c r="D7230" s="18" t="s">
        <v>3583</v>
      </c>
      <c r="E7230" s="18"/>
      <c r="F7230" s="18"/>
      <c r="G7230" s="18"/>
      <c r="H7230" s="18"/>
      <c r="I7230" s="18"/>
      <c r="J7230" s="18"/>
      <c r="K7230" s="18"/>
      <c r="L7230" s="18"/>
      <c r="M7230" s="18"/>
      <c r="N7230" s="18"/>
      <c r="O7230" s="18"/>
      <c r="P7230" s="19">
        <v>315</v>
      </c>
      <c r="Q7230" s="19"/>
      <c r="R7230" s="19"/>
      <c r="S7230" s="19"/>
      <c r="T7230" s="19">
        <v>265</v>
      </c>
      <c r="U7230" s="19"/>
      <c r="V7230" s="19"/>
      <c r="W7230" s="19"/>
      <c r="X7230" s="19">
        <v>1</v>
      </c>
      <c r="Y7230" s="19"/>
      <c r="Z7230" s="19"/>
      <c r="AA7230" s="19"/>
    </row>
    <row r="7231" spans="1:27" s="1" customFormat="1" ht="11.1" customHeight="1" outlineLevel="2" x14ac:dyDescent="0.2">
      <c r="A7231" s="17"/>
      <c r="B7231" s="17"/>
      <c r="C7231" s="17"/>
      <c r="D7231" s="18"/>
      <c r="E7231" s="18"/>
      <c r="F7231" s="18"/>
      <c r="G7231" s="18"/>
      <c r="H7231" s="18"/>
      <c r="I7231" s="18"/>
      <c r="J7231" s="18"/>
      <c r="K7231" s="18"/>
      <c r="L7231" s="18"/>
      <c r="M7231" s="18"/>
      <c r="N7231" s="18"/>
      <c r="O7231" s="18"/>
      <c r="P7231" s="19"/>
      <c r="Q7231" s="19"/>
      <c r="R7231" s="19"/>
      <c r="S7231" s="19"/>
      <c r="T7231" s="19"/>
      <c r="U7231" s="19"/>
      <c r="V7231" s="19"/>
      <c r="W7231" s="19"/>
      <c r="X7231" s="19"/>
      <c r="Y7231" s="19"/>
      <c r="Z7231" s="19"/>
      <c r="AA7231" s="19"/>
    </row>
    <row r="7232" spans="1:27" s="1" customFormat="1" ht="11.1" customHeight="1" outlineLevel="2" x14ac:dyDescent="0.2">
      <c r="A7232" s="17">
        <v>4639</v>
      </c>
      <c r="B7232" s="17"/>
      <c r="C7232" s="17"/>
      <c r="D7232" s="18" t="s">
        <v>3584</v>
      </c>
      <c r="E7232" s="18"/>
      <c r="F7232" s="18"/>
      <c r="G7232" s="18"/>
      <c r="H7232" s="18"/>
      <c r="I7232" s="18"/>
      <c r="J7232" s="18"/>
      <c r="K7232" s="18"/>
      <c r="L7232" s="18"/>
      <c r="M7232" s="18"/>
      <c r="N7232" s="18"/>
      <c r="O7232" s="18"/>
      <c r="P7232" s="19">
        <v>300</v>
      </c>
      <c r="Q7232" s="19"/>
      <c r="R7232" s="19"/>
      <c r="S7232" s="19"/>
      <c r="T7232" s="19">
        <v>250</v>
      </c>
      <c r="U7232" s="19"/>
      <c r="V7232" s="19"/>
      <c r="W7232" s="19"/>
      <c r="X7232" s="19">
        <v>2</v>
      </c>
      <c r="Y7232" s="19"/>
      <c r="Z7232" s="19"/>
      <c r="AA7232" s="19"/>
    </row>
    <row r="7233" spans="1:27" s="1" customFormat="1" ht="11.1" customHeight="1" outlineLevel="2" x14ac:dyDescent="0.2">
      <c r="A7233" s="17"/>
      <c r="B7233" s="17"/>
      <c r="C7233" s="17"/>
      <c r="D7233" s="18"/>
      <c r="E7233" s="18"/>
      <c r="F7233" s="18"/>
      <c r="G7233" s="18"/>
      <c r="H7233" s="18"/>
      <c r="I7233" s="18"/>
      <c r="J7233" s="18"/>
      <c r="K7233" s="18"/>
      <c r="L7233" s="18"/>
      <c r="M7233" s="18"/>
      <c r="N7233" s="18"/>
      <c r="O7233" s="18"/>
      <c r="P7233" s="19"/>
      <c r="Q7233" s="19"/>
      <c r="R7233" s="19"/>
      <c r="S7233" s="19"/>
      <c r="T7233" s="19"/>
      <c r="U7233" s="19"/>
      <c r="V7233" s="19"/>
      <c r="W7233" s="19"/>
      <c r="X7233" s="19"/>
      <c r="Y7233" s="19"/>
      <c r="Z7233" s="19"/>
      <c r="AA7233" s="19"/>
    </row>
    <row r="7234" spans="1:27" s="1" customFormat="1" ht="11.1" customHeight="1" outlineLevel="2" x14ac:dyDescent="0.2">
      <c r="A7234" s="17">
        <v>6650</v>
      </c>
      <c r="B7234" s="17"/>
      <c r="C7234" s="17"/>
      <c r="D7234" s="18" t="s">
        <v>3585</v>
      </c>
      <c r="E7234" s="18"/>
      <c r="F7234" s="18"/>
      <c r="G7234" s="18"/>
      <c r="H7234" s="18"/>
      <c r="I7234" s="18"/>
      <c r="J7234" s="18"/>
      <c r="K7234" s="18"/>
      <c r="L7234" s="18"/>
      <c r="M7234" s="18"/>
      <c r="N7234" s="18"/>
      <c r="O7234" s="18"/>
      <c r="P7234" s="19">
        <v>210</v>
      </c>
      <c r="Q7234" s="19"/>
      <c r="R7234" s="19"/>
      <c r="S7234" s="19"/>
      <c r="T7234" s="19">
        <v>170</v>
      </c>
      <c r="U7234" s="19"/>
      <c r="V7234" s="19"/>
      <c r="W7234" s="19"/>
      <c r="X7234" s="19">
        <v>1</v>
      </c>
      <c r="Y7234" s="19"/>
      <c r="Z7234" s="19"/>
      <c r="AA7234" s="19"/>
    </row>
    <row r="7235" spans="1:27" s="1" customFormat="1" ht="11.1" customHeight="1" outlineLevel="2" x14ac:dyDescent="0.2">
      <c r="A7235" s="17"/>
      <c r="B7235" s="17"/>
      <c r="C7235" s="17"/>
      <c r="D7235" s="18"/>
      <c r="E7235" s="18"/>
      <c r="F7235" s="18"/>
      <c r="G7235" s="18"/>
      <c r="H7235" s="18"/>
      <c r="I7235" s="18"/>
      <c r="J7235" s="18"/>
      <c r="K7235" s="18"/>
      <c r="L7235" s="18"/>
      <c r="M7235" s="18"/>
      <c r="N7235" s="18"/>
      <c r="O7235" s="18"/>
      <c r="P7235" s="19"/>
      <c r="Q7235" s="19"/>
      <c r="R7235" s="19"/>
      <c r="S7235" s="19"/>
      <c r="T7235" s="19"/>
      <c r="U7235" s="19"/>
      <c r="V7235" s="19"/>
      <c r="W7235" s="19"/>
      <c r="X7235" s="19"/>
      <c r="Y7235" s="19"/>
      <c r="Z7235" s="19"/>
      <c r="AA7235" s="19"/>
    </row>
    <row r="7236" spans="1:27" s="1" customFormat="1" ht="11.1" customHeight="1" outlineLevel="2" x14ac:dyDescent="0.2">
      <c r="A7236" s="17">
        <v>7001</v>
      </c>
      <c r="B7236" s="17"/>
      <c r="C7236" s="17"/>
      <c r="D7236" s="18" t="s">
        <v>3586</v>
      </c>
      <c r="E7236" s="18"/>
      <c r="F7236" s="18"/>
      <c r="G7236" s="18"/>
      <c r="H7236" s="18"/>
      <c r="I7236" s="18"/>
      <c r="J7236" s="18"/>
      <c r="K7236" s="18"/>
      <c r="L7236" s="18"/>
      <c r="M7236" s="18"/>
      <c r="N7236" s="18"/>
      <c r="O7236" s="18"/>
      <c r="P7236" s="19">
        <v>490</v>
      </c>
      <c r="Q7236" s="19"/>
      <c r="R7236" s="19"/>
      <c r="S7236" s="19"/>
      <c r="T7236" s="19">
        <v>440</v>
      </c>
      <c r="U7236" s="19"/>
      <c r="V7236" s="19"/>
      <c r="W7236" s="19"/>
      <c r="X7236" s="19">
        <v>1</v>
      </c>
      <c r="Y7236" s="19"/>
      <c r="Z7236" s="19"/>
      <c r="AA7236" s="19"/>
    </row>
    <row r="7237" spans="1:27" s="1" customFormat="1" ht="11.1" customHeight="1" outlineLevel="2" x14ac:dyDescent="0.2">
      <c r="A7237" s="17"/>
      <c r="B7237" s="17"/>
      <c r="C7237" s="17"/>
      <c r="D7237" s="18"/>
      <c r="E7237" s="18"/>
      <c r="F7237" s="18"/>
      <c r="G7237" s="18"/>
      <c r="H7237" s="18"/>
      <c r="I7237" s="18"/>
      <c r="J7237" s="18"/>
      <c r="K7237" s="18"/>
      <c r="L7237" s="18"/>
      <c r="M7237" s="18"/>
      <c r="N7237" s="18"/>
      <c r="O7237" s="18"/>
      <c r="P7237" s="19"/>
      <c r="Q7237" s="19"/>
      <c r="R7237" s="19"/>
      <c r="S7237" s="19"/>
      <c r="T7237" s="19"/>
      <c r="U7237" s="19"/>
      <c r="V7237" s="19"/>
      <c r="W7237" s="19"/>
      <c r="X7237" s="19"/>
      <c r="Y7237" s="19"/>
      <c r="Z7237" s="19"/>
      <c r="AA7237" s="19"/>
    </row>
    <row r="7238" spans="1:27" s="1" customFormat="1" ht="11.1" customHeight="1" outlineLevel="2" x14ac:dyDescent="0.2">
      <c r="A7238" s="17">
        <v>1143</v>
      </c>
      <c r="B7238" s="17"/>
      <c r="C7238" s="17"/>
      <c r="D7238" s="18" t="s">
        <v>3587</v>
      </c>
      <c r="E7238" s="18"/>
      <c r="F7238" s="18"/>
      <c r="G7238" s="18"/>
      <c r="H7238" s="18"/>
      <c r="I7238" s="18"/>
      <c r="J7238" s="18"/>
      <c r="K7238" s="18"/>
      <c r="L7238" s="18"/>
      <c r="M7238" s="18"/>
      <c r="N7238" s="18"/>
      <c r="O7238" s="18"/>
      <c r="P7238" s="19">
        <v>290</v>
      </c>
      <c r="Q7238" s="19"/>
      <c r="R7238" s="19"/>
      <c r="S7238" s="19"/>
      <c r="T7238" s="19">
        <v>240</v>
      </c>
      <c r="U7238" s="19"/>
      <c r="V7238" s="19"/>
      <c r="W7238" s="19"/>
      <c r="X7238" s="19">
        <v>1</v>
      </c>
      <c r="Y7238" s="19"/>
      <c r="Z7238" s="19"/>
      <c r="AA7238" s="19"/>
    </row>
    <row r="7239" spans="1:27" s="1" customFormat="1" ht="11.1" customHeight="1" outlineLevel="2" x14ac:dyDescent="0.2">
      <c r="A7239" s="17"/>
      <c r="B7239" s="17"/>
      <c r="C7239" s="17"/>
      <c r="D7239" s="18"/>
      <c r="E7239" s="18"/>
      <c r="F7239" s="18"/>
      <c r="G7239" s="18"/>
      <c r="H7239" s="18"/>
      <c r="I7239" s="18"/>
      <c r="J7239" s="18"/>
      <c r="K7239" s="18"/>
      <c r="L7239" s="18"/>
      <c r="M7239" s="18"/>
      <c r="N7239" s="18"/>
      <c r="O7239" s="18"/>
      <c r="P7239" s="19"/>
      <c r="Q7239" s="19"/>
      <c r="R7239" s="19"/>
      <c r="S7239" s="19"/>
      <c r="T7239" s="19"/>
      <c r="U7239" s="19"/>
      <c r="V7239" s="19"/>
      <c r="W7239" s="19"/>
      <c r="X7239" s="19"/>
      <c r="Y7239" s="19"/>
      <c r="Z7239" s="19"/>
      <c r="AA7239" s="19"/>
    </row>
    <row r="7240" spans="1:27" s="1" customFormat="1" ht="11.1" customHeight="1" outlineLevel="2" x14ac:dyDescent="0.2">
      <c r="A7240" s="17">
        <v>1312</v>
      </c>
      <c r="B7240" s="17"/>
      <c r="C7240" s="17"/>
      <c r="D7240" s="18" t="s">
        <v>3588</v>
      </c>
      <c r="E7240" s="18"/>
      <c r="F7240" s="18"/>
      <c r="G7240" s="18"/>
      <c r="H7240" s="18"/>
      <c r="I7240" s="18"/>
      <c r="J7240" s="18"/>
      <c r="K7240" s="18"/>
      <c r="L7240" s="18"/>
      <c r="M7240" s="18"/>
      <c r="N7240" s="18"/>
      <c r="O7240" s="18"/>
      <c r="P7240" s="19">
        <v>250</v>
      </c>
      <c r="Q7240" s="19"/>
      <c r="R7240" s="19"/>
      <c r="S7240" s="19"/>
      <c r="T7240" s="19">
        <v>200</v>
      </c>
      <c r="U7240" s="19"/>
      <c r="V7240" s="19"/>
      <c r="W7240" s="19"/>
      <c r="X7240" s="19">
        <v>1</v>
      </c>
      <c r="Y7240" s="19"/>
      <c r="Z7240" s="19"/>
      <c r="AA7240" s="19"/>
    </row>
    <row r="7241" spans="1:27" s="1" customFormat="1" ht="11.1" customHeight="1" outlineLevel="2" x14ac:dyDescent="0.2">
      <c r="A7241" s="17"/>
      <c r="B7241" s="17"/>
      <c r="C7241" s="17"/>
      <c r="D7241" s="18"/>
      <c r="E7241" s="18"/>
      <c r="F7241" s="18"/>
      <c r="G7241" s="18"/>
      <c r="H7241" s="18"/>
      <c r="I7241" s="18"/>
      <c r="J7241" s="18"/>
      <c r="K7241" s="18"/>
      <c r="L7241" s="18"/>
      <c r="M7241" s="18"/>
      <c r="N7241" s="18"/>
      <c r="O7241" s="18"/>
      <c r="P7241" s="19"/>
      <c r="Q7241" s="19"/>
      <c r="R7241" s="19"/>
      <c r="S7241" s="19"/>
      <c r="T7241" s="19"/>
      <c r="U7241" s="19"/>
      <c r="V7241" s="19"/>
      <c r="W7241" s="19"/>
      <c r="X7241" s="19"/>
      <c r="Y7241" s="19"/>
      <c r="Z7241" s="19"/>
      <c r="AA7241" s="19"/>
    </row>
    <row r="7242" spans="1:27" s="1" customFormat="1" ht="11.1" customHeight="1" outlineLevel="2" x14ac:dyDescent="0.2">
      <c r="A7242" s="17">
        <v>1145</v>
      </c>
      <c r="B7242" s="17"/>
      <c r="C7242" s="17"/>
      <c r="D7242" s="18" t="s">
        <v>3589</v>
      </c>
      <c r="E7242" s="18"/>
      <c r="F7242" s="18"/>
      <c r="G7242" s="18"/>
      <c r="H7242" s="18"/>
      <c r="I7242" s="18"/>
      <c r="J7242" s="18"/>
      <c r="K7242" s="18"/>
      <c r="L7242" s="18"/>
      <c r="M7242" s="18"/>
      <c r="N7242" s="18"/>
      <c r="O7242" s="18"/>
      <c r="P7242" s="19">
        <v>350</v>
      </c>
      <c r="Q7242" s="19"/>
      <c r="R7242" s="19"/>
      <c r="S7242" s="19"/>
      <c r="T7242" s="19">
        <v>300</v>
      </c>
      <c r="U7242" s="19"/>
      <c r="V7242" s="19"/>
      <c r="W7242" s="19"/>
      <c r="X7242" s="19">
        <v>1</v>
      </c>
      <c r="Y7242" s="19"/>
      <c r="Z7242" s="19"/>
      <c r="AA7242" s="19"/>
    </row>
    <row r="7243" spans="1:27" s="1" customFormat="1" ht="11.1" customHeight="1" outlineLevel="2" x14ac:dyDescent="0.2">
      <c r="A7243" s="17"/>
      <c r="B7243" s="17"/>
      <c r="C7243" s="17"/>
      <c r="D7243" s="18"/>
      <c r="E7243" s="18"/>
      <c r="F7243" s="18"/>
      <c r="G7243" s="18"/>
      <c r="H7243" s="18"/>
      <c r="I7243" s="18"/>
      <c r="J7243" s="18"/>
      <c r="K7243" s="18"/>
      <c r="L7243" s="18"/>
      <c r="M7243" s="18"/>
      <c r="N7243" s="18"/>
      <c r="O7243" s="18"/>
      <c r="P7243" s="19"/>
      <c r="Q7243" s="19"/>
      <c r="R7243" s="19"/>
      <c r="S7243" s="19"/>
      <c r="T7243" s="19"/>
      <c r="U7243" s="19"/>
      <c r="V7243" s="19"/>
      <c r="W7243" s="19"/>
      <c r="X7243" s="19"/>
      <c r="Y7243" s="19"/>
      <c r="Z7243" s="19"/>
      <c r="AA7243" s="19"/>
    </row>
    <row r="7244" spans="1:27" s="1" customFormat="1" ht="11.1" customHeight="1" outlineLevel="2" x14ac:dyDescent="0.2">
      <c r="A7244" s="17">
        <v>1146</v>
      </c>
      <c r="B7244" s="17"/>
      <c r="C7244" s="17"/>
      <c r="D7244" s="18" t="s">
        <v>3590</v>
      </c>
      <c r="E7244" s="18"/>
      <c r="F7244" s="18"/>
      <c r="G7244" s="18"/>
      <c r="H7244" s="18"/>
      <c r="I7244" s="18"/>
      <c r="J7244" s="18"/>
      <c r="K7244" s="18"/>
      <c r="L7244" s="18"/>
      <c r="M7244" s="18"/>
      <c r="N7244" s="18"/>
      <c r="O7244" s="18"/>
      <c r="P7244" s="19">
        <v>320</v>
      </c>
      <c r="Q7244" s="19"/>
      <c r="R7244" s="19"/>
      <c r="S7244" s="19"/>
      <c r="T7244" s="19">
        <v>270</v>
      </c>
      <c r="U7244" s="19"/>
      <c r="V7244" s="19"/>
      <c r="W7244" s="19"/>
      <c r="X7244" s="19">
        <v>1</v>
      </c>
      <c r="Y7244" s="19"/>
      <c r="Z7244" s="19"/>
      <c r="AA7244" s="19"/>
    </row>
    <row r="7245" spans="1:27" s="1" customFormat="1" ht="11.1" customHeight="1" outlineLevel="2" x14ac:dyDescent="0.2">
      <c r="A7245" s="17"/>
      <c r="B7245" s="17"/>
      <c r="C7245" s="17"/>
      <c r="D7245" s="18"/>
      <c r="E7245" s="18"/>
      <c r="F7245" s="18"/>
      <c r="G7245" s="18"/>
      <c r="H7245" s="18"/>
      <c r="I7245" s="18"/>
      <c r="J7245" s="18"/>
      <c r="K7245" s="18"/>
      <c r="L7245" s="18"/>
      <c r="M7245" s="18"/>
      <c r="N7245" s="18"/>
      <c r="O7245" s="18"/>
      <c r="P7245" s="19"/>
      <c r="Q7245" s="19"/>
      <c r="R7245" s="19"/>
      <c r="S7245" s="19"/>
      <c r="T7245" s="19"/>
      <c r="U7245" s="19"/>
      <c r="V7245" s="19"/>
      <c r="W7245" s="19"/>
      <c r="X7245" s="19"/>
      <c r="Y7245" s="19"/>
      <c r="Z7245" s="19"/>
      <c r="AA7245" s="19"/>
    </row>
    <row r="7246" spans="1:27" s="1" customFormat="1" ht="11.1" customHeight="1" outlineLevel="2" x14ac:dyDescent="0.2">
      <c r="A7246" s="17">
        <v>1147</v>
      </c>
      <c r="B7246" s="17"/>
      <c r="C7246" s="17"/>
      <c r="D7246" s="18" t="s">
        <v>3591</v>
      </c>
      <c r="E7246" s="18"/>
      <c r="F7246" s="18"/>
      <c r="G7246" s="18"/>
      <c r="H7246" s="18"/>
      <c r="I7246" s="18"/>
      <c r="J7246" s="18"/>
      <c r="K7246" s="18"/>
      <c r="L7246" s="18"/>
      <c r="M7246" s="18"/>
      <c r="N7246" s="18"/>
      <c r="O7246" s="18"/>
      <c r="P7246" s="19">
        <v>300</v>
      </c>
      <c r="Q7246" s="19"/>
      <c r="R7246" s="19"/>
      <c r="S7246" s="19"/>
      <c r="T7246" s="19">
        <v>250</v>
      </c>
      <c r="U7246" s="19"/>
      <c r="V7246" s="19"/>
      <c r="W7246" s="19"/>
      <c r="X7246" s="19">
        <v>2</v>
      </c>
      <c r="Y7246" s="19"/>
      <c r="Z7246" s="19"/>
      <c r="AA7246" s="19"/>
    </row>
    <row r="7247" spans="1:27" s="1" customFormat="1" ht="11.1" customHeight="1" outlineLevel="2" x14ac:dyDescent="0.2">
      <c r="A7247" s="17"/>
      <c r="B7247" s="17"/>
      <c r="C7247" s="17"/>
      <c r="D7247" s="18"/>
      <c r="E7247" s="18"/>
      <c r="F7247" s="18"/>
      <c r="G7247" s="18"/>
      <c r="H7247" s="18"/>
      <c r="I7247" s="18"/>
      <c r="J7247" s="18"/>
      <c r="K7247" s="18"/>
      <c r="L7247" s="18"/>
      <c r="M7247" s="18"/>
      <c r="N7247" s="18"/>
      <c r="O7247" s="18"/>
      <c r="P7247" s="19"/>
      <c r="Q7247" s="19"/>
      <c r="R7247" s="19"/>
      <c r="S7247" s="19"/>
      <c r="T7247" s="19"/>
      <c r="U7247" s="19"/>
      <c r="V7247" s="19"/>
      <c r="W7247" s="19"/>
      <c r="X7247" s="19"/>
      <c r="Y7247" s="19"/>
      <c r="Z7247" s="19"/>
      <c r="AA7247" s="19"/>
    </row>
    <row r="7248" spans="1:27" s="1" customFormat="1" ht="11.1" customHeight="1" outlineLevel="2" x14ac:dyDescent="0.2">
      <c r="A7248" s="17">
        <v>1336</v>
      </c>
      <c r="B7248" s="17"/>
      <c r="C7248" s="17"/>
      <c r="D7248" s="18" t="s">
        <v>3592</v>
      </c>
      <c r="E7248" s="18"/>
      <c r="F7248" s="18"/>
      <c r="G7248" s="18"/>
      <c r="H7248" s="18"/>
      <c r="I7248" s="18"/>
      <c r="J7248" s="18"/>
      <c r="K7248" s="18"/>
      <c r="L7248" s="18"/>
      <c r="M7248" s="18"/>
      <c r="N7248" s="18"/>
      <c r="O7248" s="18"/>
      <c r="P7248" s="19">
        <v>320</v>
      </c>
      <c r="Q7248" s="19"/>
      <c r="R7248" s="19"/>
      <c r="S7248" s="19"/>
      <c r="T7248" s="19">
        <v>270</v>
      </c>
      <c r="U7248" s="19"/>
      <c r="V7248" s="19"/>
      <c r="W7248" s="19"/>
      <c r="X7248" s="19">
        <v>2</v>
      </c>
      <c r="Y7248" s="19"/>
      <c r="Z7248" s="19"/>
      <c r="AA7248" s="19"/>
    </row>
    <row r="7249" spans="1:27" s="1" customFormat="1" ht="11.1" customHeight="1" outlineLevel="2" x14ac:dyDescent="0.2">
      <c r="A7249" s="17"/>
      <c r="B7249" s="17"/>
      <c r="C7249" s="17"/>
      <c r="D7249" s="18"/>
      <c r="E7249" s="18"/>
      <c r="F7249" s="18"/>
      <c r="G7249" s="18"/>
      <c r="H7249" s="18"/>
      <c r="I7249" s="18"/>
      <c r="J7249" s="18"/>
      <c r="K7249" s="18"/>
      <c r="L7249" s="18"/>
      <c r="M7249" s="18"/>
      <c r="N7249" s="18"/>
      <c r="O7249" s="18"/>
      <c r="P7249" s="19"/>
      <c r="Q7249" s="19"/>
      <c r="R7249" s="19"/>
      <c r="S7249" s="19"/>
      <c r="T7249" s="19"/>
      <c r="U7249" s="19"/>
      <c r="V7249" s="19"/>
      <c r="W7249" s="19"/>
      <c r="X7249" s="19"/>
      <c r="Y7249" s="19"/>
      <c r="Z7249" s="19"/>
      <c r="AA7249" s="19"/>
    </row>
    <row r="7250" spans="1:27" s="1" customFormat="1" ht="11.1" customHeight="1" outlineLevel="2" x14ac:dyDescent="0.2">
      <c r="A7250" s="17">
        <v>1321</v>
      </c>
      <c r="B7250" s="17"/>
      <c r="C7250" s="17"/>
      <c r="D7250" s="18" t="s">
        <v>3593</v>
      </c>
      <c r="E7250" s="18"/>
      <c r="F7250" s="18"/>
      <c r="G7250" s="18"/>
      <c r="H7250" s="18"/>
      <c r="I7250" s="18"/>
      <c r="J7250" s="18"/>
      <c r="K7250" s="18"/>
      <c r="L7250" s="18"/>
      <c r="M7250" s="18"/>
      <c r="N7250" s="18"/>
      <c r="O7250" s="18"/>
      <c r="P7250" s="19">
        <v>340</v>
      </c>
      <c r="Q7250" s="19"/>
      <c r="R7250" s="19"/>
      <c r="S7250" s="19"/>
      <c r="T7250" s="19">
        <v>285</v>
      </c>
      <c r="U7250" s="19"/>
      <c r="V7250" s="19"/>
      <c r="W7250" s="19"/>
      <c r="X7250" s="19">
        <v>1</v>
      </c>
      <c r="Y7250" s="19"/>
      <c r="Z7250" s="19"/>
      <c r="AA7250" s="19"/>
    </row>
    <row r="7251" spans="1:27" s="1" customFormat="1" ht="11.1" customHeight="1" outlineLevel="2" x14ac:dyDescent="0.2">
      <c r="A7251" s="17"/>
      <c r="B7251" s="17"/>
      <c r="C7251" s="17"/>
      <c r="D7251" s="18"/>
      <c r="E7251" s="18"/>
      <c r="F7251" s="18"/>
      <c r="G7251" s="18"/>
      <c r="H7251" s="18"/>
      <c r="I7251" s="18"/>
      <c r="J7251" s="18"/>
      <c r="K7251" s="18"/>
      <c r="L7251" s="18"/>
      <c r="M7251" s="18"/>
      <c r="N7251" s="18"/>
      <c r="O7251" s="18"/>
      <c r="P7251" s="19"/>
      <c r="Q7251" s="19"/>
      <c r="R7251" s="19"/>
      <c r="S7251" s="19"/>
      <c r="T7251" s="19"/>
      <c r="U7251" s="19"/>
      <c r="V7251" s="19"/>
      <c r="W7251" s="19"/>
      <c r="X7251" s="19"/>
      <c r="Y7251" s="19"/>
      <c r="Z7251" s="19"/>
      <c r="AA7251" s="19"/>
    </row>
    <row r="7252" spans="1:27" s="1" customFormat="1" ht="11.1" customHeight="1" outlineLevel="2" x14ac:dyDescent="0.2">
      <c r="A7252" s="17">
        <v>1316</v>
      </c>
      <c r="B7252" s="17"/>
      <c r="C7252" s="17"/>
      <c r="D7252" s="18" t="s">
        <v>3594</v>
      </c>
      <c r="E7252" s="18"/>
      <c r="F7252" s="18"/>
      <c r="G7252" s="18"/>
      <c r="H7252" s="18"/>
      <c r="I7252" s="18"/>
      <c r="J7252" s="18"/>
      <c r="K7252" s="18"/>
      <c r="L7252" s="18"/>
      <c r="M7252" s="18"/>
      <c r="N7252" s="18"/>
      <c r="O7252" s="18"/>
      <c r="P7252" s="19">
        <v>500</v>
      </c>
      <c r="Q7252" s="19"/>
      <c r="R7252" s="19"/>
      <c r="S7252" s="19"/>
      <c r="T7252" s="19">
        <v>450</v>
      </c>
      <c r="U7252" s="19"/>
      <c r="V7252" s="19"/>
      <c r="W7252" s="19"/>
      <c r="X7252" s="19">
        <v>1</v>
      </c>
      <c r="Y7252" s="19"/>
      <c r="Z7252" s="19"/>
      <c r="AA7252" s="19"/>
    </row>
    <row r="7253" spans="1:27" s="1" customFormat="1" ht="11.1" customHeight="1" outlineLevel="2" x14ac:dyDescent="0.2">
      <c r="A7253" s="17"/>
      <c r="B7253" s="17"/>
      <c r="C7253" s="17"/>
      <c r="D7253" s="18"/>
      <c r="E7253" s="18"/>
      <c r="F7253" s="18"/>
      <c r="G7253" s="18"/>
      <c r="H7253" s="18"/>
      <c r="I7253" s="18"/>
      <c r="J7253" s="18"/>
      <c r="K7253" s="18"/>
      <c r="L7253" s="18"/>
      <c r="M7253" s="18"/>
      <c r="N7253" s="18"/>
      <c r="O7253" s="18"/>
      <c r="P7253" s="19"/>
      <c r="Q7253" s="19"/>
      <c r="R7253" s="19"/>
      <c r="S7253" s="19"/>
      <c r="T7253" s="19"/>
      <c r="U7253" s="19"/>
      <c r="V7253" s="19"/>
      <c r="W7253" s="19"/>
      <c r="X7253" s="19"/>
      <c r="Y7253" s="19"/>
      <c r="Z7253" s="19"/>
      <c r="AA7253" s="19"/>
    </row>
    <row r="7254" spans="1:27" s="1" customFormat="1" ht="11.1" customHeight="1" outlineLevel="2" x14ac:dyDescent="0.2">
      <c r="A7254" s="17">
        <v>1317</v>
      </c>
      <c r="B7254" s="17"/>
      <c r="C7254" s="17"/>
      <c r="D7254" s="18" t="s">
        <v>3595</v>
      </c>
      <c r="E7254" s="18"/>
      <c r="F7254" s="18"/>
      <c r="G7254" s="18"/>
      <c r="H7254" s="18"/>
      <c r="I7254" s="18"/>
      <c r="J7254" s="18"/>
      <c r="K7254" s="18"/>
      <c r="L7254" s="18"/>
      <c r="M7254" s="18"/>
      <c r="N7254" s="18"/>
      <c r="O7254" s="18"/>
      <c r="P7254" s="19">
        <v>300</v>
      </c>
      <c r="Q7254" s="19"/>
      <c r="R7254" s="19"/>
      <c r="S7254" s="19"/>
      <c r="T7254" s="19">
        <v>250</v>
      </c>
      <c r="U7254" s="19"/>
      <c r="V7254" s="19"/>
      <c r="W7254" s="19"/>
      <c r="X7254" s="19">
        <v>1</v>
      </c>
      <c r="Y7254" s="19"/>
      <c r="Z7254" s="19"/>
      <c r="AA7254" s="19"/>
    </row>
    <row r="7255" spans="1:27" s="1" customFormat="1" ht="11.1" customHeight="1" outlineLevel="2" x14ac:dyDescent="0.2">
      <c r="A7255" s="17"/>
      <c r="B7255" s="17"/>
      <c r="C7255" s="17"/>
      <c r="D7255" s="18"/>
      <c r="E7255" s="18"/>
      <c r="F7255" s="18"/>
      <c r="G7255" s="18"/>
      <c r="H7255" s="18"/>
      <c r="I7255" s="18"/>
      <c r="J7255" s="18"/>
      <c r="K7255" s="18"/>
      <c r="L7255" s="18"/>
      <c r="M7255" s="18"/>
      <c r="N7255" s="18"/>
      <c r="O7255" s="18"/>
      <c r="P7255" s="19"/>
      <c r="Q7255" s="19"/>
      <c r="R7255" s="19"/>
      <c r="S7255" s="19"/>
      <c r="T7255" s="19"/>
      <c r="U7255" s="19"/>
      <c r="V7255" s="19"/>
      <c r="W7255" s="19"/>
      <c r="X7255" s="19"/>
      <c r="Y7255" s="19"/>
      <c r="Z7255" s="19"/>
      <c r="AA7255" s="19"/>
    </row>
    <row r="7256" spans="1:27" s="1" customFormat="1" ht="11.1" customHeight="1" outlineLevel="2" x14ac:dyDescent="0.2">
      <c r="A7256" s="17">
        <v>1307</v>
      </c>
      <c r="B7256" s="17"/>
      <c r="C7256" s="17"/>
      <c r="D7256" s="18" t="s">
        <v>3596</v>
      </c>
      <c r="E7256" s="18"/>
      <c r="F7256" s="18"/>
      <c r="G7256" s="18"/>
      <c r="H7256" s="18"/>
      <c r="I7256" s="18"/>
      <c r="J7256" s="18"/>
      <c r="K7256" s="18"/>
      <c r="L7256" s="18"/>
      <c r="M7256" s="18"/>
      <c r="N7256" s="18"/>
      <c r="O7256" s="18"/>
      <c r="P7256" s="19">
        <v>300</v>
      </c>
      <c r="Q7256" s="19"/>
      <c r="R7256" s="19"/>
      <c r="S7256" s="19"/>
      <c r="T7256" s="19">
        <v>250</v>
      </c>
      <c r="U7256" s="19"/>
      <c r="V7256" s="19"/>
      <c r="W7256" s="19"/>
      <c r="X7256" s="19">
        <v>1</v>
      </c>
      <c r="Y7256" s="19"/>
      <c r="Z7256" s="19"/>
      <c r="AA7256" s="19"/>
    </row>
    <row r="7257" spans="1:27" s="1" customFormat="1" ht="11.1" customHeight="1" outlineLevel="2" x14ac:dyDescent="0.2">
      <c r="A7257" s="17"/>
      <c r="B7257" s="17"/>
      <c r="C7257" s="17"/>
      <c r="D7257" s="18"/>
      <c r="E7257" s="18"/>
      <c r="F7257" s="18"/>
      <c r="G7257" s="18"/>
      <c r="H7257" s="18"/>
      <c r="I7257" s="18"/>
      <c r="J7257" s="18"/>
      <c r="K7257" s="18"/>
      <c r="L7257" s="18"/>
      <c r="M7257" s="18"/>
      <c r="N7257" s="18"/>
      <c r="O7257" s="18"/>
      <c r="P7257" s="19"/>
      <c r="Q7257" s="19"/>
      <c r="R7257" s="19"/>
      <c r="S7257" s="19"/>
      <c r="T7257" s="19"/>
      <c r="U7257" s="19"/>
      <c r="V7257" s="19"/>
      <c r="W7257" s="19"/>
      <c r="X7257" s="19"/>
      <c r="Y7257" s="19"/>
      <c r="Z7257" s="19"/>
      <c r="AA7257" s="19"/>
    </row>
    <row r="7258" spans="1:27" s="1" customFormat="1" ht="11.1" customHeight="1" outlineLevel="1" x14ac:dyDescent="0.2">
      <c r="A7258" s="16" t="s">
        <v>3597</v>
      </c>
      <c r="B7258" s="16"/>
      <c r="C7258" s="16"/>
      <c r="D7258" s="16"/>
      <c r="E7258" s="16"/>
      <c r="F7258" s="16"/>
      <c r="G7258" s="16"/>
      <c r="H7258" s="16"/>
      <c r="I7258" s="16"/>
      <c r="J7258" s="16"/>
      <c r="K7258" s="16"/>
      <c r="L7258" s="16"/>
      <c r="M7258" s="16"/>
      <c r="N7258" s="16"/>
      <c r="O7258" s="16"/>
      <c r="P7258" s="16"/>
      <c r="Q7258" s="16"/>
      <c r="R7258" s="16"/>
      <c r="S7258" s="16"/>
      <c r="T7258" s="16"/>
      <c r="U7258" s="16"/>
      <c r="V7258" s="16"/>
      <c r="W7258" s="16"/>
      <c r="X7258" s="16"/>
      <c r="Y7258" s="16"/>
      <c r="Z7258" s="16"/>
      <c r="AA7258" s="16"/>
    </row>
    <row r="7259" spans="1:27" s="1" customFormat="1" ht="11.1" customHeight="1" outlineLevel="1" x14ac:dyDescent="0.2">
      <c r="A7259" s="16"/>
      <c r="B7259" s="16"/>
      <c r="C7259" s="16"/>
      <c r="D7259" s="16"/>
      <c r="E7259" s="16"/>
      <c r="F7259" s="16"/>
      <c r="G7259" s="16"/>
      <c r="H7259" s="16"/>
      <c r="I7259" s="16"/>
      <c r="J7259" s="16"/>
      <c r="K7259" s="16"/>
      <c r="L7259" s="16"/>
      <c r="M7259" s="16"/>
      <c r="N7259" s="16"/>
      <c r="O7259" s="16"/>
      <c r="P7259" s="16"/>
      <c r="Q7259" s="16"/>
      <c r="R7259" s="16"/>
      <c r="S7259" s="16"/>
      <c r="T7259" s="16"/>
      <c r="U7259" s="16"/>
      <c r="V7259" s="16"/>
      <c r="W7259" s="16"/>
      <c r="X7259" s="16"/>
      <c r="Y7259" s="16"/>
      <c r="Z7259" s="16"/>
      <c r="AA7259" s="16"/>
    </row>
    <row r="7260" spans="1:27" s="1" customFormat="1" ht="11.1" customHeight="1" outlineLevel="2" x14ac:dyDescent="0.2">
      <c r="A7260" s="17">
        <v>1135</v>
      </c>
      <c r="B7260" s="17"/>
      <c r="C7260" s="17"/>
      <c r="D7260" s="18" t="s">
        <v>3598</v>
      </c>
      <c r="E7260" s="18"/>
      <c r="F7260" s="18"/>
      <c r="G7260" s="18"/>
      <c r="H7260" s="18"/>
      <c r="I7260" s="18"/>
      <c r="J7260" s="18"/>
      <c r="K7260" s="18"/>
      <c r="L7260" s="18"/>
      <c r="M7260" s="18"/>
      <c r="N7260" s="18"/>
      <c r="O7260" s="18"/>
      <c r="P7260" s="19">
        <v>350</v>
      </c>
      <c r="Q7260" s="19"/>
      <c r="R7260" s="19"/>
      <c r="S7260" s="19"/>
      <c r="T7260" s="19">
        <v>300</v>
      </c>
      <c r="U7260" s="19"/>
      <c r="V7260" s="19"/>
      <c r="W7260" s="19"/>
      <c r="X7260" s="19">
        <v>1</v>
      </c>
      <c r="Y7260" s="19"/>
      <c r="Z7260" s="19"/>
      <c r="AA7260" s="19"/>
    </row>
    <row r="7261" spans="1:27" s="1" customFormat="1" ht="11.1" customHeight="1" outlineLevel="2" x14ac:dyDescent="0.2">
      <c r="A7261" s="17"/>
      <c r="B7261" s="17"/>
      <c r="C7261" s="17"/>
      <c r="D7261" s="18"/>
      <c r="E7261" s="18"/>
      <c r="F7261" s="18"/>
      <c r="G7261" s="18"/>
      <c r="H7261" s="18"/>
      <c r="I7261" s="18"/>
      <c r="J7261" s="18"/>
      <c r="K7261" s="18"/>
      <c r="L7261" s="18"/>
      <c r="M7261" s="18"/>
      <c r="N7261" s="18"/>
      <c r="O7261" s="18"/>
      <c r="P7261" s="19"/>
      <c r="Q7261" s="19"/>
      <c r="R7261" s="19"/>
      <c r="S7261" s="19"/>
      <c r="T7261" s="19"/>
      <c r="U7261" s="19"/>
      <c r="V7261" s="19"/>
      <c r="W7261" s="19"/>
      <c r="X7261" s="19"/>
      <c r="Y7261" s="19"/>
      <c r="Z7261" s="19"/>
      <c r="AA7261" s="19"/>
    </row>
    <row r="7262" spans="1:27" s="1" customFormat="1" ht="11.1" customHeight="1" outlineLevel="1" x14ac:dyDescent="0.2">
      <c r="A7262" s="16" t="s">
        <v>1175</v>
      </c>
      <c r="B7262" s="16"/>
      <c r="C7262" s="16"/>
      <c r="D7262" s="16"/>
      <c r="E7262" s="16"/>
      <c r="F7262" s="16"/>
      <c r="G7262" s="16"/>
      <c r="H7262" s="16"/>
      <c r="I7262" s="16"/>
      <c r="J7262" s="16"/>
      <c r="K7262" s="16"/>
      <c r="L7262" s="16"/>
      <c r="M7262" s="16"/>
      <c r="N7262" s="16"/>
      <c r="O7262" s="16"/>
      <c r="P7262" s="16"/>
      <c r="Q7262" s="16"/>
      <c r="R7262" s="16"/>
      <c r="S7262" s="16"/>
      <c r="T7262" s="16"/>
      <c r="U7262" s="16"/>
      <c r="V7262" s="16"/>
      <c r="W7262" s="16"/>
      <c r="X7262" s="16"/>
      <c r="Y7262" s="16"/>
      <c r="Z7262" s="16"/>
      <c r="AA7262" s="16"/>
    </row>
    <row r="7263" spans="1:27" s="1" customFormat="1" ht="11.1" customHeight="1" outlineLevel="1" x14ac:dyDescent="0.2">
      <c r="A7263" s="16"/>
      <c r="B7263" s="16"/>
      <c r="C7263" s="16"/>
      <c r="D7263" s="16"/>
      <c r="E7263" s="16"/>
      <c r="F7263" s="16"/>
      <c r="G7263" s="16"/>
      <c r="H7263" s="16"/>
      <c r="I7263" s="16"/>
      <c r="J7263" s="16"/>
      <c r="K7263" s="16"/>
      <c r="L7263" s="16"/>
      <c r="M7263" s="16"/>
      <c r="N7263" s="16"/>
      <c r="O7263" s="16"/>
      <c r="P7263" s="16"/>
      <c r="Q7263" s="16"/>
      <c r="R7263" s="16"/>
      <c r="S7263" s="16"/>
      <c r="T7263" s="16"/>
      <c r="U7263" s="16"/>
      <c r="V7263" s="16"/>
      <c r="W7263" s="16"/>
      <c r="X7263" s="16"/>
      <c r="Y7263" s="16"/>
      <c r="Z7263" s="16"/>
      <c r="AA7263" s="16"/>
    </row>
    <row r="7264" spans="1:27" s="1" customFormat="1" ht="11.1" customHeight="1" outlineLevel="2" x14ac:dyDescent="0.2">
      <c r="A7264" s="17">
        <v>7496</v>
      </c>
      <c r="B7264" s="17"/>
      <c r="C7264" s="17"/>
      <c r="D7264" s="18" t="s">
        <v>3599</v>
      </c>
      <c r="E7264" s="18"/>
      <c r="F7264" s="18"/>
      <c r="G7264" s="18"/>
      <c r="H7264" s="18"/>
      <c r="I7264" s="18"/>
      <c r="J7264" s="18"/>
      <c r="K7264" s="18"/>
      <c r="L7264" s="18"/>
      <c r="M7264" s="18"/>
      <c r="N7264" s="18"/>
      <c r="O7264" s="18"/>
      <c r="P7264" s="19">
        <v>250</v>
      </c>
      <c r="Q7264" s="19"/>
      <c r="R7264" s="19"/>
      <c r="S7264" s="19"/>
      <c r="T7264" s="19">
        <v>200</v>
      </c>
      <c r="U7264" s="19"/>
      <c r="V7264" s="19"/>
      <c r="W7264" s="19"/>
      <c r="X7264" s="19">
        <v>1</v>
      </c>
      <c r="Y7264" s="19"/>
      <c r="Z7264" s="19"/>
      <c r="AA7264" s="19"/>
    </row>
    <row r="7265" spans="1:27" s="1" customFormat="1" ht="11.1" customHeight="1" outlineLevel="2" x14ac:dyDescent="0.2">
      <c r="A7265" s="17"/>
      <c r="B7265" s="17"/>
      <c r="C7265" s="17"/>
      <c r="D7265" s="18"/>
      <c r="E7265" s="18"/>
      <c r="F7265" s="18"/>
      <c r="G7265" s="18"/>
      <c r="H7265" s="18"/>
      <c r="I7265" s="18"/>
      <c r="J7265" s="18"/>
      <c r="K7265" s="18"/>
      <c r="L7265" s="18"/>
      <c r="M7265" s="18"/>
      <c r="N7265" s="18"/>
      <c r="O7265" s="18"/>
      <c r="P7265" s="19"/>
      <c r="Q7265" s="19"/>
      <c r="R7265" s="19"/>
      <c r="S7265" s="19"/>
      <c r="T7265" s="19"/>
      <c r="U7265" s="19"/>
      <c r="V7265" s="19"/>
      <c r="W7265" s="19"/>
      <c r="X7265" s="19"/>
      <c r="Y7265" s="19"/>
      <c r="Z7265" s="19"/>
      <c r="AA7265" s="19"/>
    </row>
    <row r="7266" spans="1:27" s="1" customFormat="1" ht="14.1" customHeight="1" outlineLevel="2" x14ac:dyDescent="0.2">
      <c r="A7266" s="17">
        <v>13082</v>
      </c>
      <c r="B7266" s="17"/>
      <c r="C7266" s="17"/>
      <c r="D7266" s="18" t="s">
        <v>3600</v>
      </c>
      <c r="E7266" s="18"/>
      <c r="F7266" s="18"/>
      <c r="G7266" s="18"/>
      <c r="H7266" s="18"/>
      <c r="I7266" s="18"/>
      <c r="J7266" s="18"/>
      <c r="K7266" s="18"/>
      <c r="L7266" s="18"/>
      <c r="M7266" s="18"/>
      <c r="N7266" s="18"/>
      <c r="O7266" s="18"/>
      <c r="P7266" s="19">
        <v>400</v>
      </c>
      <c r="Q7266" s="19"/>
      <c r="R7266" s="19"/>
      <c r="S7266" s="19"/>
      <c r="T7266" s="19">
        <v>320</v>
      </c>
      <c r="U7266" s="19"/>
      <c r="V7266" s="19"/>
      <c r="W7266" s="19"/>
      <c r="X7266" s="19">
        <v>9</v>
      </c>
      <c r="Y7266" s="19"/>
      <c r="Z7266" s="19"/>
      <c r="AA7266" s="19"/>
    </row>
    <row r="7267" spans="1:27" s="1" customFormat="1" ht="14.1" customHeight="1" outlineLevel="2" x14ac:dyDescent="0.2">
      <c r="A7267" s="17"/>
      <c r="B7267" s="17"/>
      <c r="C7267" s="17"/>
      <c r="D7267" s="18"/>
      <c r="E7267" s="18"/>
      <c r="F7267" s="18"/>
      <c r="G7267" s="18"/>
      <c r="H7267" s="18"/>
      <c r="I7267" s="18"/>
      <c r="J7267" s="18"/>
      <c r="K7267" s="18"/>
      <c r="L7267" s="18"/>
      <c r="M7267" s="18"/>
      <c r="N7267" s="18"/>
      <c r="O7267" s="18"/>
      <c r="P7267" s="19"/>
      <c r="Q7267" s="19"/>
      <c r="R7267" s="19"/>
      <c r="S7267" s="19"/>
      <c r="T7267" s="19"/>
      <c r="U7267" s="19"/>
      <c r="V7267" s="19"/>
      <c r="W7267" s="19"/>
      <c r="X7267" s="19"/>
      <c r="Y7267" s="19"/>
      <c r="Z7267" s="19"/>
      <c r="AA7267" s="19"/>
    </row>
    <row r="7268" spans="1:27" s="1" customFormat="1" ht="14.1" customHeight="1" outlineLevel="2" x14ac:dyDescent="0.2">
      <c r="A7268" s="17">
        <v>13088</v>
      </c>
      <c r="B7268" s="17"/>
      <c r="C7268" s="17"/>
      <c r="D7268" s="18" t="s">
        <v>3601</v>
      </c>
      <c r="E7268" s="18"/>
      <c r="F7268" s="18"/>
      <c r="G7268" s="18"/>
      <c r="H7268" s="18"/>
      <c r="I7268" s="18"/>
      <c r="J7268" s="18"/>
      <c r="K7268" s="18"/>
      <c r="L7268" s="18"/>
      <c r="M7268" s="18"/>
      <c r="N7268" s="18"/>
      <c r="O7268" s="18"/>
      <c r="P7268" s="19">
        <v>390</v>
      </c>
      <c r="Q7268" s="19"/>
      <c r="R7268" s="19"/>
      <c r="S7268" s="19"/>
      <c r="T7268" s="19">
        <v>320</v>
      </c>
      <c r="U7268" s="19"/>
      <c r="V7268" s="19"/>
      <c r="W7268" s="19"/>
      <c r="X7268" s="19">
        <v>7</v>
      </c>
      <c r="Y7268" s="19"/>
      <c r="Z7268" s="19"/>
      <c r="AA7268" s="19"/>
    </row>
    <row r="7269" spans="1:27" s="1" customFormat="1" ht="14.1" customHeight="1" outlineLevel="2" x14ac:dyDescent="0.2">
      <c r="A7269" s="17"/>
      <c r="B7269" s="17"/>
      <c r="C7269" s="17"/>
      <c r="D7269" s="18"/>
      <c r="E7269" s="18"/>
      <c r="F7269" s="18"/>
      <c r="G7269" s="18"/>
      <c r="H7269" s="18"/>
      <c r="I7269" s="18"/>
      <c r="J7269" s="18"/>
      <c r="K7269" s="18"/>
      <c r="L7269" s="18"/>
      <c r="M7269" s="18"/>
      <c r="N7269" s="18"/>
      <c r="O7269" s="18"/>
      <c r="P7269" s="19"/>
      <c r="Q7269" s="19"/>
      <c r="R7269" s="19"/>
      <c r="S7269" s="19"/>
      <c r="T7269" s="19"/>
      <c r="U7269" s="19"/>
      <c r="V7269" s="19"/>
      <c r="W7269" s="19"/>
      <c r="X7269" s="19"/>
      <c r="Y7269" s="19"/>
      <c r="Z7269" s="19"/>
      <c r="AA7269" s="19"/>
    </row>
    <row r="7270" spans="1:27" s="1" customFormat="1" ht="14.1" customHeight="1" outlineLevel="2" x14ac:dyDescent="0.2">
      <c r="A7270" s="17">
        <v>17282</v>
      </c>
      <c r="B7270" s="17"/>
      <c r="C7270" s="17"/>
      <c r="D7270" s="18" t="s">
        <v>3602</v>
      </c>
      <c r="E7270" s="18"/>
      <c r="F7270" s="18"/>
      <c r="G7270" s="18"/>
      <c r="H7270" s="18"/>
      <c r="I7270" s="18"/>
      <c r="J7270" s="18"/>
      <c r="K7270" s="18"/>
      <c r="L7270" s="18"/>
      <c r="M7270" s="18"/>
      <c r="N7270" s="18"/>
      <c r="O7270" s="18"/>
      <c r="P7270" s="19">
        <v>590</v>
      </c>
      <c r="Q7270" s="19"/>
      <c r="R7270" s="19"/>
      <c r="S7270" s="19"/>
      <c r="T7270" s="19">
        <v>490</v>
      </c>
      <c r="U7270" s="19"/>
      <c r="V7270" s="19"/>
      <c r="W7270" s="19"/>
      <c r="X7270" s="19">
        <v>28</v>
      </c>
      <c r="Y7270" s="19"/>
      <c r="Z7270" s="19"/>
      <c r="AA7270" s="19"/>
    </row>
    <row r="7271" spans="1:27" s="1" customFormat="1" ht="14.1" customHeight="1" outlineLevel="2" x14ac:dyDescent="0.2">
      <c r="A7271" s="17"/>
      <c r="B7271" s="17"/>
      <c r="C7271" s="17"/>
      <c r="D7271" s="18"/>
      <c r="E7271" s="18"/>
      <c r="F7271" s="18"/>
      <c r="G7271" s="18"/>
      <c r="H7271" s="18"/>
      <c r="I7271" s="18"/>
      <c r="J7271" s="18"/>
      <c r="K7271" s="18"/>
      <c r="L7271" s="18"/>
      <c r="M7271" s="18"/>
      <c r="N7271" s="18"/>
      <c r="O7271" s="18"/>
      <c r="P7271" s="19"/>
      <c r="Q7271" s="19"/>
      <c r="R7271" s="19"/>
      <c r="S7271" s="19"/>
      <c r="T7271" s="19"/>
      <c r="U7271" s="19"/>
      <c r="V7271" s="19"/>
      <c r="W7271" s="19"/>
      <c r="X7271" s="19"/>
      <c r="Y7271" s="19"/>
      <c r="Z7271" s="19"/>
      <c r="AA7271" s="19"/>
    </row>
    <row r="7272" spans="1:27" s="1" customFormat="1" ht="11.1" customHeight="1" outlineLevel="2" x14ac:dyDescent="0.2">
      <c r="A7272" s="17">
        <v>12555</v>
      </c>
      <c r="B7272" s="17"/>
      <c r="C7272" s="17"/>
      <c r="D7272" s="18" t="s">
        <v>3603</v>
      </c>
      <c r="E7272" s="18"/>
      <c r="F7272" s="18"/>
      <c r="G7272" s="18"/>
      <c r="H7272" s="18"/>
      <c r="I7272" s="18"/>
      <c r="J7272" s="18"/>
      <c r="K7272" s="18"/>
      <c r="L7272" s="18"/>
      <c r="M7272" s="18"/>
      <c r="N7272" s="18"/>
      <c r="O7272" s="18"/>
      <c r="P7272" s="19">
        <v>290</v>
      </c>
      <c r="Q7272" s="19"/>
      <c r="R7272" s="19"/>
      <c r="S7272" s="19"/>
      <c r="T7272" s="19">
        <v>220</v>
      </c>
      <c r="U7272" s="19"/>
      <c r="V7272" s="19"/>
      <c r="W7272" s="19"/>
      <c r="X7272" s="19">
        <v>5</v>
      </c>
      <c r="Y7272" s="19"/>
      <c r="Z7272" s="19"/>
      <c r="AA7272" s="19"/>
    </row>
    <row r="7273" spans="1:27" s="1" customFormat="1" ht="11.1" customHeight="1" outlineLevel="2" x14ac:dyDescent="0.2">
      <c r="A7273" s="17"/>
      <c r="B7273" s="17"/>
      <c r="C7273" s="17"/>
      <c r="D7273" s="18"/>
      <c r="E7273" s="18"/>
      <c r="F7273" s="18"/>
      <c r="G7273" s="18"/>
      <c r="H7273" s="18"/>
      <c r="I7273" s="18"/>
      <c r="J7273" s="18"/>
      <c r="K7273" s="18"/>
      <c r="L7273" s="18"/>
      <c r="M7273" s="18"/>
      <c r="N7273" s="18"/>
      <c r="O7273" s="18"/>
      <c r="P7273" s="19"/>
      <c r="Q7273" s="19"/>
      <c r="R7273" s="19"/>
      <c r="S7273" s="19"/>
      <c r="T7273" s="19"/>
      <c r="U7273" s="19"/>
      <c r="V7273" s="19"/>
      <c r="W7273" s="19"/>
      <c r="X7273" s="19"/>
      <c r="Y7273" s="19"/>
      <c r="Z7273" s="19"/>
      <c r="AA7273" s="19"/>
    </row>
    <row r="7274" spans="1:27" s="1" customFormat="1" ht="11.1" customHeight="1" outlineLevel="2" x14ac:dyDescent="0.2">
      <c r="A7274" s="17">
        <v>12554</v>
      </c>
      <c r="B7274" s="17"/>
      <c r="C7274" s="17"/>
      <c r="D7274" s="18" t="s">
        <v>3604</v>
      </c>
      <c r="E7274" s="18"/>
      <c r="F7274" s="18"/>
      <c r="G7274" s="18"/>
      <c r="H7274" s="18"/>
      <c r="I7274" s="18"/>
      <c r="J7274" s="18"/>
      <c r="K7274" s="18"/>
      <c r="L7274" s="18"/>
      <c r="M7274" s="18"/>
      <c r="N7274" s="18"/>
      <c r="O7274" s="18"/>
      <c r="P7274" s="19">
        <v>290</v>
      </c>
      <c r="Q7274" s="19"/>
      <c r="R7274" s="19"/>
      <c r="S7274" s="19"/>
      <c r="T7274" s="19">
        <v>220</v>
      </c>
      <c r="U7274" s="19"/>
      <c r="V7274" s="19"/>
      <c r="W7274" s="19"/>
      <c r="X7274" s="19">
        <v>4</v>
      </c>
      <c r="Y7274" s="19"/>
      <c r="Z7274" s="19"/>
      <c r="AA7274" s="19"/>
    </row>
    <row r="7275" spans="1:27" s="1" customFormat="1" ht="11.1" customHeight="1" outlineLevel="2" x14ac:dyDescent="0.2">
      <c r="A7275" s="17"/>
      <c r="B7275" s="17"/>
      <c r="C7275" s="17"/>
      <c r="D7275" s="18"/>
      <c r="E7275" s="18"/>
      <c r="F7275" s="18"/>
      <c r="G7275" s="18"/>
      <c r="H7275" s="18"/>
      <c r="I7275" s="18"/>
      <c r="J7275" s="18"/>
      <c r="K7275" s="18"/>
      <c r="L7275" s="18"/>
      <c r="M7275" s="18"/>
      <c r="N7275" s="18"/>
      <c r="O7275" s="18"/>
      <c r="P7275" s="19"/>
      <c r="Q7275" s="19"/>
      <c r="R7275" s="19"/>
      <c r="S7275" s="19"/>
      <c r="T7275" s="19"/>
      <c r="U7275" s="19"/>
      <c r="V7275" s="19"/>
      <c r="W7275" s="19"/>
      <c r="X7275" s="19"/>
      <c r="Y7275" s="19"/>
      <c r="Z7275" s="19"/>
      <c r="AA7275" s="19"/>
    </row>
    <row r="7276" spans="1:27" s="1" customFormat="1" ht="11.1" customHeight="1" outlineLevel="2" x14ac:dyDescent="0.2">
      <c r="A7276" s="17">
        <v>9367</v>
      </c>
      <c r="B7276" s="17"/>
      <c r="C7276" s="17"/>
      <c r="D7276" s="18" t="s">
        <v>3605</v>
      </c>
      <c r="E7276" s="18"/>
      <c r="F7276" s="18"/>
      <c r="G7276" s="18"/>
      <c r="H7276" s="18"/>
      <c r="I7276" s="18"/>
      <c r="J7276" s="18"/>
      <c r="K7276" s="18"/>
      <c r="L7276" s="18"/>
      <c r="M7276" s="18"/>
      <c r="N7276" s="18"/>
      <c r="O7276" s="18"/>
      <c r="P7276" s="19">
        <v>340</v>
      </c>
      <c r="Q7276" s="19"/>
      <c r="R7276" s="19"/>
      <c r="S7276" s="19"/>
      <c r="T7276" s="19">
        <v>290</v>
      </c>
      <c r="U7276" s="19"/>
      <c r="V7276" s="19"/>
      <c r="W7276" s="19"/>
      <c r="X7276" s="19">
        <v>2</v>
      </c>
      <c r="Y7276" s="19"/>
      <c r="Z7276" s="19"/>
      <c r="AA7276" s="19"/>
    </row>
    <row r="7277" spans="1:27" s="1" customFormat="1" ht="11.1" customHeight="1" outlineLevel="2" x14ac:dyDescent="0.2">
      <c r="A7277" s="17"/>
      <c r="B7277" s="17"/>
      <c r="C7277" s="17"/>
      <c r="D7277" s="18"/>
      <c r="E7277" s="18"/>
      <c r="F7277" s="18"/>
      <c r="G7277" s="18"/>
      <c r="H7277" s="18"/>
      <c r="I7277" s="18"/>
      <c r="J7277" s="18"/>
      <c r="K7277" s="18"/>
      <c r="L7277" s="18"/>
      <c r="M7277" s="18"/>
      <c r="N7277" s="18"/>
      <c r="O7277" s="18"/>
      <c r="P7277" s="19"/>
      <c r="Q7277" s="19"/>
      <c r="R7277" s="19"/>
      <c r="S7277" s="19"/>
      <c r="T7277" s="19"/>
      <c r="U7277" s="19"/>
      <c r="V7277" s="19"/>
      <c r="W7277" s="19"/>
      <c r="X7277" s="19"/>
      <c r="Y7277" s="19"/>
      <c r="Z7277" s="19"/>
      <c r="AA7277" s="19"/>
    </row>
    <row r="7278" spans="1:27" s="1" customFormat="1" ht="11.1" customHeight="1" outlineLevel="2" x14ac:dyDescent="0.2">
      <c r="A7278" s="17">
        <v>11365</v>
      </c>
      <c r="B7278" s="17"/>
      <c r="C7278" s="17"/>
      <c r="D7278" s="18" t="s">
        <v>3606</v>
      </c>
      <c r="E7278" s="18"/>
      <c r="F7278" s="18"/>
      <c r="G7278" s="18"/>
      <c r="H7278" s="18"/>
      <c r="I7278" s="18"/>
      <c r="J7278" s="18"/>
      <c r="K7278" s="18"/>
      <c r="L7278" s="18"/>
      <c r="M7278" s="18"/>
      <c r="N7278" s="18"/>
      <c r="O7278" s="18"/>
      <c r="P7278" s="19">
        <v>300</v>
      </c>
      <c r="Q7278" s="19"/>
      <c r="R7278" s="19"/>
      <c r="S7278" s="19"/>
      <c r="T7278" s="19">
        <v>260</v>
      </c>
      <c r="U7278" s="19"/>
      <c r="V7278" s="19"/>
      <c r="W7278" s="19"/>
      <c r="X7278" s="19">
        <v>8</v>
      </c>
      <c r="Y7278" s="19"/>
      <c r="Z7278" s="19"/>
      <c r="AA7278" s="19"/>
    </row>
    <row r="7279" spans="1:27" s="1" customFormat="1" ht="11.1" customHeight="1" outlineLevel="2" x14ac:dyDescent="0.2">
      <c r="A7279" s="17"/>
      <c r="B7279" s="17"/>
      <c r="C7279" s="17"/>
      <c r="D7279" s="18"/>
      <c r="E7279" s="18"/>
      <c r="F7279" s="18"/>
      <c r="G7279" s="18"/>
      <c r="H7279" s="18"/>
      <c r="I7279" s="18"/>
      <c r="J7279" s="18"/>
      <c r="K7279" s="18"/>
      <c r="L7279" s="18"/>
      <c r="M7279" s="18"/>
      <c r="N7279" s="18"/>
      <c r="O7279" s="18"/>
      <c r="P7279" s="19"/>
      <c r="Q7279" s="19"/>
      <c r="R7279" s="19"/>
      <c r="S7279" s="19"/>
      <c r="T7279" s="19"/>
      <c r="U7279" s="19"/>
      <c r="V7279" s="19"/>
      <c r="W7279" s="19"/>
      <c r="X7279" s="19"/>
      <c r="Y7279" s="19"/>
      <c r="Z7279" s="19"/>
      <c r="AA7279" s="19"/>
    </row>
    <row r="7280" spans="1:27" s="1" customFormat="1" ht="11.1" customHeight="1" outlineLevel="2" x14ac:dyDescent="0.2">
      <c r="A7280" s="17">
        <v>11364</v>
      </c>
      <c r="B7280" s="17"/>
      <c r="C7280" s="17"/>
      <c r="D7280" s="18" t="s">
        <v>3607</v>
      </c>
      <c r="E7280" s="18"/>
      <c r="F7280" s="18"/>
      <c r="G7280" s="18"/>
      <c r="H7280" s="18"/>
      <c r="I7280" s="18"/>
      <c r="J7280" s="18"/>
      <c r="K7280" s="18"/>
      <c r="L7280" s="18"/>
      <c r="M7280" s="18"/>
      <c r="N7280" s="18"/>
      <c r="O7280" s="18"/>
      <c r="P7280" s="19">
        <v>300</v>
      </c>
      <c r="Q7280" s="19"/>
      <c r="R7280" s="19"/>
      <c r="S7280" s="19"/>
      <c r="T7280" s="19">
        <v>260</v>
      </c>
      <c r="U7280" s="19"/>
      <c r="V7280" s="19"/>
      <c r="W7280" s="19"/>
      <c r="X7280" s="19">
        <v>5</v>
      </c>
      <c r="Y7280" s="19"/>
      <c r="Z7280" s="19"/>
      <c r="AA7280" s="19"/>
    </row>
    <row r="7281" spans="1:27" s="1" customFormat="1" ht="11.1" customHeight="1" outlineLevel="2" x14ac:dyDescent="0.2">
      <c r="A7281" s="17"/>
      <c r="B7281" s="17"/>
      <c r="C7281" s="17"/>
      <c r="D7281" s="18"/>
      <c r="E7281" s="18"/>
      <c r="F7281" s="18"/>
      <c r="G7281" s="18"/>
      <c r="H7281" s="18"/>
      <c r="I7281" s="18"/>
      <c r="J7281" s="18"/>
      <c r="K7281" s="18"/>
      <c r="L7281" s="18"/>
      <c r="M7281" s="18"/>
      <c r="N7281" s="18"/>
      <c r="O7281" s="18"/>
      <c r="P7281" s="19"/>
      <c r="Q7281" s="19"/>
      <c r="R7281" s="19"/>
      <c r="S7281" s="19"/>
      <c r="T7281" s="19"/>
      <c r="U7281" s="19"/>
      <c r="V7281" s="19"/>
      <c r="W7281" s="19"/>
      <c r="X7281" s="19"/>
      <c r="Y7281" s="19"/>
      <c r="Z7281" s="19"/>
      <c r="AA7281" s="19"/>
    </row>
    <row r="7282" spans="1:27" s="1" customFormat="1" ht="11.1" customHeight="1" outlineLevel="2" x14ac:dyDescent="0.2">
      <c r="A7282" s="17">
        <v>9363</v>
      </c>
      <c r="B7282" s="17"/>
      <c r="C7282" s="17"/>
      <c r="D7282" s="18" t="s">
        <v>3608</v>
      </c>
      <c r="E7282" s="18"/>
      <c r="F7282" s="18"/>
      <c r="G7282" s="18"/>
      <c r="H7282" s="18"/>
      <c r="I7282" s="18"/>
      <c r="J7282" s="18"/>
      <c r="K7282" s="18"/>
      <c r="L7282" s="18"/>
      <c r="M7282" s="18"/>
      <c r="N7282" s="18"/>
      <c r="O7282" s="18"/>
      <c r="P7282" s="19">
        <v>330</v>
      </c>
      <c r="Q7282" s="19"/>
      <c r="R7282" s="19"/>
      <c r="S7282" s="19"/>
      <c r="T7282" s="19">
        <v>270</v>
      </c>
      <c r="U7282" s="19"/>
      <c r="V7282" s="19"/>
      <c r="W7282" s="19"/>
      <c r="X7282" s="19">
        <v>4</v>
      </c>
      <c r="Y7282" s="19"/>
      <c r="Z7282" s="19"/>
      <c r="AA7282" s="19"/>
    </row>
    <row r="7283" spans="1:27" s="1" customFormat="1" ht="11.1" customHeight="1" outlineLevel="2" x14ac:dyDescent="0.2">
      <c r="A7283" s="17"/>
      <c r="B7283" s="17"/>
      <c r="C7283" s="17"/>
      <c r="D7283" s="18"/>
      <c r="E7283" s="18"/>
      <c r="F7283" s="18"/>
      <c r="G7283" s="18"/>
      <c r="H7283" s="18"/>
      <c r="I7283" s="18"/>
      <c r="J7283" s="18"/>
      <c r="K7283" s="18"/>
      <c r="L7283" s="18"/>
      <c r="M7283" s="18"/>
      <c r="N7283" s="18"/>
      <c r="O7283" s="18"/>
      <c r="P7283" s="19"/>
      <c r="Q7283" s="19"/>
      <c r="R7283" s="19"/>
      <c r="S7283" s="19"/>
      <c r="T7283" s="19"/>
      <c r="U7283" s="19"/>
      <c r="V7283" s="19"/>
      <c r="W7283" s="19"/>
      <c r="X7283" s="19"/>
      <c r="Y7283" s="19"/>
      <c r="Z7283" s="19"/>
      <c r="AA7283" s="19"/>
    </row>
    <row r="7284" spans="1:27" s="1" customFormat="1" ht="11.1" customHeight="1" outlineLevel="2" x14ac:dyDescent="0.2">
      <c r="A7284" s="17">
        <v>9362</v>
      </c>
      <c r="B7284" s="17"/>
      <c r="C7284" s="17"/>
      <c r="D7284" s="18" t="s">
        <v>3609</v>
      </c>
      <c r="E7284" s="18"/>
      <c r="F7284" s="18"/>
      <c r="G7284" s="18"/>
      <c r="H7284" s="18"/>
      <c r="I7284" s="18"/>
      <c r="J7284" s="18"/>
      <c r="K7284" s="18"/>
      <c r="L7284" s="18"/>
      <c r="M7284" s="18"/>
      <c r="N7284" s="18"/>
      <c r="O7284" s="18"/>
      <c r="P7284" s="19">
        <v>320</v>
      </c>
      <c r="Q7284" s="19"/>
      <c r="R7284" s="19"/>
      <c r="S7284" s="19"/>
      <c r="T7284" s="19">
        <v>270</v>
      </c>
      <c r="U7284" s="19"/>
      <c r="V7284" s="19"/>
      <c r="W7284" s="19"/>
      <c r="X7284" s="19">
        <v>1</v>
      </c>
      <c r="Y7284" s="19"/>
      <c r="Z7284" s="19"/>
      <c r="AA7284" s="19"/>
    </row>
    <row r="7285" spans="1:27" s="1" customFormat="1" ht="11.1" customHeight="1" outlineLevel="2" x14ac:dyDescent="0.2">
      <c r="A7285" s="17"/>
      <c r="B7285" s="17"/>
      <c r="C7285" s="17"/>
      <c r="D7285" s="18"/>
      <c r="E7285" s="18"/>
      <c r="F7285" s="18"/>
      <c r="G7285" s="18"/>
      <c r="H7285" s="18"/>
      <c r="I7285" s="18"/>
      <c r="J7285" s="18"/>
      <c r="K7285" s="18"/>
      <c r="L7285" s="18"/>
      <c r="M7285" s="18"/>
      <c r="N7285" s="18"/>
      <c r="O7285" s="18"/>
      <c r="P7285" s="19"/>
      <c r="Q7285" s="19"/>
      <c r="R7285" s="19"/>
      <c r="S7285" s="19"/>
      <c r="T7285" s="19"/>
      <c r="U7285" s="19"/>
      <c r="V7285" s="19"/>
      <c r="W7285" s="19"/>
      <c r="X7285" s="19"/>
      <c r="Y7285" s="19"/>
      <c r="Z7285" s="19"/>
      <c r="AA7285" s="19"/>
    </row>
    <row r="7286" spans="1:27" s="1" customFormat="1" ht="14.1" customHeight="1" outlineLevel="2" x14ac:dyDescent="0.2">
      <c r="A7286" s="17">
        <v>13093</v>
      </c>
      <c r="B7286" s="17"/>
      <c r="C7286" s="17"/>
      <c r="D7286" s="18" t="s">
        <v>3610</v>
      </c>
      <c r="E7286" s="18"/>
      <c r="F7286" s="18"/>
      <c r="G7286" s="18"/>
      <c r="H7286" s="18"/>
      <c r="I7286" s="18"/>
      <c r="J7286" s="18"/>
      <c r="K7286" s="18"/>
      <c r="L7286" s="18"/>
      <c r="M7286" s="18"/>
      <c r="N7286" s="18"/>
      <c r="O7286" s="18"/>
      <c r="P7286" s="19">
        <v>390</v>
      </c>
      <c r="Q7286" s="19"/>
      <c r="R7286" s="19"/>
      <c r="S7286" s="19"/>
      <c r="T7286" s="19">
        <v>320</v>
      </c>
      <c r="U7286" s="19"/>
      <c r="V7286" s="19"/>
      <c r="W7286" s="19"/>
      <c r="X7286" s="19">
        <v>1</v>
      </c>
      <c r="Y7286" s="19"/>
      <c r="Z7286" s="19"/>
      <c r="AA7286" s="19"/>
    </row>
    <row r="7287" spans="1:27" s="1" customFormat="1" ht="14.1" customHeight="1" outlineLevel="2" x14ac:dyDescent="0.2">
      <c r="A7287" s="17"/>
      <c r="B7287" s="17"/>
      <c r="C7287" s="17"/>
      <c r="D7287" s="18"/>
      <c r="E7287" s="18"/>
      <c r="F7287" s="18"/>
      <c r="G7287" s="18"/>
      <c r="H7287" s="18"/>
      <c r="I7287" s="18"/>
      <c r="J7287" s="18"/>
      <c r="K7287" s="18"/>
      <c r="L7287" s="18"/>
      <c r="M7287" s="18"/>
      <c r="N7287" s="18"/>
      <c r="O7287" s="18"/>
      <c r="P7287" s="19"/>
      <c r="Q7287" s="19"/>
      <c r="R7287" s="19"/>
      <c r="S7287" s="19"/>
      <c r="T7287" s="19"/>
      <c r="U7287" s="19"/>
      <c r="V7287" s="19"/>
      <c r="W7287" s="19"/>
      <c r="X7287" s="19"/>
      <c r="Y7287" s="19"/>
      <c r="Z7287" s="19"/>
      <c r="AA7287" s="19"/>
    </row>
    <row r="7288" spans="1:27" s="1" customFormat="1" ht="14.1" customHeight="1" outlineLevel="2" x14ac:dyDescent="0.2">
      <c r="A7288" s="17">
        <v>14718</v>
      </c>
      <c r="B7288" s="17"/>
      <c r="C7288" s="17"/>
      <c r="D7288" s="18" t="s">
        <v>3611</v>
      </c>
      <c r="E7288" s="18"/>
      <c r="F7288" s="18"/>
      <c r="G7288" s="18"/>
      <c r="H7288" s="18"/>
      <c r="I7288" s="18"/>
      <c r="J7288" s="18"/>
      <c r="K7288" s="18"/>
      <c r="L7288" s="18"/>
      <c r="M7288" s="18"/>
      <c r="N7288" s="18"/>
      <c r="O7288" s="18"/>
      <c r="P7288" s="19">
        <v>390</v>
      </c>
      <c r="Q7288" s="19"/>
      <c r="R7288" s="19"/>
      <c r="S7288" s="19"/>
      <c r="T7288" s="19">
        <v>320</v>
      </c>
      <c r="U7288" s="19"/>
      <c r="V7288" s="19"/>
      <c r="W7288" s="19"/>
      <c r="X7288" s="19">
        <v>9</v>
      </c>
      <c r="Y7288" s="19"/>
      <c r="Z7288" s="19"/>
      <c r="AA7288" s="19"/>
    </row>
    <row r="7289" spans="1:27" s="1" customFormat="1" ht="14.1" customHeight="1" outlineLevel="2" x14ac:dyDescent="0.2">
      <c r="A7289" s="17"/>
      <c r="B7289" s="17"/>
      <c r="C7289" s="17"/>
      <c r="D7289" s="18"/>
      <c r="E7289" s="18"/>
      <c r="F7289" s="18"/>
      <c r="G7289" s="18"/>
      <c r="H7289" s="18"/>
      <c r="I7289" s="18"/>
      <c r="J7289" s="18"/>
      <c r="K7289" s="18"/>
      <c r="L7289" s="18"/>
      <c r="M7289" s="18"/>
      <c r="N7289" s="18"/>
      <c r="O7289" s="18"/>
      <c r="P7289" s="19"/>
      <c r="Q7289" s="19"/>
      <c r="R7289" s="19"/>
      <c r="S7289" s="19"/>
      <c r="T7289" s="19"/>
      <c r="U7289" s="19"/>
      <c r="V7289" s="19"/>
      <c r="W7289" s="19"/>
      <c r="X7289" s="19"/>
      <c r="Y7289" s="19"/>
      <c r="Z7289" s="19"/>
      <c r="AA7289" s="19"/>
    </row>
    <row r="7290" spans="1:27" s="1" customFormat="1" ht="11.1" customHeight="1" outlineLevel="2" x14ac:dyDescent="0.2">
      <c r="A7290" s="17">
        <v>7036</v>
      </c>
      <c r="B7290" s="17"/>
      <c r="C7290" s="17"/>
      <c r="D7290" s="18" t="s">
        <v>3612</v>
      </c>
      <c r="E7290" s="18"/>
      <c r="F7290" s="18"/>
      <c r="G7290" s="18"/>
      <c r="H7290" s="18"/>
      <c r="I7290" s="18"/>
      <c r="J7290" s="18"/>
      <c r="K7290" s="18"/>
      <c r="L7290" s="18"/>
      <c r="M7290" s="18"/>
      <c r="N7290" s="18"/>
      <c r="O7290" s="18"/>
      <c r="P7290" s="19">
        <v>320</v>
      </c>
      <c r="Q7290" s="19"/>
      <c r="R7290" s="19"/>
      <c r="S7290" s="19"/>
      <c r="T7290" s="19">
        <v>260</v>
      </c>
      <c r="U7290" s="19"/>
      <c r="V7290" s="19"/>
      <c r="W7290" s="19"/>
      <c r="X7290" s="19">
        <v>1</v>
      </c>
      <c r="Y7290" s="19"/>
      <c r="Z7290" s="19"/>
      <c r="AA7290" s="19"/>
    </row>
    <row r="7291" spans="1:27" s="1" customFormat="1" ht="11.1" customHeight="1" outlineLevel="2" x14ac:dyDescent="0.2">
      <c r="A7291" s="17"/>
      <c r="B7291" s="17"/>
      <c r="C7291" s="17"/>
      <c r="D7291" s="18"/>
      <c r="E7291" s="18"/>
      <c r="F7291" s="18"/>
      <c r="G7291" s="18"/>
      <c r="H7291" s="18"/>
      <c r="I7291" s="18"/>
      <c r="J7291" s="18"/>
      <c r="K7291" s="18"/>
      <c r="L7291" s="18"/>
      <c r="M7291" s="18"/>
      <c r="N7291" s="18"/>
      <c r="O7291" s="18"/>
      <c r="P7291" s="19"/>
      <c r="Q7291" s="19"/>
      <c r="R7291" s="19"/>
      <c r="S7291" s="19"/>
      <c r="T7291" s="19"/>
      <c r="U7291" s="19"/>
      <c r="V7291" s="19"/>
      <c r="W7291" s="19"/>
      <c r="X7291" s="19"/>
      <c r="Y7291" s="19"/>
      <c r="Z7291" s="19"/>
      <c r="AA7291" s="19"/>
    </row>
    <row r="7292" spans="1:27" s="1" customFormat="1" ht="14.1" customHeight="1" outlineLevel="2" x14ac:dyDescent="0.2">
      <c r="A7292" s="17">
        <v>13084</v>
      </c>
      <c r="B7292" s="17"/>
      <c r="C7292" s="17"/>
      <c r="D7292" s="18" t="s">
        <v>3613</v>
      </c>
      <c r="E7292" s="18"/>
      <c r="F7292" s="18"/>
      <c r="G7292" s="18"/>
      <c r="H7292" s="18"/>
      <c r="I7292" s="18"/>
      <c r="J7292" s="18"/>
      <c r="K7292" s="18"/>
      <c r="L7292" s="18"/>
      <c r="M7292" s="18"/>
      <c r="N7292" s="18"/>
      <c r="O7292" s="18"/>
      <c r="P7292" s="19">
        <v>390</v>
      </c>
      <c r="Q7292" s="19"/>
      <c r="R7292" s="19"/>
      <c r="S7292" s="19"/>
      <c r="T7292" s="19">
        <v>320</v>
      </c>
      <c r="U7292" s="19"/>
      <c r="V7292" s="19"/>
      <c r="W7292" s="19"/>
      <c r="X7292" s="19">
        <v>19</v>
      </c>
      <c r="Y7292" s="19"/>
      <c r="Z7292" s="19"/>
      <c r="AA7292" s="19"/>
    </row>
    <row r="7293" spans="1:27" s="1" customFormat="1" ht="14.1" customHeight="1" outlineLevel="2" x14ac:dyDescent="0.2">
      <c r="A7293" s="17"/>
      <c r="B7293" s="17"/>
      <c r="C7293" s="17"/>
      <c r="D7293" s="18"/>
      <c r="E7293" s="18"/>
      <c r="F7293" s="18"/>
      <c r="G7293" s="18"/>
      <c r="H7293" s="18"/>
      <c r="I7293" s="18"/>
      <c r="J7293" s="18"/>
      <c r="K7293" s="18"/>
      <c r="L7293" s="18"/>
      <c r="M7293" s="18"/>
      <c r="N7293" s="18"/>
      <c r="O7293" s="18"/>
      <c r="P7293" s="19"/>
      <c r="Q7293" s="19"/>
      <c r="R7293" s="19"/>
      <c r="S7293" s="19"/>
      <c r="T7293" s="19"/>
      <c r="U7293" s="19"/>
      <c r="V7293" s="19"/>
      <c r="W7293" s="19"/>
      <c r="X7293" s="19"/>
      <c r="Y7293" s="19"/>
      <c r="Z7293" s="19"/>
      <c r="AA7293" s="19"/>
    </row>
    <row r="7294" spans="1:27" s="1" customFormat="1" ht="11.1" customHeight="1" outlineLevel="2" x14ac:dyDescent="0.2">
      <c r="A7294" s="17">
        <v>7035</v>
      </c>
      <c r="B7294" s="17"/>
      <c r="C7294" s="17"/>
      <c r="D7294" s="18" t="s">
        <v>3614</v>
      </c>
      <c r="E7294" s="18"/>
      <c r="F7294" s="18"/>
      <c r="G7294" s="18"/>
      <c r="H7294" s="18"/>
      <c r="I7294" s="18"/>
      <c r="J7294" s="18"/>
      <c r="K7294" s="18"/>
      <c r="L7294" s="18"/>
      <c r="M7294" s="18"/>
      <c r="N7294" s="18"/>
      <c r="O7294" s="18"/>
      <c r="P7294" s="19">
        <v>320</v>
      </c>
      <c r="Q7294" s="19"/>
      <c r="R7294" s="19"/>
      <c r="S7294" s="19"/>
      <c r="T7294" s="19">
        <v>260</v>
      </c>
      <c r="U7294" s="19"/>
      <c r="V7294" s="19"/>
      <c r="W7294" s="19"/>
      <c r="X7294" s="19">
        <v>1</v>
      </c>
      <c r="Y7294" s="19"/>
      <c r="Z7294" s="19"/>
      <c r="AA7294" s="19"/>
    </row>
    <row r="7295" spans="1:27" s="1" customFormat="1" ht="11.1" customHeight="1" outlineLevel="2" x14ac:dyDescent="0.2">
      <c r="A7295" s="17"/>
      <c r="B7295" s="17"/>
      <c r="C7295" s="17"/>
      <c r="D7295" s="18"/>
      <c r="E7295" s="18"/>
      <c r="F7295" s="18"/>
      <c r="G7295" s="18"/>
      <c r="H7295" s="18"/>
      <c r="I7295" s="18"/>
      <c r="J7295" s="18"/>
      <c r="K7295" s="18"/>
      <c r="L7295" s="18"/>
      <c r="M7295" s="18"/>
      <c r="N7295" s="18"/>
      <c r="O7295" s="18"/>
      <c r="P7295" s="19"/>
      <c r="Q7295" s="19"/>
      <c r="R7295" s="19"/>
      <c r="S7295" s="19"/>
      <c r="T7295" s="19"/>
      <c r="U7295" s="19"/>
      <c r="V7295" s="19"/>
      <c r="W7295" s="19"/>
      <c r="X7295" s="19"/>
      <c r="Y7295" s="19"/>
      <c r="Z7295" s="19"/>
      <c r="AA7295" s="19"/>
    </row>
    <row r="7296" spans="1:27" s="1" customFormat="1" ht="14.1" customHeight="1" outlineLevel="2" x14ac:dyDescent="0.2">
      <c r="A7296" s="17">
        <v>13085</v>
      </c>
      <c r="B7296" s="17"/>
      <c r="C7296" s="17"/>
      <c r="D7296" s="18" t="s">
        <v>3615</v>
      </c>
      <c r="E7296" s="18"/>
      <c r="F7296" s="18"/>
      <c r="G7296" s="18"/>
      <c r="H7296" s="18"/>
      <c r="I7296" s="18"/>
      <c r="J7296" s="18"/>
      <c r="K7296" s="18"/>
      <c r="L7296" s="18"/>
      <c r="M7296" s="18"/>
      <c r="N7296" s="18"/>
      <c r="O7296" s="18"/>
      <c r="P7296" s="19">
        <v>390</v>
      </c>
      <c r="Q7296" s="19"/>
      <c r="R7296" s="19"/>
      <c r="S7296" s="19"/>
      <c r="T7296" s="19">
        <v>320</v>
      </c>
      <c r="U7296" s="19"/>
      <c r="V7296" s="19"/>
      <c r="W7296" s="19"/>
      <c r="X7296" s="19">
        <v>2</v>
      </c>
      <c r="Y7296" s="19"/>
      <c r="Z7296" s="19"/>
      <c r="AA7296" s="19"/>
    </row>
    <row r="7297" spans="1:27" s="1" customFormat="1" ht="14.1" customHeight="1" outlineLevel="2" x14ac:dyDescent="0.2">
      <c r="A7297" s="17"/>
      <c r="B7297" s="17"/>
      <c r="C7297" s="17"/>
      <c r="D7297" s="18"/>
      <c r="E7297" s="18"/>
      <c r="F7297" s="18"/>
      <c r="G7297" s="18"/>
      <c r="H7297" s="18"/>
      <c r="I7297" s="18"/>
      <c r="J7297" s="18"/>
      <c r="K7297" s="18"/>
      <c r="L7297" s="18"/>
      <c r="M7297" s="18"/>
      <c r="N7297" s="18"/>
      <c r="O7297" s="18"/>
      <c r="P7297" s="19"/>
      <c r="Q7297" s="19"/>
      <c r="R7297" s="19"/>
      <c r="S7297" s="19"/>
      <c r="T7297" s="19"/>
      <c r="U7297" s="19"/>
      <c r="V7297" s="19"/>
      <c r="W7297" s="19"/>
      <c r="X7297" s="19"/>
      <c r="Y7297" s="19"/>
      <c r="Z7297" s="19"/>
      <c r="AA7297" s="19"/>
    </row>
    <row r="7298" spans="1:27" s="1" customFormat="1" ht="14.1" customHeight="1" outlineLevel="2" x14ac:dyDescent="0.2">
      <c r="A7298" s="17">
        <v>13086</v>
      </c>
      <c r="B7298" s="17"/>
      <c r="C7298" s="17"/>
      <c r="D7298" s="18" t="s">
        <v>3616</v>
      </c>
      <c r="E7298" s="18"/>
      <c r="F7298" s="18"/>
      <c r="G7298" s="18"/>
      <c r="H7298" s="18"/>
      <c r="I7298" s="18"/>
      <c r="J7298" s="18"/>
      <c r="K7298" s="18"/>
      <c r="L7298" s="18"/>
      <c r="M7298" s="18"/>
      <c r="N7298" s="18"/>
      <c r="O7298" s="18"/>
      <c r="P7298" s="19">
        <v>390</v>
      </c>
      <c r="Q7298" s="19"/>
      <c r="R7298" s="19"/>
      <c r="S7298" s="19"/>
      <c r="T7298" s="19">
        <v>320</v>
      </c>
      <c r="U7298" s="19"/>
      <c r="V7298" s="19"/>
      <c r="W7298" s="19"/>
      <c r="X7298" s="19">
        <v>32</v>
      </c>
      <c r="Y7298" s="19"/>
      <c r="Z7298" s="19"/>
      <c r="AA7298" s="19"/>
    </row>
    <row r="7299" spans="1:27" s="1" customFormat="1" ht="14.1" customHeight="1" outlineLevel="2" x14ac:dyDescent="0.2">
      <c r="A7299" s="17"/>
      <c r="B7299" s="17"/>
      <c r="C7299" s="17"/>
      <c r="D7299" s="18"/>
      <c r="E7299" s="18"/>
      <c r="F7299" s="18"/>
      <c r="G7299" s="18"/>
      <c r="H7299" s="18"/>
      <c r="I7299" s="18"/>
      <c r="J7299" s="18"/>
      <c r="K7299" s="18"/>
      <c r="L7299" s="18"/>
      <c r="M7299" s="18"/>
      <c r="N7299" s="18"/>
      <c r="O7299" s="18"/>
      <c r="P7299" s="19"/>
      <c r="Q7299" s="19"/>
      <c r="R7299" s="19"/>
      <c r="S7299" s="19"/>
      <c r="T7299" s="19"/>
      <c r="U7299" s="19"/>
      <c r="V7299" s="19"/>
      <c r="W7299" s="19"/>
      <c r="X7299" s="19"/>
      <c r="Y7299" s="19"/>
      <c r="Z7299" s="19"/>
      <c r="AA7299" s="19"/>
    </row>
    <row r="7300" spans="1:27" s="1" customFormat="1" ht="11.1" customHeight="1" outlineLevel="2" x14ac:dyDescent="0.2">
      <c r="A7300" s="17">
        <v>7034</v>
      </c>
      <c r="B7300" s="17"/>
      <c r="C7300" s="17"/>
      <c r="D7300" s="18" t="s">
        <v>3617</v>
      </c>
      <c r="E7300" s="18"/>
      <c r="F7300" s="18"/>
      <c r="G7300" s="18"/>
      <c r="H7300" s="18"/>
      <c r="I7300" s="18"/>
      <c r="J7300" s="18"/>
      <c r="K7300" s="18"/>
      <c r="L7300" s="18"/>
      <c r="M7300" s="18"/>
      <c r="N7300" s="18"/>
      <c r="O7300" s="18"/>
      <c r="P7300" s="19">
        <v>250</v>
      </c>
      <c r="Q7300" s="19"/>
      <c r="R7300" s="19"/>
      <c r="S7300" s="19"/>
      <c r="T7300" s="19">
        <v>200</v>
      </c>
      <c r="U7300" s="19"/>
      <c r="V7300" s="19"/>
      <c r="W7300" s="19"/>
      <c r="X7300" s="19">
        <v>8</v>
      </c>
      <c r="Y7300" s="19"/>
      <c r="Z7300" s="19"/>
      <c r="AA7300" s="19"/>
    </row>
    <row r="7301" spans="1:27" s="1" customFormat="1" ht="11.1" customHeight="1" outlineLevel="2" x14ac:dyDescent="0.2">
      <c r="A7301" s="17"/>
      <c r="B7301" s="17"/>
      <c r="C7301" s="17"/>
      <c r="D7301" s="18"/>
      <c r="E7301" s="18"/>
      <c r="F7301" s="18"/>
      <c r="G7301" s="18"/>
      <c r="H7301" s="18"/>
      <c r="I7301" s="18"/>
      <c r="J7301" s="18"/>
      <c r="K7301" s="18"/>
      <c r="L7301" s="18"/>
      <c r="M7301" s="18"/>
      <c r="N7301" s="18"/>
      <c r="O7301" s="18"/>
      <c r="P7301" s="19"/>
      <c r="Q7301" s="19"/>
      <c r="R7301" s="19"/>
      <c r="S7301" s="19"/>
      <c r="T7301" s="19"/>
      <c r="U7301" s="19"/>
      <c r="V7301" s="19"/>
      <c r="W7301" s="19"/>
      <c r="X7301" s="19"/>
      <c r="Y7301" s="19"/>
      <c r="Z7301" s="19"/>
      <c r="AA7301" s="19"/>
    </row>
    <row r="7302" spans="1:27" s="1" customFormat="1" ht="14.1" customHeight="1" outlineLevel="2" x14ac:dyDescent="0.2">
      <c r="A7302" s="17">
        <v>13087</v>
      </c>
      <c r="B7302" s="17"/>
      <c r="C7302" s="17"/>
      <c r="D7302" s="18" t="s">
        <v>3618</v>
      </c>
      <c r="E7302" s="18"/>
      <c r="F7302" s="18"/>
      <c r="G7302" s="18"/>
      <c r="H7302" s="18"/>
      <c r="I7302" s="18"/>
      <c r="J7302" s="18"/>
      <c r="K7302" s="18"/>
      <c r="L7302" s="18"/>
      <c r="M7302" s="18"/>
      <c r="N7302" s="18"/>
      <c r="O7302" s="18"/>
      <c r="P7302" s="19">
        <v>390</v>
      </c>
      <c r="Q7302" s="19"/>
      <c r="R7302" s="19"/>
      <c r="S7302" s="19"/>
      <c r="T7302" s="19">
        <v>320</v>
      </c>
      <c r="U7302" s="19"/>
      <c r="V7302" s="19"/>
      <c r="W7302" s="19"/>
      <c r="X7302" s="19">
        <v>24</v>
      </c>
      <c r="Y7302" s="19"/>
      <c r="Z7302" s="19"/>
      <c r="AA7302" s="19"/>
    </row>
    <row r="7303" spans="1:27" s="1" customFormat="1" ht="14.1" customHeight="1" outlineLevel="2" x14ac:dyDescent="0.2">
      <c r="A7303" s="17"/>
      <c r="B7303" s="17"/>
      <c r="C7303" s="17"/>
      <c r="D7303" s="18"/>
      <c r="E7303" s="18"/>
      <c r="F7303" s="18"/>
      <c r="G7303" s="18"/>
      <c r="H7303" s="18"/>
      <c r="I7303" s="18"/>
      <c r="J7303" s="18"/>
      <c r="K7303" s="18"/>
      <c r="L7303" s="18"/>
      <c r="M7303" s="18"/>
      <c r="N7303" s="18"/>
      <c r="O7303" s="18"/>
      <c r="P7303" s="19"/>
      <c r="Q7303" s="19"/>
      <c r="R7303" s="19"/>
      <c r="S7303" s="19"/>
      <c r="T7303" s="19"/>
      <c r="U7303" s="19"/>
      <c r="V7303" s="19"/>
      <c r="W7303" s="19"/>
      <c r="X7303" s="19"/>
      <c r="Y7303" s="19"/>
      <c r="Z7303" s="19"/>
      <c r="AA7303" s="19"/>
    </row>
    <row r="7304" spans="1:27" s="1" customFormat="1" ht="11.1" customHeight="1" outlineLevel="2" x14ac:dyDescent="0.2">
      <c r="A7304" s="17">
        <v>7033</v>
      </c>
      <c r="B7304" s="17"/>
      <c r="C7304" s="17"/>
      <c r="D7304" s="18" t="s">
        <v>3619</v>
      </c>
      <c r="E7304" s="18"/>
      <c r="F7304" s="18"/>
      <c r="G7304" s="18"/>
      <c r="H7304" s="18"/>
      <c r="I7304" s="18"/>
      <c r="J7304" s="18"/>
      <c r="K7304" s="18"/>
      <c r="L7304" s="18"/>
      <c r="M7304" s="18"/>
      <c r="N7304" s="18"/>
      <c r="O7304" s="18"/>
      <c r="P7304" s="19">
        <v>250</v>
      </c>
      <c r="Q7304" s="19"/>
      <c r="R7304" s="19"/>
      <c r="S7304" s="19"/>
      <c r="T7304" s="19">
        <v>200</v>
      </c>
      <c r="U7304" s="19"/>
      <c r="V7304" s="19"/>
      <c r="W7304" s="19"/>
      <c r="X7304" s="19">
        <v>16</v>
      </c>
      <c r="Y7304" s="19"/>
      <c r="Z7304" s="19"/>
      <c r="AA7304" s="19"/>
    </row>
    <row r="7305" spans="1:27" s="1" customFormat="1" ht="11.1" customHeight="1" outlineLevel="2" x14ac:dyDescent="0.2">
      <c r="A7305" s="17"/>
      <c r="B7305" s="17"/>
      <c r="C7305" s="17"/>
      <c r="D7305" s="18"/>
      <c r="E7305" s="18"/>
      <c r="F7305" s="18"/>
      <c r="G7305" s="18"/>
      <c r="H7305" s="18"/>
      <c r="I7305" s="18"/>
      <c r="J7305" s="18"/>
      <c r="K7305" s="18"/>
      <c r="L7305" s="18"/>
      <c r="M7305" s="18"/>
      <c r="N7305" s="18"/>
      <c r="O7305" s="18"/>
      <c r="P7305" s="19"/>
      <c r="Q7305" s="19"/>
      <c r="R7305" s="19"/>
      <c r="S7305" s="19"/>
      <c r="T7305" s="19"/>
      <c r="U7305" s="19"/>
      <c r="V7305" s="19"/>
      <c r="W7305" s="19"/>
      <c r="X7305" s="19"/>
      <c r="Y7305" s="19"/>
      <c r="Z7305" s="19"/>
      <c r="AA7305" s="19"/>
    </row>
    <row r="7306" spans="1:27" s="1" customFormat="1" ht="11.1" customHeight="1" outlineLevel="2" x14ac:dyDescent="0.2">
      <c r="A7306" s="17">
        <v>13089</v>
      </c>
      <c r="B7306" s="17"/>
      <c r="C7306" s="17"/>
      <c r="D7306" s="18" t="s">
        <v>3620</v>
      </c>
      <c r="E7306" s="18"/>
      <c r="F7306" s="18"/>
      <c r="G7306" s="18"/>
      <c r="H7306" s="18"/>
      <c r="I7306" s="18"/>
      <c r="J7306" s="18"/>
      <c r="K7306" s="18"/>
      <c r="L7306" s="18"/>
      <c r="M7306" s="18"/>
      <c r="N7306" s="18"/>
      <c r="O7306" s="18"/>
      <c r="P7306" s="19">
        <v>380</v>
      </c>
      <c r="Q7306" s="19"/>
      <c r="R7306" s="19"/>
      <c r="S7306" s="19"/>
      <c r="T7306" s="19">
        <v>310</v>
      </c>
      <c r="U7306" s="19"/>
      <c r="V7306" s="19"/>
      <c r="W7306" s="19"/>
      <c r="X7306" s="19">
        <v>20</v>
      </c>
      <c r="Y7306" s="19"/>
      <c r="Z7306" s="19"/>
      <c r="AA7306" s="19"/>
    </row>
    <row r="7307" spans="1:27" s="1" customFormat="1" ht="11.1" customHeight="1" outlineLevel="2" x14ac:dyDescent="0.2">
      <c r="A7307" s="17"/>
      <c r="B7307" s="17"/>
      <c r="C7307" s="17"/>
      <c r="D7307" s="18"/>
      <c r="E7307" s="18"/>
      <c r="F7307" s="18"/>
      <c r="G7307" s="18"/>
      <c r="H7307" s="18"/>
      <c r="I7307" s="18"/>
      <c r="J7307" s="18"/>
      <c r="K7307" s="18"/>
      <c r="L7307" s="18"/>
      <c r="M7307" s="18"/>
      <c r="N7307" s="18"/>
      <c r="O7307" s="18"/>
      <c r="P7307" s="19"/>
      <c r="Q7307" s="19"/>
      <c r="R7307" s="19"/>
      <c r="S7307" s="19"/>
      <c r="T7307" s="19"/>
      <c r="U7307" s="19"/>
      <c r="V7307" s="19"/>
      <c r="W7307" s="19"/>
      <c r="X7307" s="19"/>
      <c r="Y7307" s="19"/>
      <c r="Z7307" s="19"/>
      <c r="AA7307" s="19"/>
    </row>
    <row r="7308" spans="1:27" s="1" customFormat="1" ht="11.1" customHeight="1" outlineLevel="2" x14ac:dyDescent="0.2">
      <c r="A7308" s="17">
        <v>11972</v>
      </c>
      <c r="B7308" s="17"/>
      <c r="C7308" s="17"/>
      <c r="D7308" s="18" t="s">
        <v>3621</v>
      </c>
      <c r="E7308" s="18"/>
      <c r="F7308" s="18"/>
      <c r="G7308" s="18"/>
      <c r="H7308" s="18"/>
      <c r="I7308" s="18"/>
      <c r="J7308" s="18"/>
      <c r="K7308" s="18"/>
      <c r="L7308" s="18"/>
      <c r="M7308" s="18"/>
      <c r="N7308" s="18"/>
      <c r="O7308" s="18"/>
      <c r="P7308" s="19">
        <v>320</v>
      </c>
      <c r="Q7308" s="19"/>
      <c r="R7308" s="19"/>
      <c r="S7308" s="19"/>
      <c r="T7308" s="19">
        <v>220</v>
      </c>
      <c r="U7308" s="19"/>
      <c r="V7308" s="19"/>
      <c r="W7308" s="19"/>
      <c r="X7308" s="19">
        <v>15</v>
      </c>
      <c r="Y7308" s="19"/>
      <c r="Z7308" s="19"/>
      <c r="AA7308" s="19"/>
    </row>
    <row r="7309" spans="1:27" s="1" customFormat="1" ht="11.1" customHeight="1" outlineLevel="2" x14ac:dyDescent="0.2">
      <c r="A7309" s="17"/>
      <c r="B7309" s="17"/>
      <c r="C7309" s="17"/>
      <c r="D7309" s="18"/>
      <c r="E7309" s="18"/>
      <c r="F7309" s="18"/>
      <c r="G7309" s="18"/>
      <c r="H7309" s="18"/>
      <c r="I7309" s="18"/>
      <c r="J7309" s="18"/>
      <c r="K7309" s="18"/>
      <c r="L7309" s="18"/>
      <c r="M7309" s="18"/>
      <c r="N7309" s="18"/>
      <c r="O7309" s="18"/>
      <c r="P7309" s="19"/>
      <c r="Q7309" s="19"/>
      <c r="R7309" s="19"/>
      <c r="S7309" s="19"/>
      <c r="T7309" s="19"/>
      <c r="U7309" s="19"/>
      <c r="V7309" s="19"/>
      <c r="W7309" s="19"/>
      <c r="X7309" s="19"/>
      <c r="Y7309" s="19"/>
      <c r="Z7309" s="19"/>
      <c r="AA7309" s="19"/>
    </row>
    <row r="7310" spans="1:27" s="1" customFormat="1" ht="11.1" customHeight="1" outlineLevel="2" x14ac:dyDescent="0.2">
      <c r="A7310" s="17">
        <v>11971</v>
      </c>
      <c r="B7310" s="17"/>
      <c r="C7310" s="17"/>
      <c r="D7310" s="18" t="s">
        <v>3622</v>
      </c>
      <c r="E7310" s="18"/>
      <c r="F7310" s="18"/>
      <c r="G7310" s="18"/>
      <c r="H7310" s="18"/>
      <c r="I7310" s="18"/>
      <c r="J7310" s="18"/>
      <c r="K7310" s="18"/>
      <c r="L7310" s="18"/>
      <c r="M7310" s="18"/>
      <c r="N7310" s="18"/>
      <c r="O7310" s="18"/>
      <c r="P7310" s="19">
        <v>320</v>
      </c>
      <c r="Q7310" s="19"/>
      <c r="R7310" s="19"/>
      <c r="S7310" s="19"/>
      <c r="T7310" s="19">
        <v>220</v>
      </c>
      <c r="U7310" s="19"/>
      <c r="V7310" s="19"/>
      <c r="W7310" s="19"/>
      <c r="X7310" s="19">
        <v>13</v>
      </c>
      <c r="Y7310" s="19"/>
      <c r="Z7310" s="19"/>
      <c r="AA7310" s="19"/>
    </row>
    <row r="7311" spans="1:27" s="1" customFormat="1" ht="11.1" customHeight="1" outlineLevel="2" x14ac:dyDescent="0.2">
      <c r="A7311" s="17"/>
      <c r="B7311" s="17"/>
      <c r="C7311" s="17"/>
      <c r="D7311" s="18"/>
      <c r="E7311" s="18"/>
      <c r="F7311" s="18"/>
      <c r="G7311" s="18"/>
      <c r="H7311" s="18"/>
      <c r="I7311" s="18"/>
      <c r="J7311" s="18"/>
      <c r="K7311" s="18"/>
      <c r="L7311" s="18"/>
      <c r="M7311" s="18"/>
      <c r="N7311" s="18"/>
      <c r="O7311" s="18"/>
      <c r="P7311" s="19"/>
      <c r="Q7311" s="19"/>
      <c r="R7311" s="19"/>
      <c r="S7311" s="19"/>
      <c r="T7311" s="19"/>
      <c r="U7311" s="19"/>
      <c r="V7311" s="19"/>
      <c r="W7311" s="19"/>
      <c r="X7311" s="19"/>
      <c r="Y7311" s="19"/>
      <c r="Z7311" s="19"/>
      <c r="AA7311" s="19"/>
    </row>
    <row r="7312" spans="1:27" s="1" customFormat="1" ht="14.1" customHeight="1" outlineLevel="2" x14ac:dyDescent="0.2">
      <c r="A7312" s="17">
        <v>13090</v>
      </c>
      <c r="B7312" s="17"/>
      <c r="C7312" s="17"/>
      <c r="D7312" s="18" t="s">
        <v>3623</v>
      </c>
      <c r="E7312" s="18"/>
      <c r="F7312" s="18"/>
      <c r="G7312" s="18"/>
      <c r="H7312" s="18"/>
      <c r="I7312" s="18"/>
      <c r="J7312" s="18"/>
      <c r="K7312" s="18"/>
      <c r="L7312" s="18"/>
      <c r="M7312" s="18"/>
      <c r="N7312" s="18"/>
      <c r="O7312" s="18"/>
      <c r="P7312" s="19">
        <v>390</v>
      </c>
      <c r="Q7312" s="19"/>
      <c r="R7312" s="19"/>
      <c r="S7312" s="19"/>
      <c r="T7312" s="19">
        <v>320</v>
      </c>
      <c r="U7312" s="19"/>
      <c r="V7312" s="19"/>
      <c r="W7312" s="19"/>
      <c r="X7312" s="19">
        <v>15</v>
      </c>
      <c r="Y7312" s="19"/>
      <c r="Z7312" s="19"/>
      <c r="AA7312" s="19"/>
    </row>
    <row r="7313" spans="1:27" s="1" customFormat="1" ht="14.1" customHeight="1" outlineLevel="2" x14ac:dyDescent="0.2">
      <c r="A7313" s="17"/>
      <c r="B7313" s="17"/>
      <c r="C7313" s="17"/>
      <c r="D7313" s="18"/>
      <c r="E7313" s="18"/>
      <c r="F7313" s="18"/>
      <c r="G7313" s="18"/>
      <c r="H7313" s="18"/>
      <c r="I7313" s="18"/>
      <c r="J7313" s="18"/>
      <c r="K7313" s="18"/>
      <c r="L7313" s="18"/>
      <c r="M7313" s="18"/>
      <c r="N7313" s="18"/>
      <c r="O7313" s="18"/>
      <c r="P7313" s="19"/>
      <c r="Q7313" s="19"/>
      <c r="R7313" s="19"/>
      <c r="S7313" s="19"/>
      <c r="T7313" s="19"/>
      <c r="U7313" s="19"/>
      <c r="V7313" s="19"/>
      <c r="W7313" s="19"/>
      <c r="X7313" s="19"/>
      <c r="Y7313" s="19"/>
      <c r="Z7313" s="19"/>
      <c r="AA7313" s="19"/>
    </row>
    <row r="7314" spans="1:27" s="1" customFormat="1" ht="11.1" customHeight="1" outlineLevel="2" x14ac:dyDescent="0.2">
      <c r="A7314" s="17">
        <v>17281</v>
      </c>
      <c r="B7314" s="17"/>
      <c r="C7314" s="17"/>
      <c r="D7314" s="18" t="s">
        <v>3624</v>
      </c>
      <c r="E7314" s="18"/>
      <c r="F7314" s="18"/>
      <c r="G7314" s="18"/>
      <c r="H7314" s="18"/>
      <c r="I7314" s="18"/>
      <c r="J7314" s="18"/>
      <c r="K7314" s="18"/>
      <c r="L7314" s="18"/>
      <c r="M7314" s="18"/>
      <c r="N7314" s="18"/>
      <c r="O7314" s="18"/>
      <c r="P7314" s="20">
        <v>1400</v>
      </c>
      <c r="Q7314" s="20"/>
      <c r="R7314" s="20"/>
      <c r="S7314" s="20"/>
      <c r="T7314" s="20">
        <v>1300</v>
      </c>
      <c r="U7314" s="20"/>
      <c r="V7314" s="20"/>
      <c r="W7314" s="20"/>
      <c r="X7314" s="19">
        <v>5</v>
      </c>
      <c r="Y7314" s="19"/>
      <c r="Z7314" s="19"/>
      <c r="AA7314" s="19"/>
    </row>
    <row r="7315" spans="1:27" s="1" customFormat="1" ht="11.1" customHeight="1" outlineLevel="2" x14ac:dyDescent="0.2">
      <c r="A7315" s="17"/>
      <c r="B7315" s="17"/>
      <c r="C7315" s="17"/>
      <c r="D7315" s="18"/>
      <c r="E7315" s="18"/>
      <c r="F7315" s="18"/>
      <c r="G7315" s="18"/>
      <c r="H7315" s="18"/>
      <c r="I7315" s="18"/>
      <c r="J7315" s="18"/>
      <c r="K7315" s="18"/>
      <c r="L7315" s="18"/>
      <c r="M7315" s="18"/>
      <c r="N7315" s="18"/>
      <c r="O7315" s="18"/>
      <c r="P7315" s="20"/>
      <c r="Q7315" s="20"/>
      <c r="R7315" s="20"/>
      <c r="S7315" s="20"/>
      <c r="T7315" s="20"/>
      <c r="U7315" s="20"/>
      <c r="V7315" s="20"/>
      <c r="W7315" s="20"/>
      <c r="X7315" s="19"/>
      <c r="Y7315" s="19"/>
      <c r="Z7315" s="19"/>
      <c r="AA7315" s="19"/>
    </row>
    <row r="7316" spans="1:27" s="1" customFormat="1" ht="14.1" customHeight="1" outlineLevel="2" x14ac:dyDescent="0.2">
      <c r="A7316" s="17">
        <v>10093</v>
      </c>
      <c r="B7316" s="17"/>
      <c r="C7316" s="17"/>
      <c r="D7316" s="18" t="s">
        <v>3625</v>
      </c>
      <c r="E7316" s="18"/>
      <c r="F7316" s="18"/>
      <c r="G7316" s="18"/>
      <c r="H7316" s="18"/>
      <c r="I7316" s="18"/>
      <c r="J7316" s="18"/>
      <c r="K7316" s="18"/>
      <c r="L7316" s="18"/>
      <c r="M7316" s="18"/>
      <c r="N7316" s="18"/>
      <c r="O7316" s="18"/>
      <c r="P7316" s="19">
        <v>920</v>
      </c>
      <c r="Q7316" s="19"/>
      <c r="R7316" s="19"/>
      <c r="S7316" s="19"/>
      <c r="T7316" s="19">
        <v>850</v>
      </c>
      <c r="U7316" s="19"/>
      <c r="V7316" s="19"/>
      <c r="W7316" s="19"/>
      <c r="X7316" s="19">
        <v>4</v>
      </c>
      <c r="Y7316" s="19"/>
      <c r="Z7316" s="19"/>
      <c r="AA7316" s="19"/>
    </row>
    <row r="7317" spans="1:27" s="1" customFormat="1" ht="14.1" customHeight="1" outlineLevel="2" x14ac:dyDescent="0.2">
      <c r="A7317" s="17"/>
      <c r="B7317" s="17"/>
      <c r="C7317" s="17"/>
      <c r="D7317" s="18"/>
      <c r="E7317" s="18"/>
      <c r="F7317" s="18"/>
      <c r="G7317" s="18"/>
      <c r="H7317" s="18"/>
      <c r="I7317" s="18"/>
      <c r="J7317" s="18"/>
      <c r="K7317" s="18"/>
      <c r="L7317" s="18"/>
      <c r="M7317" s="18"/>
      <c r="N7317" s="18"/>
      <c r="O7317" s="18"/>
      <c r="P7317" s="19"/>
      <c r="Q7317" s="19"/>
      <c r="R7317" s="19"/>
      <c r="S7317" s="19"/>
      <c r="T7317" s="19"/>
      <c r="U7317" s="19"/>
      <c r="V7317" s="19"/>
      <c r="W7317" s="19"/>
      <c r="X7317" s="19"/>
      <c r="Y7317" s="19"/>
      <c r="Z7317" s="19"/>
      <c r="AA7317" s="19"/>
    </row>
    <row r="7318" spans="1:27" s="1" customFormat="1" ht="14.1" customHeight="1" outlineLevel="2" x14ac:dyDescent="0.2">
      <c r="A7318" s="17">
        <v>10156</v>
      </c>
      <c r="B7318" s="17"/>
      <c r="C7318" s="17"/>
      <c r="D7318" s="18" t="s">
        <v>3626</v>
      </c>
      <c r="E7318" s="18"/>
      <c r="F7318" s="18"/>
      <c r="G7318" s="18"/>
      <c r="H7318" s="18"/>
      <c r="I7318" s="18"/>
      <c r="J7318" s="18"/>
      <c r="K7318" s="18"/>
      <c r="L7318" s="18"/>
      <c r="M7318" s="18"/>
      <c r="N7318" s="18"/>
      <c r="O7318" s="18"/>
      <c r="P7318" s="19">
        <v>920</v>
      </c>
      <c r="Q7318" s="19"/>
      <c r="R7318" s="19"/>
      <c r="S7318" s="19"/>
      <c r="T7318" s="19">
        <v>850</v>
      </c>
      <c r="U7318" s="19"/>
      <c r="V7318" s="19"/>
      <c r="W7318" s="19"/>
      <c r="X7318" s="19">
        <v>4</v>
      </c>
      <c r="Y7318" s="19"/>
      <c r="Z7318" s="19"/>
      <c r="AA7318" s="19"/>
    </row>
    <row r="7319" spans="1:27" s="1" customFormat="1" ht="14.1" customHeight="1" outlineLevel="2" x14ac:dyDescent="0.2">
      <c r="A7319" s="17"/>
      <c r="B7319" s="17"/>
      <c r="C7319" s="17"/>
      <c r="D7319" s="18"/>
      <c r="E7319" s="18"/>
      <c r="F7319" s="18"/>
      <c r="G7319" s="18"/>
      <c r="H7319" s="18"/>
      <c r="I7319" s="18"/>
      <c r="J7319" s="18"/>
      <c r="K7319" s="18"/>
      <c r="L7319" s="18"/>
      <c r="M7319" s="18"/>
      <c r="N7319" s="18"/>
      <c r="O7319" s="18"/>
      <c r="P7319" s="19"/>
      <c r="Q7319" s="19"/>
      <c r="R7319" s="19"/>
      <c r="S7319" s="19"/>
      <c r="T7319" s="19"/>
      <c r="U7319" s="19"/>
      <c r="V7319" s="19"/>
      <c r="W7319" s="19"/>
      <c r="X7319" s="19"/>
      <c r="Y7319" s="19"/>
      <c r="Z7319" s="19"/>
      <c r="AA7319" s="19"/>
    </row>
    <row r="7320" spans="1:27" s="1" customFormat="1" ht="14.1" customHeight="1" outlineLevel="2" x14ac:dyDescent="0.2">
      <c r="A7320" s="17">
        <v>13703</v>
      </c>
      <c r="B7320" s="17"/>
      <c r="C7320" s="17"/>
      <c r="D7320" s="18" t="s">
        <v>3627</v>
      </c>
      <c r="E7320" s="18"/>
      <c r="F7320" s="18"/>
      <c r="G7320" s="18"/>
      <c r="H7320" s="18"/>
      <c r="I7320" s="18"/>
      <c r="J7320" s="18"/>
      <c r="K7320" s="18"/>
      <c r="L7320" s="18"/>
      <c r="M7320" s="18"/>
      <c r="N7320" s="18"/>
      <c r="O7320" s="18"/>
      <c r="P7320" s="19">
        <v>870</v>
      </c>
      <c r="Q7320" s="19"/>
      <c r="R7320" s="19"/>
      <c r="S7320" s="19"/>
      <c r="T7320" s="19">
        <v>750</v>
      </c>
      <c r="U7320" s="19"/>
      <c r="V7320" s="19"/>
      <c r="W7320" s="19"/>
      <c r="X7320" s="19">
        <v>7</v>
      </c>
      <c r="Y7320" s="19"/>
      <c r="Z7320" s="19"/>
      <c r="AA7320" s="19"/>
    </row>
    <row r="7321" spans="1:27" s="1" customFormat="1" ht="14.1" customHeight="1" outlineLevel="2" x14ac:dyDescent="0.2">
      <c r="A7321" s="17"/>
      <c r="B7321" s="17"/>
      <c r="C7321" s="17"/>
      <c r="D7321" s="18"/>
      <c r="E7321" s="18"/>
      <c r="F7321" s="18"/>
      <c r="G7321" s="18"/>
      <c r="H7321" s="18"/>
      <c r="I7321" s="18"/>
      <c r="J7321" s="18"/>
      <c r="K7321" s="18"/>
      <c r="L7321" s="18"/>
      <c r="M7321" s="18"/>
      <c r="N7321" s="18"/>
      <c r="O7321" s="18"/>
      <c r="P7321" s="19"/>
      <c r="Q7321" s="19"/>
      <c r="R7321" s="19"/>
      <c r="S7321" s="19"/>
      <c r="T7321" s="19"/>
      <c r="U7321" s="19"/>
      <c r="V7321" s="19"/>
      <c r="W7321" s="19"/>
      <c r="X7321" s="19"/>
      <c r="Y7321" s="19"/>
      <c r="Z7321" s="19"/>
      <c r="AA7321" s="19"/>
    </row>
    <row r="7322" spans="1:27" s="1" customFormat="1" ht="14.1" customHeight="1" outlineLevel="2" x14ac:dyDescent="0.2">
      <c r="A7322" s="17">
        <v>13702</v>
      </c>
      <c r="B7322" s="17"/>
      <c r="C7322" s="17"/>
      <c r="D7322" s="18" t="s">
        <v>3628</v>
      </c>
      <c r="E7322" s="18"/>
      <c r="F7322" s="18"/>
      <c r="G7322" s="18"/>
      <c r="H7322" s="18"/>
      <c r="I7322" s="18"/>
      <c r="J7322" s="18"/>
      <c r="K7322" s="18"/>
      <c r="L7322" s="18"/>
      <c r="M7322" s="18"/>
      <c r="N7322" s="18"/>
      <c r="O7322" s="18"/>
      <c r="P7322" s="19">
        <v>870</v>
      </c>
      <c r="Q7322" s="19"/>
      <c r="R7322" s="19"/>
      <c r="S7322" s="19"/>
      <c r="T7322" s="19">
        <v>750</v>
      </c>
      <c r="U7322" s="19"/>
      <c r="V7322" s="19"/>
      <c r="W7322" s="19"/>
      <c r="X7322" s="19">
        <v>8</v>
      </c>
      <c r="Y7322" s="19"/>
      <c r="Z7322" s="19"/>
      <c r="AA7322" s="19"/>
    </row>
    <row r="7323" spans="1:27" s="1" customFormat="1" ht="14.1" customHeight="1" outlineLevel="2" x14ac:dyDescent="0.2">
      <c r="A7323" s="17"/>
      <c r="B7323" s="17"/>
      <c r="C7323" s="17"/>
      <c r="D7323" s="18"/>
      <c r="E7323" s="18"/>
      <c r="F7323" s="18"/>
      <c r="G7323" s="18"/>
      <c r="H7323" s="18"/>
      <c r="I7323" s="18"/>
      <c r="J7323" s="18"/>
      <c r="K7323" s="18"/>
      <c r="L7323" s="18"/>
      <c r="M7323" s="18"/>
      <c r="N7323" s="18"/>
      <c r="O7323" s="18"/>
      <c r="P7323" s="19"/>
      <c r="Q7323" s="19"/>
      <c r="R7323" s="19"/>
      <c r="S7323" s="19"/>
      <c r="T7323" s="19"/>
      <c r="U7323" s="19"/>
      <c r="V7323" s="19"/>
      <c r="W7323" s="19"/>
      <c r="X7323" s="19"/>
      <c r="Y7323" s="19"/>
      <c r="Z7323" s="19"/>
      <c r="AA7323" s="19"/>
    </row>
    <row r="7324" spans="1:27" s="1" customFormat="1" ht="14.1" customHeight="1" outlineLevel="2" x14ac:dyDescent="0.2">
      <c r="A7324" s="17">
        <v>11363</v>
      </c>
      <c r="B7324" s="17"/>
      <c r="C7324" s="17"/>
      <c r="D7324" s="18" t="s">
        <v>3629</v>
      </c>
      <c r="E7324" s="18"/>
      <c r="F7324" s="18"/>
      <c r="G7324" s="18"/>
      <c r="H7324" s="18"/>
      <c r="I7324" s="18"/>
      <c r="J7324" s="18"/>
      <c r="K7324" s="18"/>
      <c r="L7324" s="18"/>
      <c r="M7324" s="18"/>
      <c r="N7324" s="18"/>
      <c r="O7324" s="18"/>
      <c r="P7324" s="19">
        <v>580</v>
      </c>
      <c r="Q7324" s="19"/>
      <c r="R7324" s="19"/>
      <c r="S7324" s="19"/>
      <c r="T7324" s="19">
        <v>490</v>
      </c>
      <c r="U7324" s="19"/>
      <c r="V7324" s="19"/>
      <c r="W7324" s="19"/>
      <c r="X7324" s="19">
        <v>17</v>
      </c>
      <c r="Y7324" s="19"/>
      <c r="Z7324" s="19"/>
      <c r="AA7324" s="19"/>
    </row>
    <row r="7325" spans="1:27" s="1" customFormat="1" ht="14.1" customHeight="1" outlineLevel="2" x14ac:dyDescent="0.2">
      <c r="A7325" s="17"/>
      <c r="B7325" s="17"/>
      <c r="C7325" s="17"/>
      <c r="D7325" s="18"/>
      <c r="E7325" s="18"/>
      <c r="F7325" s="18"/>
      <c r="G7325" s="18"/>
      <c r="H7325" s="18"/>
      <c r="I7325" s="18"/>
      <c r="J7325" s="18"/>
      <c r="K7325" s="18"/>
      <c r="L7325" s="18"/>
      <c r="M7325" s="18"/>
      <c r="N7325" s="18"/>
      <c r="O7325" s="18"/>
      <c r="P7325" s="19"/>
      <c r="Q7325" s="19"/>
      <c r="R7325" s="19"/>
      <c r="S7325" s="19"/>
      <c r="T7325" s="19"/>
      <c r="U7325" s="19"/>
      <c r="V7325" s="19"/>
      <c r="W7325" s="19"/>
      <c r="X7325" s="19"/>
      <c r="Y7325" s="19"/>
      <c r="Z7325" s="19"/>
      <c r="AA7325" s="19"/>
    </row>
    <row r="7326" spans="1:27" s="1" customFormat="1" ht="14.1" customHeight="1" outlineLevel="2" x14ac:dyDescent="0.2">
      <c r="A7326" s="17">
        <v>8402</v>
      </c>
      <c r="B7326" s="17"/>
      <c r="C7326" s="17"/>
      <c r="D7326" s="18" t="s">
        <v>3630</v>
      </c>
      <c r="E7326" s="18"/>
      <c r="F7326" s="18"/>
      <c r="G7326" s="18"/>
      <c r="H7326" s="18"/>
      <c r="I7326" s="18"/>
      <c r="J7326" s="18"/>
      <c r="K7326" s="18"/>
      <c r="L7326" s="18"/>
      <c r="M7326" s="18"/>
      <c r="N7326" s="18"/>
      <c r="O7326" s="18"/>
      <c r="P7326" s="19">
        <v>580</v>
      </c>
      <c r="Q7326" s="19"/>
      <c r="R7326" s="19"/>
      <c r="S7326" s="19"/>
      <c r="T7326" s="19">
        <v>490</v>
      </c>
      <c r="U7326" s="19"/>
      <c r="V7326" s="19"/>
      <c r="W7326" s="19"/>
      <c r="X7326" s="19">
        <v>4</v>
      </c>
      <c r="Y7326" s="19"/>
      <c r="Z7326" s="19"/>
      <c r="AA7326" s="19"/>
    </row>
    <row r="7327" spans="1:27" s="1" customFormat="1" ht="14.1" customHeight="1" outlineLevel="2" x14ac:dyDescent="0.2">
      <c r="A7327" s="17"/>
      <c r="B7327" s="17"/>
      <c r="C7327" s="17"/>
      <c r="D7327" s="18"/>
      <c r="E7327" s="18"/>
      <c r="F7327" s="18"/>
      <c r="G7327" s="18"/>
      <c r="H7327" s="18"/>
      <c r="I7327" s="18"/>
      <c r="J7327" s="18"/>
      <c r="K7327" s="18"/>
      <c r="L7327" s="18"/>
      <c r="M7327" s="18"/>
      <c r="N7327" s="18"/>
      <c r="O7327" s="18"/>
      <c r="P7327" s="19"/>
      <c r="Q7327" s="19"/>
      <c r="R7327" s="19"/>
      <c r="S7327" s="19"/>
      <c r="T7327" s="19"/>
      <c r="U7327" s="19"/>
      <c r="V7327" s="19"/>
      <c r="W7327" s="19"/>
      <c r="X7327" s="19"/>
      <c r="Y7327" s="19"/>
      <c r="Z7327" s="19"/>
      <c r="AA7327" s="19"/>
    </row>
    <row r="7328" spans="1:27" s="1" customFormat="1" ht="14.1" customHeight="1" outlineLevel="2" x14ac:dyDescent="0.2">
      <c r="A7328" s="17">
        <v>14719</v>
      </c>
      <c r="B7328" s="17"/>
      <c r="C7328" s="17"/>
      <c r="D7328" s="18" t="s">
        <v>3631</v>
      </c>
      <c r="E7328" s="18"/>
      <c r="F7328" s="18"/>
      <c r="G7328" s="18"/>
      <c r="H7328" s="18"/>
      <c r="I7328" s="18"/>
      <c r="J7328" s="18"/>
      <c r="K7328" s="18"/>
      <c r="L7328" s="18"/>
      <c r="M7328" s="18"/>
      <c r="N7328" s="18"/>
      <c r="O7328" s="18"/>
      <c r="P7328" s="19">
        <v>590</v>
      </c>
      <c r="Q7328" s="19"/>
      <c r="R7328" s="19"/>
      <c r="S7328" s="19"/>
      <c r="T7328" s="19">
        <v>480</v>
      </c>
      <c r="U7328" s="19"/>
      <c r="V7328" s="19"/>
      <c r="W7328" s="19"/>
      <c r="X7328" s="19">
        <v>26</v>
      </c>
      <c r="Y7328" s="19"/>
      <c r="Z7328" s="19"/>
      <c r="AA7328" s="19"/>
    </row>
    <row r="7329" spans="1:27" s="1" customFormat="1" ht="14.1" customHeight="1" outlineLevel="2" x14ac:dyDescent="0.2">
      <c r="A7329" s="17"/>
      <c r="B7329" s="17"/>
      <c r="C7329" s="17"/>
      <c r="D7329" s="18"/>
      <c r="E7329" s="18"/>
      <c r="F7329" s="18"/>
      <c r="G7329" s="18"/>
      <c r="H7329" s="18"/>
      <c r="I7329" s="18"/>
      <c r="J7329" s="18"/>
      <c r="K7329" s="18"/>
      <c r="L7329" s="18"/>
      <c r="M7329" s="18"/>
      <c r="N7329" s="18"/>
      <c r="O7329" s="18"/>
      <c r="P7329" s="19"/>
      <c r="Q7329" s="19"/>
      <c r="R7329" s="19"/>
      <c r="S7329" s="19"/>
      <c r="T7329" s="19"/>
      <c r="U7329" s="19"/>
      <c r="V7329" s="19"/>
      <c r="W7329" s="19"/>
      <c r="X7329" s="19"/>
      <c r="Y7329" s="19"/>
      <c r="Z7329" s="19"/>
      <c r="AA7329" s="19"/>
    </row>
    <row r="7330" spans="1:27" s="1" customFormat="1" ht="11.1" customHeight="1" outlineLevel="2" x14ac:dyDescent="0.2">
      <c r="A7330" s="17">
        <v>9368</v>
      </c>
      <c r="B7330" s="17"/>
      <c r="C7330" s="17"/>
      <c r="D7330" s="18" t="s">
        <v>3632</v>
      </c>
      <c r="E7330" s="18"/>
      <c r="F7330" s="18"/>
      <c r="G7330" s="18"/>
      <c r="H7330" s="18"/>
      <c r="I7330" s="18"/>
      <c r="J7330" s="18"/>
      <c r="K7330" s="18"/>
      <c r="L7330" s="18"/>
      <c r="M7330" s="18"/>
      <c r="N7330" s="18"/>
      <c r="O7330" s="18"/>
      <c r="P7330" s="19">
        <v>250</v>
      </c>
      <c r="Q7330" s="19"/>
      <c r="R7330" s="19"/>
      <c r="S7330" s="19"/>
      <c r="T7330" s="19">
        <v>200</v>
      </c>
      <c r="U7330" s="19"/>
      <c r="V7330" s="19"/>
      <c r="W7330" s="19"/>
      <c r="X7330" s="19">
        <v>14</v>
      </c>
      <c r="Y7330" s="19"/>
      <c r="Z7330" s="19"/>
      <c r="AA7330" s="19"/>
    </row>
    <row r="7331" spans="1:27" s="1" customFormat="1" ht="11.1" customHeight="1" outlineLevel="2" x14ac:dyDescent="0.2">
      <c r="A7331" s="17"/>
      <c r="B7331" s="17"/>
      <c r="C7331" s="17"/>
      <c r="D7331" s="18"/>
      <c r="E7331" s="18"/>
      <c r="F7331" s="18"/>
      <c r="G7331" s="18"/>
      <c r="H7331" s="18"/>
      <c r="I7331" s="18"/>
      <c r="J7331" s="18"/>
      <c r="K7331" s="18"/>
      <c r="L7331" s="18"/>
      <c r="M7331" s="18"/>
      <c r="N7331" s="18"/>
      <c r="O7331" s="18"/>
      <c r="P7331" s="19"/>
      <c r="Q7331" s="19"/>
      <c r="R7331" s="19"/>
      <c r="S7331" s="19"/>
      <c r="T7331" s="19"/>
      <c r="U7331" s="19"/>
      <c r="V7331" s="19"/>
      <c r="W7331" s="19"/>
      <c r="X7331" s="19"/>
      <c r="Y7331" s="19"/>
      <c r="Z7331" s="19"/>
      <c r="AA7331" s="19"/>
    </row>
    <row r="7332" spans="1:27" s="1" customFormat="1" ht="14.1" customHeight="1" outlineLevel="2" x14ac:dyDescent="0.2">
      <c r="A7332" s="17">
        <v>13091</v>
      </c>
      <c r="B7332" s="17"/>
      <c r="C7332" s="17"/>
      <c r="D7332" s="18" t="s">
        <v>3633</v>
      </c>
      <c r="E7332" s="18"/>
      <c r="F7332" s="18"/>
      <c r="G7332" s="18"/>
      <c r="H7332" s="18"/>
      <c r="I7332" s="18"/>
      <c r="J7332" s="18"/>
      <c r="K7332" s="18"/>
      <c r="L7332" s="18"/>
      <c r="M7332" s="18"/>
      <c r="N7332" s="18"/>
      <c r="O7332" s="18"/>
      <c r="P7332" s="19">
        <v>390</v>
      </c>
      <c r="Q7332" s="19"/>
      <c r="R7332" s="19"/>
      <c r="S7332" s="19"/>
      <c r="T7332" s="19">
        <v>310</v>
      </c>
      <c r="U7332" s="19"/>
      <c r="V7332" s="19"/>
      <c r="W7332" s="19"/>
      <c r="X7332" s="19">
        <v>28</v>
      </c>
      <c r="Y7332" s="19"/>
      <c r="Z7332" s="19"/>
      <c r="AA7332" s="19"/>
    </row>
    <row r="7333" spans="1:27" s="1" customFormat="1" ht="14.1" customHeight="1" outlineLevel="2" x14ac:dyDescent="0.2">
      <c r="A7333" s="17"/>
      <c r="B7333" s="17"/>
      <c r="C7333" s="17"/>
      <c r="D7333" s="18"/>
      <c r="E7333" s="18"/>
      <c r="F7333" s="18"/>
      <c r="G7333" s="18"/>
      <c r="H7333" s="18"/>
      <c r="I7333" s="18"/>
      <c r="J7333" s="18"/>
      <c r="K7333" s="18"/>
      <c r="L7333" s="18"/>
      <c r="M7333" s="18"/>
      <c r="N7333" s="18"/>
      <c r="O7333" s="18"/>
      <c r="P7333" s="19"/>
      <c r="Q7333" s="19"/>
      <c r="R7333" s="19"/>
      <c r="S7333" s="19"/>
      <c r="T7333" s="19"/>
      <c r="U7333" s="19"/>
      <c r="V7333" s="19"/>
      <c r="W7333" s="19"/>
      <c r="X7333" s="19"/>
      <c r="Y7333" s="19"/>
      <c r="Z7333" s="19"/>
      <c r="AA7333" s="19"/>
    </row>
    <row r="7334" spans="1:27" s="1" customFormat="1" ht="11.1" customHeight="1" outlineLevel="2" x14ac:dyDescent="0.2">
      <c r="A7334" s="17">
        <v>10154</v>
      </c>
      <c r="B7334" s="17"/>
      <c r="C7334" s="17"/>
      <c r="D7334" s="18" t="s">
        <v>3634</v>
      </c>
      <c r="E7334" s="18"/>
      <c r="F7334" s="18"/>
      <c r="G7334" s="18"/>
      <c r="H7334" s="18"/>
      <c r="I7334" s="18"/>
      <c r="J7334" s="18"/>
      <c r="K7334" s="18"/>
      <c r="L7334" s="18"/>
      <c r="M7334" s="18"/>
      <c r="N7334" s="18"/>
      <c r="O7334" s="18"/>
      <c r="P7334" s="19">
        <v>250</v>
      </c>
      <c r="Q7334" s="19"/>
      <c r="R7334" s="19"/>
      <c r="S7334" s="19"/>
      <c r="T7334" s="19">
        <v>200</v>
      </c>
      <c r="U7334" s="19"/>
      <c r="V7334" s="19"/>
      <c r="W7334" s="19"/>
      <c r="X7334" s="19">
        <v>8</v>
      </c>
      <c r="Y7334" s="19"/>
      <c r="Z7334" s="19"/>
      <c r="AA7334" s="19"/>
    </row>
    <row r="7335" spans="1:27" s="1" customFormat="1" ht="11.1" customHeight="1" outlineLevel="2" x14ac:dyDescent="0.2">
      <c r="A7335" s="17"/>
      <c r="B7335" s="17"/>
      <c r="C7335" s="17"/>
      <c r="D7335" s="18"/>
      <c r="E7335" s="18"/>
      <c r="F7335" s="18"/>
      <c r="G7335" s="18"/>
      <c r="H7335" s="18"/>
      <c r="I7335" s="18"/>
      <c r="J7335" s="18"/>
      <c r="K7335" s="18"/>
      <c r="L7335" s="18"/>
      <c r="M7335" s="18"/>
      <c r="N7335" s="18"/>
      <c r="O7335" s="18"/>
      <c r="P7335" s="19"/>
      <c r="Q7335" s="19"/>
      <c r="R7335" s="19"/>
      <c r="S7335" s="19"/>
      <c r="T7335" s="19"/>
      <c r="U7335" s="19"/>
      <c r="V7335" s="19"/>
      <c r="W7335" s="19"/>
      <c r="X7335" s="19"/>
      <c r="Y7335" s="19"/>
      <c r="Z7335" s="19"/>
      <c r="AA7335" s="19"/>
    </row>
    <row r="7336" spans="1:27" s="1" customFormat="1" ht="14.1" customHeight="1" outlineLevel="2" x14ac:dyDescent="0.2">
      <c r="A7336" s="17">
        <v>13826</v>
      </c>
      <c r="B7336" s="17"/>
      <c r="C7336" s="17"/>
      <c r="D7336" s="18" t="s">
        <v>3635</v>
      </c>
      <c r="E7336" s="18"/>
      <c r="F7336" s="18"/>
      <c r="G7336" s="18"/>
      <c r="H7336" s="18"/>
      <c r="I7336" s="18"/>
      <c r="J7336" s="18"/>
      <c r="K7336" s="18"/>
      <c r="L7336" s="18"/>
      <c r="M7336" s="18"/>
      <c r="N7336" s="18"/>
      <c r="O7336" s="18"/>
      <c r="P7336" s="19">
        <v>390</v>
      </c>
      <c r="Q7336" s="19"/>
      <c r="R7336" s="19"/>
      <c r="S7336" s="19"/>
      <c r="T7336" s="19">
        <v>310</v>
      </c>
      <c r="U7336" s="19"/>
      <c r="V7336" s="19"/>
      <c r="W7336" s="19"/>
      <c r="X7336" s="19">
        <v>26</v>
      </c>
      <c r="Y7336" s="19"/>
      <c r="Z7336" s="19"/>
      <c r="AA7336" s="19"/>
    </row>
    <row r="7337" spans="1:27" s="1" customFormat="1" ht="14.1" customHeight="1" outlineLevel="2" x14ac:dyDescent="0.2">
      <c r="A7337" s="17"/>
      <c r="B7337" s="17"/>
      <c r="C7337" s="17"/>
      <c r="D7337" s="18"/>
      <c r="E7337" s="18"/>
      <c r="F7337" s="18"/>
      <c r="G7337" s="18"/>
      <c r="H7337" s="18"/>
      <c r="I7337" s="18"/>
      <c r="J7337" s="18"/>
      <c r="K7337" s="18"/>
      <c r="L7337" s="18"/>
      <c r="M7337" s="18"/>
      <c r="N7337" s="18"/>
      <c r="O7337" s="18"/>
      <c r="P7337" s="19"/>
      <c r="Q7337" s="19"/>
      <c r="R7337" s="19"/>
      <c r="S7337" s="19"/>
      <c r="T7337" s="19"/>
      <c r="U7337" s="19"/>
      <c r="V7337" s="19"/>
      <c r="W7337" s="19"/>
      <c r="X7337" s="19"/>
      <c r="Y7337" s="19"/>
      <c r="Z7337" s="19"/>
      <c r="AA7337" s="19"/>
    </row>
    <row r="7338" spans="1:27" s="1" customFormat="1" ht="14.1" customHeight="1" outlineLevel="2" x14ac:dyDescent="0.2">
      <c r="A7338" s="17">
        <v>12549</v>
      </c>
      <c r="B7338" s="17"/>
      <c r="C7338" s="17"/>
      <c r="D7338" s="18" t="s">
        <v>3636</v>
      </c>
      <c r="E7338" s="18"/>
      <c r="F7338" s="18"/>
      <c r="G7338" s="18"/>
      <c r="H7338" s="18"/>
      <c r="I7338" s="18"/>
      <c r="J7338" s="18"/>
      <c r="K7338" s="18"/>
      <c r="L7338" s="18"/>
      <c r="M7338" s="18"/>
      <c r="N7338" s="18"/>
      <c r="O7338" s="18"/>
      <c r="P7338" s="20">
        <v>2200</v>
      </c>
      <c r="Q7338" s="20"/>
      <c r="R7338" s="20"/>
      <c r="S7338" s="20"/>
      <c r="T7338" s="20">
        <v>2000</v>
      </c>
      <c r="U7338" s="20"/>
      <c r="V7338" s="20"/>
      <c r="W7338" s="20"/>
      <c r="X7338" s="19">
        <v>1</v>
      </c>
      <c r="Y7338" s="19"/>
      <c r="Z7338" s="19"/>
      <c r="AA7338" s="19"/>
    </row>
    <row r="7339" spans="1:27" s="1" customFormat="1" ht="14.1" customHeight="1" outlineLevel="2" x14ac:dyDescent="0.2">
      <c r="A7339" s="17"/>
      <c r="B7339" s="17"/>
      <c r="C7339" s="17"/>
      <c r="D7339" s="18"/>
      <c r="E7339" s="18"/>
      <c r="F7339" s="18"/>
      <c r="G7339" s="18"/>
      <c r="H7339" s="18"/>
      <c r="I7339" s="18"/>
      <c r="J7339" s="18"/>
      <c r="K7339" s="18"/>
      <c r="L7339" s="18"/>
      <c r="M7339" s="18"/>
      <c r="N7339" s="18"/>
      <c r="O7339" s="18"/>
      <c r="P7339" s="20"/>
      <c r="Q7339" s="20"/>
      <c r="R7339" s="20"/>
      <c r="S7339" s="20"/>
      <c r="T7339" s="20"/>
      <c r="U7339" s="20"/>
      <c r="V7339" s="20"/>
      <c r="W7339" s="20"/>
      <c r="X7339" s="19"/>
      <c r="Y7339" s="19"/>
      <c r="Z7339" s="19"/>
      <c r="AA7339" s="19"/>
    </row>
    <row r="7340" spans="1:27" s="1" customFormat="1" ht="14.1" customHeight="1" outlineLevel="2" x14ac:dyDescent="0.2">
      <c r="A7340" s="17">
        <v>13094</v>
      </c>
      <c r="B7340" s="17"/>
      <c r="C7340" s="17"/>
      <c r="D7340" s="18" t="s">
        <v>3637</v>
      </c>
      <c r="E7340" s="18"/>
      <c r="F7340" s="18"/>
      <c r="G7340" s="18"/>
      <c r="H7340" s="18"/>
      <c r="I7340" s="18"/>
      <c r="J7340" s="18"/>
      <c r="K7340" s="18"/>
      <c r="L7340" s="18"/>
      <c r="M7340" s="18"/>
      <c r="N7340" s="18"/>
      <c r="O7340" s="18"/>
      <c r="P7340" s="19">
        <v>380</v>
      </c>
      <c r="Q7340" s="19"/>
      <c r="R7340" s="19"/>
      <c r="S7340" s="19"/>
      <c r="T7340" s="19">
        <v>310</v>
      </c>
      <c r="U7340" s="19"/>
      <c r="V7340" s="19"/>
      <c r="W7340" s="19"/>
      <c r="X7340" s="19">
        <v>7</v>
      </c>
      <c r="Y7340" s="19"/>
      <c r="Z7340" s="19"/>
      <c r="AA7340" s="19"/>
    </row>
    <row r="7341" spans="1:27" s="1" customFormat="1" ht="14.1" customHeight="1" outlineLevel="2" x14ac:dyDescent="0.2">
      <c r="A7341" s="17"/>
      <c r="B7341" s="17"/>
      <c r="C7341" s="17"/>
      <c r="D7341" s="18"/>
      <c r="E7341" s="18"/>
      <c r="F7341" s="18"/>
      <c r="G7341" s="18"/>
      <c r="H7341" s="18"/>
      <c r="I7341" s="18"/>
      <c r="J7341" s="18"/>
      <c r="K7341" s="18"/>
      <c r="L7341" s="18"/>
      <c r="M7341" s="18"/>
      <c r="N7341" s="18"/>
      <c r="O7341" s="18"/>
      <c r="P7341" s="19"/>
      <c r="Q7341" s="19"/>
      <c r="R7341" s="19"/>
      <c r="S7341" s="19"/>
      <c r="T7341" s="19"/>
      <c r="U7341" s="19"/>
      <c r="V7341" s="19"/>
      <c r="W7341" s="19"/>
      <c r="X7341" s="19"/>
      <c r="Y7341" s="19"/>
      <c r="Z7341" s="19"/>
      <c r="AA7341" s="19"/>
    </row>
    <row r="7342" spans="1:27" s="1" customFormat="1" ht="11.1" customHeight="1" outlineLevel="2" x14ac:dyDescent="0.2">
      <c r="A7342" s="17">
        <v>13095</v>
      </c>
      <c r="B7342" s="17"/>
      <c r="C7342" s="17"/>
      <c r="D7342" s="18" t="s">
        <v>3638</v>
      </c>
      <c r="E7342" s="18"/>
      <c r="F7342" s="18"/>
      <c r="G7342" s="18"/>
      <c r="H7342" s="18"/>
      <c r="I7342" s="18"/>
      <c r="J7342" s="18"/>
      <c r="K7342" s="18"/>
      <c r="L7342" s="18"/>
      <c r="M7342" s="18"/>
      <c r="N7342" s="18"/>
      <c r="O7342" s="18"/>
      <c r="P7342" s="19">
        <v>400</v>
      </c>
      <c r="Q7342" s="19"/>
      <c r="R7342" s="19"/>
      <c r="S7342" s="19"/>
      <c r="T7342" s="19">
        <v>310</v>
      </c>
      <c r="U7342" s="19"/>
      <c r="V7342" s="19"/>
      <c r="W7342" s="19"/>
      <c r="X7342" s="19">
        <v>64</v>
      </c>
      <c r="Y7342" s="19"/>
      <c r="Z7342" s="19"/>
      <c r="AA7342" s="19"/>
    </row>
    <row r="7343" spans="1:27" s="1" customFormat="1" ht="11.1" customHeight="1" outlineLevel="2" x14ac:dyDescent="0.2">
      <c r="A7343" s="17"/>
      <c r="B7343" s="17"/>
      <c r="C7343" s="17"/>
      <c r="D7343" s="18"/>
      <c r="E7343" s="18"/>
      <c r="F7343" s="18"/>
      <c r="G7343" s="18"/>
      <c r="H7343" s="18"/>
      <c r="I7343" s="18"/>
      <c r="J7343" s="18"/>
      <c r="K7343" s="18"/>
      <c r="L7343" s="18"/>
      <c r="M7343" s="18"/>
      <c r="N7343" s="18"/>
      <c r="O7343" s="18"/>
      <c r="P7343" s="19"/>
      <c r="Q7343" s="19"/>
      <c r="R7343" s="19"/>
      <c r="S7343" s="19"/>
      <c r="T7343" s="19"/>
      <c r="U7343" s="19"/>
      <c r="V7343" s="19"/>
      <c r="W7343" s="19"/>
      <c r="X7343" s="19"/>
      <c r="Y7343" s="19"/>
      <c r="Z7343" s="19"/>
      <c r="AA7343" s="19"/>
    </row>
    <row r="7344" spans="1:27" s="1" customFormat="1" ht="14.1" customHeight="1" outlineLevel="2" x14ac:dyDescent="0.2">
      <c r="A7344" s="17">
        <v>10436</v>
      </c>
      <c r="B7344" s="17"/>
      <c r="C7344" s="17"/>
      <c r="D7344" s="18" t="s">
        <v>3639</v>
      </c>
      <c r="E7344" s="18"/>
      <c r="F7344" s="18"/>
      <c r="G7344" s="18"/>
      <c r="H7344" s="18"/>
      <c r="I7344" s="18"/>
      <c r="J7344" s="18"/>
      <c r="K7344" s="18"/>
      <c r="L7344" s="18"/>
      <c r="M7344" s="18"/>
      <c r="N7344" s="18"/>
      <c r="O7344" s="18"/>
      <c r="P7344" s="19">
        <v>270</v>
      </c>
      <c r="Q7344" s="19"/>
      <c r="R7344" s="19"/>
      <c r="S7344" s="19"/>
      <c r="T7344" s="19">
        <v>240</v>
      </c>
      <c r="U7344" s="19"/>
      <c r="V7344" s="19"/>
      <c r="W7344" s="19"/>
      <c r="X7344" s="19">
        <v>3</v>
      </c>
      <c r="Y7344" s="19"/>
      <c r="Z7344" s="19"/>
      <c r="AA7344" s="19"/>
    </row>
    <row r="7345" spans="1:27" s="1" customFormat="1" ht="14.1" customHeight="1" outlineLevel="2" x14ac:dyDescent="0.2">
      <c r="A7345" s="17"/>
      <c r="B7345" s="17"/>
      <c r="C7345" s="17"/>
      <c r="D7345" s="18"/>
      <c r="E7345" s="18"/>
      <c r="F7345" s="18"/>
      <c r="G7345" s="18"/>
      <c r="H7345" s="18"/>
      <c r="I7345" s="18"/>
      <c r="J7345" s="18"/>
      <c r="K7345" s="18"/>
      <c r="L7345" s="18"/>
      <c r="M7345" s="18"/>
      <c r="N7345" s="18"/>
      <c r="O7345" s="18"/>
      <c r="P7345" s="19"/>
      <c r="Q7345" s="19"/>
      <c r="R7345" s="19"/>
      <c r="S7345" s="19"/>
      <c r="T7345" s="19"/>
      <c r="U7345" s="19"/>
      <c r="V7345" s="19"/>
      <c r="W7345" s="19"/>
      <c r="X7345" s="19"/>
      <c r="Y7345" s="19"/>
      <c r="Z7345" s="19"/>
      <c r="AA7345" s="19"/>
    </row>
    <row r="7346" spans="1:27" s="1" customFormat="1" ht="14.1" customHeight="1" outlineLevel="2" x14ac:dyDescent="0.2">
      <c r="A7346" s="17">
        <v>12552</v>
      </c>
      <c r="B7346" s="17"/>
      <c r="C7346" s="17"/>
      <c r="D7346" s="18" t="s">
        <v>3640</v>
      </c>
      <c r="E7346" s="18"/>
      <c r="F7346" s="18"/>
      <c r="G7346" s="18"/>
      <c r="H7346" s="18"/>
      <c r="I7346" s="18"/>
      <c r="J7346" s="18"/>
      <c r="K7346" s="18"/>
      <c r="L7346" s="18"/>
      <c r="M7346" s="18"/>
      <c r="N7346" s="18"/>
      <c r="O7346" s="18"/>
      <c r="P7346" s="19">
        <v>240</v>
      </c>
      <c r="Q7346" s="19"/>
      <c r="R7346" s="19"/>
      <c r="S7346" s="19"/>
      <c r="T7346" s="19">
        <v>195</v>
      </c>
      <c r="U7346" s="19"/>
      <c r="V7346" s="19"/>
      <c r="W7346" s="19"/>
      <c r="X7346" s="19">
        <v>22</v>
      </c>
      <c r="Y7346" s="19"/>
      <c r="Z7346" s="19"/>
      <c r="AA7346" s="19"/>
    </row>
    <row r="7347" spans="1:27" s="1" customFormat="1" ht="14.1" customHeight="1" outlineLevel="2" x14ac:dyDescent="0.2">
      <c r="A7347" s="17"/>
      <c r="B7347" s="17"/>
      <c r="C7347" s="17"/>
      <c r="D7347" s="18"/>
      <c r="E7347" s="18"/>
      <c r="F7347" s="18"/>
      <c r="G7347" s="18"/>
      <c r="H7347" s="18"/>
      <c r="I7347" s="18"/>
      <c r="J7347" s="18"/>
      <c r="K7347" s="18"/>
      <c r="L7347" s="18"/>
      <c r="M7347" s="18"/>
      <c r="N7347" s="18"/>
      <c r="O7347" s="18"/>
      <c r="P7347" s="19"/>
      <c r="Q7347" s="19"/>
      <c r="R7347" s="19"/>
      <c r="S7347" s="19"/>
      <c r="T7347" s="19"/>
      <c r="U7347" s="19"/>
      <c r="V7347" s="19"/>
      <c r="W7347" s="19"/>
      <c r="X7347" s="19"/>
      <c r="Y7347" s="19"/>
      <c r="Z7347" s="19"/>
      <c r="AA7347" s="19"/>
    </row>
    <row r="7348" spans="1:27" s="1" customFormat="1" ht="14.1" customHeight="1" outlineLevel="2" x14ac:dyDescent="0.2">
      <c r="A7348" s="17">
        <v>12553</v>
      </c>
      <c r="B7348" s="17"/>
      <c r="C7348" s="17"/>
      <c r="D7348" s="18" t="s">
        <v>3641</v>
      </c>
      <c r="E7348" s="18"/>
      <c r="F7348" s="18"/>
      <c r="G7348" s="18"/>
      <c r="H7348" s="18"/>
      <c r="I7348" s="18"/>
      <c r="J7348" s="18"/>
      <c r="K7348" s="18"/>
      <c r="L7348" s="18"/>
      <c r="M7348" s="18"/>
      <c r="N7348" s="18"/>
      <c r="O7348" s="18"/>
      <c r="P7348" s="19">
        <v>240</v>
      </c>
      <c r="Q7348" s="19"/>
      <c r="R7348" s="19"/>
      <c r="S7348" s="19"/>
      <c r="T7348" s="19">
        <v>195</v>
      </c>
      <c r="U7348" s="19"/>
      <c r="V7348" s="19"/>
      <c r="W7348" s="19"/>
      <c r="X7348" s="19">
        <v>4</v>
      </c>
      <c r="Y7348" s="19"/>
      <c r="Z7348" s="19"/>
      <c r="AA7348" s="19"/>
    </row>
    <row r="7349" spans="1:27" s="1" customFormat="1" ht="14.1" customHeight="1" outlineLevel="2" x14ac:dyDescent="0.2">
      <c r="A7349" s="17"/>
      <c r="B7349" s="17"/>
      <c r="C7349" s="17"/>
      <c r="D7349" s="18"/>
      <c r="E7349" s="18"/>
      <c r="F7349" s="18"/>
      <c r="G7349" s="18"/>
      <c r="H7349" s="18"/>
      <c r="I7349" s="18"/>
      <c r="J7349" s="18"/>
      <c r="K7349" s="18"/>
      <c r="L7349" s="18"/>
      <c r="M7349" s="18"/>
      <c r="N7349" s="18"/>
      <c r="O7349" s="18"/>
      <c r="P7349" s="19"/>
      <c r="Q7349" s="19"/>
      <c r="R7349" s="19"/>
      <c r="S7349" s="19"/>
      <c r="T7349" s="19"/>
      <c r="U7349" s="19"/>
      <c r="V7349" s="19"/>
      <c r="W7349" s="19"/>
      <c r="X7349" s="19"/>
      <c r="Y7349" s="19"/>
      <c r="Z7349" s="19"/>
      <c r="AA7349" s="19"/>
    </row>
    <row r="7350" spans="1:27" s="1" customFormat="1" ht="14.1" customHeight="1" outlineLevel="2" x14ac:dyDescent="0.2">
      <c r="A7350" s="17">
        <v>14717</v>
      </c>
      <c r="B7350" s="17"/>
      <c r="C7350" s="17"/>
      <c r="D7350" s="18" t="s">
        <v>3642</v>
      </c>
      <c r="E7350" s="18"/>
      <c r="F7350" s="18"/>
      <c r="G7350" s="18"/>
      <c r="H7350" s="18"/>
      <c r="I7350" s="18"/>
      <c r="J7350" s="18"/>
      <c r="K7350" s="18"/>
      <c r="L7350" s="18"/>
      <c r="M7350" s="18"/>
      <c r="N7350" s="18"/>
      <c r="O7350" s="18"/>
      <c r="P7350" s="19">
        <v>390</v>
      </c>
      <c r="Q7350" s="19"/>
      <c r="R7350" s="19"/>
      <c r="S7350" s="19"/>
      <c r="T7350" s="19">
        <v>320</v>
      </c>
      <c r="U7350" s="19"/>
      <c r="V7350" s="19"/>
      <c r="W7350" s="19"/>
      <c r="X7350" s="19">
        <v>14</v>
      </c>
      <c r="Y7350" s="19"/>
      <c r="Z7350" s="19"/>
      <c r="AA7350" s="19"/>
    </row>
    <row r="7351" spans="1:27" s="1" customFormat="1" ht="14.1" customHeight="1" outlineLevel="2" x14ac:dyDescent="0.2">
      <c r="A7351" s="17"/>
      <c r="B7351" s="17"/>
      <c r="C7351" s="17"/>
      <c r="D7351" s="18"/>
      <c r="E7351" s="18"/>
      <c r="F7351" s="18"/>
      <c r="G7351" s="18"/>
      <c r="H7351" s="18"/>
      <c r="I7351" s="18"/>
      <c r="J7351" s="18"/>
      <c r="K7351" s="18"/>
      <c r="L7351" s="18"/>
      <c r="M7351" s="18"/>
      <c r="N7351" s="18"/>
      <c r="O7351" s="18"/>
      <c r="P7351" s="19"/>
      <c r="Q7351" s="19"/>
      <c r="R7351" s="19"/>
      <c r="S7351" s="19"/>
      <c r="T7351" s="19"/>
      <c r="U7351" s="19"/>
      <c r="V7351" s="19"/>
      <c r="W7351" s="19"/>
      <c r="X7351" s="19"/>
      <c r="Y7351" s="19"/>
      <c r="Z7351" s="19"/>
      <c r="AA7351" s="19"/>
    </row>
    <row r="7352" spans="1:27" s="1" customFormat="1" ht="14.1" customHeight="1" outlineLevel="2" x14ac:dyDescent="0.2">
      <c r="A7352" s="17">
        <v>14716</v>
      </c>
      <c r="B7352" s="17"/>
      <c r="C7352" s="17"/>
      <c r="D7352" s="18" t="s">
        <v>3643</v>
      </c>
      <c r="E7352" s="18"/>
      <c r="F7352" s="18"/>
      <c r="G7352" s="18"/>
      <c r="H7352" s="18"/>
      <c r="I7352" s="18"/>
      <c r="J7352" s="18"/>
      <c r="K7352" s="18"/>
      <c r="L7352" s="18"/>
      <c r="M7352" s="18"/>
      <c r="N7352" s="18"/>
      <c r="O7352" s="18"/>
      <c r="P7352" s="19">
        <v>350</v>
      </c>
      <c r="Q7352" s="19"/>
      <c r="R7352" s="19"/>
      <c r="S7352" s="19"/>
      <c r="T7352" s="19">
        <v>250</v>
      </c>
      <c r="U7352" s="19"/>
      <c r="V7352" s="19"/>
      <c r="W7352" s="19"/>
      <c r="X7352" s="19">
        <v>21</v>
      </c>
      <c r="Y7352" s="19"/>
      <c r="Z7352" s="19"/>
      <c r="AA7352" s="19"/>
    </row>
    <row r="7353" spans="1:27" s="1" customFormat="1" ht="14.1" customHeight="1" outlineLevel="2" x14ac:dyDescent="0.2">
      <c r="A7353" s="17"/>
      <c r="B7353" s="17"/>
      <c r="C7353" s="17"/>
      <c r="D7353" s="18"/>
      <c r="E7353" s="18"/>
      <c r="F7353" s="18"/>
      <c r="G7353" s="18"/>
      <c r="H7353" s="18"/>
      <c r="I7353" s="18"/>
      <c r="J7353" s="18"/>
      <c r="K7353" s="18"/>
      <c r="L7353" s="18"/>
      <c r="M7353" s="18"/>
      <c r="N7353" s="18"/>
      <c r="O7353" s="18"/>
      <c r="P7353" s="19"/>
      <c r="Q7353" s="19"/>
      <c r="R7353" s="19"/>
      <c r="S7353" s="19"/>
      <c r="T7353" s="19"/>
      <c r="U7353" s="19"/>
      <c r="V7353" s="19"/>
      <c r="W7353" s="19"/>
      <c r="X7353" s="19"/>
      <c r="Y7353" s="19"/>
      <c r="Z7353" s="19"/>
      <c r="AA7353" s="19"/>
    </row>
    <row r="7354" spans="1:27" s="1" customFormat="1" ht="14.1" customHeight="1" outlineLevel="2" x14ac:dyDescent="0.2">
      <c r="A7354" s="17">
        <v>12592</v>
      </c>
      <c r="B7354" s="17"/>
      <c r="C7354" s="17"/>
      <c r="D7354" s="18" t="s">
        <v>3644</v>
      </c>
      <c r="E7354" s="18"/>
      <c r="F7354" s="18"/>
      <c r="G7354" s="18"/>
      <c r="H7354" s="18"/>
      <c r="I7354" s="18"/>
      <c r="J7354" s="18"/>
      <c r="K7354" s="18"/>
      <c r="L7354" s="18"/>
      <c r="M7354" s="18"/>
      <c r="N7354" s="18"/>
      <c r="O7354" s="18"/>
      <c r="P7354" s="19">
        <v>330</v>
      </c>
      <c r="Q7354" s="19"/>
      <c r="R7354" s="19"/>
      <c r="S7354" s="19"/>
      <c r="T7354" s="19">
        <v>270</v>
      </c>
      <c r="U7354" s="19"/>
      <c r="V7354" s="19"/>
      <c r="W7354" s="19"/>
      <c r="X7354" s="19">
        <v>9</v>
      </c>
      <c r="Y7354" s="19"/>
      <c r="Z7354" s="19"/>
      <c r="AA7354" s="19"/>
    </row>
    <row r="7355" spans="1:27" s="1" customFormat="1" ht="14.1" customHeight="1" outlineLevel="2" x14ac:dyDescent="0.2">
      <c r="A7355" s="17"/>
      <c r="B7355" s="17"/>
      <c r="C7355" s="17"/>
      <c r="D7355" s="18"/>
      <c r="E7355" s="18"/>
      <c r="F7355" s="18"/>
      <c r="G7355" s="18"/>
      <c r="H7355" s="18"/>
      <c r="I7355" s="18"/>
      <c r="J7355" s="18"/>
      <c r="K7355" s="18"/>
      <c r="L7355" s="18"/>
      <c r="M7355" s="18"/>
      <c r="N7355" s="18"/>
      <c r="O7355" s="18"/>
      <c r="P7355" s="19"/>
      <c r="Q7355" s="19"/>
      <c r="R7355" s="19"/>
      <c r="S7355" s="19"/>
      <c r="T7355" s="19"/>
      <c r="U7355" s="19"/>
      <c r="V7355" s="19"/>
      <c r="W7355" s="19"/>
      <c r="X7355" s="19"/>
      <c r="Y7355" s="19"/>
      <c r="Z7355" s="19"/>
      <c r="AA7355" s="19"/>
    </row>
    <row r="7356" spans="1:27" s="1" customFormat="1" ht="14.1" customHeight="1" outlineLevel="2" x14ac:dyDescent="0.2">
      <c r="A7356" s="17">
        <v>14715</v>
      </c>
      <c r="B7356" s="17"/>
      <c r="C7356" s="17"/>
      <c r="D7356" s="18" t="s">
        <v>3645</v>
      </c>
      <c r="E7356" s="18"/>
      <c r="F7356" s="18"/>
      <c r="G7356" s="18"/>
      <c r="H7356" s="18"/>
      <c r="I7356" s="18"/>
      <c r="J7356" s="18"/>
      <c r="K7356" s="18"/>
      <c r="L7356" s="18"/>
      <c r="M7356" s="18"/>
      <c r="N7356" s="18"/>
      <c r="O7356" s="18"/>
      <c r="P7356" s="19">
        <v>390</v>
      </c>
      <c r="Q7356" s="19"/>
      <c r="R7356" s="19"/>
      <c r="S7356" s="19"/>
      <c r="T7356" s="19">
        <v>320</v>
      </c>
      <c r="U7356" s="19"/>
      <c r="V7356" s="19"/>
      <c r="W7356" s="19"/>
      <c r="X7356" s="19">
        <v>12</v>
      </c>
      <c r="Y7356" s="19"/>
      <c r="Z7356" s="19"/>
      <c r="AA7356" s="19"/>
    </row>
    <row r="7357" spans="1:27" s="1" customFormat="1" ht="14.1" customHeight="1" outlineLevel="2" x14ac:dyDescent="0.2">
      <c r="A7357" s="17"/>
      <c r="B7357" s="17"/>
      <c r="C7357" s="17"/>
      <c r="D7357" s="18"/>
      <c r="E7357" s="18"/>
      <c r="F7357" s="18"/>
      <c r="G7357" s="18"/>
      <c r="H7357" s="18"/>
      <c r="I7357" s="18"/>
      <c r="J7357" s="18"/>
      <c r="K7357" s="18"/>
      <c r="L7357" s="18"/>
      <c r="M7357" s="18"/>
      <c r="N7357" s="18"/>
      <c r="O7357" s="18"/>
      <c r="P7357" s="19"/>
      <c r="Q7357" s="19"/>
      <c r="R7357" s="19"/>
      <c r="S7357" s="19"/>
      <c r="T7357" s="19"/>
      <c r="U7357" s="19"/>
      <c r="V7357" s="19"/>
      <c r="W7357" s="19"/>
      <c r="X7357" s="19"/>
      <c r="Y7357" s="19"/>
      <c r="Z7357" s="19"/>
      <c r="AA7357" s="19"/>
    </row>
    <row r="7358" spans="1:27" s="1" customFormat="1" ht="11.1" customHeight="1" outlineLevel="2" x14ac:dyDescent="0.2">
      <c r="A7358" s="17">
        <v>12591</v>
      </c>
      <c r="B7358" s="17"/>
      <c r="C7358" s="17"/>
      <c r="D7358" s="18" t="s">
        <v>3646</v>
      </c>
      <c r="E7358" s="18"/>
      <c r="F7358" s="18"/>
      <c r="G7358" s="18"/>
      <c r="H7358" s="18"/>
      <c r="I7358" s="18"/>
      <c r="J7358" s="18"/>
      <c r="K7358" s="18"/>
      <c r="L7358" s="18"/>
      <c r="M7358" s="18"/>
      <c r="N7358" s="18"/>
      <c r="O7358" s="18"/>
      <c r="P7358" s="19">
        <v>290</v>
      </c>
      <c r="Q7358" s="19"/>
      <c r="R7358" s="19"/>
      <c r="S7358" s="19"/>
      <c r="T7358" s="19">
        <v>230</v>
      </c>
      <c r="U7358" s="19"/>
      <c r="V7358" s="19"/>
      <c r="W7358" s="19"/>
      <c r="X7358" s="19">
        <v>8</v>
      </c>
      <c r="Y7358" s="19"/>
      <c r="Z7358" s="19"/>
      <c r="AA7358" s="19"/>
    </row>
    <row r="7359" spans="1:27" s="1" customFormat="1" ht="11.1" customHeight="1" outlineLevel="2" x14ac:dyDescent="0.2">
      <c r="A7359" s="17"/>
      <c r="B7359" s="17"/>
      <c r="C7359" s="17"/>
      <c r="D7359" s="18"/>
      <c r="E7359" s="18"/>
      <c r="F7359" s="18"/>
      <c r="G7359" s="18"/>
      <c r="H7359" s="18"/>
      <c r="I7359" s="18"/>
      <c r="J7359" s="18"/>
      <c r="K7359" s="18"/>
      <c r="L7359" s="18"/>
      <c r="M7359" s="18"/>
      <c r="N7359" s="18"/>
      <c r="O7359" s="18"/>
      <c r="P7359" s="19"/>
      <c r="Q7359" s="19"/>
      <c r="R7359" s="19"/>
      <c r="S7359" s="19"/>
      <c r="T7359" s="19"/>
      <c r="U7359" s="19"/>
      <c r="V7359" s="19"/>
      <c r="W7359" s="19"/>
      <c r="X7359" s="19"/>
      <c r="Y7359" s="19"/>
      <c r="Z7359" s="19"/>
      <c r="AA7359" s="19"/>
    </row>
    <row r="7360" spans="1:27" s="1" customFormat="1" ht="11.1" customHeight="1" outlineLevel="2" x14ac:dyDescent="0.2">
      <c r="A7360" s="17">
        <v>11508</v>
      </c>
      <c r="B7360" s="17"/>
      <c r="C7360" s="17"/>
      <c r="D7360" s="18" t="s">
        <v>3647</v>
      </c>
      <c r="E7360" s="18"/>
      <c r="F7360" s="18"/>
      <c r="G7360" s="18"/>
      <c r="H7360" s="18"/>
      <c r="I7360" s="18"/>
      <c r="J7360" s="18"/>
      <c r="K7360" s="18"/>
      <c r="L7360" s="18"/>
      <c r="M7360" s="18"/>
      <c r="N7360" s="18"/>
      <c r="O7360" s="18"/>
      <c r="P7360" s="19">
        <v>290</v>
      </c>
      <c r="Q7360" s="19"/>
      <c r="R7360" s="19"/>
      <c r="S7360" s="19"/>
      <c r="T7360" s="19">
        <v>230</v>
      </c>
      <c r="U7360" s="19"/>
      <c r="V7360" s="19"/>
      <c r="W7360" s="19"/>
      <c r="X7360" s="19">
        <v>11</v>
      </c>
      <c r="Y7360" s="19"/>
      <c r="Z7360" s="19"/>
      <c r="AA7360" s="19"/>
    </row>
    <row r="7361" spans="1:27" s="1" customFormat="1" ht="11.1" customHeight="1" outlineLevel="2" x14ac:dyDescent="0.2">
      <c r="A7361" s="17"/>
      <c r="B7361" s="17"/>
      <c r="C7361" s="17"/>
      <c r="D7361" s="18"/>
      <c r="E7361" s="18"/>
      <c r="F7361" s="18"/>
      <c r="G7361" s="18"/>
      <c r="H7361" s="18"/>
      <c r="I7361" s="18"/>
      <c r="J7361" s="18"/>
      <c r="K7361" s="18"/>
      <c r="L7361" s="18"/>
      <c r="M7361" s="18"/>
      <c r="N7361" s="18"/>
      <c r="O7361" s="18"/>
      <c r="P7361" s="19"/>
      <c r="Q7361" s="19"/>
      <c r="R7361" s="19"/>
      <c r="S7361" s="19"/>
      <c r="T7361" s="19"/>
      <c r="U7361" s="19"/>
      <c r="V7361" s="19"/>
      <c r="W7361" s="19"/>
      <c r="X7361" s="19"/>
      <c r="Y7361" s="19"/>
      <c r="Z7361" s="19"/>
      <c r="AA7361" s="19"/>
    </row>
    <row r="7362" spans="1:27" s="1" customFormat="1" ht="11.1" customHeight="1" outlineLevel="1" x14ac:dyDescent="0.2">
      <c r="A7362" s="16" t="s">
        <v>1634</v>
      </c>
      <c r="B7362" s="16"/>
      <c r="C7362" s="16"/>
      <c r="D7362" s="16"/>
      <c r="E7362" s="16"/>
      <c r="F7362" s="16"/>
      <c r="G7362" s="16"/>
      <c r="H7362" s="16"/>
      <c r="I7362" s="16"/>
      <c r="J7362" s="16"/>
      <c r="K7362" s="16"/>
      <c r="L7362" s="16"/>
      <c r="M7362" s="16"/>
      <c r="N7362" s="16"/>
      <c r="O7362" s="16"/>
      <c r="P7362" s="16"/>
      <c r="Q7362" s="16"/>
      <c r="R7362" s="16"/>
      <c r="S7362" s="16"/>
      <c r="T7362" s="16"/>
      <c r="U7362" s="16"/>
      <c r="V7362" s="16"/>
      <c r="W7362" s="16"/>
      <c r="X7362" s="16"/>
      <c r="Y7362" s="16"/>
      <c r="Z7362" s="16"/>
      <c r="AA7362" s="16"/>
    </row>
    <row r="7363" spans="1:27" s="1" customFormat="1" ht="11.1" customHeight="1" outlineLevel="1" x14ac:dyDescent="0.2">
      <c r="A7363" s="16"/>
      <c r="B7363" s="16"/>
      <c r="C7363" s="16"/>
      <c r="D7363" s="16"/>
      <c r="E7363" s="16"/>
      <c r="F7363" s="16"/>
      <c r="G7363" s="16"/>
      <c r="H7363" s="16"/>
      <c r="I7363" s="16"/>
      <c r="J7363" s="16"/>
      <c r="K7363" s="16"/>
      <c r="L7363" s="16"/>
      <c r="M7363" s="16"/>
      <c r="N7363" s="16"/>
      <c r="O7363" s="16"/>
      <c r="P7363" s="16"/>
      <c r="Q7363" s="16"/>
      <c r="R7363" s="16"/>
      <c r="S7363" s="16"/>
      <c r="T7363" s="16"/>
      <c r="U7363" s="16"/>
      <c r="V7363" s="16"/>
      <c r="W7363" s="16"/>
      <c r="X7363" s="16"/>
      <c r="Y7363" s="16"/>
      <c r="Z7363" s="16"/>
      <c r="AA7363" s="16"/>
    </row>
    <row r="7364" spans="1:27" s="1" customFormat="1" ht="11.1" customHeight="1" outlineLevel="2" x14ac:dyDescent="0.2">
      <c r="A7364" s="17">
        <v>4464</v>
      </c>
      <c r="B7364" s="17"/>
      <c r="C7364" s="17"/>
      <c r="D7364" s="18" t="s">
        <v>3648</v>
      </c>
      <c r="E7364" s="18"/>
      <c r="F7364" s="18"/>
      <c r="G7364" s="18"/>
      <c r="H7364" s="18"/>
      <c r="I7364" s="18"/>
      <c r="J7364" s="18"/>
      <c r="K7364" s="18"/>
      <c r="L7364" s="18"/>
      <c r="M7364" s="18"/>
      <c r="N7364" s="18"/>
      <c r="O7364" s="18"/>
      <c r="P7364" s="19">
        <v>275</v>
      </c>
      <c r="Q7364" s="19"/>
      <c r="R7364" s="19"/>
      <c r="S7364" s="19"/>
      <c r="T7364" s="19">
        <v>230</v>
      </c>
      <c r="U7364" s="19"/>
      <c r="V7364" s="19"/>
      <c r="W7364" s="19"/>
      <c r="X7364" s="19">
        <v>2</v>
      </c>
      <c r="Y7364" s="19"/>
      <c r="Z7364" s="19"/>
      <c r="AA7364" s="19"/>
    </row>
    <row r="7365" spans="1:27" s="1" customFormat="1" ht="11.1" customHeight="1" outlineLevel="2" x14ac:dyDescent="0.2">
      <c r="A7365" s="17"/>
      <c r="B7365" s="17"/>
      <c r="C7365" s="17"/>
      <c r="D7365" s="18"/>
      <c r="E7365" s="18"/>
      <c r="F7365" s="18"/>
      <c r="G7365" s="18"/>
      <c r="H7365" s="18"/>
      <c r="I7365" s="18"/>
      <c r="J7365" s="18"/>
      <c r="K7365" s="18"/>
      <c r="L7365" s="18"/>
      <c r="M7365" s="18"/>
      <c r="N7365" s="18"/>
      <c r="O7365" s="18"/>
      <c r="P7365" s="19"/>
      <c r="Q7365" s="19"/>
      <c r="R7365" s="19"/>
      <c r="S7365" s="19"/>
      <c r="T7365" s="19"/>
      <c r="U7365" s="19"/>
      <c r="V7365" s="19"/>
      <c r="W7365" s="19"/>
      <c r="X7365" s="19"/>
      <c r="Y7365" s="19"/>
      <c r="Z7365" s="19"/>
      <c r="AA7365" s="19"/>
    </row>
    <row r="7366" spans="1:27" s="1" customFormat="1" ht="11.1" customHeight="1" outlineLevel="2" x14ac:dyDescent="0.2">
      <c r="A7366" s="17">
        <v>1330</v>
      </c>
      <c r="B7366" s="17"/>
      <c r="C7366" s="17"/>
      <c r="D7366" s="18" t="s">
        <v>3649</v>
      </c>
      <c r="E7366" s="18"/>
      <c r="F7366" s="18"/>
      <c r="G7366" s="18"/>
      <c r="H7366" s="18"/>
      <c r="I7366" s="18"/>
      <c r="J7366" s="18"/>
      <c r="K7366" s="18"/>
      <c r="L7366" s="18"/>
      <c r="M7366" s="18"/>
      <c r="N7366" s="18"/>
      <c r="O7366" s="18"/>
      <c r="P7366" s="19">
        <v>300</v>
      </c>
      <c r="Q7366" s="19"/>
      <c r="R7366" s="19"/>
      <c r="S7366" s="19"/>
      <c r="T7366" s="19">
        <v>260</v>
      </c>
      <c r="U7366" s="19"/>
      <c r="V7366" s="19"/>
      <c r="W7366" s="19"/>
      <c r="X7366" s="19">
        <v>5</v>
      </c>
      <c r="Y7366" s="19"/>
      <c r="Z7366" s="19"/>
      <c r="AA7366" s="19"/>
    </row>
    <row r="7367" spans="1:27" s="1" customFormat="1" ht="11.1" customHeight="1" outlineLevel="2" x14ac:dyDescent="0.2">
      <c r="A7367" s="17"/>
      <c r="B7367" s="17"/>
      <c r="C7367" s="17"/>
      <c r="D7367" s="18"/>
      <c r="E7367" s="18"/>
      <c r="F7367" s="18"/>
      <c r="G7367" s="18"/>
      <c r="H7367" s="18"/>
      <c r="I7367" s="18"/>
      <c r="J7367" s="18"/>
      <c r="K7367" s="18"/>
      <c r="L7367" s="18"/>
      <c r="M7367" s="18"/>
      <c r="N7367" s="18"/>
      <c r="O7367" s="18"/>
      <c r="P7367" s="19"/>
      <c r="Q7367" s="19"/>
      <c r="R7367" s="19"/>
      <c r="S7367" s="19"/>
      <c r="T7367" s="19"/>
      <c r="U7367" s="19"/>
      <c r="V7367" s="19"/>
      <c r="W7367" s="19"/>
      <c r="X7367" s="19"/>
      <c r="Y7367" s="19"/>
      <c r="Z7367" s="19"/>
      <c r="AA7367" s="19"/>
    </row>
    <row r="7368" spans="1:27" s="1" customFormat="1" ht="11.1" customHeight="1" outlineLevel="2" x14ac:dyDescent="0.2">
      <c r="A7368" s="17">
        <v>9281</v>
      </c>
      <c r="B7368" s="17"/>
      <c r="C7368" s="17"/>
      <c r="D7368" s="18" t="s">
        <v>3650</v>
      </c>
      <c r="E7368" s="18"/>
      <c r="F7368" s="18"/>
      <c r="G7368" s="18"/>
      <c r="H7368" s="18"/>
      <c r="I7368" s="18"/>
      <c r="J7368" s="18"/>
      <c r="K7368" s="18"/>
      <c r="L7368" s="18"/>
      <c r="M7368" s="18"/>
      <c r="N7368" s="18"/>
      <c r="O7368" s="18"/>
      <c r="P7368" s="19">
        <v>280</v>
      </c>
      <c r="Q7368" s="19"/>
      <c r="R7368" s="19"/>
      <c r="S7368" s="19"/>
      <c r="T7368" s="19">
        <v>230</v>
      </c>
      <c r="U7368" s="19"/>
      <c r="V7368" s="19"/>
      <c r="W7368" s="19"/>
      <c r="X7368" s="19">
        <v>1</v>
      </c>
      <c r="Y7368" s="19"/>
      <c r="Z7368" s="19"/>
      <c r="AA7368" s="19"/>
    </row>
    <row r="7369" spans="1:27" s="1" customFormat="1" ht="11.1" customHeight="1" outlineLevel="2" x14ac:dyDescent="0.2">
      <c r="A7369" s="17"/>
      <c r="B7369" s="17"/>
      <c r="C7369" s="17"/>
      <c r="D7369" s="18"/>
      <c r="E7369" s="18"/>
      <c r="F7369" s="18"/>
      <c r="G7369" s="18"/>
      <c r="H7369" s="18"/>
      <c r="I7369" s="18"/>
      <c r="J7369" s="18"/>
      <c r="K7369" s="18"/>
      <c r="L7369" s="18"/>
      <c r="M7369" s="18"/>
      <c r="N7369" s="18"/>
      <c r="O7369" s="18"/>
      <c r="P7369" s="19"/>
      <c r="Q7369" s="19"/>
      <c r="R7369" s="19"/>
      <c r="S7369" s="19"/>
      <c r="T7369" s="19"/>
      <c r="U7369" s="19"/>
      <c r="V7369" s="19"/>
      <c r="W7369" s="19"/>
      <c r="X7369" s="19"/>
      <c r="Y7369" s="19"/>
      <c r="Z7369" s="19"/>
      <c r="AA7369" s="19"/>
    </row>
    <row r="7370" spans="1:27" s="1" customFormat="1" ht="11.1" customHeight="1" outlineLevel="2" x14ac:dyDescent="0.2">
      <c r="A7370" s="17">
        <v>1333</v>
      </c>
      <c r="B7370" s="17"/>
      <c r="C7370" s="17"/>
      <c r="D7370" s="18" t="s">
        <v>3651</v>
      </c>
      <c r="E7370" s="18"/>
      <c r="F7370" s="18"/>
      <c r="G7370" s="18"/>
      <c r="H7370" s="18"/>
      <c r="I7370" s="18"/>
      <c r="J7370" s="18"/>
      <c r="K7370" s="18"/>
      <c r="L7370" s="18"/>
      <c r="M7370" s="18"/>
      <c r="N7370" s="18"/>
      <c r="O7370" s="18"/>
      <c r="P7370" s="19">
        <v>500</v>
      </c>
      <c r="Q7370" s="19"/>
      <c r="R7370" s="19"/>
      <c r="S7370" s="19"/>
      <c r="T7370" s="19">
        <v>440</v>
      </c>
      <c r="U7370" s="19"/>
      <c r="V7370" s="19"/>
      <c r="W7370" s="19"/>
      <c r="X7370" s="19">
        <v>1</v>
      </c>
      <c r="Y7370" s="19"/>
      <c r="Z7370" s="19"/>
      <c r="AA7370" s="19"/>
    </row>
    <row r="7371" spans="1:27" s="1" customFormat="1" ht="11.1" customHeight="1" outlineLevel="2" x14ac:dyDescent="0.2">
      <c r="A7371" s="17"/>
      <c r="B7371" s="17"/>
      <c r="C7371" s="17"/>
      <c r="D7371" s="18"/>
      <c r="E7371" s="18"/>
      <c r="F7371" s="18"/>
      <c r="G7371" s="18"/>
      <c r="H7371" s="18"/>
      <c r="I7371" s="18"/>
      <c r="J7371" s="18"/>
      <c r="K7371" s="18"/>
      <c r="L7371" s="18"/>
      <c r="M7371" s="18"/>
      <c r="N7371" s="18"/>
      <c r="O7371" s="18"/>
      <c r="P7371" s="19"/>
      <c r="Q7371" s="19"/>
      <c r="R7371" s="19"/>
      <c r="S7371" s="19"/>
      <c r="T7371" s="19"/>
      <c r="U7371" s="19"/>
      <c r="V7371" s="19"/>
      <c r="W7371" s="19"/>
      <c r="X7371" s="19"/>
      <c r="Y7371" s="19"/>
      <c r="Z7371" s="19"/>
      <c r="AA7371" s="19"/>
    </row>
    <row r="7372" spans="1:27" s="1" customFormat="1" ht="11.1" customHeight="1" outlineLevel="2" x14ac:dyDescent="0.2">
      <c r="A7372" s="17">
        <v>1332</v>
      </c>
      <c r="B7372" s="17"/>
      <c r="C7372" s="17"/>
      <c r="D7372" s="18" t="s">
        <v>3652</v>
      </c>
      <c r="E7372" s="18"/>
      <c r="F7372" s="18"/>
      <c r="G7372" s="18"/>
      <c r="H7372" s="18"/>
      <c r="I7372" s="18"/>
      <c r="J7372" s="18"/>
      <c r="K7372" s="18"/>
      <c r="L7372" s="18"/>
      <c r="M7372" s="18"/>
      <c r="N7372" s="18"/>
      <c r="O7372" s="18"/>
      <c r="P7372" s="19">
        <v>500</v>
      </c>
      <c r="Q7372" s="19"/>
      <c r="R7372" s="19"/>
      <c r="S7372" s="19"/>
      <c r="T7372" s="19">
        <v>440</v>
      </c>
      <c r="U7372" s="19"/>
      <c r="V7372" s="19"/>
      <c r="W7372" s="19"/>
      <c r="X7372" s="19">
        <v>1</v>
      </c>
      <c r="Y7372" s="19"/>
      <c r="Z7372" s="19"/>
      <c r="AA7372" s="19"/>
    </row>
    <row r="7373" spans="1:27" s="1" customFormat="1" ht="11.1" customHeight="1" outlineLevel="2" x14ac:dyDescent="0.2">
      <c r="A7373" s="17"/>
      <c r="B7373" s="17"/>
      <c r="C7373" s="17"/>
      <c r="D7373" s="18"/>
      <c r="E7373" s="18"/>
      <c r="F7373" s="18"/>
      <c r="G7373" s="18"/>
      <c r="H7373" s="18"/>
      <c r="I7373" s="18"/>
      <c r="J7373" s="18"/>
      <c r="K7373" s="18"/>
      <c r="L7373" s="18"/>
      <c r="M7373" s="18"/>
      <c r="N7373" s="18"/>
      <c r="O7373" s="18"/>
      <c r="P7373" s="19"/>
      <c r="Q7373" s="19"/>
      <c r="R7373" s="19"/>
      <c r="S7373" s="19"/>
      <c r="T7373" s="19"/>
      <c r="U7373" s="19"/>
      <c r="V7373" s="19"/>
      <c r="W7373" s="19"/>
      <c r="X7373" s="19"/>
      <c r="Y7373" s="19"/>
      <c r="Z7373" s="19"/>
      <c r="AA7373" s="19"/>
    </row>
    <row r="7374" spans="1:27" s="1" customFormat="1" ht="14.1" customHeight="1" outlineLevel="2" x14ac:dyDescent="0.2">
      <c r="A7374" s="17">
        <v>14737</v>
      </c>
      <c r="B7374" s="17"/>
      <c r="C7374" s="17"/>
      <c r="D7374" s="18" t="s">
        <v>3653</v>
      </c>
      <c r="E7374" s="18"/>
      <c r="F7374" s="18"/>
      <c r="G7374" s="18"/>
      <c r="H7374" s="18"/>
      <c r="I7374" s="18"/>
      <c r="J7374" s="18"/>
      <c r="K7374" s="18"/>
      <c r="L7374" s="18"/>
      <c r="M7374" s="18"/>
      <c r="N7374" s="18"/>
      <c r="O7374" s="18"/>
      <c r="P7374" s="19">
        <v>550</v>
      </c>
      <c r="Q7374" s="19"/>
      <c r="R7374" s="19"/>
      <c r="S7374" s="19"/>
      <c r="T7374" s="19">
        <v>450</v>
      </c>
      <c r="U7374" s="19"/>
      <c r="V7374" s="19"/>
      <c r="W7374" s="19"/>
      <c r="X7374" s="19">
        <v>9</v>
      </c>
      <c r="Y7374" s="19"/>
      <c r="Z7374" s="19"/>
      <c r="AA7374" s="19"/>
    </row>
    <row r="7375" spans="1:27" s="1" customFormat="1" ht="14.1" customHeight="1" outlineLevel="2" x14ac:dyDescent="0.2">
      <c r="A7375" s="17"/>
      <c r="B7375" s="17"/>
      <c r="C7375" s="17"/>
      <c r="D7375" s="18"/>
      <c r="E7375" s="18"/>
      <c r="F7375" s="18"/>
      <c r="G7375" s="18"/>
      <c r="H7375" s="18"/>
      <c r="I7375" s="18"/>
      <c r="J7375" s="18"/>
      <c r="K7375" s="18"/>
      <c r="L7375" s="18"/>
      <c r="M7375" s="18"/>
      <c r="N7375" s="18"/>
      <c r="O7375" s="18"/>
      <c r="P7375" s="19"/>
      <c r="Q7375" s="19"/>
      <c r="R7375" s="19"/>
      <c r="S7375" s="19"/>
      <c r="T7375" s="19"/>
      <c r="U7375" s="19"/>
      <c r="V7375" s="19"/>
      <c r="W7375" s="19"/>
      <c r="X7375" s="19"/>
      <c r="Y7375" s="19"/>
      <c r="Z7375" s="19"/>
      <c r="AA7375" s="19"/>
    </row>
    <row r="7376" spans="1:27" s="1" customFormat="1" ht="14.1" customHeight="1" outlineLevel="2" x14ac:dyDescent="0.2">
      <c r="A7376" s="17">
        <v>14736</v>
      </c>
      <c r="B7376" s="17"/>
      <c r="C7376" s="17"/>
      <c r="D7376" s="18" t="s">
        <v>3654</v>
      </c>
      <c r="E7376" s="18"/>
      <c r="F7376" s="18"/>
      <c r="G7376" s="18"/>
      <c r="H7376" s="18"/>
      <c r="I7376" s="18"/>
      <c r="J7376" s="18"/>
      <c r="K7376" s="18"/>
      <c r="L7376" s="18"/>
      <c r="M7376" s="18"/>
      <c r="N7376" s="18"/>
      <c r="O7376" s="18"/>
      <c r="P7376" s="19">
        <v>550</v>
      </c>
      <c r="Q7376" s="19"/>
      <c r="R7376" s="19"/>
      <c r="S7376" s="19"/>
      <c r="T7376" s="19">
        <v>450</v>
      </c>
      <c r="U7376" s="19"/>
      <c r="V7376" s="19"/>
      <c r="W7376" s="19"/>
      <c r="X7376" s="19">
        <v>8</v>
      </c>
      <c r="Y7376" s="19"/>
      <c r="Z7376" s="19"/>
      <c r="AA7376" s="19"/>
    </row>
    <row r="7377" spans="1:27" s="1" customFormat="1" ht="14.1" customHeight="1" outlineLevel="2" x14ac:dyDescent="0.2">
      <c r="A7377" s="17"/>
      <c r="B7377" s="17"/>
      <c r="C7377" s="17"/>
      <c r="D7377" s="18"/>
      <c r="E7377" s="18"/>
      <c r="F7377" s="18"/>
      <c r="G7377" s="18"/>
      <c r="H7377" s="18"/>
      <c r="I7377" s="18"/>
      <c r="J7377" s="18"/>
      <c r="K7377" s="18"/>
      <c r="L7377" s="18"/>
      <c r="M7377" s="18"/>
      <c r="N7377" s="18"/>
      <c r="O7377" s="18"/>
      <c r="P7377" s="19"/>
      <c r="Q7377" s="19"/>
      <c r="R7377" s="19"/>
      <c r="S7377" s="19"/>
      <c r="T7377" s="19"/>
      <c r="U7377" s="19"/>
      <c r="V7377" s="19"/>
      <c r="W7377" s="19"/>
      <c r="X7377" s="19"/>
      <c r="Y7377" s="19"/>
      <c r="Z7377" s="19"/>
      <c r="AA7377" s="19"/>
    </row>
    <row r="7378" spans="1:27" s="1" customFormat="1" ht="11.1" customHeight="1" outlineLevel="2" x14ac:dyDescent="0.2">
      <c r="A7378" s="17">
        <v>13156</v>
      </c>
      <c r="B7378" s="17"/>
      <c r="C7378" s="17"/>
      <c r="D7378" s="18" t="s">
        <v>3655</v>
      </c>
      <c r="E7378" s="18"/>
      <c r="F7378" s="18"/>
      <c r="G7378" s="18"/>
      <c r="H7378" s="18"/>
      <c r="I7378" s="18"/>
      <c r="J7378" s="18"/>
      <c r="K7378" s="18"/>
      <c r="L7378" s="18"/>
      <c r="M7378" s="18"/>
      <c r="N7378" s="18"/>
      <c r="O7378" s="18"/>
      <c r="P7378" s="19">
        <v>810</v>
      </c>
      <c r="Q7378" s="19"/>
      <c r="R7378" s="19"/>
      <c r="S7378" s="19"/>
      <c r="T7378" s="19">
        <v>690</v>
      </c>
      <c r="U7378" s="19"/>
      <c r="V7378" s="19"/>
      <c r="W7378" s="19"/>
      <c r="X7378" s="19">
        <v>8</v>
      </c>
      <c r="Y7378" s="19"/>
      <c r="Z7378" s="19"/>
      <c r="AA7378" s="19"/>
    </row>
    <row r="7379" spans="1:27" s="1" customFormat="1" ht="11.1" customHeight="1" outlineLevel="2" x14ac:dyDescent="0.2">
      <c r="A7379" s="17"/>
      <c r="B7379" s="17"/>
      <c r="C7379" s="17"/>
      <c r="D7379" s="18"/>
      <c r="E7379" s="18"/>
      <c r="F7379" s="18"/>
      <c r="G7379" s="18"/>
      <c r="H7379" s="18"/>
      <c r="I7379" s="18"/>
      <c r="J7379" s="18"/>
      <c r="K7379" s="18"/>
      <c r="L7379" s="18"/>
      <c r="M7379" s="18"/>
      <c r="N7379" s="18"/>
      <c r="O7379" s="18"/>
      <c r="P7379" s="19"/>
      <c r="Q7379" s="19"/>
      <c r="R7379" s="19"/>
      <c r="S7379" s="19"/>
      <c r="T7379" s="19"/>
      <c r="U7379" s="19"/>
      <c r="V7379" s="19"/>
      <c r="W7379" s="19"/>
      <c r="X7379" s="19"/>
      <c r="Y7379" s="19"/>
      <c r="Z7379" s="19"/>
      <c r="AA7379" s="19"/>
    </row>
    <row r="7380" spans="1:27" s="1" customFormat="1" ht="11.1" customHeight="1" outlineLevel="1" x14ac:dyDescent="0.2">
      <c r="A7380" s="16" t="s">
        <v>1651</v>
      </c>
      <c r="B7380" s="16"/>
      <c r="C7380" s="16"/>
      <c r="D7380" s="16"/>
      <c r="E7380" s="16"/>
      <c r="F7380" s="16"/>
      <c r="G7380" s="16"/>
      <c r="H7380" s="16"/>
      <c r="I7380" s="16"/>
      <c r="J7380" s="16"/>
      <c r="K7380" s="16"/>
      <c r="L7380" s="16"/>
      <c r="M7380" s="16"/>
      <c r="N7380" s="16"/>
      <c r="O7380" s="16"/>
      <c r="P7380" s="16"/>
      <c r="Q7380" s="16"/>
      <c r="R7380" s="16"/>
      <c r="S7380" s="16"/>
      <c r="T7380" s="16"/>
      <c r="U7380" s="16"/>
      <c r="V7380" s="16"/>
      <c r="W7380" s="16"/>
      <c r="X7380" s="16"/>
      <c r="Y7380" s="16"/>
      <c r="Z7380" s="16"/>
      <c r="AA7380" s="16"/>
    </row>
    <row r="7381" spans="1:27" s="1" customFormat="1" ht="11.1" customHeight="1" outlineLevel="1" x14ac:dyDescent="0.2">
      <c r="A7381" s="16"/>
      <c r="B7381" s="16"/>
      <c r="C7381" s="16"/>
      <c r="D7381" s="16"/>
      <c r="E7381" s="16"/>
      <c r="F7381" s="16"/>
      <c r="G7381" s="16"/>
      <c r="H7381" s="16"/>
      <c r="I7381" s="16"/>
      <c r="J7381" s="16"/>
      <c r="K7381" s="16"/>
      <c r="L7381" s="16"/>
      <c r="M7381" s="16"/>
      <c r="N7381" s="16"/>
      <c r="O7381" s="16"/>
      <c r="P7381" s="16"/>
      <c r="Q7381" s="16"/>
      <c r="R7381" s="16"/>
      <c r="S7381" s="16"/>
      <c r="T7381" s="16"/>
      <c r="U7381" s="16"/>
      <c r="V7381" s="16"/>
      <c r="W7381" s="16"/>
      <c r="X7381" s="16"/>
      <c r="Y7381" s="16"/>
      <c r="Z7381" s="16"/>
      <c r="AA7381" s="16"/>
    </row>
    <row r="7382" spans="1:27" s="1" customFormat="1" ht="11.1" customHeight="1" outlineLevel="2" x14ac:dyDescent="0.2">
      <c r="A7382" s="17">
        <v>1094</v>
      </c>
      <c r="B7382" s="17"/>
      <c r="C7382" s="17"/>
      <c r="D7382" s="18" t="s">
        <v>3656</v>
      </c>
      <c r="E7382" s="18"/>
      <c r="F7382" s="18"/>
      <c r="G7382" s="18"/>
      <c r="H7382" s="18"/>
      <c r="I7382" s="18"/>
      <c r="J7382" s="18"/>
      <c r="K7382" s="18"/>
      <c r="L7382" s="18"/>
      <c r="M7382" s="18"/>
      <c r="N7382" s="18"/>
      <c r="O7382" s="18"/>
      <c r="P7382" s="19">
        <v>100</v>
      </c>
      <c r="Q7382" s="19"/>
      <c r="R7382" s="19"/>
      <c r="S7382" s="19"/>
      <c r="T7382" s="19">
        <v>80</v>
      </c>
      <c r="U7382" s="19"/>
      <c r="V7382" s="19"/>
      <c r="W7382" s="19"/>
      <c r="X7382" s="19">
        <v>1</v>
      </c>
      <c r="Y7382" s="19"/>
      <c r="Z7382" s="19"/>
      <c r="AA7382" s="19"/>
    </row>
    <row r="7383" spans="1:27" s="1" customFormat="1" ht="11.1" customHeight="1" outlineLevel="2" x14ac:dyDescent="0.2">
      <c r="A7383" s="17"/>
      <c r="B7383" s="17"/>
      <c r="C7383" s="17"/>
      <c r="D7383" s="18"/>
      <c r="E7383" s="18"/>
      <c r="F7383" s="18"/>
      <c r="G7383" s="18"/>
      <c r="H7383" s="18"/>
      <c r="I7383" s="18"/>
      <c r="J7383" s="18"/>
      <c r="K7383" s="18"/>
      <c r="L7383" s="18"/>
      <c r="M7383" s="18"/>
      <c r="N7383" s="18"/>
      <c r="O7383" s="18"/>
      <c r="P7383" s="19"/>
      <c r="Q7383" s="19"/>
      <c r="R7383" s="19"/>
      <c r="S7383" s="19"/>
      <c r="T7383" s="19"/>
      <c r="U7383" s="19"/>
      <c r="V7383" s="19"/>
      <c r="W7383" s="19"/>
      <c r="X7383" s="19"/>
      <c r="Y7383" s="19"/>
      <c r="Z7383" s="19"/>
      <c r="AA7383" s="19"/>
    </row>
    <row r="7384" spans="1:27" s="1" customFormat="1" ht="11.1" customHeight="1" outlineLevel="2" x14ac:dyDescent="0.2">
      <c r="A7384" s="17">
        <v>1378</v>
      </c>
      <c r="B7384" s="17"/>
      <c r="C7384" s="17"/>
      <c r="D7384" s="18" t="s">
        <v>3657</v>
      </c>
      <c r="E7384" s="18"/>
      <c r="F7384" s="18"/>
      <c r="G7384" s="18"/>
      <c r="H7384" s="18"/>
      <c r="I7384" s="18"/>
      <c r="J7384" s="18"/>
      <c r="K7384" s="18"/>
      <c r="L7384" s="18"/>
      <c r="M7384" s="18"/>
      <c r="N7384" s="18"/>
      <c r="O7384" s="18"/>
      <c r="P7384" s="19">
        <v>500</v>
      </c>
      <c r="Q7384" s="19"/>
      <c r="R7384" s="19"/>
      <c r="S7384" s="19"/>
      <c r="T7384" s="19">
        <v>450</v>
      </c>
      <c r="U7384" s="19"/>
      <c r="V7384" s="19"/>
      <c r="W7384" s="19"/>
      <c r="X7384" s="19">
        <v>1</v>
      </c>
      <c r="Y7384" s="19"/>
      <c r="Z7384" s="19"/>
      <c r="AA7384" s="19"/>
    </row>
    <row r="7385" spans="1:27" s="1" customFormat="1" ht="11.1" customHeight="1" outlineLevel="2" x14ac:dyDescent="0.2">
      <c r="A7385" s="17"/>
      <c r="B7385" s="17"/>
      <c r="C7385" s="17"/>
      <c r="D7385" s="18"/>
      <c r="E7385" s="18"/>
      <c r="F7385" s="18"/>
      <c r="G7385" s="18"/>
      <c r="H7385" s="18"/>
      <c r="I7385" s="18"/>
      <c r="J7385" s="18"/>
      <c r="K7385" s="18"/>
      <c r="L7385" s="18"/>
      <c r="M7385" s="18"/>
      <c r="N7385" s="18"/>
      <c r="O7385" s="18"/>
      <c r="P7385" s="19"/>
      <c r="Q7385" s="19"/>
      <c r="R7385" s="19"/>
      <c r="S7385" s="19"/>
      <c r="T7385" s="19"/>
      <c r="U7385" s="19"/>
      <c r="V7385" s="19"/>
      <c r="W7385" s="19"/>
      <c r="X7385" s="19"/>
      <c r="Y7385" s="19"/>
      <c r="Z7385" s="19"/>
      <c r="AA7385" s="19"/>
    </row>
    <row r="7386" spans="1:27" s="1" customFormat="1" ht="11.1" customHeight="1" outlineLevel="2" x14ac:dyDescent="0.2">
      <c r="A7386" s="17">
        <v>9888</v>
      </c>
      <c r="B7386" s="17"/>
      <c r="C7386" s="17"/>
      <c r="D7386" s="18" t="s">
        <v>3658</v>
      </c>
      <c r="E7386" s="18"/>
      <c r="F7386" s="18"/>
      <c r="G7386" s="18"/>
      <c r="H7386" s="18"/>
      <c r="I7386" s="18"/>
      <c r="J7386" s="18"/>
      <c r="K7386" s="18"/>
      <c r="L7386" s="18"/>
      <c r="M7386" s="18"/>
      <c r="N7386" s="18"/>
      <c r="O7386" s="18"/>
      <c r="P7386" s="19">
        <v>340</v>
      </c>
      <c r="Q7386" s="19"/>
      <c r="R7386" s="19"/>
      <c r="S7386" s="19"/>
      <c r="T7386" s="19">
        <v>300</v>
      </c>
      <c r="U7386" s="19"/>
      <c r="V7386" s="19"/>
      <c r="W7386" s="19"/>
      <c r="X7386" s="19">
        <v>1</v>
      </c>
      <c r="Y7386" s="19"/>
      <c r="Z7386" s="19"/>
      <c r="AA7386" s="19"/>
    </row>
    <row r="7387" spans="1:27" s="1" customFormat="1" ht="11.1" customHeight="1" outlineLevel="2" x14ac:dyDescent="0.2">
      <c r="A7387" s="17"/>
      <c r="B7387" s="17"/>
      <c r="C7387" s="17"/>
      <c r="D7387" s="18"/>
      <c r="E7387" s="18"/>
      <c r="F7387" s="18"/>
      <c r="G7387" s="18"/>
      <c r="H7387" s="18"/>
      <c r="I7387" s="18"/>
      <c r="J7387" s="18"/>
      <c r="K7387" s="18"/>
      <c r="L7387" s="18"/>
      <c r="M7387" s="18"/>
      <c r="N7387" s="18"/>
      <c r="O7387" s="18"/>
      <c r="P7387" s="19"/>
      <c r="Q7387" s="19"/>
      <c r="R7387" s="19"/>
      <c r="S7387" s="19"/>
      <c r="T7387" s="19"/>
      <c r="U7387" s="19"/>
      <c r="V7387" s="19"/>
      <c r="W7387" s="19"/>
      <c r="X7387" s="19"/>
      <c r="Y7387" s="19"/>
      <c r="Z7387" s="19"/>
      <c r="AA7387" s="19"/>
    </row>
    <row r="7388" spans="1:27" s="1" customFormat="1" ht="11.1" customHeight="1" outlineLevel="2" x14ac:dyDescent="0.2">
      <c r="A7388" s="17">
        <v>1374</v>
      </c>
      <c r="B7388" s="17"/>
      <c r="C7388" s="17"/>
      <c r="D7388" s="18" t="s">
        <v>3659</v>
      </c>
      <c r="E7388" s="18"/>
      <c r="F7388" s="18"/>
      <c r="G7388" s="18"/>
      <c r="H7388" s="18"/>
      <c r="I7388" s="18"/>
      <c r="J7388" s="18"/>
      <c r="K7388" s="18"/>
      <c r="L7388" s="18"/>
      <c r="M7388" s="18"/>
      <c r="N7388" s="18"/>
      <c r="O7388" s="18"/>
      <c r="P7388" s="19">
        <v>200</v>
      </c>
      <c r="Q7388" s="19"/>
      <c r="R7388" s="19"/>
      <c r="S7388" s="19"/>
      <c r="T7388" s="19">
        <v>150</v>
      </c>
      <c r="U7388" s="19"/>
      <c r="V7388" s="19"/>
      <c r="W7388" s="19"/>
      <c r="X7388" s="19">
        <v>2</v>
      </c>
      <c r="Y7388" s="19"/>
      <c r="Z7388" s="19"/>
      <c r="AA7388" s="19"/>
    </row>
    <row r="7389" spans="1:27" s="1" customFormat="1" ht="11.1" customHeight="1" outlineLevel="2" x14ac:dyDescent="0.2">
      <c r="A7389" s="17"/>
      <c r="B7389" s="17"/>
      <c r="C7389" s="17"/>
      <c r="D7389" s="18"/>
      <c r="E7389" s="18"/>
      <c r="F7389" s="18"/>
      <c r="G7389" s="18"/>
      <c r="H7389" s="18"/>
      <c r="I7389" s="18"/>
      <c r="J7389" s="18"/>
      <c r="K7389" s="18"/>
      <c r="L7389" s="18"/>
      <c r="M7389" s="18"/>
      <c r="N7389" s="18"/>
      <c r="O7389" s="18"/>
      <c r="P7389" s="19"/>
      <c r="Q7389" s="19"/>
      <c r="R7389" s="19"/>
      <c r="S7389" s="19"/>
      <c r="T7389" s="19"/>
      <c r="U7389" s="19"/>
      <c r="V7389" s="19"/>
      <c r="W7389" s="19"/>
      <c r="X7389" s="19"/>
      <c r="Y7389" s="19"/>
      <c r="Z7389" s="19"/>
      <c r="AA7389" s="19"/>
    </row>
    <row r="7390" spans="1:27" s="1" customFormat="1" ht="11.1" customHeight="1" outlineLevel="2" x14ac:dyDescent="0.2">
      <c r="A7390" s="17">
        <v>1373</v>
      </c>
      <c r="B7390" s="17"/>
      <c r="C7390" s="17"/>
      <c r="D7390" s="18" t="s">
        <v>3660</v>
      </c>
      <c r="E7390" s="18"/>
      <c r="F7390" s="18"/>
      <c r="G7390" s="18"/>
      <c r="H7390" s="18"/>
      <c r="I7390" s="18"/>
      <c r="J7390" s="18"/>
      <c r="K7390" s="18"/>
      <c r="L7390" s="18"/>
      <c r="M7390" s="18"/>
      <c r="N7390" s="18"/>
      <c r="O7390" s="18"/>
      <c r="P7390" s="19">
        <v>250</v>
      </c>
      <c r="Q7390" s="19"/>
      <c r="R7390" s="19"/>
      <c r="S7390" s="19"/>
      <c r="T7390" s="19">
        <v>200</v>
      </c>
      <c r="U7390" s="19"/>
      <c r="V7390" s="19"/>
      <c r="W7390" s="19"/>
      <c r="X7390" s="19">
        <v>1</v>
      </c>
      <c r="Y7390" s="19"/>
      <c r="Z7390" s="19"/>
      <c r="AA7390" s="19"/>
    </row>
    <row r="7391" spans="1:27" s="1" customFormat="1" ht="11.1" customHeight="1" outlineLevel="2" x14ac:dyDescent="0.2">
      <c r="A7391" s="17"/>
      <c r="B7391" s="17"/>
      <c r="C7391" s="17"/>
      <c r="D7391" s="18"/>
      <c r="E7391" s="18"/>
      <c r="F7391" s="18"/>
      <c r="G7391" s="18"/>
      <c r="H7391" s="18"/>
      <c r="I7391" s="18"/>
      <c r="J7391" s="18"/>
      <c r="K7391" s="18"/>
      <c r="L7391" s="18"/>
      <c r="M7391" s="18"/>
      <c r="N7391" s="18"/>
      <c r="O7391" s="18"/>
      <c r="P7391" s="19"/>
      <c r="Q7391" s="19"/>
      <c r="R7391" s="19"/>
      <c r="S7391" s="19"/>
      <c r="T7391" s="19"/>
      <c r="U7391" s="19"/>
      <c r="V7391" s="19"/>
      <c r="W7391" s="19"/>
      <c r="X7391" s="19"/>
      <c r="Y7391" s="19"/>
      <c r="Z7391" s="19"/>
      <c r="AA7391" s="19"/>
    </row>
    <row r="7392" spans="1:27" s="1" customFormat="1" ht="11.1" customHeight="1" outlineLevel="1" x14ac:dyDescent="0.2">
      <c r="A7392" s="16" t="s">
        <v>3661</v>
      </c>
      <c r="B7392" s="16"/>
      <c r="C7392" s="16"/>
      <c r="D7392" s="16"/>
      <c r="E7392" s="16"/>
      <c r="F7392" s="16"/>
      <c r="G7392" s="16"/>
      <c r="H7392" s="16"/>
      <c r="I7392" s="16"/>
      <c r="J7392" s="16"/>
      <c r="K7392" s="16"/>
      <c r="L7392" s="16"/>
      <c r="M7392" s="16"/>
      <c r="N7392" s="16"/>
      <c r="O7392" s="16"/>
      <c r="P7392" s="16"/>
      <c r="Q7392" s="16"/>
      <c r="R7392" s="16"/>
      <c r="S7392" s="16"/>
      <c r="T7392" s="16"/>
      <c r="U7392" s="16"/>
      <c r="V7392" s="16"/>
      <c r="W7392" s="16"/>
      <c r="X7392" s="16"/>
      <c r="Y7392" s="16"/>
      <c r="Z7392" s="16"/>
      <c r="AA7392" s="16"/>
    </row>
    <row r="7393" spans="1:27" s="1" customFormat="1" ht="11.1" customHeight="1" outlineLevel="1" x14ac:dyDescent="0.2">
      <c r="A7393" s="16"/>
      <c r="B7393" s="16"/>
      <c r="C7393" s="16"/>
      <c r="D7393" s="16"/>
      <c r="E7393" s="16"/>
      <c r="F7393" s="16"/>
      <c r="G7393" s="16"/>
      <c r="H7393" s="16"/>
      <c r="I7393" s="16"/>
      <c r="J7393" s="16"/>
      <c r="K7393" s="16"/>
      <c r="L7393" s="16"/>
      <c r="M7393" s="16"/>
      <c r="N7393" s="16"/>
      <c r="O7393" s="16"/>
      <c r="P7393" s="16"/>
      <c r="Q7393" s="16"/>
      <c r="R7393" s="16"/>
      <c r="S7393" s="16"/>
      <c r="T7393" s="16"/>
      <c r="U7393" s="16"/>
      <c r="V7393" s="16"/>
      <c r="W7393" s="16"/>
      <c r="X7393" s="16"/>
      <c r="Y7393" s="16"/>
      <c r="Z7393" s="16"/>
      <c r="AA7393" s="16"/>
    </row>
    <row r="7394" spans="1:27" s="1" customFormat="1" ht="11.1" customHeight="1" outlineLevel="2" x14ac:dyDescent="0.2">
      <c r="A7394" s="17">
        <v>1090</v>
      </c>
      <c r="B7394" s="17"/>
      <c r="C7394" s="17"/>
      <c r="D7394" s="18" t="s">
        <v>3662</v>
      </c>
      <c r="E7394" s="18"/>
      <c r="F7394" s="18"/>
      <c r="G7394" s="18"/>
      <c r="H7394" s="18"/>
      <c r="I7394" s="18"/>
      <c r="J7394" s="18"/>
      <c r="K7394" s="18"/>
      <c r="L7394" s="18"/>
      <c r="M7394" s="18"/>
      <c r="N7394" s="18"/>
      <c r="O7394" s="18"/>
      <c r="P7394" s="19">
        <v>390</v>
      </c>
      <c r="Q7394" s="19"/>
      <c r="R7394" s="19"/>
      <c r="S7394" s="19"/>
      <c r="T7394" s="19">
        <v>340</v>
      </c>
      <c r="U7394" s="19"/>
      <c r="V7394" s="19"/>
      <c r="W7394" s="19"/>
      <c r="X7394" s="19">
        <v>1</v>
      </c>
      <c r="Y7394" s="19"/>
      <c r="Z7394" s="19"/>
      <c r="AA7394" s="19"/>
    </row>
    <row r="7395" spans="1:27" s="1" customFormat="1" ht="11.1" customHeight="1" outlineLevel="2" x14ac:dyDescent="0.2">
      <c r="A7395" s="17"/>
      <c r="B7395" s="17"/>
      <c r="C7395" s="17"/>
      <c r="D7395" s="18"/>
      <c r="E7395" s="18"/>
      <c r="F7395" s="18"/>
      <c r="G7395" s="18"/>
      <c r="H7395" s="18"/>
      <c r="I7395" s="18"/>
      <c r="J7395" s="18"/>
      <c r="K7395" s="18"/>
      <c r="L7395" s="18"/>
      <c r="M7395" s="18"/>
      <c r="N7395" s="18"/>
      <c r="O7395" s="18"/>
      <c r="P7395" s="19"/>
      <c r="Q7395" s="19"/>
      <c r="R7395" s="19"/>
      <c r="S7395" s="19"/>
      <c r="T7395" s="19"/>
      <c r="U7395" s="19"/>
      <c r="V7395" s="19"/>
      <c r="W7395" s="19"/>
      <c r="X7395" s="19"/>
      <c r="Y7395" s="19"/>
      <c r="Z7395" s="19"/>
      <c r="AA7395" s="19"/>
    </row>
    <row r="7396" spans="1:27" s="1" customFormat="1" ht="11.1" customHeight="1" outlineLevel="2" x14ac:dyDescent="0.2">
      <c r="A7396" s="17">
        <v>1089</v>
      </c>
      <c r="B7396" s="17"/>
      <c r="C7396" s="17"/>
      <c r="D7396" s="18" t="s">
        <v>3663</v>
      </c>
      <c r="E7396" s="18"/>
      <c r="F7396" s="18"/>
      <c r="G7396" s="18"/>
      <c r="H7396" s="18"/>
      <c r="I7396" s="18"/>
      <c r="J7396" s="18"/>
      <c r="K7396" s="18"/>
      <c r="L7396" s="18"/>
      <c r="M7396" s="18"/>
      <c r="N7396" s="18"/>
      <c r="O7396" s="18"/>
      <c r="P7396" s="19">
        <v>390</v>
      </c>
      <c r="Q7396" s="19"/>
      <c r="R7396" s="19"/>
      <c r="S7396" s="19"/>
      <c r="T7396" s="19">
        <v>340</v>
      </c>
      <c r="U7396" s="19"/>
      <c r="V7396" s="19"/>
      <c r="W7396" s="19"/>
      <c r="X7396" s="19">
        <v>1</v>
      </c>
      <c r="Y7396" s="19"/>
      <c r="Z7396" s="19"/>
      <c r="AA7396" s="19"/>
    </row>
    <row r="7397" spans="1:27" s="1" customFormat="1" ht="11.1" customHeight="1" outlineLevel="2" x14ac:dyDescent="0.2">
      <c r="A7397" s="17"/>
      <c r="B7397" s="17"/>
      <c r="C7397" s="17"/>
      <c r="D7397" s="18"/>
      <c r="E7397" s="18"/>
      <c r="F7397" s="18"/>
      <c r="G7397" s="18"/>
      <c r="H7397" s="18"/>
      <c r="I7397" s="18"/>
      <c r="J7397" s="18"/>
      <c r="K7397" s="18"/>
      <c r="L7397" s="18"/>
      <c r="M7397" s="18"/>
      <c r="N7397" s="18"/>
      <c r="O7397" s="18"/>
      <c r="P7397" s="19"/>
      <c r="Q7397" s="19"/>
      <c r="R7397" s="19"/>
      <c r="S7397" s="19"/>
      <c r="T7397" s="19"/>
      <c r="U7397" s="19"/>
      <c r="V7397" s="19"/>
      <c r="W7397" s="19"/>
      <c r="X7397" s="19"/>
      <c r="Y7397" s="19"/>
      <c r="Z7397" s="19"/>
      <c r="AA7397" s="19"/>
    </row>
    <row r="7398" spans="1:27" s="1" customFormat="1" ht="11.1" customHeight="1" outlineLevel="2" x14ac:dyDescent="0.2">
      <c r="A7398" s="17">
        <v>7039</v>
      </c>
      <c r="B7398" s="17"/>
      <c r="C7398" s="17"/>
      <c r="D7398" s="18" t="s">
        <v>3664</v>
      </c>
      <c r="E7398" s="18"/>
      <c r="F7398" s="18"/>
      <c r="G7398" s="18"/>
      <c r="H7398" s="18"/>
      <c r="I7398" s="18"/>
      <c r="J7398" s="18"/>
      <c r="K7398" s="18"/>
      <c r="L7398" s="18"/>
      <c r="M7398" s="18"/>
      <c r="N7398" s="18"/>
      <c r="O7398" s="18"/>
      <c r="P7398" s="19">
        <v>390</v>
      </c>
      <c r="Q7398" s="19"/>
      <c r="R7398" s="19"/>
      <c r="S7398" s="19"/>
      <c r="T7398" s="19">
        <v>340</v>
      </c>
      <c r="U7398" s="19"/>
      <c r="V7398" s="19"/>
      <c r="W7398" s="19"/>
      <c r="X7398" s="19">
        <v>1</v>
      </c>
      <c r="Y7398" s="19"/>
      <c r="Z7398" s="19"/>
      <c r="AA7398" s="19"/>
    </row>
    <row r="7399" spans="1:27" s="1" customFormat="1" ht="11.1" customHeight="1" outlineLevel="2" x14ac:dyDescent="0.2">
      <c r="A7399" s="17"/>
      <c r="B7399" s="17"/>
      <c r="C7399" s="17"/>
      <c r="D7399" s="18"/>
      <c r="E7399" s="18"/>
      <c r="F7399" s="18"/>
      <c r="G7399" s="18"/>
      <c r="H7399" s="18"/>
      <c r="I7399" s="18"/>
      <c r="J7399" s="18"/>
      <c r="K7399" s="18"/>
      <c r="L7399" s="18"/>
      <c r="M7399" s="18"/>
      <c r="N7399" s="18"/>
      <c r="O7399" s="18"/>
      <c r="P7399" s="19"/>
      <c r="Q7399" s="19"/>
      <c r="R7399" s="19"/>
      <c r="S7399" s="19"/>
      <c r="T7399" s="19"/>
      <c r="U7399" s="19"/>
      <c r="V7399" s="19"/>
      <c r="W7399" s="19"/>
      <c r="X7399" s="19"/>
      <c r="Y7399" s="19"/>
      <c r="Z7399" s="19"/>
      <c r="AA7399" s="19"/>
    </row>
    <row r="7400" spans="1:27" s="1" customFormat="1" ht="11.1" customHeight="1" outlineLevel="2" x14ac:dyDescent="0.2">
      <c r="A7400" s="17">
        <v>6122</v>
      </c>
      <c r="B7400" s="17"/>
      <c r="C7400" s="17"/>
      <c r="D7400" s="18" t="s">
        <v>3665</v>
      </c>
      <c r="E7400" s="18"/>
      <c r="F7400" s="18"/>
      <c r="G7400" s="18"/>
      <c r="H7400" s="18"/>
      <c r="I7400" s="18"/>
      <c r="J7400" s="18"/>
      <c r="K7400" s="18"/>
      <c r="L7400" s="18"/>
      <c r="M7400" s="18"/>
      <c r="N7400" s="18"/>
      <c r="O7400" s="18"/>
      <c r="P7400" s="19">
        <v>700</v>
      </c>
      <c r="Q7400" s="19"/>
      <c r="R7400" s="19"/>
      <c r="S7400" s="19"/>
      <c r="T7400" s="19">
        <v>650</v>
      </c>
      <c r="U7400" s="19"/>
      <c r="V7400" s="19"/>
      <c r="W7400" s="19"/>
      <c r="X7400" s="19">
        <v>1</v>
      </c>
      <c r="Y7400" s="19"/>
      <c r="Z7400" s="19"/>
      <c r="AA7400" s="19"/>
    </row>
    <row r="7401" spans="1:27" s="1" customFormat="1" ht="11.1" customHeight="1" outlineLevel="2" x14ac:dyDescent="0.2">
      <c r="A7401" s="17"/>
      <c r="B7401" s="17"/>
      <c r="C7401" s="17"/>
      <c r="D7401" s="18"/>
      <c r="E7401" s="18"/>
      <c r="F7401" s="18"/>
      <c r="G7401" s="18"/>
      <c r="H7401" s="18"/>
      <c r="I7401" s="18"/>
      <c r="J7401" s="18"/>
      <c r="K7401" s="18"/>
      <c r="L7401" s="18"/>
      <c r="M7401" s="18"/>
      <c r="N7401" s="18"/>
      <c r="O7401" s="18"/>
      <c r="P7401" s="19"/>
      <c r="Q7401" s="19"/>
      <c r="R7401" s="19"/>
      <c r="S7401" s="19"/>
      <c r="T7401" s="19"/>
      <c r="U7401" s="19"/>
      <c r="V7401" s="19"/>
      <c r="W7401" s="19"/>
      <c r="X7401" s="19"/>
      <c r="Y7401" s="19"/>
      <c r="Z7401" s="19"/>
      <c r="AA7401" s="19"/>
    </row>
    <row r="7402" spans="1:27" s="1" customFormat="1" ht="11.1" customHeight="1" outlineLevel="2" x14ac:dyDescent="0.2">
      <c r="A7402" s="17">
        <v>6121</v>
      </c>
      <c r="B7402" s="17"/>
      <c r="C7402" s="17"/>
      <c r="D7402" s="18" t="s">
        <v>3666</v>
      </c>
      <c r="E7402" s="18"/>
      <c r="F7402" s="18"/>
      <c r="G7402" s="18"/>
      <c r="H7402" s="18"/>
      <c r="I7402" s="18"/>
      <c r="J7402" s="18"/>
      <c r="K7402" s="18"/>
      <c r="L7402" s="18"/>
      <c r="M7402" s="18"/>
      <c r="N7402" s="18"/>
      <c r="O7402" s="18"/>
      <c r="P7402" s="19">
        <v>390</v>
      </c>
      <c r="Q7402" s="19"/>
      <c r="R7402" s="19"/>
      <c r="S7402" s="19"/>
      <c r="T7402" s="19">
        <v>340</v>
      </c>
      <c r="U7402" s="19"/>
      <c r="V7402" s="19"/>
      <c r="W7402" s="19"/>
      <c r="X7402" s="19">
        <v>1</v>
      </c>
      <c r="Y7402" s="19"/>
      <c r="Z7402" s="19"/>
      <c r="AA7402" s="19"/>
    </row>
    <row r="7403" spans="1:27" s="1" customFormat="1" ht="11.1" customHeight="1" outlineLevel="2" x14ac:dyDescent="0.2">
      <c r="A7403" s="17"/>
      <c r="B7403" s="17"/>
      <c r="C7403" s="17"/>
      <c r="D7403" s="18"/>
      <c r="E7403" s="18"/>
      <c r="F7403" s="18"/>
      <c r="G7403" s="18"/>
      <c r="H7403" s="18"/>
      <c r="I7403" s="18"/>
      <c r="J7403" s="18"/>
      <c r="K7403" s="18"/>
      <c r="L7403" s="18"/>
      <c r="M7403" s="18"/>
      <c r="N7403" s="18"/>
      <c r="O7403" s="18"/>
      <c r="P7403" s="19"/>
      <c r="Q7403" s="19"/>
      <c r="R7403" s="19"/>
      <c r="S7403" s="19"/>
      <c r="T7403" s="19"/>
      <c r="U7403" s="19"/>
      <c r="V7403" s="19"/>
      <c r="W7403" s="19"/>
      <c r="X7403" s="19"/>
      <c r="Y7403" s="19"/>
      <c r="Z7403" s="19"/>
      <c r="AA7403" s="19"/>
    </row>
    <row r="7404" spans="1:27" s="1" customFormat="1" ht="11.1" customHeight="1" outlineLevel="2" x14ac:dyDescent="0.2">
      <c r="A7404" s="17">
        <v>8596</v>
      </c>
      <c r="B7404" s="17"/>
      <c r="C7404" s="17"/>
      <c r="D7404" s="18" t="s">
        <v>3667</v>
      </c>
      <c r="E7404" s="18"/>
      <c r="F7404" s="18"/>
      <c r="G7404" s="18"/>
      <c r="H7404" s="18"/>
      <c r="I7404" s="18"/>
      <c r="J7404" s="18"/>
      <c r="K7404" s="18"/>
      <c r="L7404" s="18"/>
      <c r="M7404" s="18"/>
      <c r="N7404" s="18"/>
      <c r="O7404" s="18"/>
      <c r="P7404" s="19">
        <v>530</v>
      </c>
      <c r="Q7404" s="19"/>
      <c r="R7404" s="19"/>
      <c r="S7404" s="19"/>
      <c r="T7404" s="19">
        <v>430</v>
      </c>
      <c r="U7404" s="19"/>
      <c r="V7404" s="19"/>
      <c r="W7404" s="19"/>
      <c r="X7404" s="19">
        <v>1</v>
      </c>
      <c r="Y7404" s="19"/>
      <c r="Z7404" s="19"/>
      <c r="AA7404" s="19"/>
    </row>
    <row r="7405" spans="1:27" s="1" customFormat="1" ht="11.1" customHeight="1" outlineLevel="2" x14ac:dyDescent="0.2">
      <c r="A7405" s="17"/>
      <c r="B7405" s="17"/>
      <c r="C7405" s="17"/>
      <c r="D7405" s="18"/>
      <c r="E7405" s="18"/>
      <c r="F7405" s="18"/>
      <c r="G7405" s="18"/>
      <c r="H7405" s="18"/>
      <c r="I7405" s="18"/>
      <c r="J7405" s="18"/>
      <c r="K7405" s="18"/>
      <c r="L7405" s="18"/>
      <c r="M7405" s="18"/>
      <c r="N7405" s="18"/>
      <c r="O7405" s="18"/>
      <c r="P7405" s="19"/>
      <c r="Q7405" s="19"/>
      <c r="R7405" s="19"/>
      <c r="S7405" s="19"/>
      <c r="T7405" s="19"/>
      <c r="U7405" s="19"/>
      <c r="V7405" s="19"/>
      <c r="W7405" s="19"/>
      <c r="X7405" s="19"/>
      <c r="Y7405" s="19"/>
      <c r="Z7405" s="19"/>
      <c r="AA7405" s="19"/>
    </row>
    <row r="7406" spans="1:27" s="1" customFormat="1" ht="11.1" customHeight="1" outlineLevel="1" x14ac:dyDescent="0.2">
      <c r="A7406" s="16" t="s">
        <v>1678</v>
      </c>
      <c r="B7406" s="16"/>
      <c r="C7406" s="16"/>
      <c r="D7406" s="16"/>
      <c r="E7406" s="16"/>
      <c r="F7406" s="16"/>
      <c r="G7406" s="16"/>
      <c r="H7406" s="16"/>
      <c r="I7406" s="16"/>
      <c r="J7406" s="16"/>
      <c r="K7406" s="16"/>
      <c r="L7406" s="16"/>
      <c r="M7406" s="16"/>
      <c r="N7406" s="16"/>
      <c r="O7406" s="16"/>
      <c r="P7406" s="16"/>
      <c r="Q7406" s="16"/>
      <c r="R7406" s="16"/>
      <c r="S7406" s="16"/>
      <c r="T7406" s="16"/>
      <c r="U7406" s="16"/>
      <c r="V7406" s="16"/>
      <c r="W7406" s="16"/>
      <c r="X7406" s="16"/>
      <c r="Y7406" s="16"/>
      <c r="Z7406" s="16"/>
      <c r="AA7406" s="16"/>
    </row>
    <row r="7407" spans="1:27" s="1" customFormat="1" ht="11.1" customHeight="1" outlineLevel="1" x14ac:dyDescent="0.2">
      <c r="A7407" s="16"/>
      <c r="B7407" s="16"/>
      <c r="C7407" s="16"/>
      <c r="D7407" s="16"/>
      <c r="E7407" s="16"/>
      <c r="F7407" s="16"/>
      <c r="G7407" s="16"/>
      <c r="H7407" s="16"/>
      <c r="I7407" s="16"/>
      <c r="J7407" s="16"/>
      <c r="K7407" s="16"/>
      <c r="L7407" s="16"/>
      <c r="M7407" s="16"/>
      <c r="N7407" s="16"/>
      <c r="O7407" s="16"/>
      <c r="P7407" s="16"/>
      <c r="Q7407" s="16"/>
      <c r="R7407" s="16"/>
      <c r="S7407" s="16"/>
      <c r="T7407" s="16"/>
      <c r="U7407" s="16"/>
      <c r="V7407" s="16"/>
      <c r="W7407" s="16"/>
      <c r="X7407" s="16"/>
      <c r="Y7407" s="16"/>
      <c r="Z7407" s="16"/>
      <c r="AA7407" s="16"/>
    </row>
    <row r="7408" spans="1:27" s="1" customFormat="1" ht="11.1" customHeight="1" outlineLevel="2" x14ac:dyDescent="0.2">
      <c r="A7408" s="17">
        <v>1080</v>
      </c>
      <c r="B7408" s="17"/>
      <c r="C7408" s="17"/>
      <c r="D7408" s="18" t="s">
        <v>3668</v>
      </c>
      <c r="E7408" s="18"/>
      <c r="F7408" s="18"/>
      <c r="G7408" s="18"/>
      <c r="H7408" s="18"/>
      <c r="I7408" s="18"/>
      <c r="J7408" s="18"/>
      <c r="K7408" s="18"/>
      <c r="L7408" s="18"/>
      <c r="M7408" s="18"/>
      <c r="N7408" s="18"/>
      <c r="O7408" s="18"/>
      <c r="P7408" s="19">
        <v>250</v>
      </c>
      <c r="Q7408" s="19"/>
      <c r="R7408" s="19"/>
      <c r="S7408" s="19"/>
      <c r="T7408" s="19">
        <v>200</v>
      </c>
      <c r="U7408" s="19"/>
      <c r="V7408" s="19"/>
      <c r="W7408" s="19"/>
      <c r="X7408" s="19">
        <v>1</v>
      </c>
      <c r="Y7408" s="19"/>
      <c r="Z7408" s="19"/>
      <c r="AA7408" s="19"/>
    </row>
    <row r="7409" spans="1:27" s="1" customFormat="1" ht="11.1" customHeight="1" outlineLevel="2" x14ac:dyDescent="0.2">
      <c r="A7409" s="17"/>
      <c r="B7409" s="17"/>
      <c r="C7409" s="17"/>
      <c r="D7409" s="18"/>
      <c r="E7409" s="18"/>
      <c r="F7409" s="18"/>
      <c r="G7409" s="18"/>
      <c r="H7409" s="18"/>
      <c r="I7409" s="18"/>
      <c r="J7409" s="18"/>
      <c r="K7409" s="18"/>
      <c r="L7409" s="18"/>
      <c r="M7409" s="18"/>
      <c r="N7409" s="18"/>
      <c r="O7409" s="18"/>
      <c r="P7409" s="19"/>
      <c r="Q7409" s="19"/>
      <c r="R7409" s="19"/>
      <c r="S7409" s="19"/>
      <c r="T7409" s="19"/>
      <c r="U7409" s="19"/>
      <c r="V7409" s="19"/>
      <c r="W7409" s="19"/>
      <c r="X7409" s="19"/>
      <c r="Y7409" s="19"/>
      <c r="Z7409" s="19"/>
      <c r="AA7409" s="19"/>
    </row>
    <row r="7410" spans="1:27" s="1" customFormat="1" ht="11.1" customHeight="1" outlineLevel="2" x14ac:dyDescent="0.2">
      <c r="A7410" s="17">
        <v>1081</v>
      </c>
      <c r="B7410" s="17"/>
      <c r="C7410" s="17"/>
      <c r="D7410" s="18" t="s">
        <v>3669</v>
      </c>
      <c r="E7410" s="18"/>
      <c r="F7410" s="18"/>
      <c r="G7410" s="18"/>
      <c r="H7410" s="18"/>
      <c r="I7410" s="18"/>
      <c r="J7410" s="18"/>
      <c r="K7410" s="18"/>
      <c r="L7410" s="18"/>
      <c r="M7410" s="18"/>
      <c r="N7410" s="18"/>
      <c r="O7410" s="18"/>
      <c r="P7410" s="19">
        <v>450</v>
      </c>
      <c r="Q7410" s="19"/>
      <c r="R7410" s="19"/>
      <c r="S7410" s="19"/>
      <c r="T7410" s="19">
        <v>390</v>
      </c>
      <c r="U7410" s="19"/>
      <c r="V7410" s="19"/>
      <c r="W7410" s="19"/>
      <c r="X7410" s="19">
        <v>2</v>
      </c>
      <c r="Y7410" s="19"/>
      <c r="Z7410" s="19"/>
      <c r="AA7410" s="19"/>
    </row>
    <row r="7411" spans="1:27" s="1" customFormat="1" ht="11.1" customHeight="1" outlineLevel="2" x14ac:dyDescent="0.2">
      <c r="A7411" s="17"/>
      <c r="B7411" s="17"/>
      <c r="C7411" s="17"/>
      <c r="D7411" s="18"/>
      <c r="E7411" s="18"/>
      <c r="F7411" s="18"/>
      <c r="G7411" s="18"/>
      <c r="H7411" s="18"/>
      <c r="I7411" s="18"/>
      <c r="J7411" s="18"/>
      <c r="K7411" s="18"/>
      <c r="L7411" s="18"/>
      <c r="M7411" s="18"/>
      <c r="N7411" s="18"/>
      <c r="O7411" s="18"/>
      <c r="P7411" s="19"/>
      <c r="Q7411" s="19"/>
      <c r="R7411" s="19"/>
      <c r="S7411" s="19"/>
      <c r="T7411" s="19"/>
      <c r="U7411" s="19"/>
      <c r="V7411" s="19"/>
      <c r="W7411" s="19"/>
      <c r="X7411" s="19"/>
      <c r="Y7411" s="19"/>
      <c r="Z7411" s="19"/>
      <c r="AA7411" s="19"/>
    </row>
    <row r="7412" spans="1:27" s="1" customFormat="1" ht="14.1" customHeight="1" outlineLevel="2" x14ac:dyDescent="0.2">
      <c r="A7412" s="17">
        <v>1082</v>
      </c>
      <c r="B7412" s="17"/>
      <c r="C7412" s="17"/>
      <c r="D7412" s="18" t="s">
        <v>3670</v>
      </c>
      <c r="E7412" s="18"/>
      <c r="F7412" s="18"/>
      <c r="G7412" s="18"/>
      <c r="H7412" s="18"/>
      <c r="I7412" s="18"/>
      <c r="J7412" s="18"/>
      <c r="K7412" s="18"/>
      <c r="L7412" s="18"/>
      <c r="M7412" s="18"/>
      <c r="N7412" s="18"/>
      <c r="O7412" s="18"/>
      <c r="P7412" s="19">
        <v>450</v>
      </c>
      <c r="Q7412" s="19"/>
      <c r="R7412" s="19"/>
      <c r="S7412" s="19"/>
      <c r="T7412" s="19">
        <v>400</v>
      </c>
      <c r="U7412" s="19"/>
      <c r="V7412" s="19"/>
      <c r="W7412" s="19"/>
      <c r="X7412" s="19">
        <v>1</v>
      </c>
      <c r="Y7412" s="19"/>
      <c r="Z7412" s="19"/>
      <c r="AA7412" s="19"/>
    </row>
    <row r="7413" spans="1:27" s="1" customFormat="1" ht="14.1" customHeight="1" outlineLevel="2" x14ac:dyDescent="0.2">
      <c r="A7413" s="17"/>
      <c r="B7413" s="17"/>
      <c r="C7413" s="17"/>
      <c r="D7413" s="18"/>
      <c r="E7413" s="18"/>
      <c r="F7413" s="18"/>
      <c r="G7413" s="18"/>
      <c r="H7413" s="18"/>
      <c r="I7413" s="18"/>
      <c r="J7413" s="18"/>
      <c r="K7413" s="18"/>
      <c r="L7413" s="18"/>
      <c r="M7413" s="18"/>
      <c r="N7413" s="18"/>
      <c r="O7413" s="18"/>
      <c r="P7413" s="19"/>
      <c r="Q7413" s="19"/>
      <c r="R7413" s="19"/>
      <c r="S7413" s="19"/>
      <c r="T7413" s="19"/>
      <c r="U7413" s="19"/>
      <c r="V7413" s="19"/>
      <c r="W7413" s="19"/>
      <c r="X7413" s="19"/>
      <c r="Y7413" s="19"/>
      <c r="Z7413" s="19"/>
      <c r="AA7413" s="19"/>
    </row>
    <row r="7414" spans="1:27" s="1" customFormat="1" ht="11.1" customHeight="1" outlineLevel="2" x14ac:dyDescent="0.2">
      <c r="A7414" s="17">
        <v>1062</v>
      </c>
      <c r="B7414" s="17"/>
      <c r="C7414" s="17"/>
      <c r="D7414" s="18" t="s">
        <v>3671</v>
      </c>
      <c r="E7414" s="18"/>
      <c r="F7414" s="18"/>
      <c r="G7414" s="18"/>
      <c r="H7414" s="18"/>
      <c r="I7414" s="18"/>
      <c r="J7414" s="18"/>
      <c r="K7414" s="18"/>
      <c r="L7414" s="18"/>
      <c r="M7414" s="18"/>
      <c r="N7414" s="18"/>
      <c r="O7414" s="18"/>
      <c r="P7414" s="19">
        <v>150</v>
      </c>
      <c r="Q7414" s="19"/>
      <c r="R7414" s="19"/>
      <c r="S7414" s="19"/>
      <c r="T7414" s="19">
        <v>120</v>
      </c>
      <c r="U7414" s="19"/>
      <c r="V7414" s="19"/>
      <c r="W7414" s="19"/>
      <c r="X7414" s="19">
        <v>1</v>
      </c>
      <c r="Y7414" s="19"/>
      <c r="Z7414" s="19"/>
      <c r="AA7414" s="19"/>
    </row>
    <row r="7415" spans="1:27" s="1" customFormat="1" ht="11.1" customHeight="1" outlineLevel="2" x14ac:dyDescent="0.2">
      <c r="A7415" s="17"/>
      <c r="B7415" s="17"/>
      <c r="C7415" s="17"/>
      <c r="D7415" s="18"/>
      <c r="E7415" s="18"/>
      <c r="F7415" s="18"/>
      <c r="G7415" s="18"/>
      <c r="H7415" s="18"/>
      <c r="I7415" s="18"/>
      <c r="J7415" s="18"/>
      <c r="K7415" s="18"/>
      <c r="L7415" s="18"/>
      <c r="M7415" s="18"/>
      <c r="N7415" s="18"/>
      <c r="O7415" s="18"/>
      <c r="P7415" s="19"/>
      <c r="Q7415" s="19"/>
      <c r="R7415" s="19"/>
      <c r="S7415" s="19"/>
      <c r="T7415" s="19"/>
      <c r="U7415" s="19"/>
      <c r="V7415" s="19"/>
      <c r="W7415" s="19"/>
      <c r="X7415" s="19"/>
      <c r="Y7415" s="19"/>
      <c r="Z7415" s="19"/>
      <c r="AA7415" s="19"/>
    </row>
    <row r="7416" spans="1:27" s="1" customFormat="1" ht="11.1" customHeight="1" outlineLevel="2" x14ac:dyDescent="0.2">
      <c r="A7416" s="17">
        <v>1083</v>
      </c>
      <c r="B7416" s="17"/>
      <c r="C7416" s="17"/>
      <c r="D7416" s="18" t="s">
        <v>3672</v>
      </c>
      <c r="E7416" s="18"/>
      <c r="F7416" s="18"/>
      <c r="G7416" s="18"/>
      <c r="H7416" s="18"/>
      <c r="I7416" s="18"/>
      <c r="J7416" s="18"/>
      <c r="K7416" s="18"/>
      <c r="L7416" s="18"/>
      <c r="M7416" s="18"/>
      <c r="N7416" s="18"/>
      <c r="O7416" s="18"/>
      <c r="P7416" s="19">
        <v>500</v>
      </c>
      <c r="Q7416" s="19"/>
      <c r="R7416" s="19"/>
      <c r="S7416" s="19"/>
      <c r="T7416" s="19">
        <v>450</v>
      </c>
      <c r="U7416" s="19"/>
      <c r="V7416" s="19"/>
      <c r="W7416" s="19"/>
      <c r="X7416" s="19">
        <v>1</v>
      </c>
      <c r="Y7416" s="19"/>
      <c r="Z7416" s="19"/>
      <c r="AA7416" s="19"/>
    </row>
    <row r="7417" spans="1:27" s="1" customFormat="1" ht="11.1" customHeight="1" outlineLevel="2" x14ac:dyDescent="0.2">
      <c r="A7417" s="17"/>
      <c r="B7417" s="17"/>
      <c r="C7417" s="17"/>
      <c r="D7417" s="18"/>
      <c r="E7417" s="18"/>
      <c r="F7417" s="18"/>
      <c r="G7417" s="18"/>
      <c r="H7417" s="18"/>
      <c r="I7417" s="18"/>
      <c r="J7417" s="18"/>
      <c r="K7417" s="18"/>
      <c r="L7417" s="18"/>
      <c r="M7417" s="18"/>
      <c r="N7417" s="18"/>
      <c r="O7417" s="18"/>
      <c r="P7417" s="19"/>
      <c r="Q7417" s="19"/>
      <c r="R7417" s="19"/>
      <c r="S7417" s="19"/>
      <c r="T7417" s="19"/>
      <c r="U7417" s="19"/>
      <c r="V7417" s="19"/>
      <c r="W7417" s="19"/>
      <c r="X7417" s="19"/>
      <c r="Y7417" s="19"/>
      <c r="Z7417" s="19"/>
      <c r="AA7417" s="19"/>
    </row>
    <row r="7418" spans="1:27" s="1" customFormat="1" ht="11.1" customHeight="1" outlineLevel="2" x14ac:dyDescent="0.2">
      <c r="A7418" s="17">
        <v>1064</v>
      </c>
      <c r="B7418" s="17"/>
      <c r="C7418" s="17"/>
      <c r="D7418" s="18" t="s">
        <v>3673</v>
      </c>
      <c r="E7418" s="18"/>
      <c r="F7418" s="18"/>
      <c r="G7418" s="18"/>
      <c r="H7418" s="18"/>
      <c r="I7418" s="18"/>
      <c r="J7418" s="18"/>
      <c r="K7418" s="18"/>
      <c r="L7418" s="18"/>
      <c r="M7418" s="18"/>
      <c r="N7418" s="18"/>
      <c r="O7418" s="18"/>
      <c r="P7418" s="19">
        <v>200</v>
      </c>
      <c r="Q7418" s="19"/>
      <c r="R7418" s="19"/>
      <c r="S7418" s="19"/>
      <c r="T7418" s="19">
        <v>160</v>
      </c>
      <c r="U7418" s="19"/>
      <c r="V7418" s="19"/>
      <c r="W7418" s="19"/>
      <c r="X7418" s="19">
        <v>1</v>
      </c>
      <c r="Y7418" s="19"/>
      <c r="Z7418" s="19"/>
      <c r="AA7418" s="19"/>
    </row>
    <row r="7419" spans="1:27" s="1" customFormat="1" ht="11.1" customHeight="1" outlineLevel="2" x14ac:dyDescent="0.2">
      <c r="A7419" s="17"/>
      <c r="B7419" s="17"/>
      <c r="C7419" s="17"/>
      <c r="D7419" s="18"/>
      <c r="E7419" s="18"/>
      <c r="F7419" s="18"/>
      <c r="G7419" s="18"/>
      <c r="H7419" s="18"/>
      <c r="I7419" s="18"/>
      <c r="J7419" s="18"/>
      <c r="K7419" s="18"/>
      <c r="L7419" s="18"/>
      <c r="M7419" s="18"/>
      <c r="N7419" s="18"/>
      <c r="O7419" s="18"/>
      <c r="P7419" s="19"/>
      <c r="Q7419" s="19"/>
      <c r="R7419" s="19"/>
      <c r="S7419" s="19"/>
      <c r="T7419" s="19"/>
      <c r="U7419" s="19"/>
      <c r="V7419" s="19"/>
      <c r="W7419" s="19"/>
      <c r="X7419" s="19"/>
      <c r="Y7419" s="19"/>
      <c r="Z7419" s="19"/>
      <c r="AA7419" s="19"/>
    </row>
    <row r="7420" spans="1:27" s="1" customFormat="1" ht="11.1" customHeight="1" outlineLevel="2" x14ac:dyDescent="0.2">
      <c r="A7420" s="17">
        <v>1079</v>
      </c>
      <c r="B7420" s="17"/>
      <c r="C7420" s="17"/>
      <c r="D7420" s="18" t="s">
        <v>3674</v>
      </c>
      <c r="E7420" s="18"/>
      <c r="F7420" s="18"/>
      <c r="G7420" s="18"/>
      <c r="H7420" s="18"/>
      <c r="I7420" s="18"/>
      <c r="J7420" s="18"/>
      <c r="K7420" s="18"/>
      <c r="L7420" s="18"/>
      <c r="M7420" s="18"/>
      <c r="N7420" s="18"/>
      <c r="O7420" s="18"/>
      <c r="P7420" s="19">
        <v>650</v>
      </c>
      <c r="Q7420" s="19"/>
      <c r="R7420" s="19"/>
      <c r="S7420" s="19"/>
      <c r="T7420" s="19">
        <v>580</v>
      </c>
      <c r="U7420" s="19"/>
      <c r="V7420" s="19"/>
      <c r="W7420" s="19"/>
      <c r="X7420" s="19">
        <v>1</v>
      </c>
      <c r="Y7420" s="19"/>
      <c r="Z7420" s="19"/>
      <c r="AA7420" s="19"/>
    </row>
    <row r="7421" spans="1:27" s="1" customFormat="1" ht="11.1" customHeight="1" outlineLevel="2" x14ac:dyDescent="0.2">
      <c r="A7421" s="17"/>
      <c r="B7421" s="17"/>
      <c r="C7421" s="17"/>
      <c r="D7421" s="18"/>
      <c r="E7421" s="18"/>
      <c r="F7421" s="18"/>
      <c r="G7421" s="18"/>
      <c r="H7421" s="18"/>
      <c r="I7421" s="18"/>
      <c r="J7421" s="18"/>
      <c r="K7421" s="18"/>
      <c r="L7421" s="18"/>
      <c r="M7421" s="18"/>
      <c r="N7421" s="18"/>
      <c r="O7421" s="18"/>
      <c r="P7421" s="19"/>
      <c r="Q7421" s="19"/>
      <c r="R7421" s="19"/>
      <c r="S7421" s="19"/>
      <c r="T7421" s="19"/>
      <c r="U7421" s="19"/>
      <c r="V7421" s="19"/>
      <c r="W7421" s="19"/>
      <c r="X7421" s="19"/>
      <c r="Y7421" s="19"/>
      <c r="Z7421" s="19"/>
      <c r="AA7421" s="19"/>
    </row>
    <row r="7422" spans="1:27" s="1" customFormat="1" ht="11.1" customHeight="1" outlineLevel="2" x14ac:dyDescent="0.2">
      <c r="A7422" s="17">
        <v>1088</v>
      </c>
      <c r="B7422" s="17"/>
      <c r="C7422" s="17"/>
      <c r="D7422" s="18" t="s">
        <v>3675</v>
      </c>
      <c r="E7422" s="18"/>
      <c r="F7422" s="18"/>
      <c r="G7422" s="18"/>
      <c r="H7422" s="18"/>
      <c r="I7422" s="18"/>
      <c r="J7422" s="18"/>
      <c r="K7422" s="18"/>
      <c r="L7422" s="18"/>
      <c r="M7422" s="18"/>
      <c r="N7422" s="18"/>
      <c r="O7422" s="18"/>
      <c r="P7422" s="19">
        <v>450</v>
      </c>
      <c r="Q7422" s="19"/>
      <c r="R7422" s="19"/>
      <c r="S7422" s="19"/>
      <c r="T7422" s="19">
        <v>400</v>
      </c>
      <c r="U7422" s="19"/>
      <c r="V7422" s="19"/>
      <c r="W7422" s="19"/>
      <c r="X7422" s="19">
        <v>1</v>
      </c>
      <c r="Y7422" s="19"/>
      <c r="Z7422" s="19"/>
      <c r="AA7422" s="19"/>
    </row>
    <row r="7423" spans="1:27" s="1" customFormat="1" ht="11.1" customHeight="1" outlineLevel="2" x14ac:dyDescent="0.2">
      <c r="A7423" s="17"/>
      <c r="B7423" s="17"/>
      <c r="C7423" s="17"/>
      <c r="D7423" s="18"/>
      <c r="E7423" s="18"/>
      <c r="F7423" s="18"/>
      <c r="G7423" s="18"/>
      <c r="H7423" s="18"/>
      <c r="I7423" s="18"/>
      <c r="J7423" s="18"/>
      <c r="K7423" s="18"/>
      <c r="L7423" s="18"/>
      <c r="M7423" s="18"/>
      <c r="N7423" s="18"/>
      <c r="O7423" s="18"/>
      <c r="P7423" s="19"/>
      <c r="Q7423" s="19"/>
      <c r="R7423" s="19"/>
      <c r="S7423" s="19"/>
      <c r="T7423" s="19"/>
      <c r="U7423" s="19"/>
      <c r="V7423" s="19"/>
      <c r="W7423" s="19"/>
      <c r="X7423" s="19"/>
      <c r="Y7423" s="19"/>
      <c r="Z7423" s="19"/>
      <c r="AA7423" s="19"/>
    </row>
    <row r="7424" spans="1:27" s="1" customFormat="1" ht="14.1" customHeight="1" outlineLevel="2" x14ac:dyDescent="0.2">
      <c r="A7424" s="17">
        <v>1053</v>
      </c>
      <c r="B7424" s="17"/>
      <c r="C7424" s="17"/>
      <c r="D7424" s="18" t="s">
        <v>3676</v>
      </c>
      <c r="E7424" s="18"/>
      <c r="F7424" s="18"/>
      <c r="G7424" s="18"/>
      <c r="H7424" s="18"/>
      <c r="I7424" s="18"/>
      <c r="J7424" s="18"/>
      <c r="K7424" s="18"/>
      <c r="L7424" s="18"/>
      <c r="M7424" s="18"/>
      <c r="N7424" s="18"/>
      <c r="O7424" s="18"/>
      <c r="P7424" s="19">
        <v>350</v>
      </c>
      <c r="Q7424" s="19"/>
      <c r="R7424" s="19"/>
      <c r="S7424" s="19"/>
      <c r="T7424" s="19">
        <v>300</v>
      </c>
      <c r="U7424" s="19"/>
      <c r="V7424" s="19"/>
      <c r="W7424" s="19"/>
      <c r="X7424" s="19">
        <v>4</v>
      </c>
      <c r="Y7424" s="19"/>
      <c r="Z7424" s="19"/>
      <c r="AA7424" s="19"/>
    </row>
    <row r="7425" spans="1:27" s="1" customFormat="1" ht="14.1" customHeight="1" outlineLevel="2" x14ac:dyDescent="0.2">
      <c r="A7425" s="17"/>
      <c r="B7425" s="17"/>
      <c r="C7425" s="17"/>
      <c r="D7425" s="18"/>
      <c r="E7425" s="18"/>
      <c r="F7425" s="18"/>
      <c r="G7425" s="18"/>
      <c r="H7425" s="18"/>
      <c r="I7425" s="18"/>
      <c r="J7425" s="18"/>
      <c r="K7425" s="18"/>
      <c r="L7425" s="18"/>
      <c r="M7425" s="18"/>
      <c r="N7425" s="18"/>
      <c r="O7425" s="18"/>
      <c r="P7425" s="19"/>
      <c r="Q7425" s="19"/>
      <c r="R7425" s="19"/>
      <c r="S7425" s="19"/>
      <c r="T7425" s="19"/>
      <c r="U7425" s="19"/>
      <c r="V7425" s="19"/>
      <c r="W7425" s="19"/>
      <c r="X7425" s="19"/>
      <c r="Y7425" s="19"/>
      <c r="Z7425" s="19"/>
      <c r="AA7425" s="19"/>
    </row>
    <row r="7426" spans="1:27" s="1" customFormat="1" ht="11.1" customHeight="1" outlineLevel="2" x14ac:dyDescent="0.2">
      <c r="A7426" s="17">
        <v>1058</v>
      </c>
      <c r="B7426" s="17"/>
      <c r="C7426" s="17"/>
      <c r="D7426" s="18" t="s">
        <v>3677</v>
      </c>
      <c r="E7426" s="18"/>
      <c r="F7426" s="18"/>
      <c r="G7426" s="18"/>
      <c r="H7426" s="18"/>
      <c r="I7426" s="18"/>
      <c r="J7426" s="18"/>
      <c r="K7426" s="18"/>
      <c r="L7426" s="18"/>
      <c r="M7426" s="18"/>
      <c r="N7426" s="18"/>
      <c r="O7426" s="18"/>
      <c r="P7426" s="19">
        <v>400</v>
      </c>
      <c r="Q7426" s="19"/>
      <c r="R7426" s="19"/>
      <c r="S7426" s="19"/>
      <c r="T7426" s="19">
        <v>350</v>
      </c>
      <c r="U7426" s="19"/>
      <c r="V7426" s="19"/>
      <c r="W7426" s="19"/>
      <c r="X7426" s="19">
        <v>1</v>
      </c>
      <c r="Y7426" s="19"/>
      <c r="Z7426" s="19"/>
      <c r="AA7426" s="19"/>
    </row>
    <row r="7427" spans="1:27" s="1" customFormat="1" ht="11.1" customHeight="1" outlineLevel="2" x14ac:dyDescent="0.2">
      <c r="A7427" s="17"/>
      <c r="B7427" s="17"/>
      <c r="C7427" s="17"/>
      <c r="D7427" s="18"/>
      <c r="E7427" s="18"/>
      <c r="F7427" s="18"/>
      <c r="G7427" s="18"/>
      <c r="H7427" s="18"/>
      <c r="I7427" s="18"/>
      <c r="J7427" s="18"/>
      <c r="K7427" s="18"/>
      <c r="L7427" s="18"/>
      <c r="M7427" s="18"/>
      <c r="N7427" s="18"/>
      <c r="O7427" s="18"/>
      <c r="P7427" s="19"/>
      <c r="Q7427" s="19"/>
      <c r="R7427" s="19"/>
      <c r="S7427" s="19"/>
      <c r="T7427" s="19"/>
      <c r="U7427" s="19"/>
      <c r="V7427" s="19"/>
      <c r="W7427" s="19"/>
      <c r="X7427" s="19"/>
      <c r="Y7427" s="19"/>
      <c r="Z7427" s="19"/>
      <c r="AA7427" s="19"/>
    </row>
    <row r="7428" spans="1:27" s="1" customFormat="1" ht="11.1" customHeight="1" outlineLevel="1" x14ac:dyDescent="0.2">
      <c r="A7428" s="16" t="s">
        <v>3678</v>
      </c>
      <c r="B7428" s="16"/>
      <c r="C7428" s="16"/>
      <c r="D7428" s="16"/>
      <c r="E7428" s="16"/>
      <c r="F7428" s="16"/>
      <c r="G7428" s="16"/>
      <c r="H7428" s="16"/>
      <c r="I7428" s="16"/>
      <c r="J7428" s="16"/>
      <c r="K7428" s="16"/>
      <c r="L7428" s="16"/>
      <c r="M7428" s="16"/>
      <c r="N7428" s="16"/>
      <c r="O7428" s="16"/>
      <c r="P7428" s="16"/>
      <c r="Q7428" s="16"/>
      <c r="R7428" s="16"/>
      <c r="S7428" s="16"/>
      <c r="T7428" s="16"/>
      <c r="U7428" s="16"/>
      <c r="V7428" s="16"/>
      <c r="W7428" s="16"/>
      <c r="X7428" s="16"/>
      <c r="Y7428" s="16"/>
      <c r="Z7428" s="16"/>
      <c r="AA7428" s="16"/>
    </row>
    <row r="7429" spans="1:27" s="1" customFormat="1" ht="11.1" customHeight="1" outlineLevel="1" x14ac:dyDescent="0.2">
      <c r="A7429" s="16"/>
      <c r="B7429" s="16"/>
      <c r="C7429" s="16"/>
      <c r="D7429" s="16"/>
      <c r="E7429" s="16"/>
      <c r="F7429" s="16"/>
      <c r="G7429" s="16"/>
      <c r="H7429" s="16"/>
      <c r="I7429" s="16"/>
      <c r="J7429" s="16"/>
      <c r="K7429" s="16"/>
      <c r="L7429" s="16"/>
      <c r="M7429" s="16"/>
      <c r="N7429" s="16"/>
      <c r="O7429" s="16"/>
      <c r="P7429" s="16"/>
      <c r="Q7429" s="16"/>
      <c r="R7429" s="16"/>
      <c r="S7429" s="16"/>
      <c r="T7429" s="16"/>
      <c r="U7429" s="16"/>
      <c r="V7429" s="16"/>
      <c r="W7429" s="16"/>
      <c r="X7429" s="16"/>
      <c r="Y7429" s="16"/>
      <c r="Z7429" s="16"/>
      <c r="AA7429" s="16"/>
    </row>
    <row r="7430" spans="1:27" s="1" customFormat="1" ht="11.1" customHeight="1" outlineLevel="2" x14ac:dyDescent="0.2">
      <c r="A7430" s="17">
        <v>4642</v>
      </c>
      <c r="B7430" s="17"/>
      <c r="C7430" s="17"/>
      <c r="D7430" s="18" t="s">
        <v>3679</v>
      </c>
      <c r="E7430" s="18"/>
      <c r="F7430" s="18"/>
      <c r="G7430" s="18"/>
      <c r="H7430" s="18"/>
      <c r="I7430" s="18"/>
      <c r="J7430" s="18"/>
      <c r="K7430" s="18"/>
      <c r="L7430" s="18"/>
      <c r="M7430" s="18"/>
      <c r="N7430" s="18"/>
      <c r="O7430" s="18"/>
      <c r="P7430" s="19">
        <v>550</v>
      </c>
      <c r="Q7430" s="19"/>
      <c r="R7430" s="19"/>
      <c r="S7430" s="19"/>
      <c r="T7430" s="19">
        <v>490</v>
      </c>
      <c r="U7430" s="19"/>
      <c r="V7430" s="19"/>
      <c r="W7430" s="19"/>
      <c r="X7430" s="19">
        <v>2</v>
      </c>
      <c r="Y7430" s="19"/>
      <c r="Z7430" s="19"/>
      <c r="AA7430" s="19"/>
    </row>
    <row r="7431" spans="1:27" s="1" customFormat="1" ht="11.1" customHeight="1" outlineLevel="2" x14ac:dyDescent="0.2">
      <c r="A7431" s="17"/>
      <c r="B7431" s="17"/>
      <c r="C7431" s="17"/>
      <c r="D7431" s="18"/>
      <c r="E7431" s="18"/>
      <c r="F7431" s="18"/>
      <c r="G7431" s="18"/>
      <c r="H7431" s="18"/>
      <c r="I7431" s="18"/>
      <c r="J7431" s="18"/>
      <c r="K7431" s="18"/>
      <c r="L7431" s="18"/>
      <c r="M7431" s="18"/>
      <c r="N7431" s="18"/>
      <c r="O7431" s="18"/>
      <c r="P7431" s="19"/>
      <c r="Q7431" s="19"/>
      <c r="R7431" s="19"/>
      <c r="S7431" s="19"/>
      <c r="T7431" s="19"/>
      <c r="U7431" s="19"/>
      <c r="V7431" s="19"/>
      <c r="W7431" s="19"/>
      <c r="X7431" s="19"/>
      <c r="Y7431" s="19"/>
      <c r="Z7431" s="19"/>
      <c r="AA7431" s="19"/>
    </row>
    <row r="7432" spans="1:27" s="1" customFormat="1" ht="11.1" customHeight="1" outlineLevel="1" x14ac:dyDescent="0.2">
      <c r="A7432" s="16" t="s">
        <v>3680</v>
      </c>
      <c r="B7432" s="16"/>
      <c r="C7432" s="16"/>
      <c r="D7432" s="16"/>
      <c r="E7432" s="16"/>
      <c r="F7432" s="16"/>
      <c r="G7432" s="16"/>
      <c r="H7432" s="16"/>
      <c r="I7432" s="16"/>
      <c r="J7432" s="16"/>
      <c r="K7432" s="16"/>
      <c r="L7432" s="16"/>
      <c r="M7432" s="16"/>
      <c r="N7432" s="16"/>
      <c r="O7432" s="16"/>
      <c r="P7432" s="16"/>
      <c r="Q7432" s="16"/>
      <c r="R7432" s="16"/>
      <c r="S7432" s="16"/>
      <c r="T7432" s="16"/>
      <c r="U7432" s="16"/>
      <c r="V7432" s="16"/>
      <c r="W7432" s="16"/>
      <c r="X7432" s="16"/>
      <c r="Y7432" s="16"/>
      <c r="Z7432" s="16"/>
      <c r="AA7432" s="16"/>
    </row>
    <row r="7433" spans="1:27" s="1" customFormat="1" ht="11.1" customHeight="1" outlineLevel="1" x14ac:dyDescent="0.2">
      <c r="A7433" s="16"/>
      <c r="B7433" s="16"/>
      <c r="C7433" s="16"/>
      <c r="D7433" s="16"/>
      <c r="E7433" s="16"/>
      <c r="F7433" s="16"/>
      <c r="G7433" s="16"/>
      <c r="H7433" s="16"/>
      <c r="I7433" s="16"/>
      <c r="J7433" s="16"/>
      <c r="K7433" s="16"/>
      <c r="L7433" s="16"/>
      <c r="M7433" s="16"/>
      <c r="N7433" s="16"/>
      <c r="O7433" s="16"/>
      <c r="P7433" s="16"/>
      <c r="Q7433" s="16"/>
      <c r="R7433" s="16"/>
      <c r="S7433" s="16"/>
      <c r="T7433" s="16"/>
      <c r="U7433" s="16"/>
      <c r="V7433" s="16"/>
      <c r="W7433" s="16"/>
      <c r="X7433" s="16"/>
      <c r="Y7433" s="16"/>
      <c r="Z7433" s="16"/>
      <c r="AA7433" s="16"/>
    </row>
    <row r="7434" spans="1:27" s="1" customFormat="1" ht="11.1" customHeight="1" outlineLevel="2" x14ac:dyDescent="0.2">
      <c r="A7434" s="17">
        <v>11366</v>
      </c>
      <c r="B7434" s="17"/>
      <c r="C7434" s="17"/>
      <c r="D7434" s="18" t="s">
        <v>3681</v>
      </c>
      <c r="E7434" s="18"/>
      <c r="F7434" s="18"/>
      <c r="G7434" s="18"/>
      <c r="H7434" s="18"/>
      <c r="I7434" s="18"/>
      <c r="J7434" s="18"/>
      <c r="K7434" s="18"/>
      <c r="L7434" s="18"/>
      <c r="M7434" s="18"/>
      <c r="N7434" s="18"/>
      <c r="O7434" s="18"/>
      <c r="P7434" s="19">
        <v>270</v>
      </c>
      <c r="Q7434" s="19"/>
      <c r="R7434" s="19"/>
      <c r="S7434" s="19"/>
      <c r="T7434" s="19">
        <v>250</v>
      </c>
      <c r="U7434" s="19"/>
      <c r="V7434" s="19"/>
      <c r="W7434" s="19"/>
      <c r="X7434" s="19">
        <v>4</v>
      </c>
      <c r="Y7434" s="19"/>
      <c r="Z7434" s="19"/>
      <c r="AA7434" s="19"/>
    </row>
    <row r="7435" spans="1:27" s="1" customFormat="1" ht="11.1" customHeight="1" outlineLevel="2" x14ac:dyDescent="0.2">
      <c r="A7435" s="17"/>
      <c r="B7435" s="17"/>
      <c r="C7435" s="17"/>
      <c r="D7435" s="18"/>
      <c r="E7435" s="18"/>
      <c r="F7435" s="18"/>
      <c r="G7435" s="18"/>
      <c r="H7435" s="18"/>
      <c r="I7435" s="18"/>
      <c r="J7435" s="18"/>
      <c r="K7435" s="18"/>
      <c r="L7435" s="18"/>
      <c r="M7435" s="18"/>
      <c r="N7435" s="18"/>
      <c r="O7435" s="18"/>
      <c r="P7435" s="19"/>
      <c r="Q7435" s="19"/>
      <c r="R7435" s="19"/>
      <c r="S7435" s="19"/>
      <c r="T7435" s="19"/>
      <c r="U7435" s="19"/>
      <c r="V7435" s="19"/>
      <c r="W7435" s="19"/>
      <c r="X7435" s="19"/>
      <c r="Y7435" s="19"/>
      <c r="Z7435" s="19"/>
      <c r="AA7435" s="19"/>
    </row>
    <row r="7436" spans="1:27" s="1" customFormat="1" ht="11.1" customHeight="1" outlineLevel="2" x14ac:dyDescent="0.2">
      <c r="A7436" s="17">
        <v>13097</v>
      </c>
      <c r="B7436" s="17"/>
      <c r="C7436" s="17"/>
      <c r="D7436" s="18" t="s">
        <v>3682</v>
      </c>
      <c r="E7436" s="18"/>
      <c r="F7436" s="18"/>
      <c r="G7436" s="18"/>
      <c r="H7436" s="18"/>
      <c r="I7436" s="18"/>
      <c r="J7436" s="18"/>
      <c r="K7436" s="18"/>
      <c r="L7436" s="18"/>
      <c r="M7436" s="18"/>
      <c r="N7436" s="18"/>
      <c r="O7436" s="18"/>
      <c r="P7436" s="19">
        <v>400</v>
      </c>
      <c r="Q7436" s="19"/>
      <c r="R7436" s="19"/>
      <c r="S7436" s="19"/>
      <c r="T7436" s="19">
        <v>320</v>
      </c>
      <c r="U7436" s="19"/>
      <c r="V7436" s="19"/>
      <c r="W7436" s="19"/>
      <c r="X7436" s="19">
        <v>4</v>
      </c>
      <c r="Y7436" s="19"/>
      <c r="Z7436" s="19"/>
      <c r="AA7436" s="19"/>
    </row>
    <row r="7437" spans="1:27" s="1" customFormat="1" ht="11.1" customHeight="1" outlineLevel="2" x14ac:dyDescent="0.2">
      <c r="A7437" s="17"/>
      <c r="B7437" s="17"/>
      <c r="C7437" s="17"/>
      <c r="D7437" s="18"/>
      <c r="E7437" s="18"/>
      <c r="F7437" s="18"/>
      <c r="G7437" s="18"/>
      <c r="H7437" s="18"/>
      <c r="I7437" s="18"/>
      <c r="J7437" s="18"/>
      <c r="K7437" s="18"/>
      <c r="L7437" s="18"/>
      <c r="M7437" s="18"/>
      <c r="N7437" s="18"/>
      <c r="O7437" s="18"/>
      <c r="P7437" s="19"/>
      <c r="Q7437" s="19"/>
      <c r="R7437" s="19"/>
      <c r="S7437" s="19"/>
      <c r="T7437" s="19"/>
      <c r="U7437" s="19"/>
      <c r="V7437" s="19"/>
      <c r="W7437" s="19"/>
      <c r="X7437" s="19"/>
      <c r="Y7437" s="19"/>
      <c r="Z7437" s="19"/>
      <c r="AA7437" s="19"/>
    </row>
    <row r="7438" spans="1:27" s="1" customFormat="1" ht="11.1" customHeight="1" outlineLevel="1" x14ac:dyDescent="0.2">
      <c r="A7438" s="16" t="s">
        <v>1212</v>
      </c>
      <c r="B7438" s="16"/>
      <c r="C7438" s="16"/>
      <c r="D7438" s="16"/>
      <c r="E7438" s="16"/>
      <c r="F7438" s="16"/>
      <c r="G7438" s="16"/>
      <c r="H7438" s="16"/>
      <c r="I7438" s="16"/>
      <c r="J7438" s="16"/>
      <c r="K7438" s="16"/>
      <c r="L7438" s="16"/>
      <c r="M7438" s="16"/>
      <c r="N7438" s="16"/>
      <c r="O7438" s="16"/>
      <c r="P7438" s="16"/>
      <c r="Q7438" s="16"/>
      <c r="R7438" s="16"/>
      <c r="S7438" s="16"/>
      <c r="T7438" s="16"/>
      <c r="U7438" s="16"/>
      <c r="V7438" s="16"/>
      <c r="W7438" s="16"/>
      <c r="X7438" s="16"/>
      <c r="Y7438" s="16"/>
      <c r="Z7438" s="16"/>
      <c r="AA7438" s="16"/>
    </row>
    <row r="7439" spans="1:27" s="1" customFormat="1" ht="11.1" customHeight="1" outlineLevel="1" x14ac:dyDescent="0.2">
      <c r="A7439" s="16"/>
      <c r="B7439" s="16"/>
      <c r="C7439" s="16"/>
      <c r="D7439" s="16"/>
      <c r="E7439" s="16"/>
      <c r="F7439" s="16"/>
      <c r="G7439" s="16"/>
      <c r="H7439" s="16"/>
      <c r="I7439" s="16"/>
      <c r="J7439" s="16"/>
      <c r="K7439" s="16"/>
      <c r="L7439" s="16"/>
      <c r="M7439" s="16"/>
      <c r="N7439" s="16"/>
      <c r="O7439" s="16"/>
      <c r="P7439" s="16"/>
      <c r="Q7439" s="16"/>
      <c r="R7439" s="16"/>
      <c r="S7439" s="16"/>
      <c r="T7439" s="16"/>
      <c r="U7439" s="16"/>
      <c r="V7439" s="16"/>
      <c r="W7439" s="16"/>
      <c r="X7439" s="16"/>
      <c r="Y7439" s="16"/>
      <c r="Z7439" s="16"/>
      <c r="AA7439" s="16"/>
    </row>
    <row r="7440" spans="1:27" s="1" customFormat="1" ht="11.1" customHeight="1" outlineLevel="2" x14ac:dyDescent="0.2">
      <c r="A7440" s="17">
        <v>5364</v>
      </c>
      <c r="B7440" s="17"/>
      <c r="C7440" s="17"/>
      <c r="D7440" s="18" t="s">
        <v>3683</v>
      </c>
      <c r="E7440" s="18"/>
      <c r="F7440" s="18"/>
      <c r="G7440" s="18"/>
      <c r="H7440" s="18"/>
      <c r="I7440" s="18"/>
      <c r="J7440" s="18"/>
      <c r="K7440" s="18"/>
      <c r="L7440" s="18"/>
      <c r="M7440" s="18"/>
      <c r="N7440" s="18"/>
      <c r="O7440" s="18"/>
      <c r="P7440" s="19">
        <v>350</v>
      </c>
      <c r="Q7440" s="19"/>
      <c r="R7440" s="19"/>
      <c r="S7440" s="19"/>
      <c r="T7440" s="19">
        <v>300</v>
      </c>
      <c r="U7440" s="19"/>
      <c r="V7440" s="19"/>
      <c r="W7440" s="19"/>
      <c r="X7440" s="19">
        <v>1</v>
      </c>
      <c r="Y7440" s="19"/>
      <c r="Z7440" s="19"/>
      <c r="AA7440" s="19"/>
    </row>
    <row r="7441" spans="1:27" s="1" customFormat="1" ht="11.1" customHeight="1" outlineLevel="2" x14ac:dyDescent="0.2">
      <c r="A7441" s="17"/>
      <c r="B7441" s="17"/>
      <c r="C7441" s="17"/>
      <c r="D7441" s="18"/>
      <c r="E7441" s="18"/>
      <c r="F7441" s="18"/>
      <c r="G7441" s="18"/>
      <c r="H7441" s="18"/>
      <c r="I7441" s="18"/>
      <c r="J7441" s="18"/>
      <c r="K7441" s="18"/>
      <c r="L7441" s="18"/>
      <c r="M7441" s="18"/>
      <c r="N7441" s="18"/>
      <c r="O7441" s="18"/>
      <c r="P7441" s="19"/>
      <c r="Q7441" s="19"/>
      <c r="R7441" s="19"/>
      <c r="S7441" s="19"/>
      <c r="T7441" s="19"/>
      <c r="U7441" s="19"/>
      <c r="V7441" s="19"/>
      <c r="W7441" s="19"/>
      <c r="X7441" s="19"/>
      <c r="Y7441" s="19"/>
      <c r="Z7441" s="19"/>
      <c r="AA7441" s="19"/>
    </row>
    <row r="7442" spans="1:27" s="1" customFormat="1" ht="14.1" customHeight="1" outlineLevel="2" x14ac:dyDescent="0.2">
      <c r="A7442" s="17">
        <v>5376</v>
      </c>
      <c r="B7442" s="17"/>
      <c r="C7442" s="17"/>
      <c r="D7442" s="18" t="s">
        <v>3684</v>
      </c>
      <c r="E7442" s="18"/>
      <c r="F7442" s="18"/>
      <c r="G7442" s="18"/>
      <c r="H7442" s="18"/>
      <c r="I7442" s="18"/>
      <c r="J7442" s="18"/>
      <c r="K7442" s="18"/>
      <c r="L7442" s="18"/>
      <c r="M7442" s="18"/>
      <c r="N7442" s="18"/>
      <c r="O7442" s="18"/>
      <c r="P7442" s="19">
        <v>380</v>
      </c>
      <c r="Q7442" s="19"/>
      <c r="R7442" s="19"/>
      <c r="S7442" s="19"/>
      <c r="T7442" s="19">
        <v>330</v>
      </c>
      <c r="U7442" s="19"/>
      <c r="V7442" s="19"/>
      <c r="W7442" s="19"/>
      <c r="X7442" s="19">
        <v>1</v>
      </c>
      <c r="Y7442" s="19"/>
      <c r="Z7442" s="19"/>
      <c r="AA7442" s="19"/>
    </row>
    <row r="7443" spans="1:27" s="1" customFormat="1" ht="14.1" customHeight="1" outlineLevel="2" x14ac:dyDescent="0.2">
      <c r="A7443" s="17"/>
      <c r="B7443" s="17"/>
      <c r="C7443" s="17"/>
      <c r="D7443" s="18"/>
      <c r="E7443" s="18"/>
      <c r="F7443" s="18"/>
      <c r="G7443" s="18"/>
      <c r="H7443" s="18"/>
      <c r="I7443" s="18"/>
      <c r="J7443" s="18"/>
      <c r="K7443" s="18"/>
      <c r="L7443" s="18"/>
      <c r="M7443" s="18"/>
      <c r="N7443" s="18"/>
      <c r="O7443" s="18"/>
      <c r="P7443" s="19"/>
      <c r="Q7443" s="19"/>
      <c r="R7443" s="19"/>
      <c r="S7443" s="19"/>
      <c r="T7443" s="19"/>
      <c r="U7443" s="19"/>
      <c r="V7443" s="19"/>
      <c r="W7443" s="19"/>
      <c r="X7443" s="19"/>
      <c r="Y7443" s="19"/>
      <c r="Z7443" s="19"/>
      <c r="AA7443" s="19"/>
    </row>
    <row r="7444" spans="1:27" s="1" customFormat="1" ht="14.1" customHeight="1" outlineLevel="2" x14ac:dyDescent="0.2">
      <c r="A7444" s="17">
        <v>1412</v>
      </c>
      <c r="B7444" s="17"/>
      <c r="C7444" s="17"/>
      <c r="D7444" s="18" t="s">
        <v>3685</v>
      </c>
      <c r="E7444" s="18"/>
      <c r="F7444" s="18"/>
      <c r="G7444" s="18"/>
      <c r="H7444" s="18"/>
      <c r="I7444" s="18"/>
      <c r="J7444" s="18"/>
      <c r="K7444" s="18"/>
      <c r="L7444" s="18"/>
      <c r="M7444" s="18"/>
      <c r="N7444" s="18"/>
      <c r="O7444" s="18"/>
      <c r="P7444" s="19">
        <v>425</v>
      </c>
      <c r="Q7444" s="19"/>
      <c r="R7444" s="19"/>
      <c r="S7444" s="19"/>
      <c r="T7444" s="19">
        <v>375</v>
      </c>
      <c r="U7444" s="19"/>
      <c r="V7444" s="19"/>
      <c r="W7444" s="19"/>
      <c r="X7444" s="19">
        <v>3</v>
      </c>
      <c r="Y7444" s="19"/>
      <c r="Z7444" s="19"/>
      <c r="AA7444" s="19"/>
    </row>
    <row r="7445" spans="1:27" s="1" customFormat="1" ht="14.1" customHeight="1" outlineLevel="2" x14ac:dyDescent="0.2">
      <c r="A7445" s="17"/>
      <c r="B7445" s="17"/>
      <c r="C7445" s="17"/>
      <c r="D7445" s="18"/>
      <c r="E7445" s="18"/>
      <c r="F7445" s="18"/>
      <c r="G7445" s="18"/>
      <c r="H7445" s="18"/>
      <c r="I7445" s="18"/>
      <c r="J7445" s="18"/>
      <c r="K7445" s="18"/>
      <c r="L7445" s="18"/>
      <c r="M7445" s="18"/>
      <c r="N7445" s="18"/>
      <c r="O7445" s="18"/>
      <c r="P7445" s="19"/>
      <c r="Q7445" s="19"/>
      <c r="R7445" s="19"/>
      <c r="S7445" s="19"/>
      <c r="T7445" s="19"/>
      <c r="U7445" s="19"/>
      <c r="V7445" s="19"/>
      <c r="W7445" s="19"/>
      <c r="X7445" s="19"/>
      <c r="Y7445" s="19"/>
      <c r="Z7445" s="19"/>
      <c r="AA7445" s="19"/>
    </row>
    <row r="7446" spans="1:27" s="1" customFormat="1" ht="11.1" customHeight="1" outlineLevel="2" x14ac:dyDescent="0.2">
      <c r="A7446" s="17">
        <v>1036</v>
      </c>
      <c r="B7446" s="17"/>
      <c r="C7446" s="17"/>
      <c r="D7446" s="18" t="s">
        <v>3686</v>
      </c>
      <c r="E7446" s="18"/>
      <c r="F7446" s="18"/>
      <c r="G7446" s="18"/>
      <c r="H7446" s="18"/>
      <c r="I7446" s="18"/>
      <c r="J7446" s="18"/>
      <c r="K7446" s="18"/>
      <c r="L7446" s="18"/>
      <c r="M7446" s="18"/>
      <c r="N7446" s="18"/>
      <c r="O7446" s="18"/>
      <c r="P7446" s="19">
        <v>670</v>
      </c>
      <c r="Q7446" s="19"/>
      <c r="R7446" s="19"/>
      <c r="S7446" s="19"/>
      <c r="T7446" s="19">
        <v>600</v>
      </c>
      <c r="U7446" s="19"/>
      <c r="V7446" s="19"/>
      <c r="W7446" s="19"/>
      <c r="X7446" s="19">
        <v>1</v>
      </c>
      <c r="Y7446" s="19"/>
      <c r="Z7446" s="19"/>
      <c r="AA7446" s="19"/>
    </row>
    <row r="7447" spans="1:27" s="1" customFormat="1" ht="11.1" customHeight="1" outlineLevel="2" x14ac:dyDescent="0.2">
      <c r="A7447" s="17"/>
      <c r="B7447" s="17"/>
      <c r="C7447" s="17"/>
      <c r="D7447" s="18"/>
      <c r="E7447" s="18"/>
      <c r="F7447" s="18"/>
      <c r="G7447" s="18"/>
      <c r="H7447" s="18"/>
      <c r="I7447" s="18"/>
      <c r="J7447" s="18"/>
      <c r="K7447" s="18"/>
      <c r="L7447" s="18"/>
      <c r="M7447" s="18"/>
      <c r="N7447" s="18"/>
      <c r="O7447" s="18"/>
      <c r="P7447" s="19"/>
      <c r="Q7447" s="19"/>
      <c r="R7447" s="19"/>
      <c r="S7447" s="19"/>
      <c r="T7447" s="19"/>
      <c r="U7447" s="19"/>
      <c r="V7447" s="19"/>
      <c r="W7447" s="19"/>
      <c r="X7447" s="19"/>
      <c r="Y7447" s="19"/>
      <c r="Z7447" s="19"/>
      <c r="AA7447" s="19"/>
    </row>
    <row r="7448" spans="1:27" s="1" customFormat="1" ht="11.1" customHeight="1" outlineLevel="2" x14ac:dyDescent="0.2">
      <c r="A7448" s="17">
        <v>1002</v>
      </c>
      <c r="B7448" s="17"/>
      <c r="C7448" s="17"/>
      <c r="D7448" s="18" t="s">
        <v>3687</v>
      </c>
      <c r="E7448" s="18"/>
      <c r="F7448" s="18"/>
      <c r="G7448" s="18"/>
      <c r="H7448" s="18"/>
      <c r="I7448" s="18"/>
      <c r="J7448" s="18"/>
      <c r="K7448" s="18"/>
      <c r="L7448" s="18"/>
      <c r="M7448" s="18"/>
      <c r="N7448" s="18"/>
      <c r="O7448" s="18"/>
      <c r="P7448" s="19">
        <v>100</v>
      </c>
      <c r="Q7448" s="19"/>
      <c r="R7448" s="19"/>
      <c r="S7448" s="19"/>
      <c r="T7448" s="19">
        <v>80</v>
      </c>
      <c r="U7448" s="19"/>
      <c r="V7448" s="19"/>
      <c r="W7448" s="19"/>
      <c r="X7448" s="19">
        <v>4</v>
      </c>
      <c r="Y7448" s="19"/>
      <c r="Z7448" s="19"/>
      <c r="AA7448" s="19"/>
    </row>
    <row r="7449" spans="1:27" s="1" customFormat="1" ht="11.1" customHeight="1" outlineLevel="2" x14ac:dyDescent="0.2">
      <c r="A7449" s="17"/>
      <c r="B7449" s="17"/>
      <c r="C7449" s="17"/>
      <c r="D7449" s="18"/>
      <c r="E7449" s="18"/>
      <c r="F7449" s="18"/>
      <c r="G7449" s="18"/>
      <c r="H7449" s="18"/>
      <c r="I7449" s="18"/>
      <c r="J7449" s="18"/>
      <c r="K7449" s="18"/>
      <c r="L7449" s="18"/>
      <c r="M7449" s="18"/>
      <c r="N7449" s="18"/>
      <c r="O7449" s="18"/>
      <c r="P7449" s="19"/>
      <c r="Q7449" s="19"/>
      <c r="R7449" s="19"/>
      <c r="S7449" s="19"/>
      <c r="T7449" s="19"/>
      <c r="U7449" s="19"/>
      <c r="V7449" s="19"/>
      <c r="W7449" s="19"/>
      <c r="X7449" s="19"/>
      <c r="Y7449" s="19"/>
      <c r="Z7449" s="19"/>
      <c r="AA7449" s="19"/>
    </row>
    <row r="7450" spans="1:27" s="1" customFormat="1" ht="11.1" customHeight="1" outlineLevel="2" x14ac:dyDescent="0.2">
      <c r="A7450" s="17">
        <v>1001</v>
      </c>
      <c r="B7450" s="17"/>
      <c r="C7450" s="17"/>
      <c r="D7450" s="18" t="s">
        <v>3688</v>
      </c>
      <c r="E7450" s="18"/>
      <c r="F7450" s="18"/>
      <c r="G7450" s="18"/>
      <c r="H7450" s="18"/>
      <c r="I7450" s="18"/>
      <c r="J7450" s="18"/>
      <c r="K7450" s="18"/>
      <c r="L7450" s="18"/>
      <c r="M7450" s="18"/>
      <c r="N7450" s="18"/>
      <c r="O7450" s="18"/>
      <c r="P7450" s="19">
        <v>150</v>
      </c>
      <c r="Q7450" s="19"/>
      <c r="R7450" s="19"/>
      <c r="S7450" s="19"/>
      <c r="T7450" s="19">
        <v>120</v>
      </c>
      <c r="U7450" s="19"/>
      <c r="V7450" s="19"/>
      <c r="W7450" s="19"/>
      <c r="X7450" s="19">
        <v>1</v>
      </c>
      <c r="Y7450" s="19"/>
      <c r="Z7450" s="19"/>
      <c r="AA7450" s="19"/>
    </row>
    <row r="7451" spans="1:27" s="1" customFormat="1" ht="11.1" customHeight="1" outlineLevel="2" x14ac:dyDescent="0.2">
      <c r="A7451" s="17"/>
      <c r="B7451" s="17"/>
      <c r="C7451" s="17"/>
      <c r="D7451" s="18"/>
      <c r="E7451" s="18"/>
      <c r="F7451" s="18"/>
      <c r="G7451" s="18"/>
      <c r="H7451" s="18"/>
      <c r="I7451" s="18"/>
      <c r="J7451" s="18"/>
      <c r="K7451" s="18"/>
      <c r="L7451" s="18"/>
      <c r="M7451" s="18"/>
      <c r="N7451" s="18"/>
      <c r="O7451" s="18"/>
      <c r="P7451" s="19"/>
      <c r="Q7451" s="19"/>
      <c r="R7451" s="19"/>
      <c r="S7451" s="19"/>
      <c r="T7451" s="19"/>
      <c r="U7451" s="19"/>
      <c r="V7451" s="19"/>
      <c r="W7451" s="19"/>
      <c r="X7451" s="19"/>
      <c r="Y7451" s="19"/>
      <c r="Z7451" s="19"/>
      <c r="AA7451" s="19"/>
    </row>
    <row r="7452" spans="1:27" s="1" customFormat="1" ht="14.1" customHeight="1" outlineLevel="2" x14ac:dyDescent="0.2">
      <c r="A7452" s="17">
        <v>1006</v>
      </c>
      <c r="B7452" s="17"/>
      <c r="C7452" s="17"/>
      <c r="D7452" s="18" t="s">
        <v>3689</v>
      </c>
      <c r="E7452" s="18"/>
      <c r="F7452" s="18"/>
      <c r="G7452" s="18"/>
      <c r="H7452" s="18"/>
      <c r="I7452" s="18"/>
      <c r="J7452" s="18"/>
      <c r="K7452" s="18"/>
      <c r="L7452" s="18"/>
      <c r="M7452" s="18"/>
      <c r="N7452" s="18"/>
      <c r="O7452" s="18"/>
      <c r="P7452" s="19">
        <v>250</v>
      </c>
      <c r="Q7452" s="19"/>
      <c r="R7452" s="19"/>
      <c r="S7452" s="19"/>
      <c r="T7452" s="19">
        <v>200</v>
      </c>
      <c r="U7452" s="19"/>
      <c r="V7452" s="19"/>
      <c r="W7452" s="19"/>
      <c r="X7452" s="19">
        <v>1</v>
      </c>
      <c r="Y7452" s="19"/>
      <c r="Z7452" s="19"/>
      <c r="AA7452" s="19"/>
    </row>
    <row r="7453" spans="1:27" s="1" customFormat="1" ht="14.1" customHeight="1" outlineLevel="2" x14ac:dyDescent="0.2">
      <c r="A7453" s="17"/>
      <c r="B7453" s="17"/>
      <c r="C7453" s="17"/>
      <c r="D7453" s="18"/>
      <c r="E7453" s="18"/>
      <c r="F7453" s="18"/>
      <c r="G7453" s="18"/>
      <c r="H7453" s="18"/>
      <c r="I7453" s="18"/>
      <c r="J7453" s="18"/>
      <c r="K7453" s="18"/>
      <c r="L7453" s="18"/>
      <c r="M7453" s="18"/>
      <c r="N7453" s="18"/>
      <c r="O7453" s="18"/>
      <c r="P7453" s="19"/>
      <c r="Q7453" s="19"/>
      <c r="R7453" s="19"/>
      <c r="S7453" s="19"/>
      <c r="T7453" s="19"/>
      <c r="U7453" s="19"/>
      <c r="V7453" s="19"/>
      <c r="W7453" s="19"/>
      <c r="X7453" s="19"/>
      <c r="Y7453" s="19"/>
      <c r="Z7453" s="19"/>
      <c r="AA7453" s="19"/>
    </row>
    <row r="7454" spans="1:27" s="1" customFormat="1" ht="11.1" customHeight="1" outlineLevel="2" x14ac:dyDescent="0.2">
      <c r="A7454" s="17">
        <v>1009</v>
      </c>
      <c r="B7454" s="17"/>
      <c r="C7454" s="17"/>
      <c r="D7454" s="18" t="s">
        <v>3690</v>
      </c>
      <c r="E7454" s="18"/>
      <c r="F7454" s="18"/>
      <c r="G7454" s="18"/>
      <c r="H7454" s="18"/>
      <c r="I7454" s="18"/>
      <c r="J7454" s="18"/>
      <c r="K7454" s="18"/>
      <c r="L7454" s="18"/>
      <c r="M7454" s="18"/>
      <c r="N7454" s="18"/>
      <c r="O7454" s="18"/>
      <c r="P7454" s="19">
        <v>100</v>
      </c>
      <c r="Q7454" s="19"/>
      <c r="R7454" s="19"/>
      <c r="S7454" s="19"/>
      <c r="T7454" s="19">
        <v>80</v>
      </c>
      <c r="U7454" s="19"/>
      <c r="V7454" s="19"/>
      <c r="W7454" s="19"/>
      <c r="X7454" s="19">
        <v>1</v>
      </c>
      <c r="Y7454" s="19"/>
      <c r="Z7454" s="19"/>
      <c r="AA7454" s="19"/>
    </row>
    <row r="7455" spans="1:27" s="1" customFormat="1" ht="11.1" customHeight="1" outlineLevel="2" x14ac:dyDescent="0.2">
      <c r="A7455" s="17"/>
      <c r="B7455" s="17"/>
      <c r="C7455" s="17"/>
      <c r="D7455" s="18"/>
      <c r="E7455" s="18"/>
      <c r="F7455" s="18"/>
      <c r="G7455" s="18"/>
      <c r="H7455" s="18"/>
      <c r="I7455" s="18"/>
      <c r="J7455" s="18"/>
      <c r="K7455" s="18"/>
      <c r="L7455" s="18"/>
      <c r="M7455" s="18"/>
      <c r="N7455" s="18"/>
      <c r="O7455" s="18"/>
      <c r="P7455" s="19"/>
      <c r="Q7455" s="19"/>
      <c r="R7455" s="19"/>
      <c r="S7455" s="19"/>
      <c r="T7455" s="19"/>
      <c r="U7455" s="19"/>
      <c r="V7455" s="19"/>
      <c r="W7455" s="19"/>
      <c r="X7455" s="19"/>
      <c r="Y7455" s="19"/>
      <c r="Z7455" s="19"/>
      <c r="AA7455" s="19"/>
    </row>
    <row r="7456" spans="1:27" s="1" customFormat="1" ht="11.1" customHeight="1" outlineLevel="2" x14ac:dyDescent="0.2">
      <c r="A7456" s="17">
        <v>1025</v>
      </c>
      <c r="B7456" s="17"/>
      <c r="C7456" s="17"/>
      <c r="D7456" s="18" t="s">
        <v>3691</v>
      </c>
      <c r="E7456" s="18"/>
      <c r="F7456" s="18"/>
      <c r="G7456" s="18"/>
      <c r="H7456" s="18"/>
      <c r="I7456" s="18"/>
      <c r="J7456" s="18"/>
      <c r="K7456" s="18"/>
      <c r="L7456" s="18"/>
      <c r="M7456" s="18"/>
      <c r="N7456" s="18"/>
      <c r="O7456" s="18"/>
      <c r="P7456" s="19">
        <v>200</v>
      </c>
      <c r="Q7456" s="19"/>
      <c r="R7456" s="19"/>
      <c r="S7456" s="19"/>
      <c r="T7456" s="19">
        <v>160</v>
      </c>
      <c r="U7456" s="19"/>
      <c r="V7456" s="19"/>
      <c r="W7456" s="19"/>
      <c r="X7456" s="19">
        <v>1</v>
      </c>
      <c r="Y7456" s="19"/>
      <c r="Z7456" s="19"/>
      <c r="AA7456" s="19"/>
    </row>
    <row r="7457" spans="1:27" s="1" customFormat="1" ht="11.1" customHeight="1" outlineLevel="2" x14ac:dyDescent="0.2">
      <c r="A7457" s="17"/>
      <c r="B7457" s="17"/>
      <c r="C7457" s="17"/>
      <c r="D7457" s="18"/>
      <c r="E7457" s="18"/>
      <c r="F7457" s="18"/>
      <c r="G7457" s="18"/>
      <c r="H7457" s="18"/>
      <c r="I7457" s="18"/>
      <c r="J7457" s="18"/>
      <c r="K7457" s="18"/>
      <c r="L7457" s="18"/>
      <c r="M7457" s="18"/>
      <c r="N7457" s="18"/>
      <c r="O7457" s="18"/>
      <c r="P7457" s="19"/>
      <c r="Q7457" s="19"/>
      <c r="R7457" s="19"/>
      <c r="S7457" s="19"/>
      <c r="T7457" s="19"/>
      <c r="U7457" s="19"/>
      <c r="V7457" s="19"/>
      <c r="W7457" s="19"/>
      <c r="X7457" s="19"/>
      <c r="Y7457" s="19"/>
      <c r="Z7457" s="19"/>
      <c r="AA7457" s="19"/>
    </row>
    <row r="7458" spans="1:27" s="1" customFormat="1" ht="14.1" customHeight="1" outlineLevel="2" x14ac:dyDescent="0.2">
      <c r="A7458" s="17">
        <v>1048</v>
      </c>
      <c r="B7458" s="17"/>
      <c r="C7458" s="17"/>
      <c r="D7458" s="18" t="s">
        <v>3692</v>
      </c>
      <c r="E7458" s="18"/>
      <c r="F7458" s="18"/>
      <c r="G7458" s="18"/>
      <c r="H7458" s="18"/>
      <c r="I7458" s="18"/>
      <c r="J7458" s="18"/>
      <c r="K7458" s="18"/>
      <c r="L7458" s="18"/>
      <c r="M7458" s="18"/>
      <c r="N7458" s="18"/>
      <c r="O7458" s="18"/>
      <c r="P7458" s="19">
        <v>350</v>
      </c>
      <c r="Q7458" s="19"/>
      <c r="R7458" s="19"/>
      <c r="S7458" s="19"/>
      <c r="T7458" s="19">
        <v>300</v>
      </c>
      <c r="U7458" s="19"/>
      <c r="V7458" s="19"/>
      <c r="W7458" s="19"/>
      <c r="X7458" s="19">
        <v>1</v>
      </c>
      <c r="Y7458" s="19"/>
      <c r="Z7458" s="19"/>
      <c r="AA7458" s="19"/>
    </row>
    <row r="7459" spans="1:27" s="1" customFormat="1" ht="14.1" customHeight="1" outlineLevel="2" x14ac:dyDescent="0.2">
      <c r="A7459" s="17"/>
      <c r="B7459" s="17"/>
      <c r="C7459" s="17"/>
      <c r="D7459" s="18"/>
      <c r="E7459" s="18"/>
      <c r="F7459" s="18"/>
      <c r="G7459" s="18"/>
      <c r="H7459" s="18"/>
      <c r="I7459" s="18"/>
      <c r="J7459" s="18"/>
      <c r="K7459" s="18"/>
      <c r="L7459" s="18"/>
      <c r="M7459" s="18"/>
      <c r="N7459" s="18"/>
      <c r="O7459" s="18"/>
      <c r="P7459" s="19"/>
      <c r="Q7459" s="19"/>
      <c r="R7459" s="19"/>
      <c r="S7459" s="19"/>
      <c r="T7459" s="19"/>
      <c r="U7459" s="19"/>
      <c r="V7459" s="19"/>
      <c r="W7459" s="19"/>
      <c r="X7459" s="19"/>
      <c r="Y7459" s="19"/>
      <c r="Z7459" s="19"/>
      <c r="AA7459" s="19"/>
    </row>
    <row r="7460" spans="1:27" s="1" customFormat="1" ht="14.1" customHeight="1" outlineLevel="2" x14ac:dyDescent="0.2">
      <c r="A7460" s="17">
        <v>5727</v>
      </c>
      <c r="B7460" s="17"/>
      <c r="C7460" s="17"/>
      <c r="D7460" s="18" t="s">
        <v>3693</v>
      </c>
      <c r="E7460" s="18"/>
      <c r="F7460" s="18"/>
      <c r="G7460" s="18"/>
      <c r="H7460" s="18"/>
      <c r="I7460" s="18"/>
      <c r="J7460" s="18"/>
      <c r="K7460" s="18"/>
      <c r="L7460" s="18"/>
      <c r="M7460" s="18"/>
      <c r="N7460" s="18"/>
      <c r="O7460" s="18"/>
      <c r="P7460" s="19">
        <v>200</v>
      </c>
      <c r="Q7460" s="19"/>
      <c r="R7460" s="19"/>
      <c r="S7460" s="19"/>
      <c r="T7460" s="19">
        <v>180</v>
      </c>
      <c r="U7460" s="19"/>
      <c r="V7460" s="19"/>
      <c r="W7460" s="19"/>
      <c r="X7460" s="19">
        <v>2</v>
      </c>
      <c r="Y7460" s="19"/>
      <c r="Z7460" s="19"/>
      <c r="AA7460" s="19"/>
    </row>
    <row r="7461" spans="1:27" s="1" customFormat="1" ht="14.1" customHeight="1" outlineLevel="2" x14ac:dyDescent="0.2">
      <c r="A7461" s="17"/>
      <c r="B7461" s="17"/>
      <c r="C7461" s="17"/>
      <c r="D7461" s="18"/>
      <c r="E7461" s="18"/>
      <c r="F7461" s="18"/>
      <c r="G7461" s="18"/>
      <c r="H7461" s="18"/>
      <c r="I7461" s="18"/>
      <c r="J7461" s="18"/>
      <c r="K7461" s="18"/>
      <c r="L7461" s="18"/>
      <c r="M7461" s="18"/>
      <c r="N7461" s="18"/>
      <c r="O7461" s="18"/>
      <c r="P7461" s="19"/>
      <c r="Q7461" s="19"/>
      <c r="R7461" s="19"/>
      <c r="S7461" s="19"/>
      <c r="T7461" s="19"/>
      <c r="U7461" s="19"/>
      <c r="V7461" s="19"/>
      <c r="W7461" s="19"/>
      <c r="X7461" s="19"/>
      <c r="Y7461" s="19"/>
      <c r="Z7461" s="19"/>
      <c r="AA7461" s="19"/>
    </row>
    <row r="7462" spans="1:27" s="1" customFormat="1" ht="14.1" customHeight="1" outlineLevel="2" x14ac:dyDescent="0.2">
      <c r="A7462" s="17">
        <v>4625</v>
      </c>
      <c r="B7462" s="17"/>
      <c r="C7462" s="17"/>
      <c r="D7462" s="18" t="s">
        <v>3694</v>
      </c>
      <c r="E7462" s="18"/>
      <c r="F7462" s="18"/>
      <c r="G7462" s="18"/>
      <c r="H7462" s="18"/>
      <c r="I7462" s="18"/>
      <c r="J7462" s="18"/>
      <c r="K7462" s="18"/>
      <c r="L7462" s="18"/>
      <c r="M7462" s="18"/>
      <c r="N7462" s="18"/>
      <c r="O7462" s="18"/>
      <c r="P7462" s="19">
        <v>200</v>
      </c>
      <c r="Q7462" s="19"/>
      <c r="R7462" s="19"/>
      <c r="S7462" s="19"/>
      <c r="T7462" s="19">
        <v>180</v>
      </c>
      <c r="U7462" s="19"/>
      <c r="V7462" s="19"/>
      <c r="W7462" s="19"/>
      <c r="X7462" s="19">
        <v>1</v>
      </c>
      <c r="Y7462" s="19"/>
      <c r="Z7462" s="19"/>
      <c r="AA7462" s="19"/>
    </row>
    <row r="7463" spans="1:27" s="1" customFormat="1" ht="14.1" customHeight="1" outlineLevel="2" x14ac:dyDescent="0.2">
      <c r="A7463" s="17"/>
      <c r="B7463" s="17"/>
      <c r="C7463" s="17"/>
      <c r="D7463" s="18"/>
      <c r="E7463" s="18"/>
      <c r="F7463" s="18"/>
      <c r="G7463" s="18"/>
      <c r="H7463" s="18"/>
      <c r="I7463" s="18"/>
      <c r="J7463" s="18"/>
      <c r="K7463" s="18"/>
      <c r="L7463" s="18"/>
      <c r="M7463" s="18"/>
      <c r="N7463" s="18"/>
      <c r="O7463" s="18"/>
      <c r="P7463" s="19"/>
      <c r="Q7463" s="19"/>
      <c r="R7463" s="19"/>
      <c r="S7463" s="19"/>
      <c r="T7463" s="19"/>
      <c r="U7463" s="19"/>
      <c r="V7463" s="19"/>
      <c r="W7463" s="19"/>
      <c r="X7463" s="19"/>
      <c r="Y7463" s="19"/>
      <c r="Z7463" s="19"/>
      <c r="AA7463" s="19"/>
    </row>
    <row r="7464" spans="1:27" s="1" customFormat="1" ht="14.1" customHeight="1" outlineLevel="2" x14ac:dyDescent="0.2">
      <c r="A7464" s="17">
        <v>6120</v>
      </c>
      <c r="B7464" s="17"/>
      <c r="C7464" s="17"/>
      <c r="D7464" s="18" t="s">
        <v>3695</v>
      </c>
      <c r="E7464" s="18"/>
      <c r="F7464" s="18"/>
      <c r="G7464" s="18"/>
      <c r="H7464" s="18"/>
      <c r="I7464" s="18"/>
      <c r="J7464" s="18"/>
      <c r="K7464" s="18"/>
      <c r="L7464" s="18"/>
      <c r="M7464" s="18"/>
      <c r="N7464" s="18"/>
      <c r="O7464" s="18"/>
      <c r="P7464" s="19">
        <v>200</v>
      </c>
      <c r="Q7464" s="19"/>
      <c r="R7464" s="19"/>
      <c r="S7464" s="19"/>
      <c r="T7464" s="19">
        <v>180</v>
      </c>
      <c r="U7464" s="19"/>
      <c r="V7464" s="19"/>
      <c r="W7464" s="19"/>
      <c r="X7464" s="19">
        <v>1</v>
      </c>
      <c r="Y7464" s="19"/>
      <c r="Z7464" s="19"/>
      <c r="AA7464" s="19"/>
    </row>
    <row r="7465" spans="1:27" s="1" customFormat="1" ht="14.1" customHeight="1" outlineLevel="2" x14ac:dyDescent="0.2">
      <c r="A7465" s="17"/>
      <c r="B7465" s="17"/>
      <c r="C7465" s="17"/>
      <c r="D7465" s="18"/>
      <c r="E7465" s="18"/>
      <c r="F7465" s="18"/>
      <c r="G7465" s="18"/>
      <c r="H7465" s="18"/>
      <c r="I7465" s="18"/>
      <c r="J7465" s="18"/>
      <c r="K7465" s="18"/>
      <c r="L7465" s="18"/>
      <c r="M7465" s="18"/>
      <c r="N7465" s="18"/>
      <c r="O7465" s="18"/>
      <c r="P7465" s="19"/>
      <c r="Q7465" s="19"/>
      <c r="R7465" s="19"/>
      <c r="S7465" s="19"/>
      <c r="T7465" s="19"/>
      <c r="U7465" s="19"/>
      <c r="V7465" s="19"/>
      <c r="W7465" s="19"/>
      <c r="X7465" s="19"/>
      <c r="Y7465" s="19"/>
      <c r="Z7465" s="19"/>
      <c r="AA7465" s="19"/>
    </row>
    <row r="7466" spans="1:27" s="1" customFormat="1" ht="11.1" customHeight="1" outlineLevel="2" x14ac:dyDescent="0.2">
      <c r="A7466" s="17">
        <v>9215</v>
      </c>
      <c r="B7466" s="17"/>
      <c r="C7466" s="17"/>
      <c r="D7466" s="18" t="s">
        <v>3696</v>
      </c>
      <c r="E7466" s="18"/>
      <c r="F7466" s="18"/>
      <c r="G7466" s="18"/>
      <c r="H7466" s="18"/>
      <c r="I7466" s="18"/>
      <c r="J7466" s="18"/>
      <c r="K7466" s="18"/>
      <c r="L7466" s="18"/>
      <c r="M7466" s="18"/>
      <c r="N7466" s="18"/>
      <c r="O7466" s="18"/>
      <c r="P7466" s="19">
        <v>210</v>
      </c>
      <c r="Q7466" s="19"/>
      <c r="R7466" s="19"/>
      <c r="S7466" s="19"/>
      <c r="T7466" s="19">
        <v>190</v>
      </c>
      <c r="U7466" s="19"/>
      <c r="V7466" s="19"/>
      <c r="W7466" s="19"/>
      <c r="X7466" s="19">
        <v>2</v>
      </c>
      <c r="Y7466" s="19"/>
      <c r="Z7466" s="19"/>
      <c r="AA7466" s="19"/>
    </row>
    <row r="7467" spans="1:27" s="1" customFormat="1" ht="11.1" customHeight="1" outlineLevel="2" x14ac:dyDescent="0.2">
      <c r="A7467" s="17"/>
      <c r="B7467" s="17"/>
      <c r="C7467" s="17"/>
      <c r="D7467" s="18"/>
      <c r="E7467" s="18"/>
      <c r="F7467" s="18"/>
      <c r="G7467" s="18"/>
      <c r="H7467" s="18"/>
      <c r="I7467" s="18"/>
      <c r="J7467" s="18"/>
      <c r="K7467" s="18"/>
      <c r="L7467" s="18"/>
      <c r="M7467" s="18"/>
      <c r="N7467" s="18"/>
      <c r="O7467" s="18"/>
      <c r="P7467" s="19"/>
      <c r="Q7467" s="19"/>
      <c r="R7467" s="19"/>
      <c r="S7467" s="19"/>
      <c r="T7467" s="19"/>
      <c r="U7467" s="19"/>
      <c r="V7467" s="19"/>
      <c r="W7467" s="19"/>
      <c r="X7467" s="19"/>
      <c r="Y7467" s="19"/>
      <c r="Z7467" s="19"/>
      <c r="AA7467" s="19"/>
    </row>
    <row r="7468" spans="1:27" s="1" customFormat="1" ht="14.1" customHeight="1" outlineLevel="2" x14ac:dyDescent="0.2">
      <c r="A7468" s="17">
        <v>5886</v>
      </c>
      <c r="B7468" s="17"/>
      <c r="C7468" s="17"/>
      <c r="D7468" s="18" t="s">
        <v>3697</v>
      </c>
      <c r="E7468" s="18"/>
      <c r="F7468" s="18"/>
      <c r="G7468" s="18"/>
      <c r="H7468" s="18"/>
      <c r="I7468" s="18"/>
      <c r="J7468" s="18"/>
      <c r="K7468" s="18"/>
      <c r="L7468" s="18"/>
      <c r="M7468" s="18"/>
      <c r="N7468" s="18"/>
      <c r="O7468" s="18"/>
      <c r="P7468" s="19">
        <v>210</v>
      </c>
      <c r="Q7468" s="19"/>
      <c r="R7468" s="19"/>
      <c r="S7468" s="19"/>
      <c r="T7468" s="19">
        <v>190</v>
      </c>
      <c r="U7468" s="19"/>
      <c r="V7468" s="19"/>
      <c r="W7468" s="19"/>
      <c r="X7468" s="19">
        <v>2</v>
      </c>
      <c r="Y7468" s="19"/>
      <c r="Z7468" s="19"/>
      <c r="AA7468" s="19"/>
    </row>
    <row r="7469" spans="1:27" s="1" customFormat="1" ht="14.1" customHeight="1" outlineLevel="2" x14ac:dyDescent="0.2">
      <c r="A7469" s="17"/>
      <c r="B7469" s="17"/>
      <c r="C7469" s="17"/>
      <c r="D7469" s="18"/>
      <c r="E7469" s="18"/>
      <c r="F7469" s="18"/>
      <c r="G7469" s="18"/>
      <c r="H7469" s="18"/>
      <c r="I7469" s="18"/>
      <c r="J7469" s="18"/>
      <c r="K7469" s="18"/>
      <c r="L7469" s="18"/>
      <c r="M7469" s="18"/>
      <c r="N7469" s="18"/>
      <c r="O7469" s="18"/>
      <c r="P7469" s="19"/>
      <c r="Q7469" s="19"/>
      <c r="R7469" s="19"/>
      <c r="S7469" s="19"/>
      <c r="T7469" s="19"/>
      <c r="U7469" s="19"/>
      <c r="V7469" s="19"/>
      <c r="W7469" s="19"/>
      <c r="X7469" s="19"/>
      <c r="Y7469" s="19"/>
      <c r="Z7469" s="19"/>
      <c r="AA7469" s="19"/>
    </row>
    <row r="7470" spans="1:27" s="1" customFormat="1" ht="14.1" customHeight="1" outlineLevel="2" x14ac:dyDescent="0.2">
      <c r="A7470" s="17">
        <v>9216</v>
      </c>
      <c r="B7470" s="17"/>
      <c r="C7470" s="17"/>
      <c r="D7470" s="18" t="s">
        <v>3698</v>
      </c>
      <c r="E7470" s="18"/>
      <c r="F7470" s="18"/>
      <c r="G7470" s="18"/>
      <c r="H7470" s="18"/>
      <c r="I7470" s="18"/>
      <c r="J7470" s="18"/>
      <c r="K7470" s="18"/>
      <c r="L7470" s="18"/>
      <c r="M7470" s="18"/>
      <c r="N7470" s="18"/>
      <c r="O7470" s="18"/>
      <c r="P7470" s="19">
        <v>210</v>
      </c>
      <c r="Q7470" s="19"/>
      <c r="R7470" s="19"/>
      <c r="S7470" s="19"/>
      <c r="T7470" s="19">
        <v>190</v>
      </c>
      <c r="U7470" s="19"/>
      <c r="V7470" s="19"/>
      <c r="W7470" s="19"/>
      <c r="X7470" s="19">
        <v>2</v>
      </c>
      <c r="Y7470" s="19"/>
      <c r="Z7470" s="19"/>
      <c r="AA7470" s="19"/>
    </row>
    <row r="7471" spans="1:27" s="1" customFormat="1" ht="14.1" customHeight="1" outlineLevel="2" x14ac:dyDescent="0.2">
      <c r="A7471" s="17"/>
      <c r="B7471" s="17"/>
      <c r="C7471" s="17"/>
      <c r="D7471" s="18"/>
      <c r="E7471" s="18"/>
      <c r="F7471" s="18"/>
      <c r="G7471" s="18"/>
      <c r="H7471" s="18"/>
      <c r="I7471" s="18"/>
      <c r="J7471" s="18"/>
      <c r="K7471" s="18"/>
      <c r="L7471" s="18"/>
      <c r="M7471" s="18"/>
      <c r="N7471" s="18"/>
      <c r="O7471" s="18"/>
      <c r="P7471" s="19"/>
      <c r="Q7471" s="19"/>
      <c r="R7471" s="19"/>
      <c r="S7471" s="19"/>
      <c r="T7471" s="19"/>
      <c r="U7471" s="19"/>
      <c r="V7471" s="19"/>
      <c r="W7471" s="19"/>
      <c r="X7471" s="19"/>
      <c r="Y7471" s="19"/>
      <c r="Z7471" s="19"/>
      <c r="AA7471" s="19"/>
    </row>
    <row r="7472" spans="1:27" s="1" customFormat="1" ht="11.1" customHeight="1" outlineLevel="2" x14ac:dyDescent="0.2">
      <c r="A7472" s="17">
        <v>9219</v>
      </c>
      <c r="B7472" s="17"/>
      <c r="C7472" s="17"/>
      <c r="D7472" s="18" t="s">
        <v>3699</v>
      </c>
      <c r="E7472" s="18"/>
      <c r="F7472" s="18"/>
      <c r="G7472" s="18"/>
      <c r="H7472" s="18"/>
      <c r="I7472" s="18"/>
      <c r="J7472" s="18"/>
      <c r="K7472" s="18"/>
      <c r="L7472" s="18"/>
      <c r="M7472" s="18"/>
      <c r="N7472" s="18"/>
      <c r="O7472" s="18"/>
      <c r="P7472" s="19">
        <v>210</v>
      </c>
      <c r="Q7472" s="19"/>
      <c r="R7472" s="19"/>
      <c r="S7472" s="19"/>
      <c r="T7472" s="19">
        <v>190</v>
      </c>
      <c r="U7472" s="19"/>
      <c r="V7472" s="19"/>
      <c r="W7472" s="19"/>
      <c r="X7472" s="19">
        <v>2</v>
      </c>
      <c r="Y7472" s="19"/>
      <c r="Z7472" s="19"/>
      <c r="AA7472" s="19"/>
    </row>
    <row r="7473" spans="1:27" s="1" customFormat="1" ht="11.1" customHeight="1" outlineLevel="2" x14ac:dyDescent="0.2">
      <c r="A7473" s="17"/>
      <c r="B7473" s="17"/>
      <c r="C7473" s="17"/>
      <c r="D7473" s="18"/>
      <c r="E7473" s="18"/>
      <c r="F7473" s="18"/>
      <c r="G7473" s="18"/>
      <c r="H7473" s="18"/>
      <c r="I7473" s="18"/>
      <c r="J7473" s="18"/>
      <c r="K7473" s="18"/>
      <c r="L7473" s="18"/>
      <c r="M7473" s="18"/>
      <c r="N7473" s="18"/>
      <c r="O7473" s="18"/>
      <c r="P7473" s="19"/>
      <c r="Q7473" s="19"/>
      <c r="R7473" s="19"/>
      <c r="S7473" s="19"/>
      <c r="T7473" s="19"/>
      <c r="U7473" s="19"/>
      <c r="V7473" s="19"/>
      <c r="W7473" s="19"/>
      <c r="X7473" s="19"/>
      <c r="Y7473" s="19"/>
      <c r="Z7473" s="19"/>
      <c r="AA7473" s="19"/>
    </row>
    <row r="7474" spans="1:27" s="1" customFormat="1" ht="14.1" customHeight="1" outlineLevel="2" x14ac:dyDescent="0.2">
      <c r="A7474" s="17">
        <v>9217</v>
      </c>
      <c r="B7474" s="17"/>
      <c r="C7474" s="17"/>
      <c r="D7474" s="18" t="s">
        <v>3700</v>
      </c>
      <c r="E7474" s="18"/>
      <c r="F7474" s="18"/>
      <c r="G7474" s="18"/>
      <c r="H7474" s="18"/>
      <c r="I7474" s="18"/>
      <c r="J7474" s="18"/>
      <c r="K7474" s="18"/>
      <c r="L7474" s="18"/>
      <c r="M7474" s="18"/>
      <c r="N7474" s="18"/>
      <c r="O7474" s="18"/>
      <c r="P7474" s="19">
        <v>210</v>
      </c>
      <c r="Q7474" s="19"/>
      <c r="R7474" s="19"/>
      <c r="S7474" s="19"/>
      <c r="T7474" s="19">
        <v>190</v>
      </c>
      <c r="U7474" s="19"/>
      <c r="V7474" s="19"/>
      <c r="W7474" s="19"/>
      <c r="X7474" s="19">
        <v>5</v>
      </c>
      <c r="Y7474" s="19"/>
      <c r="Z7474" s="19"/>
      <c r="AA7474" s="19"/>
    </row>
    <row r="7475" spans="1:27" s="1" customFormat="1" ht="14.1" customHeight="1" outlineLevel="2" x14ac:dyDescent="0.2">
      <c r="A7475" s="17"/>
      <c r="B7475" s="17"/>
      <c r="C7475" s="17"/>
      <c r="D7475" s="18"/>
      <c r="E7475" s="18"/>
      <c r="F7475" s="18"/>
      <c r="G7475" s="18"/>
      <c r="H7475" s="18"/>
      <c r="I7475" s="18"/>
      <c r="J7475" s="18"/>
      <c r="K7475" s="18"/>
      <c r="L7475" s="18"/>
      <c r="M7475" s="18"/>
      <c r="N7475" s="18"/>
      <c r="O7475" s="18"/>
      <c r="P7475" s="19"/>
      <c r="Q7475" s="19"/>
      <c r="R7475" s="19"/>
      <c r="S7475" s="19"/>
      <c r="T7475" s="19"/>
      <c r="U7475" s="19"/>
      <c r="V7475" s="19"/>
      <c r="W7475" s="19"/>
      <c r="X7475" s="19"/>
      <c r="Y7475" s="19"/>
      <c r="Z7475" s="19"/>
      <c r="AA7475" s="19"/>
    </row>
    <row r="7476" spans="1:27" s="1" customFormat="1" ht="14.1" customHeight="1" outlineLevel="2" x14ac:dyDescent="0.2">
      <c r="A7476" s="17">
        <v>8399</v>
      </c>
      <c r="B7476" s="17"/>
      <c r="C7476" s="17"/>
      <c r="D7476" s="18" t="s">
        <v>3701</v>
      </c>
      <c r="E7476" s="18"/>
      <c r="F7476" s="18"/>
      <c r="G7476" s="18"/>
      <c r="H7476" s="18"/>
      <c r="I7476" s="18"/>
      <c r="J7476" s="18"/>
      <c r="K7476" s="18"/>
      <c r="L7476" s="18"/>
      <c r="M7476" s="18"/>
      <c r="N7476" s="18"/>
      <c r="O7476" s="18"/>
      <c r="P7476" s="19">
        <v>210</v>
      </c>
      <c r="Q7476" s="19"/>
      <c r="R7476" s="19"/>
      <c r="S7476" s="19"/>
      <c r="T7476" s="19">
        <v>190</v>
      </c>
      <c r="U7476" s="19"/>
      <c r="V7476" s="19"/>
      <c r="W7476" s="19"/>
      <c r="X7476" s="19">
        <v>6</v>
      </c>
      <c r="Y7476" s="19"/>
      <c r="Z7476" s="19"/>
      <c r="AA7476" s="19"/>
    </row>
    <row r="7477" spans="1:27" s="1" customFormat="1" ht="14.1" customHeight="1" outlineLevel="2" x14ac:dyDescent="0.2">
      <c r="A7477" s="17"/>
      <c r="B7477" s="17"/>
      <c r="C7477" s="17"/>
      <c r="D7477" s="18"/>
      <c r="E7477" s="18"/>
      <c r="F7477" s="18"/>
      <c r="G7477" s="18"/>
      <c r="H7477" s="18"/>
      <c r="I7477" s="18"/>
      <c r="J7477" s="18"/>
      <c r="K7477" s="18"/>
      <c r="L7477" s="18"/>
      <c r="M7477" s="18"/>
      <c r="N7477" s="18"/>
      <c r="O7477" s="18"/>
      <c r="P7477" s="19"/>
      <c r="Q7477" s="19"/>
      <c r="R7477" s="19"/>
      <c r="S7477" s="19"/>
      <c r="T7477" s="19"/>
      <c r="U7477" s="19"/>
      <c r="V7477" s="19"/>
      <c r="W7477" s="19"/>
      <c r="X7477" s="19"/>
      <c r="Y7477" s="19"/>
      <c r="Z7477" s="19"/>
      <c r="AA7477" s="19"/>
    </row>
    <row r="7478" spans="1:27" s="1" customFormat="1" ht="14.1" customHeight="1" outlineLevel="2" x14ac:dyDescent="0.2">
      <c r="A7478" s="17">
        <v>10186</v>
      </c>
      <c r="B7478" s="17"/>
      <c r="C7478" s="17"/>
      <c r="D7478" s="18" t="s">
        <v>3702</v>
      </c>
      <c r="E7478" s="18"/>
      <c r="F7478" s="18"/>
      <c r="G7478" s="18"/>
      <c r="H7478" s="18"/>
      <c r="I7478" s="18"/>
      <c r="J7478" s="18"/>
      <c r="K7478" s="18"/>
      <c r="L7478" s="18"/>
      <c r="M7478" s="18"/>
      <c r="N7478" s="18"/>
      <c r="O7478" s="18"/>
      <c r="P7478" s="19">
        <v>320</v>
      </c>
      <c r="Q7478" s="19"/>
      <c r="R7478" s="19"/>
      <c r="S7478" s="19"/>
      <c r="T7478" s="19">
        <v>270</v>
      </c>
      <c r="U7478" s="19"/>
      <c r="V7478" s="19"/>
      <c r="W7478" s="19"/>
      <c r="X7478" s="19">
        <v>15</v>
      </c>
      <c r="Y7478" s="19"/>
      <c r="Z7478" s="19"/>
      <c r="AA7478" s="19"/>
    </row>
    <row r="7479" spans="1:27" s="1" customFormat="1" ht="14.1" customHeight="1" outlineLevel="2" x14ac:dyDescent="0.2">
      <c r="A7479" s="17"/>
      <c r="B7479" s="17"/>
      <c r="C7479" s="17"/>
      <c r="D7479" s="18"/>
      <c r="E7479" s="18"/>
      <c r="F7479" s="18"/>
      <c r="G7479" s="18"/>
      <c r="H7479" s="18"/>
      <c r="I7479" s="18"/>
      <c r="J7479" s="18"/>
      <c r="K7479" s="18"/>
      <c r="L7479" s="18"/>
      <c r="M7479" s="18"/>
      <c r="N7479" s="18"/>
      <c r="O7479" s="18"/>
      <c r="P7479" s="19"/>
      <c r="Q7479" s="19"/>
      <c r="R7479" s="19"/>
      <c r="S7479" s="19"/>
      <c r="T7479" s="19"/>
      <c r="U7479" s="19"/>
      <c r="V7479" s="19"/>
      <c r="W7479" s="19"/>
      <c r="X7479" s="19"/>
      <c r="Y7479" s="19"/>
      <c r="Z7479" s="19"/>
      <c r="AA7479" s="19"/>
    </row>
    <row r="7480" spans="1:27" s="1" customFormat="1" ht="14.1" customHeight="1" outlineLevel="2" x14ac:dyDescent="0.2">
      <c r="A7480" s="17">
        <v>13098</v>
      </c>
      <c r="B7480" s="17"/>
      <c r="C7480" s="17"/>
      <c r="D7480" s="18" t="s">
        <v>3703</v>
      </c>
      <c r="E7480" s="18"/>
      <c r="F7480" s="18"/>
      <c r="G7480" s="18"/>
      <c r="H7480" s="18"/>
      <c r="I7480" s="18"/>
      <c r="J7480" s="18"/>
      <c r="K7480" s="18"/>
      <c r="L7480" s="18"/>
      <c r="M7480" s="18"/>
      <c r="N7480" s="18"/>
      <c r="O7480" s="18"/>
      <c r="P7480" s="19">
        <v>370</v>
      </c>
      <c r="Q7480" s="19"/>
      <c r="R7480" s="19"/>
      <c r="S7480" s="19"/>
      <c r="T7480" s="19">
        <v>310</v>
      </c>
      <c r="U7480" s="19"/>
      <c r="V7480" s="19"/>
      <c r="W7480" s="19"/>
      <c r="X7480" s="19">
        <v>24</v>
      </c>
      <c r="Y7480" s="19"/>
      <c r="Z7480" s="19"/>
      <c r="AA7480" s="19"/>
    </row>
    <row r="7481" spans="1:27" s="1" customFormat="1" ht="14.1" customHeight="1" outlineLevel="2" x14ac:dyDescent="0.2">
      <c r="A7481" s="17"/>
      <c r="B7481" s="17"/>
      <c r="C7481" s="17"/>
      <c r="D7481" s="18"/>
      <c r="E7481" s="18"/>
      <c r="F7481" s="18"/>
      <c r="G7481" s="18"/>
      <c r="H7481" s="18"/>
      <c r="I7481" s="18"/>
      <c r="J7481" s="18"/>
      <c r="K7481" s="18"/>
      <c r="L7481" s="18"/>
      <c r="M7481" s="18"/>
      <c r="N7481" s="18"/>
      <c r="O7481" s="18"/>
      <c r="P7481" s="19"/>
      <c r="Q7481" s="19"/>
      <c r="R7481" s="19"/>
      <c r="S7481" s="19"/>
      <c r="T7481" s="19"/>
      <c r="U7481" s="19"/>
      <c r="V7481" s="19"/>
      <c r="W7481" s="19"/>
      <c r="X7481" s="19"/>
      <c r="Y7481" s="19"/>
      <c r="Z7481" s="19"/>
      <c r="AA7481" s="19"/>
    </row>
    <row r="7482" spans="1:27" s="1" customFormat="1" ht="14.1" customHeight="1" outlineLevel="2" x14ac:dyDescent="0.2">
      <c r="A7482" s="17">
        <v>11318</v>
      </c>
      <c r="B7482" s="17"/>
      <c r="C7482" s="17"/>
      <c r="D7482" s="18" t="s">
        <v>3704</v>
      </c>
      <c r="E7482" s="18"/>
      <c r="F7482" s="18"/>
      <c r="G7482" s="18"/>
      <c r="H7482" s="18"/>
      <c r="I7482" s="18"/>
      <c r="J7482" s="18"/>
      <c r="K7482" s="18"/>
      <c r="L7482" s="18"/>
      <c r="M7482" s="18"/>
      <c r="N7482" s="18"/>
      <c r="O7482" s="18"/>
      <c r="P7482" s="19">
        <v>990</v>
      </c>
      <c r="Q7482" s="19"/>
      <c r="R7482" s="19"/>
      <c r="S7482" s="19"/>
      <c r="T7482" s="19">
        <v>900</v>
      </c>
      <c r="U7482" s="19"/>
      <c r="V7482" s="19"/>
      <c r="W7482" s="19"/>
      <c r="X7482" s="19">
        <v>5</v>
      </c>
      <c r="Y7482" s="19"/>
      <c r="Z7482" s="19"/>
      <c r="AA7482" s="19"/>
    </row>
    <row r="7483" spans="1:27" s="1" customFormat="1" ht="14.1" customHeight="1" outlineLevel="2" x14ac:dyDescent="0.2">
      <c r="A7483" s="17"/>
      <c r="B7483" s="17"/>
      <c r="C7483" s="17"/>
      <c r="D7483" s="18"/>
      <c r="E7483" s="18"/>
      <c r="F7483" s="18"/>
      <c r="G7483" s="18"/>
      <c r="H7483" s="18"/>
      <c r="I7483" s="18"/>
      <c r="J7483" s="18"/>
      <c r="K7483" s="18"/>
      <c r="L7483" s="18"/>
      <c r="M7483" s="18"/>
      <c r="N7483" s="18"/>
      <c r="O7483" s="18"/>
      <c r="P7483" s="19"/>
      <c r="Q7483" s="19"/>
      <c r="R7483" s="19"/>
      <c r="S7483" s="19"/>
      <c r="T7483" s="19"/>
      <c r="U7483" s="19"/>
      <c r="V7483" s="19"/>
      <c r="W7483" s="19"/>
      <c r="X7483" s="19"/>
      <c r="Y7483" s="19"/>
      <c r="Z7483" s="19"/>
      <c r="AA7483" s="19"/>
    </row>
    <row r="7484" spans="1:27" s="1" customFormat="1" ht="11.1" customHeight="1" outlineLevel="2" x14ac:dyDescent="0.2">
      <c r="A7484" s="17">
        <v>1007</v>
      </c>
      <c r="B7484" s="17"/>
      <c r="C7484" s="17"/>
      <c r="D7484" s="18" t="s">
        <v>3705</v>
      </c>
      <c r="E7484" s="18"/>
      <c r="F7484" s="18"/>
      <c r="G7484" s="18"/>
      <c r="H7484" s="18"/>
      <c r="I7484" s="18"/>
      <c r="J7484" s="18"/>
      <c r="K7484" s="18"/>
      <c r="L7484" s="18"/>
      <c r="M7484" s="18"/>
      <c r="N7484" s="18"/>
      <c r="O7484" s="18"/>
      <c r="P7484" s="19">
        <v>350</v>
      </c>
      <c r="Q7484" s="19"/>
      <c r="R7484" s="19"/>
      <c r="S7484" s="19"/>
      <c r="T7484" s="19">
        <v>300</v>
      </c>
      <c r="U7484" s="19"/>
      <c r="V7484" s="19"/>
      <c r="W7484" s="19"/>
      <c r="X7484" s="19">
        <v>2</v>
      </c>
      <c r="Y7484" s="19"/>
      <c r="Z7484" s="19"/>
      <c r="AA7484" s="19"/>
    </row>
    <row r="7485" spans="1:27" s="1" customFormat="1" ht="11.1" customHeight="1" outlineLevel="2" x14ac:dyDescent="0.2">
      <c r="A7485" s="17"/>
      <c r="B7485" s="17"/>
      <c r="C7485" s="17"/>
      <c r="D7485" s="18"/>
      <c r="E7485" s="18"/>
      <c r="F7485" s="18"/>
      <c r="G7485" s="18"/>
      <c r="H7485" s="18"/>
      <c r="I7485" s="18"/>
      <c r="J7485" s="18"/>
      <c r="K7485" s="18"/>
      <c r="L7485" s="18"/>
      <c r="M7485" s="18"/>
      <c r="N7485" s="18"/>
      <c r="O7485" s="18"/>
      <c r="P7485" s="19"/>
      <c r="Q7485" s="19"/>
      <c r="R7485" s="19"/>
      <c r="S7485" s="19"/>
      <c r="T7485" s="19"/>
      <c r="U7485" s="19"/>
      <c r="V7485" s="19"/>
      <c r="W7485" s="19"/>
      <c r="X7485" s="19"/>
      <c r="Y7485" s="19"/>
      <c r="Z7485" s="19"/>
      <c r="AA7485" s="19"/>
    </row>
    <row r="7486" spans="1:27" s="1" customFormat="1" ht="14.1" customHeight="1" outlineLevel="2" x14ac:dyDescent="0.2">
      <c r="A7486" s="17">
        <v>1010</v>
      </c>
      <c r="B7486" s="17"/>
      <c r="C7486" s="17"/>
      <c r="D7486" s="18" t="s">
        <v>3706</v>
      </c>
      <c r="E7486" s="18"/>
      <c r="F7486" s="18"/>
      <c r="G7486" s="18"/>
      <c r="H7486" s="18"/>
      <c r="I7486" s="18"/>
      <c r="J7486" s="18"/>
      <c r="K7486" s="18"/>
      <c r="L7486" s="18"/>
      <c r="M7486" s="18"/>
      <c r="N7486" s="18"/>
      <c r="O7486" s="18"/>
      <c r="P7486" s="19">
        <v>300</v>
      </c>
      <c r="Q7486" s="19"/>
      <c r="R7486" s="19"/>
      <c r="S7486" s="19"/>
      <c r="T7486" s="19">
        <v>250</v>
      </c>
      <c r="U7486" s="19"/>
      <c r="V7486" s="19"/>
      <c r="W7486" s="19"/>
      <c r="X7486" s="19">
        <v>2</v>
      </c>
      <c r="Y7486" s="19"/>
      <c r="Z7486" s="19"/>
      <c r="AA7486" s="19"/>
    </row>
    <row r="7487" spans="1:27" s="1" customFormat="1" ht="14.1" customHeight="1" outlineLevel="2" x14ac:dyDescent="0.2">
      <c r="A7487" s="17"/>
      <c r="B7487" s="17"/>
      <c r="C7487" s="17"/>
      <c r="D7487" s="18"/>
      <c r="E7487" s="18"/>
      <c r="F7487" s="18"/>
      <c r="G7487" s="18"/>
      <c r="H7487" s="18"/>
      <c r="I7487" s="18"/>
      <c r="J7487" s="18"/>
      <c r="K7487" s="18"/>
      <c r="L7487" s="18"/>
      <c r="M7487" s="18"/>
      <c r="N7487" s="18"/>
      <c r="O7487" s="18"/>
      <c r="P7487" s="19"/>
      <c r="Q7487" s="19"/>
      <c r="R7487" s="19"/>
      <c r="S7487" s="19"/>
      <c r="T7487" s="19"/>
      <c r="U7487" s="19"/>
      <c r="V7487" s="19"/>
      <c r="W7487" s="19"/>
      <c r="X7487" s="19"/>
      <c r="Y7487" s="19"/>
      <c r="Z7487" s="19"/>
      <c r="AA7487" s="19"/>
    </row>
    <row r="7488" spans="1:27" s="1" customFormat="1" ht="11.1" customHeight="1" outlineLevel="2" x14ac:dyDescent="0.2">
      <c r="A7488" s="17">
        <v>1015</v>
      </c>
      <c r="B7488" s="17"/>
      <c r="C7488" s="17"/>
      <c r="D7488" s="18" t="s">
        <v>3707</v>
      </c>
      <c r="E7488" s="18"/>
      <c r="F7488" s="18"/>
      <c r="G7488" s="18"/>
      <c r="H7488" s="18"/>
      <c r="I7488" s="18"/>
      <c r="J7488" s="18"/>
      <c r="K7488" s="18"/>
      <c r="L7488" s="18"/>
      <c r="M7488" s="18"/>
      <c r="N7488" s="18"/>
      <c r="O7488" s="18"/>
      <c r="P7488" s="19">
        <v>350</v>
      </c>
      <c r="Q7488" s="19"/>
      <c r="R7488" s="19"/>
      <c r="S7488" s="19"/>
      <c r="T7488" s="19">
        <v>300</v>
      </c>
      <c r="U7488" s="19"/>
      <c r="V7488" s="19"/>
      <c r="W7488" s="19"/>
      <c r="X7488" s="19">
        <v>2</v>
      </c>
      <c r="Y7488" s="19"/>
      <c r="Z7488" s="19"/>
      <c r="AA7488" s="19"/>
    </row>
    <row r="7489" spans="1:27" s="1" customFormat="1" ht="11.1" customHeight="1" outlineLevel="2" x14ac:dyDescent="0.2">
      <c r="A7489" s="17"/>
      <c r="B7489" s="17"/>
      <c r="C7489" s="17"/>
      <c r="D7489" s="18"/>
      <c r="E7489" s="18"/>
      <c r="F7489" s="18"/>
      <c r="G7489" s="18"/>
      <c r="H7489" s="18"/>
      <c r="I7489" s="18"/>
      <c r="J7489" s="18"/>
      <c r="K7489" s="18"/>
      <c r="L7489" s="18"/>
      <c r="M7489" s="18"/>
      <c r="N7489" s="18"/>
      <c r="O7489" s="18"/>
      <c r="P7489" s="19"/>
      <c r="Q7489" s="19"/>
      <c r="R7489" s="19"/>
      <c r="S7489" s="19"/>
      <c r="T7489" s="19"/>
      <c r="U7489" s="19"/>
      <c r="V7489" s="19"/>
      <c r="W7489" s="19"/>
      <c r="X7489" s="19"/>
      <c r="Y7489" s="19"/>
      <c r="Z7489" s="19"/>
      <c r="AA7489" s="19"/>
    </row>
    <row r="7490" spans="1:27" s="1" customFormat="1" ht="11.1" customHeight="1" outlineLevel="2" x14ac:dyDescent="0.2">
      <c r="A7490" s="17">
        <v>1014</v>
      </c>
      <c r="B7490" s="17"/>
      <c r="C7490" s="17"/>
      <c r="D7490" s="18" t="s">
        <v>3708</v>
      </c>
      <c r="E7490" s="18"/>
      <c r="F7490" s="18"/>
      <c r="G7490" s="18"/>
      <c r="H7490" s="18"/>
      <c r="I7490" s="18"/>
      <c r="J7490" s="18"/>
      <c r="K7490" s="18"/>
      <c r="L7490" s="18"/>
      <c r="M7490" s="18"/>
      <c r="N7490" s="18"/>
      <c r="O7490" s="18"/>
      <c r="P7490" s="19">
        <v>180</v>
      </c>
      <c r="Q7490" s="19"/>
      <c r="R7490" s="19"/>
      <c r="S7490" s="19"/>
      <c r="T7490" s="19">
        <v>150</v>
      </c>
      <c r="U7490" s="19"/>
      <c r="V7490" s="19"/>
      <c r="W7490" s="19"/>
      <c r="X7490" s="19">
        <v>1</v>
      </c>
      <c r="Y7490" s="19"/>
      <c r="Z7490" s="19"/>
      <c r="AA7490" s="19"/>
    </row>
    <row r="7491" spans="1:27" s="1" customFormat="1" ht="11.1" customHeight="1" outlineLevel="2" x14ac:dyDescent="0.2">
      <c r="A7491" s="17"/>
      <c r="B7491" s="17"/>
      <c r="C7491" s="17"/>
      <c r="D7491" s="18"/>
      <c r="E7491" s="18"/>
      <c r="F7491" s="18"/>
      <c r="G7491" s="18"/>
      <c r="H7491" s="18"/>
      <c r="I7491" s="18"/>
      <c r="J7491" s="18"/>
      <c r="K7491" s="18"/>
      <c r="L7491" s="18"/>
      <c r="M7491" s="18"/>
      <c r="N7491" s="18"/>
      <c r="O7491" s="18"/>
      <c r="P7491" s="19"/>
      <c r="Q7491" s="19"/>
      <c r="R7491" s="19"/>
      <c r="S7491" s="19"/>
      <c r="T7491" s="19"/>
      <c r="U7491" s="19"/>
      <c r="V7491" s="19"/>
      <c r="W7491" s="19"/>
      <c r="X7491" s="19"/>
      <c r="Y7491" s="19"/>
      <c r="Z7491" s="19"/>
      <c r="AA7491" s="19"/>
    </row>
    <row r="7492" spans="1:27" s="1" customFormat="1" ht="11.1" customHeight="1" outlineLevel="2" x14ac:dyDescent="0.2">
      <c r="A7492" s="17">
        <v>5101</v>
      </c>
      <c r="B7492" s="17"/>
      <c r="C7492" s="17"/>
      <c r="D7492" s="18" t="s">
        <v>3709</v>
      </c>
      <c r="E7492" s="18"/>
      <c r="F7492" s="18"/>
      <c r="G7492" s="18"/>
      <c r="H7492" s="18"/>
      <c r="I7492" s="18"/>
      <c r="J7492" s="18"/>
      <c r="K7492" s="18"/>
      <c r="L7492" s="18"/>
      <c r="M7492" s="18"/>
      <c r="N7492" s="18"/>
      <c r="O7492" s="18"/>
      <c r="P7492" s="19">
        <v>300</v>
      </c>
      <c r="Q7492" s="19"/>
      <c r="R7492" s="19"/>
      <c r="S7492" s="19"/>
      <c r="T7492" s="19">
        <v>250</v>
      </c>
      <c r="U7492" s="19"/>
      <c r="V7492" s="19"/>
      <c r="W7492" s="19"/>
      <c r="X7492" s="19">
        <v>1</v>
      </c>
      <c r="Y7492" s="19"/>
      <c r="Z7492" s="19"/>
      <c r="AA7492" s="19"/>
    </row>
    <row r="7493" spans="1:27" s="1" customFormat="1" ht="11.1" customHeight="1" outlineLevel="2" x14ac:dyDescent="0.2">
      <c r="A7493" s="17"/>
      <c r="B7493" s="17"/>
      <c r="C7493" s="17"/>
      <c r="D7493" s="18"/>
      <c r="E7493" s="18"/>
      <c r="F7493" s="18"/>
      <c r="G7493" s="18"/>
      <c r="H7493" s="18"/>
      <c r="I7493" s="18"/>
      <c r="J7493" s="18"/>
      <c r="K7493" s="18"/>
      <c r="L7493" s="18"/>
      <c r="M7493" s="18"/>
      <c r="N7493" s="18"/>
      <c r="O7493" s="18"/>
      <c r="P7493" s="19"/>
      <c r="Q7493" s="19"/>
      <c r="R7493" s="19"/>
      <c r="S7493" s="19"/>
      <c r="T7493" s="19"/>
      <c r="U7493" s="19"/>
      <c r="V7493" s="19"/>
      <c r="W7493" s="19"/>
      <c r="X7493" s="19"/>
      <c r="Y7493" s="19"/>
      <c r="Z7493" s="19"/>
      <c r="AA7493" s="19"/>
    </row>
    <row r="7494" spans="1:27" s="1" customFormat="1" ht="14.1" customHeight="1" outlineLevel="2" x14ac:dyDescent="0.2">
      <c r="A7494" s="17">
        <v>4666</v>
      </c>
      <c r="B7494" s="17"/>
      <c r="C7494" s="17"/>
      <c r="D7494" s="18" t="s">
        <v>3710</v>
      </c>
      <c r="E7494" s="18"/>
      <c r="F7494" s="18"/>
      <c r="G7494" s="18"/>
      <c r="H7494" s="18"/>
      <c r="I7494" s="18"/>
      <c r="J7494" s="18"/>
      <c r="K7494" s="18"/>
      <c r="L7494" s="18"/>
      <c r="M7494" s="18"/>
      <c r="N7494" s="18"/>
      <c r="O7494" s="18"/>
      <c r="P7494" s="19">
        <v>250</v>
      </c>
      <c r="Q7494" s="19"/>
      <c r="R7494" s="19"/>
      <c r="S7494" s="19"/>
      <c r="T7494" s="19">
        <v>220</v>
      </c>
      <c r="U7494" s="19"/>
      <c r="V7494" s="19"/>
      <c r="W7494" s="19"/>
      <c r="X7494" s="19">
        <v>3</v>
      </c>
      <c r="Y7494" s="19"/>
      <c r="Z7494" s="19"/>
      <c r="AA7494" s="19"/>
    </row>
    <row r="7495" spans="1:27" s="1" customFormat="1" ht="14.1" customHeight="1" outlineLevel="2" x14ac:dyDescent="0.2">
      <c r="A7495" s="17"/>
      <c r="B7495" s="17"/>
      <c r="C7495" s="17"/>
      <c r="D7495" s="18"/>
      <c r="E7495" s="18"/>
      <c r="F7495" s="18"/>
      <c r="G7495" s="18"/>
      <c r="H7495" s="18"/>
      <c r="I7495" s="18"/>
      <c r="J7495" s="18"/>
      <c r="K7495" s="18"/>
      <c r="L7495" s="18"/>
      <c r="M7495" s="18"/>
      <c r="N7495" s="18"/>
      <c r="O7495" s="18"/>
      <c r="P7495" s="19"/>
      <c r="Q7495" s="19"/>
      <c r="R7495" s="19"/>
      <c r="S7495" s="19"/>
      <c r="T7495" s="19"/>
      <c r="U7495" s="19"/>
      <c r="V7495" s="19"/>
      <c r="W7495" s="19"/>
      <c r="X7495" s="19"/>
      <c r="Y7495" s="19"/>
      <c r="Z7495" s="19"/>
      <c r="AA7495" s="19"/>
    </row>
    <row r="7496" spans="1:27" s="1" customFormat="1" ht="14.1" customHeight="1" outlineLevel="2" x14ac:dyDescent="0.2">
      <c r="A7496" s="17">
        <v>1003</v>
      </c>
      <c r="B7496" s="17"/>
      <c r="C7496" s="17"/>
      <c r="D7496" s="18" t="s">
        <v>3711</v>
      </c>
      <c r="E7496" s="18"/>
      <c r="F7496" s="18"/>
      <c r="G7496" s="18"/>
      <c r="H7496" s="18"/>
      <c r="I7496" s="18"/>
      <c r="J7496" s="18"/>
      <c r="K7496" s="18"/>
      <c r="L7496" s="18"/>
      <c r="M7496" s="18"/>
      <c r="N7496" s="18"/>
      <c r="O7496" s="18"/>
      <c r="P7496" s="19">
        <v>250</v>
      </c>
      <c r="Q7496" s="19"/>
      <c r="R7496" s="19"/>
      <c r="S7496" s="19"/>
      <c r="T7496" s="19">
        <v>220</v>
      </c>
      <c r="U7496" s="19"/>
      <c r="V7496" s="19"/>
      <c r="W7496" s="19"/>
      <c r="X7496" s="19">
        <v>1</v>
      </c>
      <c r="Y7496" s="19"/>
      <c r="Z7496" s="19"/>
      <c r="AA7496" s="19"/>
    </row>
    <row r="7497" spans="1:27" s="1" customFormat="1" ht="14.1" customHeight="1" outlineLevel="2" x14ac:dyDescent="0.2">
      <c r="A7497" s="17"/>
      <c r="B7497" s="17"/>
      <c r="C7497" s="17"/>
      <c r="D7497" s="18"/>
      <c r="E7497" s="18"/>
      <c r="F7497" s="18"/>
      <c r="G7497" s="18"/>
      <c r="H7497" s="18"/>
      <c r="I7497" s="18"/>
      <c r="J7497" s="18"/>
      <c r="K7497" s="18"/>
      <c r="L7497" s="18"/>
      <c r="M7497" s="18"/>
      <c r="N7497" s="18"/>
      <c r="O7497" s="18"/>
      <c r="P7497" s="19"/>
      <c r="Q7497" s="19"/>
      <c r="R7497" s="19"/>
      <c r="S7497" s="19"/>
      <c r="T7497" s="19"/>
      <c r="U7497" s="19"/>
      <c r="V7497" s="19"/>
      <c r="W7497" s="19"/>
      <c r="X7497" s="19"/>
      <c r="Y7497" s="19"/>
      <c r="Z7497" s="19"/>
      <c r="AA7497" s="19"/>
    </row>
    <row r="7498" spans="1:27" s="1" customFormat="1" ht="11.1" customHeight="1" outlineLevel="2" x14ac:dyDescent="0.2">
      <c r="A7498" s="17">
        <v>1004</v>
      </c>
      <c r="B7498" s="17"/>
      <c r="C7498" s="17"/>
      <c r="D7498" s="18" t="s">
        <v>3712</v>
      </c>
      <c r="E7498" s="18"/>
      <c r="F7498" s="18"/>
      <c r="G7498" s="18"/>
      <c r="H7498" s="18"/>
      <c r="I7498" s="18"/>
      <c r="J7498" s="18"/>
      <c r="K7498" s="18"/>
      <c r="L7498" s="18"/>
      <c r="M7498" s="18"/>
      <c r="N7498" s="18"/>
      <c r="O7498" s="18"/>
      <c r="P7498" s="19">
        <v>250</v>
      </c>
      <c r="Q7498" s="19"/>
      <c r="R7498" s="19"/>
      <c r="S7498" s="19"/>
      <c r="T7498" s="19">
        <v>200</v>
      </c>
      <c r="U7498" s="19"/>
      <c r="V7498" s="19"/>
      <c r="W7498" s="19"/>
      <c r="X7498" s="19">
        <v>1</v>
      </c>
      <c r="Y7498" s="19"/>
      <c r="Z7498" s="19"/>
      <c r="AA7498" s="19"/>
    </row>
    <row r="7499" spans="1:27" s="1" customFormat="1" ht="11.1" customHeight="1" outlineLevel="2" x14ac:dyDescent="0.2">
      <c r="A7499" s="17"/>
      <c r="B7499" s="17"/>
      <c r="C7499" s="17"/>
      <c r="D7499" s="18"/>
      <c r="E7499" s="18"/>
      <c r="F7499" s="18"/>
      <c r="G7499" s="18"/>
      <c r="H7499" s="18"/>
      <c r="I7499" s="18"/>
      <c r="J7499" s="18"/>
      <c r="K7499" s="18"/>
      <c r="L7499" s="18"/>
      <c r="M7499" s="18"/>
      <c r="N7499" s="18"/>
      <c r="O7499" s="18"/>
      <c r="P7499" s="19"/>
      <c r="Q7499" s="19"/>
      <c r="R7499" s="19"/>
      <c r="S7499" s="19"/>
      <c r="T7499" s="19"/>
      <c r="U7499" s="19"/>
      <c r="V7499" s="19"/>
      <c r="W7499" s="19"/>
      <c r="X7499" s="19"/>
      <c r="Y7499" s="19"/>
      <c r="Z7499" s="19"/>
      <c r="AA7499" s="19"/>
    </row>
    <row r="7500" spans="1:27" s="1" customFormat="1" ht="11.1" customHeight="1" outlineLevel="2" x14ac:dyDescent="0.2">
      <c r="A7500" s="17">
        <v>5734</v>
      </c>
      <c r="B7500" s="17"/>
      <c r="C7500" s="17"/>
      <c r="D7500" s="18" t="s">
        <v>3713</v>
      </c>
      <c r="E7500" s="18"/>
      <c r="F7500" s="18"/>
      <c r="G7500" s="18"/>
      <c r="H7500" s="18"/>
      <c r="I7500" s="18"/>
      <c r="J7500" s="18"/>
      <c r="K7500" s="18"/>
      <c r="L7500" s="18"/>
      <c r="M7500" s="18"/>
      <c r="N7500" s="18"/>
      <c r="O7500" s="18"/>
      <c r="P7500" s="19">
        <v>100</v>
      </c>
      <c r="Q7500" s="19"/>
      <c r="R7500" s="19"/>
      <c r="S7500" s="19"/>
      <c r="T7500" s="19">
        <v>80</v>
      </c>
      <c r="U7500" s="19"/>
      <c r="V7500" s="19"/>
      <c r="W7500" s="19"/>
      <c r="X7500" s="19">
        <v>1</v>
      </c>
      <c r="Y7500" s="19"/>
      <c r="Z7500" s="19"/>
      <c r="AA7500" s="19"/>
    </row>
    <row r="7501" spans="1:27" s="1" customFormat="1" ht="11.1" customHeight="1" outlineLevel="2" x14ac:dyDescent="0.2">
      <c r="A7501" s="17"/>
      <c r="B7501" s="17"/>
      <c r="C7501" s="17"/>
      <c r="D7501" s="18"/>
      <c r="E7501" s="18"/>
      <c r="F7501" s="18"/>
      <c r="G7501" s="18"/>
      <c r="H7501" s="18"/>
      <c r="I7501" s="18"/>
      <c r="J7501" s="18"/>
      <c r="K7501" s="18"/>
      <c r="L7501" s="18"/>
      <c r="M7501" s="18"/>
      <c r="N7501" s="18"/>
      <c r="O7501" s="18"/>
      <c r="P7501" s="19"/>
      <c r="Q7501" s="19"/>
      <c r="R7501" s="19"/>
      <c r="S7501" s="19"/>
      <c r="T7501" s="19"/>
      <c r="U7501" s="19"/>
      <c r="V7501" s="19"/>
      <c r="W7501" s="19"/>
      <c r="X7501" s="19"/>
      <c r="Y7501" s="19"/>
      <c r="Z7501" s="19"/>
      <c r="AA7501" s="19"/>
    </row>
    <row r="7502" spans="1:27" s="1" customFormat="1" ht="14.1" customHeight="1" outlineLevel="2" x14ac:dyDescent="0.2">
      <c r="A7502" s="17">
        <v>6486</v>
      </c>
      <c r="B7502" s="17"/>
      <c r="C7502" s="17"/>
      <c r="D7502" s="18" t="s">
        <v>3714</v>
      </c>
      <c r="E7502" s="18"/>
      <c r="F7502" s="18"/>
      <c r="G7502" s="18"/>
      <c r="H7502" s="18"/>
      <c r="I7502" s="18"/>
      <c r="J7502" s="18"/>
      <c r="K7502" s="18"/>
      <c r="L7502" s="18"/>
      <c r="M7502" s="18"/>
      <c r="N7502" s="18"/>
      <c r="O7502" s="18"/>
      <c r="P7502" s="19">
        <v>400</v>
      </c>
      <c r="Q7502" s="19"/>
      <c r="R7502" s="19"/>
      <c r="S7502" s="19"/>
      <c r="T7502" s="19">
        <v>350</v>
      </c>
      <c r="U7502" s="19"/>
      <c r="V7502" s="19"/>
      <c r="W7502" s="19"/>
      <c r="X7502" s="19">
        <v>1</v>
      </c>
      <c r="Y7502" s="19"/>
      <c r="Z7502" s="19"/>
      <c r="AA7502" s="19"/>
    </row>
    <row r="7503" spans="1:27" s="1" customFormat="1" ht="14.1" customHeight="1" outlineLevel="2" x14ac:dyDescent="0.2">
      <c r="A7503" s="17"/>
      <c r="B7503" s="17"/>
      <c r="C7503" s="17"/>
      <c r="D7503" s="18"/>
      <c r="E7503" s="18"/>
      <c r="F7503" s="18"/>
      <c r="G7503" s="18"/>
      <c r="H7503" s="18"/>
      <c r="I7503" s="18"/>
      <c r="J7503" s="18"/>
      <c r="K7503" s="18"/>
      <c r="L7503" s="18"/>
      <c r="M7503" s="18"/>
      <c r="N7503" s="18"/>
      <c r="O7503" s="18"/>
      <c r="P7503" s="19"/>
      <c r="Q7503" s="19"/>
      <c r="R7503" s="19"/>
      <c r="S7503" s="19"/>
      <c r="T7503" s="19"/>
      <c r="U7503" s="19"/>
      <c r="V7503" s="19"/>
      <c r="W7503" s="19"/>
      <c r="X7503" s="19"/>
      <c r="Y7503" s="19"/>
      <c r="Z7503" s="19"/>
      <c r="AA7503" s="19"/>
    </row>
    <row r="7504" spans="1:27" s="1" customFormat="1" ht="11.1" customHeight="1" outlineLevel="1" x14ac:dyDescent="0.2">
      <c r="A7504" s="16" t="s">
        <v>1295</v>
      </c>
      <c r="B7504" s="16"/>
      <c r="C7504" s="16"/>
      <c r="D7504" s="16"/>
      <c r="E7504" s="16"/>
      <c r="F7504" s="16"/>
      <c r="G7504" s="16"/>
      <c r="H7504" s="16"/>
      <c r="I7504" s="16"/>
      <c r="J7504" s="16"/>
      <c r="K7504" s="16"/>
      <c r="L7504" s="16"/>
      <c r="M7504" s="16"/>
      <c r="N7504" s="16"/>
      <c r="O7504" s="16"/>
      <c r="P7504" s="16"/>
      <c r="Q7504" s="16"/>
      <c r="R7504" s="16"/>
      <c r="S7504" s="16"/>
      <c r="T7504" s="16"/>
      <c r="U7504" s="16"/>
      <c r="V7504" s="16"/>
      <c r="W7504" s="16"/>
      <c r="X7504" s="16"/>
      <c r="Y7504" s="16"/>
      <c r="Z7504" s="16"/>
      <c r="AA7504" s="16"/>
    </row>
    <row r="7505" spans="1:27" s="1" customFormat="1" ht="11.1" customHeight="1" outlineLevel="1" x14ac:dyDescent="0.2">
      <c r="A7505" s="16"/>
      <c r="B7505" s="16"/>
      <c r="C7505" s="16"/>
      <c r="D7505" s="16"/>
      <c r="E7505" s="16"/>
      <c r="F7505" s="16"/>
      <c r="G7505" s="16"/>
      <c r="H7505" s="16"/>
      <c r="I7505" s="16"/>
      <c r="J7505" s="16"/>
      <c r="K7505" s="16"/>
      <c r="L7505" s="16"/>
      <c r="M7505" s="16"/>
      <c r="N7505" s="16"/>
      <c r="O7505" s="16"/>
      <c r="P7505" s="16"/>
      <c r="Q7505" s="16"/>
      <c r="R7505" s="16"/>
      <c r="S7505" s="16"/>
      <c r="T7505" s="16"/>
      <c r="U7505" s="16"/>
      <c r="V7505" s="16"/>
      <c r="W7505" s="16"/>
      <c r="X7505" s="16"/>
      <c r="Y7505" s="16"/>
      <c r="Z7505" s="16"/>
      <c r="AA7505" s="16"/>
    </row>
    <row r="7506" spans="1:27" s="1" customFormat="1" ht="14.1" customHeight="1" outlineLevel="2" x14ac:dyDescent="0.2">
      <c r="A7506" s="17">
        <v>5891</v>
      </c>
      <c r="B7506" s="17"/>
      <c r="C7506" s="17"/>
      <c r="D7506" s="18" t="s">
        <v>3715</v>
      </c>
      <c r="E7506" s="18"/>
      <c r="F7506" s="18"/>
      <c r="G7506" s="18"/>
      <c r="H7506" s="18"/>
      <c r="I7506" s="18"/>
      <c r="J7506" s="18"/>
      <c r="K7506" s="18"/>
      <c r="L7506" s="18"/>
      <c r="M7506" s="18"/>
      <c r="N7506" s="18"/>
      <c r="O7506" s="18"/>
      <c r="P7506" s="19">
        <v>250</v>
      </c>
      <c r="Q7506" s="19"/>
      <c r="R7506" s="19"/>
      <c r="S7506" s="19"/>
      <c r="T7506" s="19">
        <v>210</v>
      </c>
      <c r="U7506" s="19"/>
      <c r="V7506" s="19"/>
      <c r="W7506" s="19"/>
      <c r="X7506" s="19">
        <v>1</v>
      </c>
      <c r="Y7506" s="19"/>
      <c r="Z7506" s="19"/>
      <c r="AA7506" s="19"/>
    </row>
    <row r="7507" spans="1:27" s="1" customFormat="1" ht="14.1" customHeight="1" outlineLevel="2" x14ac:dyDescent="0.2">
      <c r="A7507" s="17"/>
      <c r="B7507" s="17"/>
      <c r="C7507" s="17"/>
      <c r="D7507" s="18"/>
      <c r="E7507" s="18"/>
      <c r="F7507" s="18"/>
      <c r="G7507" s="18"/>
      <c r="H7507" s="18"/>
      <c r="I7507" s="18"/>
      <c r="J7507" s="18"/>
      <c r="K7507" s="18"/>
      <c r="L7507" s="18"/>
      <c r="M7507" s="18"/>
      <c r="N7507" s="18"/>
      <c r="O7507" s="18"/>
      <c r="P7507" s="19"/>
      <c r="Q7507" s="19"/>
      <c r="R7507" s="19"/>
      <c r="S7507" s="19"/>
      <c r="T7507" s="19"/>
      <c r="U7507" s="19"/>
      <c r="V7507" s="19"/>
      <c r="W7507" s="19"/>
      <c r="X7507" s="19"/>
      <c r="Y7507" s="19"/>
      <c r="Z7507" s="19"/>
      <c r="AA7507" s="19"/>
    </row>
    <row r="7508" spans="1:27" s="1" customFormat="1" ht="11.1" customHeight="1" outlineLevel="2" x14ac:dyDescent="0.2">
      <c r="A7508" s="17">
        <v>5892</v>
      </c>
      <c r="B7508" s="17"/>
      <c r="C7508" s="17"/>
      <c r="D7508" s="18" t="s">
        <v>3716</v>
      </c>
      <c r="E7508" s="18"/>
      <c r="F7508" s="18"/>
      <c r="G7508" s="18"/>
      <c r="H7508" s="18"/>
      <c r="I7508" s="18"/>
      <c r="J7508" s="18"/>
      <c r="K7508" s="18"/>
      <c r="L7508" s="18"/>
      <c r="M7508" s="18"/>
      <c r="N7508" s="18"/>
      <c r="O7508" s="18"/>
      <c r="P7508" s="19">
        <v>350</v>
      </c>
      <c r="Q7508" s="19"/>
      <c r="R7508" s="19"/>
      <c r="S7508" s="19"/>
      <c r="T7508" s="19">
        <v>310</v>
      </c>
      <c r="U7508" s="19"/>
      <c r="V7508" s="19"/>
      <c r="W7508" s="19"/>
      <c r="X7508" s="19">
        <v>3</v>
      </c>
      <c r="Y7508" s="19"/>
      <c r="Z7508" s="19"/>
      <c r="AA7508" s="19"/>
    </row>
    <row r="7509" spans="1:27" s="1" customFormat="1" ht="11.1" customHeight="1" outlineLevel="2" x14ac:dyDescent="0.2">
      <c r="A7509" s="17"/>
      <c r="B7509" s="17"/>
      <c r="C7509" s="17"/>
      <c r="D7509" s="18"/>
      <c r="E7509" s="18"/>
      <c r="F7509" s="18"/>
      <c r="G7509" s="18"/>
      <c r="H7509" s="18"/>
      <c r="I7509" s="18"/>
      <c r="J7509" s="18"/>
      <c r="K7509" s="18"/>
      <c r="L7509" s="18"/>
      <c r="M7509" s="18"/>
      <c r="N7509" s="18"/>
      <c r="O7509" s="18"/>
      <c r="P7509" s="19"/>
      <c r="Q7509" s="19"/>
      <c r="R7509" s="19"/>
      <c r="S7509" s="19"/>
      <c r="T7509" s="19"/>
      <c r="U7509" s="19"/>
      <c r="V7509" s="19"/>
      <c r="W7509" s="19"/>
      <c r="X7509" s="19"/>
      <c r="Y7509" s="19"/>
      <c r="Z7509" s="19"/>
      <c r="AA7509" s="19"/>
    </row>
    <row r="7510" spans="1:27" s="1" customFormat="1" ht="11.1" customHeight="1" outlineLevel="2" x14ac:dyDescent="0.2">
      <c r="A7510" s="17">
        <v>1097</v>
      </c>
      <c r="B7510" s="17"/>
      <c r="C7510" s="17"/>
      <c r="D7510" s="18" t="s">
        <v>3717</v>
      </c>
      <c r="E7510" s="18"/>
      <c r="F7510" s="18"/>
      <c r="G7510" s="18"/>
      <c r="H7510" s="18"/>
      <c r="I7510" s="18"/>
      <c r="J7510" s="18"/>
      <c r="K7510" s="18"/>
      <c r="L7510" s="18"/>
      <c r="M7510" s="18"/>
      <c r="N7510" s="18"/>
      <c r="O7510" s="18"/>
      <c r="P7510" s="19">
        <v>100</v>
      </c>
      <c r="Q7510" s="19"/>
      <c r="R7510" s="19"/>
      <c r="S7510" s="19"/>
      <c r="T7510" s="19">
        <v>80</v>
      </c>
      <c r="U7510" s="19"/>
      <c r="V7510" s="19"/>
      <c r="W7510" s="19"/>
      <c r="X7510" s="19">
        <v>1</v>
      </c>
      <c r="Y7510" s="19"/>
      <c r="Z7510" s="19"/>
      <c r="AA7510" s="19"/>
    </row>
    <row r="7511" spans="1:27" s="1" customFormat="1" ht="11.1" customHeight="1" outlineLevel="2" x14ac:dyDescent="0.2">
      <c r="A7511" s="17"/>
      <c r="B7511" s="17"/>
      <c r="C7511" s="17"/>
      <c r="D7511" s="18"/>
      <c r="E7511" s="18"/>
      <c r="F7511" s="18"/>
      <c r="G7511" s="18"/>
      <c r="H7511" s="18"/>
      <c r="I7511" s="18"/>
      <c r="J7511" s="18"/>
      <c r="K7511" s="18"/>
      <c r="L7511" s="18"/>
      <c r="M7511" s="18"/>
      <c r="N7511" s="18"/>
      <c r="O7511" s="18"/>
      <c r="P7511" s="19"/>
      <c r="Q7511" s="19"/>
      <c r="R7511" s="19"/>
      <c r="S7511" s="19"/>
      <c r="T7511" s="19"/>
      <c r="U7511" s="19"/>
      <c r="V7511" s="19"/>
      <c r="W7511" s="19"/>
      <c r="X7511" s="19"/>
      <c r="Y7511" s="19"/>
      <c r="Z7511" s="19"/>
      <c r="AA7511" s="19"/>
    </row>
    <row r="7512" spans="1:27" s="1" customFormat="1" ht="11.1" customHeight="1" outlineLevel="2" x14ac:dyDescent="0.2">
      <c r="A7512" s="17">
        <v>1098</v>
      </c>
      <c r="B7512" s="17"/>
      <c r="C7512" s="17"/>
      <c r="D7512" s="18" t="s">
        <v>3718</v>
      </c>
      <c r="E7512" s="18"/>
      <c r="F7512" s="18"/>
      <c r="G7512" s="18"/>
      <c r="H7512" s="18"/>
      <c r="I7512" s="18"/>
      <c r="J7512" s="18"/>
      <c r="K7512" s="18"/>
      <c r="L7512" s="18"/>
      <c r="M7512" s="18"/>
      <c r="N7512" s="18"/>
      <c r="O7512" s="18"/>
      <c r="P7512" s="19">
        <v>350</v>
      </c>
      <c r="Q7512" s="19"/>
      <c r="R7512" s="19"/>
      <c r="S7512" s="19"/>
      <c r="T7512" s="19">
        <v>300</v>
      </c>
      <c r="U7512" s="19"/>
      <c r="V7512" s="19"/>
      <c r="W7512" s="19"/>
      <c r="X7512" s="19">
        <v>1</v>
      </c>
      <c r="Y7512" s="19"/>
      <c r="Z7512" s="19"/>
      <c r="AA7512" s="19"/>
    </row>
    <row r="7513" spans="1:27" s="1" customFormat="1" ht="11.1" customHeight="1" outlineLevel="2" x14ac:dyDescent="0.2">
      <c r="A7513" s="17"/>
      <c r="B7513" s="17"/>
      <c r="C7513" s="17"/>
      <c r="D7513" s="18"/>
      <c r="E7513" s="18"/>
      <c r="F7513" s="18"/>
      <c r="G7513" s="18"/>
      <c r="H7513" s="18"/>
      <c r="I7513" s="18"/>
      <c r="J7513" s="18"/>
      <c r="K7513" s="18"/>
      <c r="L7513" s="18"/>
      <c r="M7513" s="18"/>
      <c r="N7513" s="18"/>
      <c r="O7513" s="18"/>
      <c r="P7513" s="19"/>
      <c r="Q7513" s="19"/>
      <c r="R7513" s="19"/>
      <c r="S7513" s="19"/>
      <c r="T7513" s="19"/>
      <c r="U7513" s="19"/>
      <c r="V7513" s="19"/>
      <c r="W7513" s="19"/>
      <c r="X7513" s="19"/>
      <c r="Y7513" s="19"/>
      <c r="Z7513" s="19"/>
      <c r="AA7513" s="19"/>
    </row>
    <row r="7514" spans="1:27" s="1" customFormat="1" ht="11.1" customHeight="1" outlineLevel="2" x14ac:dyDescent="0.2">
      <c r="A7514" s="17">
        <v>10441</v>
      </c>
      <c r="B7514" s="17"/>
      <c r="C7514" s="17"/>
      <c r="D7514" s="18" t="s">
        <v>3719</v>
      </c>
      <c r="E7514" s="18"/>
      <c r="F7514" s="18"/>
      <c r="G7514" s="18"/>
      <c r="H7514" s="18"/>
      <c r="I7514" s="18"/>
      <c r="J7514" s="18"/>
      <c r="K7514" s="18"/>
      <c r="L7514" s="18"/>
      <c r="M7514" s="18"/>
      <c r="N7514" s="18"/>
      <c r="O7514" s="18"/>
      <c r="P7514" s="19">
        <v>320</v>
      </c>
      <c r="Q7514" s="19"/>
      <c r="R7514" s="19"/>
      <c r="S7514" s="19"/>
      <c r="T7514" s="19">
        <v>250</v>
      </c>
      <c r="U7514" s="19"/>
      <c r="V7514" s="19"/>
      <c r="W7514" s="19"/>
      <c r="X7514" s="19">
        <v>5</v>
      </c>
      <c r="Y7514" s="19"/>
      <c r="Z7514" s="19"/>
      <c r="AA7514" s="19"/>
    </row>
    <row r="7515" spans="1:27" s="1" customFormat="1" ht="11.1" customHeight="1" outlineLevel="2" x14ac:dyDescent="0.2">
      <c r="A7515" s="17"/>
      <c r="B7515" s="17"/>
      <c r="C7515" s="17"/>
      <c r="D7515" s="18"/>
      <c r="E7515" s="18"/>
      <c r="F7515" s="18"/>
      <c r="G7515" s="18"/>
      <c r="H7515" s="18"/>
      <c r="I7515" s="18"/>
      <c r="J7515" s="18"/>
      <c r="K7515" s="18"/>
      <c r="L7515" s="18"/>
      <c r="M7515" s="18"/>
      <c r="N7515" s="18"/>
      <c r="O7515" s="18"/>
      <c r="P7515" s="19"/>
      <c r="Q7515" s="19"/>
      <c r="R7515" s="19"/>
      <c r="S7515" s="19"/>
      <c r="T7515" s="19"/>
      <c r="U7515" s="19"/>
      <c r="V7515" s="19"/>
      <c r="W7515" s="19"/>
      <c r="X7515" s="19"/>
      <c r="Y7515" s="19"/>
      <c r="Z7515" s="19"/>
      <c r="AA7515" s="19"/>
    </row>
    <row r="7516" spans="1:27" s="1" customFormat="1" ht="11.1" customHeight="1" outlineLevel="2" x14ac:dyDescent="0.2">
      <c r="A7516" s="17">
        <v>10439</v>
      </c>
      <c r="B7516" s="17"/>
      <c r="C7516" s="17"/>
      <c r="D7516" s="18" t="s">
        <v>3720</v>
      </c>
      <c r="E7516" s="18"/>
      <c r="F7516" s="18"/>
      <c r="G7516" s="18"/>
      <c r="H7516" s="18"/>
      <c r="I7516" s="18"/>
      <c r="J7516" s="18"/>
      <c r="K7516" s="18"/>
      <c r="L7516" s="18"/>
      <c r="M7516" s="18"/>
      <c r="N7516" s="18"/>
      <c r="O7516" s="18"/>
      <c r="P7516" s="19">
        <v>330</v>
      </c>
      <c r="Q7516" s="19"/>
      <c r="R7516" s="19"/>
      <c r="S7516" s="19"/>
      <c r="T7516" s="19">
        <v>250</v>
      </c>
      <c r="U7516" s="19"/>
      <c r="V7516" s="19"/>
      <c r="W7516" s="19"/>
      <c r="X7516" s="19">
        <v>3</v>
      </c>
      <c r="Y7516" s="19"/>
      <c r="Z7516" s="19"/>
      <c r="AA7516" s="19"/>
    </row>
    <row r="7517" spans="1:27" s="1" customFormat="1" ht="11.1" customHeight="1" outlineLevel="2" x14ac:dyDescent="0.2">
      <c r="A7517" s="17"/>
      <c r="B7517" s="17"/>
      <c r="C7517" s="17"/>
      <c r="D7517" s="18"/>
      <c r="E7517" s="18"/>
      <c r="F7517" s="18"/>
      <c r="G7517" s="18"/>
      <c r="H7517" s="18"/>
      <c r="I7517" s="18"/>
      <c r="J7517" s="18"/>
      <c r="K7517" s="18"/>
      <c r="L7517" s="18"/>
      <c r="M7517" s="18"/>
      <c r="N7517" s="18"/>
      <c r="O7517" s="18"/>
      <c r="P7517" s="19"/>
      <c r="Q7517" s="19"/>
      <c r="R7517" s="19"/>
      <c r="S7517" s="19"/>
      <c r="T7517" s="19"/>
      <c r="U7517" s="19"/>
      <c r="V7517" s="19"/>
      <c r="W7517" s="19"/>
      <c r="X7517" s="19"/>
      <c r="Y7517" s="19"/>
      <c r="Z7517" s="19"/>
      <c r="AA7517" s="19"/>
    </row>
    <row r="7518" spans="1:27" s="1" customFormat="1" ht="14.1" customHeight="1" outlineLevel="2" x14ac:dyDescent="0.2">
      <c r="A7518" s="17">
        <v>10440</v>
      </c>
      <c r="B7518" s="17"/>
      <c r="C7518" s="17"/>
      <c r="D7518" s="18" t="s">
        <v>3721</v>
      </c>
      <c r="E7518" s="18"/>
      <c r="F7518" s="18"/>
      <c r="G7518" s="18"/>
      <c r="H7518" s="18"/>
      <c r="I7518" s="18"/>
      <c r="J7518" s="18"/>
      <c r="K7518" s="18"/>
      <c r="L7518" s="18"/>
      <c r="M7518" s="18"/>
      <c r="N7518" s="18"/>
      <c r="O7518" s="18"/>
      <c r="P7518" s="19">
        <v>330</v>
      </c>
      <c r="Q7518" s="19"/>
      <c r="R7518" s="19"/>
      <c r="S7518" s="19"/>
      <c r="T7518" s="19">
        <v>250</v>
      </c>
      <c r="U7518" s="19"/>
      <c r="V7518" s="19"/>
      <c r="W7518" s="19"/>
      <c r="X7518" s="19">
        <v>4</v>
      </c>
      <c r="Y7518" s="19"/>
      <c r="Z7518" s="19"/>
      <c r="AA7518" s="19"/>
    </row>
    <row r="7519" spans="1:27" s="1" customFormat="1" ht="14.1" customHeight="1" outlineLevel="2" x14ac:dyDescent="0.2">
      <c r="A7519" s="17"/>
      <c r="B7519" s="17"/>
      <c r="C7519" s="17"/>
      <c r="D7519" s="18"/>
      <c r="E7519" s="18"/>
      <c r="F7519" s="18"/>
      <c r="G7519" s="18"/>
      <c r="H7519" s="18"/>
      <c r="I7519" s="18"/>
      <c r="J7519" s="18"/>
      <c r="K7519" s="18"/>
      <c r="L7519" s="18"/>
      <c r="M7519" s="18"/>
      <c r="N7519" s="18"/>
      <c r="O7519" s="18"/>
      <c r="P7519" s="19"/>
      <c r="Q7519" s="19"/>
      <c r="R7519" s="19"/>
      <c r="S7519" s="19"/>
      <c r="T7519" s="19"/>
      <c r="U7519" s="19"/>
      <c r="V7519" s="19"/>
      <c r="W7519" s="19"/>
      <c r="X7519" s="19"/>
      <c r="Y7519" s="19"/>
      <c r="Z7519" s="19"/>
      <c r="AA7519" s="19"/>
    </row>
    <row r="7520" spans="1:27" s="1" customFormat="1" ht="11.1" customHeight="1" outlineLevel="2" x14ac:dyDescent="0.2">
      <c r="A7520" s="17">
        <v>10442</v>
      </c>
      <c r="B7520" s="17"/>
      <c r="C7520" s="17"/>
      <c r="D7520" s="18" t="s">
        <v>3722</v>
      </c>
      <c r="E7520" s="18"/>
      <c r="F7520" s="18"/>
      <c r="G7520" s="18"/>
      <c r="H7520" s="18"/>
      <c r="I7520" s="18"/>
      <c r="J7520" s="18"/>
      <c r="K7520" s="18"/>
      <c r="L7520" s="18"/>
      <c r="M7520" s="18"/>
      <c r="N7520" s="18"/>
      <c r="O7520" s="18"/>
      <c r="P7520" s="19">
        <v>320</v>
      </c>
      <c r="Q7520" s="19"/>
      <c r="R7520" s="19"/>
      <c r="S7520" s="19"/>
      <c r="T7520" s="19">
        <v>250</v>
      </c>
      <c r="U7520" s="19"/>
      <c r="V7520" s="19"/>
      <c r="W7520" s="19"/>
      <c r="X7520" s="19">
        <v>5</v>
      </c>
      <c r="Y7520" s="19"/>
      <c r="Z7520" s="19"/>
      <c r="AA7520" s="19"/>
    </row>
    <row r="7521" spans="1:27" s="1" customFormat="1" ht="11.1" customHeight="1" outlineLevel="2" x14ac:dyDescent="0.2">
      <c r="A7521" s="17"/>
      <c r="B7521" s="17"/>
      <c r="C7521" s="17"/>
      <c r="D7521" s="18"/>
      <c r="E7521" s="18"/>
      <c r="F7521" s="18"/>
      <c r="G7521" s="18"/>
      <c r="H7521" s="18"/>
      <c r="I7521" s="18"/>
      <c r="J7521" s="18"/>
      <c r="K7521" s="18"/>
      <c r="L7521" s="18"/>
      <c r="M7521" s="18"/>
      <c r="N7521" s="18"/>
      <c r="O7521" s="18"/>
      <c r="P7521" s="19"/>
      <c r="Q7521" s="19"/>
      <c r="R7521" s="19"/>
      <c r="S7521" s="19"/>
      <c r="T7521" s="19"/>
      <c r="U7521" s="19"/>
      <c r="V7521" s="19"/>
      <c r="W7521" s="19"/>
      <c r="X7521" s="19"/>
      <c r="Y7521" s="19"/>
      <c r="Z7521" s="19"/>
      <c r="AA7521" s="19"/>
    </row>
    <row r="7522" spans="1:27" s="1" customFormat="1" ht="11.1" customHeight="1" outlineLevel="2" x14ac:dyDescent="0.2">
      <c r="A7522" s="17">
        <v>10438</v>
      </c>
      <c r="B7522" s="17"/>
      <c r="C7522" s="17"/>
      <c r="D7522" s="18" t="s">
        <v>3723</v>
      </c>
      <c r="E7522" s="18"/>
      <c r="F7522" s="18"/>
      <c r="G7522" s="18"/>
      <c r="H7522" s="18"/>
      <c r="I7522" s="18"/>
      <c r="J7522" s="18"/>
      <c r="K7522" s="18"/>
      <c r="L7522" s="18"/>
      <c r="M7522" s="18"/>
      <c r="N7522" s="18"/>
      <c r="O7522" s="18"/>
      <c r="P7522" s="19">
        <v>350</v>
      </c>
      <c r="Q7522" s="19"/>
      <c r="R7522" s="19"/>
      <c r="S7522" s="19"/>
      <c r="T7522" s="19">
        <v>261</v>
      </c>
      <c r="U7522" s="19"/>
      <c r="V7522" s="19"/>
      <c r="W7522" s="19"/>
      <c r="X7522" s="19">
        <v>5</v>
      </c>
      <c r="Y7522" s="19"/>
      <c r="Z7522" s="19"/>
      <c r="AA7522" s="19"/>
    </row>
    <row r="7523" spans="1:27" s="1" customFormat="1" ht="11.1" customHeight="1" outlineLevel="2" x14ac:dyDescent="0.2">
      <c r="A7523" s="17"/>
      <c r="B7523" s="17"/>
      <c r="C7523" s="17"/>
      <c r="D7523" s="18"/>
      <c r="E7523" s="18"/>
      <c r="F7523" s="18"/>
      <c r="G7523" s="18"/>
      <c r="H7523" s="18"/>
      <c r="I7523" s="18"/>
      <c r="J7523" s="18"/>
      <c r="K7523" s="18"/>
      <c r="L7523" s="18"/>
      <c r="M7523" s="18"/>
      <c r="N7523" s="18"/>
      <c r="O7523" s="18"/>
      <c r="P7523" s="19"/>
      <c r="Q7523" s="19"/>
      <c r="R7523" s="19"/>
      <c r="S7523" s="19"/>
      <c r="T7523" s="19"/>
      <c r="U7523" s="19"/>
      <c r="V7523" s="19"/>
      <c r="W7523" s="19"/>
      <c r="X7523" s="19"/>
      <c r="Y7523" s="19"/>
      <c r="Z7523" s="19"/>
      <c r="AA7523" s="19"/>
    </row>
    <row r="7524" spans="1:27" s="1" customFormat="1" ht="14.1" customHeight="1" outlineLevel="2" x14ac:dyDescent="0.2">
      <c r="A7524" s="17">
        <v>10437</v>
      </c>
      <c r="B7524" s="17"/>
      <c r="C7524" s="17"/>
      <c r="D7524" s="18" t="s">
        <v>3724</v>
      </c>
      <c r="E7524" s="18"/>
      <c r="F7524" s="18"/>
      <c r="G7524" s="18"/>
      <c r="H7524" s="18"/>
      <c r="I7524" s="18"/>
      <c r="J7524" s="18"/>
      <c r="K7524" s="18"/>
      <c r="L7524" s="18"/>
      <c r="M7524" s="18"/>
      <c r="N7524" s="18"/>
      <c r="O7524" s="18"/>
      <c r="P7524" s="19">
        <v>350</v>
      </c>
      <c r="Q7524" s="19"/>
      <c r="R7524" s="19"/>
      <c r="S7524" s="19"/>
      <c r="T7524" s="19">
        <v>261</v>
      </c>
      <c r="U7524" s="19"/>
      <c r="V7524" s="19"/>
      <c r="W7524" s="19"/>
      <c r="X7524" s="19">
        <v>4</v>
      </c>
      <c r="Y7524" s="19"/>
      <c r="Z7524" s="19"/>
      <c r="AA7524" s="19"/>
    </row>
    <row r="7525" spans="1:27" s="1" customFormat="1" ht="14.1" customHeight="1" outlineLevel="2" x14ac:dyDescent="0.2">
      <c r="A7525" s="17"/>
      <c r="B7525" s="17"/>
      <c r="C7525" s="17"/>
      <c r="D7525" s="18"/>
      <c r="E7525" s="18"/>
      <c r="F7525" s="18"/>
      <c r="G7525" s="18"/>
      <c r="H7525" s="18"/>
      <c r="I7525" s="18"/>
      <c r="J7525" s="18"/>
      <c r="K7525" s="18"/>
      <c r="L7525" s="18"/>
      <c r="M7525" s="18"/>
      <c r="N7525" s="18"/>
      <c r="O7525" s="18"/>
      <c r="P7525" s="19"/>
      <c r="Q7525" s="19"/>
      <c r="R7525" s="19"/>
      <c r="S7525" s="19"/>
      <c r="T7525" s="19"/>
      <c r="U7525" s="19"/>
      <c r="V7525" s="19"/>
      <c r="W7525" s="19"/>
      <c r="X7525" s="19"/>
      <c r="Y7525" s="19"/>
      <c r="Z7525" s="19"/>
      <c r="AA7525" s="19"/>
    </row>
    <row r="7526" spans="1:27" s="1" customFormat="1" ht="14.1" customHeight="1" outlineLevel="2" x14ac:dyDescent="0.2">
      <c r="A7526" s="17">
        <v>8595</v>
      </c>
      <c r="B7526" s="17"/>
      <c r="C7526" s="17"/>
      <c r="D7526" s="18" t="s">
        <v>3725</v>
      </c>
      <c r="E7526" s="18"/>
      <c r="F7526" s="18"/>
      <c r="G7526" s="18"/>
      <c r="H7526" s="18"/>
      <c r="I7526" s="18"/>
      <c r="J7526" s="18"/>
      <c r="K7526" s="18"/>
      <c r="L7526" s="18"/>
      <c r="M7526" s="18"/>
      <c r="N7526" s="18"/>
      <c r="O7526" s="18"/>
      <c r="P7526" s="19">
        <v>350</v>
      </c>
      <c r="Q7526" s="19"/>
      <c r="R7526" s="19"/>
      <c r="S7526" s="19"/>
      <c r="T7526" s="19">
        <v>261</v>
      </c>
      <c r="U7526" s="19"/>
      <c r="V7526" s="19"/>
      <c r="W7526" s="19"/>
      <c r="X7526" s="19">
        <v>5</v>
      </c>
      <c r="Y7526" s="19"/>
      <c r="Z7526" s="19"/>
      <c r="AA7526" s="19"/>
    </row>
    <row r="7527" spans="1:27" s="1" customFormat="1" ht="14.1" customHeight="1" outlineLevel="2" x14ac:dyDescent="0.2">
      <c r="A7527" s="17"/>
      <c r="B7527" s="17"/>
      <c r="C7527" s="17"/>
      <c r="D7527" s="18"/>
      <c r="E7527" s="18"/>
      <c r="F7527" s="18"/>
      <c r="G7527" s="18"/>
      <c r="H7527" s="18"/>
      <c r="I7527" s="18"/>
      <c r="J7527" s="18"/>
      <c r="K7527" s="18"/>
      <c r="L7527" s="18"/>
      <c r="M7527" s="18"/>
      <c r="N7527" s="18"/>
      <c r="O7527" s="18"/>
      <c r="P7527" s="19"/>
      <c r="Q7527" s="19"/>
      <c r="R7527" s="19"/>
      <c r="S7527" s="19"/>
      <c r="T7527" s="19"/>
      <c r="U7527" s="19"/>
      <c r="V7527" s="19"/>
      <c r="W7527" s="19"/>
      <c r="X7527" s="19"/>
      <c r="Y7527" s="19"/>
      <c r="Z7527" s="19"/>
      <c r="AA7527" s="19"/>
    </row>
    <row r="7528" spans="1:27" s="1" customFormat="1" ht="11.1" customHeight="1" outlineLevel="1" x14ac:dyDescent="0.2">
      <c r="A7528" s="16" t="s">
        <v>1298</v>
      </c>
      <c r="B7528" s="16"/>
      <c r="C7528" s="16"/>
      <c r="D7528" s="16"/>
      <c r="E7528" s="16"/>
      <c r="F7528" s="16"/>
      <c r="G7528" s="16"/>
      <c r="H7528" s="16"/>
      <c r="I7528" s="16"/>
      <c r="J7528" s="16"/>
      <c r="K7528" s="16"/>
      <c r="L7528" s="16"/>
      <c r="M7528" s="16"/>
      <c r="N7528" s="16"/>
      <c r="O7528" s="16"/>
      <c r="P7528" s="16"/>
      <c r="Q7528" s="16"/>
      <c r="R7528" s="16"/>
      <c r="S7528" s="16"/>
      <c r="T7528" s="16"/>
      <c r="U7528" s="16"/>
      <c r="V7528" s="16"/>
      <c r="W7528" s="16"/>
      <c r="X7528" s="16"/>
      <c r="Y7528" s="16"/>
      <c r="Z7528" s="16"/>
      <c r="AA7528" s="16"/>
    </row>
    <row r="7529" spans="1:27" s="1" customFormat="1" ht="11.1" customHeight="1" outlineLevel="1" x14ac:dyDescent="0.2">
      <c r="A7529" s="16"/>
      <c r="B7529" s="16"/>
      <c r="C7529" s="16"/>
      <c r="D7529" s="16"/>
      <c r="E7529" s="16"/>
      <c r="F7529" s="16"/>
      <c r="G7529" s="16"/>
      <c r="H7529" s="16"/>
      <c r="I7529" s="16"/>
      <c r="J7529" s="16"/>
      <c r="K7529" s="16"/>
      <c r="L7529" s="16"/>
      <c r="M7529" s="16"/>
      <c r="N7529" s="16"/>
      <c r="O7529" s="16"/>
      <c r="P7529" s="16"/>
      <c r="Q7529" s="16"/>
      <c r="R7529" s="16"/>
      <c r="S7529" s="16"/>
      <c r="T7529" s="16"/>
      <c r="U7529" s="16"/>
      <c r="V7529" s="16"/>
      <c r="W7529" s="16"/>
      <c r="X7529" s="16"/>
      <c r="Y7529" s="16"/>
      <c r="Z7529" s="16"/>
      <c r="AA7529" s="16"/>
    </row>
    <row r="7530" spans="1:27" s="1" customFormat="1" ht="11.1" customHeight="1" outlineLevel="2" x14ac:dyDescent="0.2">
      <c r="A7530" s="17">
        <v>13100</v>
      </c>
      <c r="B7530" s="17"/>
      <c r="C7530" s="17"/>
      <c r="D7530" s="18" t="s">
        <v>3726</v>
      </c>
      <c r="E7530" s="18"/>
      <c r="F7530" s="18"/>
      <c r="G7530" s="18"/>
      <c r="H7530" s="18"/>
      <c r="I7530" s="18"/>
      <c r="J7530" s="18"/>
      <c r="K7530" s="18"/>
      <c r="L7530" s="18"/>
      <c r="M7530" s="18"/>
      <c r="N7530" s="18"/>
      <c r="O7530" s="18"/>
      <c r="P7530" s="19">
        <v>390</v>
      </c>
      <c r="Q7530" s="19"/>
      <c r="R7530" s="19"/>
      <c r="S7530" s="19"/>
      <c r="T7530" s="19">
        <v>320</v>
      </c>
      <c r="U7530" s="19"/>
      <c r="V7530" s="19"/>
      <c r="W7530" s="19"/>
      <c r="X7530" s="19">
        <v>14</v>
      </c>
      <c r="Y7530" s="19"/>
      <c r="Z7530" s="19"/>
      <c r="AA7530" s="19"/>
    </row>
    <row r="7531" spans="1:27" s="1" customFormat="1" ht="11.1" customHeight="1" outlineLevel="2" x14ac:dyDescent="0.2">
      <c r="A7531" s="17"/>
      <c r="B7531" s="17"/>
      <c r="C7531" s="17"/>
      <c r="D7531" s="18"/>
      <c r="E7531" s="18"/>
      <c r="F7531" s="18"/>
      <c r="G7531" s="18"/>
      <c r="H7531" s="18"/>
      <c r="I7531" s="18"/>
      <c r="J7531" s="18"/>
      <c r="K7531" s="18"/>
      <c r="L7531" s="18"/>
      <c r="M7531" s="18"/>
      <c r="N7531" s="18"/>
      <c r="O7531" s="18"/>
      <c r="P7531" s="19"/>
      <c r="Q7531" s="19"/>
      <c r="R7531" s="19"/>
      <c r="S7531" s="19"/>
      <c r="T7531" s="19"/>
      <c r="U7531" s="19"/>
      <c r="V7531" s="19"/>
      <c r="W7531" s="19"/>
      <c r="X7531" s="19"/>
      <c r="Y7531" s="19"/>
      <c r="Z7531" s="19"/>
      <c r="AA7531" s="19"/>
    </row>
    <row r="7532" spans="1:27" s="1" customFormat="1" ht="11.1" customHeight="1" outlineLevel="2" x14ac:dyDescent="0.2">
      <c r="A7532" s="17">
        <v>13101</v>
      </c>
      <c r="B7532" s="17"/>
      <c r="C7532" s="17"/>
      <c r="D7532" s="18" t="s">
        <v>3727</v>
      </c>
      <c r="E7532" s="18"/>
      <c r="F7532" s="18"/>
      <c r="G7532" s="18"/>
      <c r="H7532" s="18"/>
      <c r="I7532" s="18"/>
      <c r="J7532" s="18"/>
      <c r="K7532" s="18"/>
      <c r="L7532" s="18"/>
      <c r="M7532" s="18"/>
      <c r="N7532" s="18"/>
      <c r="O7532" s="18"/>
      <c r="P7532" s="19">
        <v>400</v>
      </c>
      <c r="Q7532" s="19"/>
      <c r="R7532" s="19"/>
      <c r="S7532" s="19"/>
      <c r="T7532" s="19">
        <v>320</v>
      </c>
      <c r="U7532" s="19"/>
      <c r="V7532" s="19"/>
      <c r="W7532" s="19"/>
      <c r="X7532" s="19">
        <v>9</v>
      </c>
      <c r="Y7532" s="19"/>
      <c r="Z7532" s="19"/>
      <c r="AA7532" s="19"/>
    </row>
    <row r="7533" spans="1:27" s="1" customFormat="1" ht="11.1" customHeight="1" outlineLevel="2" x14ac:dyDescent="0.2">
      <c r="A7533" s="17"/>
      <c r="B7533" s="17"/>
      <c r="C7533" s="17"/>
      <c r="D7533" s="18"/>
      <c r="E7533" s="18"/>
      <c r="F7533" s="18"/>
      <c r="G7533" s="18"/>
      <c r="H7533" s="18"/>
      <c r="I7533" s="18"/>
      <c r="J7533" s="18"/>
      <c r="K7533" s="18"/>
      <c r="L7533" s="18"/>
      <c r="M7533" s="18"/>
      <c r="N7533" s="18"/>
      <c r="O7533" s="18"/>
      <c r="P7533" s="19"/>
      <c r="Q7533" s="19"/>
      <c r="R7533" s="19"/>
      <c r="S7533" s="19"/>
      <c r="T7533" s="19"/>
      <c r="U7533" s="19"/>
      <c r="V7533" s="19"/>
      <c r="W7533" s="19"/>
      <c r="X7533" s="19"/>
      <c r="Y7533" s="19"/>
      <c r="Z7533" s="19"/>
      <c r="AA7533" s="19"/>
    </row>
    <row r="7534" spans="1:27" s="1" customFormat="1" ht="11.1" customHeight="1" outlineLevel="2" x14ac:dyDescent="0.2">
      <c r="A7534" s="17">
        <v>7059</v>
      </c>
      <c r="B7534" s="17"/>
      <c r="C7534" s="17"/>
      <c r="D7534" s="18" t="s">
        <v>3728</v>
      </c>
      <c r="E7534" s="18"/>
      <c r="F7534" s="18"/>
      <c r="G7534" s="18"/>
      <c r="H7534" s="18"/>
      <c r="I7534" s="18"/>
      <c r="J7534" s="18"/>
      <c r="K7534" s="18"/>
      <c r="L7534" s="18"/>
      <c r="M7534" s="18"/>
      <c r="N7534" s="18"/>
      <c r="O7534" s="18"/>
      <c r="P7534" s="19">
        <v>310</v>
      </c>
      <c r="Q7534" s="19"/>
      <c r="R7534" s="19"/>
      <c r="S7534" s="19"/>
      <c r="T7534" s="19">
        <v>250</v>
      </c>
      <c r="U7534" s="19"/>
      <c r="V7534" s="19"/>
      <c r="W7534" s="19"/>
      <c r="X7534" s="19">
        <v>9</v>
      </c>
      <c r="Y7534" s="19"/>
      <c r="Z7534" s="19"/>
      <c r="AA7534" s="19"/>
    </row>
    <row r="7535" spans="1:27" s="1" customFormat="1" ht="11.1" customHeight="1" outlineLevel="2" x14ac:dyDescent="0.2">
      <c r="A7535" s="17"/>
      <c r="B7535" s="17"/>
      <c r="C7535" s="17"/>
      <c r="D7535" s="18"/>
      <c r="E7535" s="18"/>
      <c r="F7535" s="18"/>
      <c r="G7535" s="18"/>
      <c r="H7535" s="18"/>
      <c r="I7535" s="18"/>
      <c r="J7535" s="18"/>
      <c r="K7535" s="18"/>
      <c r="L7535" s="18"/>
      <c r="M7535" s="18"/>
      <c r="N7535" s="18"/>
      <c r="O7535" s="18"/>
      <c r="P7535" s="19"/>
      <c r="Q7535" s="19"/>
      <c r="R7535" s="19"/>
      <c r="S7535" s="19"/>
      <c r="T7535" s="19"/>
      <c r="U7535" s="19"/>
      <c r="V7535" s="19"/>
      <c r="W7535" s="19"/>
      <c r="X7535" s="19"/>
      <c r="Y7535" s="19"/>
      <c r="Z7535" s="19"/>
      <c r="AA7535" s="19"/>
    </row>
    <row r="7536" spans="1:27" s="1" customFormat="1" ht="11.1" customHeight="1" outlineLevel="2" x14ac:dyDescent="0.2">
      <c r="A7536" s="17">
        <v>13099</v>
      </c>
      <c r="B7536" s="17"/>
      <c r="C7536" s="17"/>
      <c r="D7536" s="18" t="s">
        <v>3729</v>
      </c>
      <c r="E7536" s="18"/>
      <c r="F7536" s="18"/>
      <c r="G7536" s="18"/>
      <c r="H7536" s="18"/>
      <c r="I7536" s="18"/>
      <c r="J7536" s="18"/>
      <c r="K7536" s="18"/>
      <c r="L7536" s="18"/>
      <c r="M7536" s="18"/>
      <c r="N7536" s="18"/>
      <c r="O7536" s="18"/>
      <c r="P7536" s="19">
        <v>390</v>
      </c>
      <c r="Q7536" s="19"/>
      <c r="R7536" s="19"/>
      <c r="S7536" s="19"/>
      <c r="T7536" s="19">
        <v>320</v>
      </c>
      <c r="U7536" s="19"/>
      <c r="V7536" s="19"/>
      <c r="W7536" s="19"/>
      <c r="X7536" s="19">
        <v>11</v>
      </c>
      <c r="Y7536" s="19"/>
      <c r="Z7536" s="19"/>
      <c r="AA7536" s="19"/>
    </row>
    <row r="7537" spans="1:27" s="1" customFormat="1" ht="11.1" customHeight="1" outlineLevel="2" x14ac:dyDescent="0.2">
      <c r="A7537" s="17"/>
      <c r="B7537" s="17"/>
      <c r="C7537" s="17"/>
      <c r="D7537" s="18"/>
      <c r="E7537" s="18"/>
      <c r="F7537" s="18"/>
      <c r="G7537" s="18"/>
      <c r="H7537" s="18"/>
      <c r="I7537" s="18"/>
      <c r="J7537" s="18"/>
      <c r="K7537" s="18"/>
      <c r="L7537" s="18"/>
      <c r="M7537" s="18"/>
      <c r="N7537" s="18"/>
      <c r="O7537" s="18"/>
      <c r="P7537" s="19"/>
      <c r="Q7537" s="19"/>
      <c r="R7537" s="19"/>
      <c r="S7537" s="19"/>
      <c r="T7537" s="19"/>
      <c r="U7537" s="19"/>
      <c r="V7537" s="19"/>
      <c r="W7537" s="19"/>
      <c r="X7537" s="19"/>
      <c r="Y7537" s="19"/>
      <c r="Z7537" s="19"/>
      <c r="AA7537" s="19"/>
    </row>
    <row r="7538" spans="1:27" s="1" customFormat="1" ht="11.1" customHeight="1" outlineLevel="2" x14ac:dyDescent="0.2">
      <c r="A7538" s="17">
        <v>9375</v>
      </c>
      <c r="B7538" s="17"/>
      <c r="C7538" s="17"/>
      <c r="D7538" s="18" t="s">
        <v>3730</v>
      </c>
      <c r="E7538" s="18"/>
      <c r="F7538" s="18"/>
      <c r="G7538" s="18"/>
      <c r="H7538" s="18"/>
      <c r="I7538" s="18"/>
      <c r="J7538" s="18"/>
      <c r="K7538" s="18"/>
      <c r="L7538" s="18"/>
      <c r="M7538" s="18"/>
      <c r="N7538" s="18"/>
      <c r="O7538" s="18"/>
      <c r="P7538" s="19">
        <v>390</v>
      </c>
      <c r="Q7538" s="19"/>
      <c r="R7538" s="19"/>
      <c r="S7538" s="19"/>
      <c r="T7538" s="19">
        <v>330</v>
      </c>
      <c r="U7538" s="19"/>
      <c r="V7538" s="19"/>
      <c r="W7538" s="19"/>
      <c r="X7538" s="19">
        <v>5</v>
      </c>
      <c r="Y7538" s="19"/>
      <c r="Z7538" s="19"/>
      <c r="AA7538" s="19"/>
    </row>
    <row r="7539" spans="1:27" s="1" customFormat="1" ht="11.1" customHeight="1" outlineLevel="2" x14ac:dyDescent="0.2">
      <c r="A7539" s="17"/>
      <c r="B7539" s="17"/>
      <c r="C7539" s="17"/>
      <c r="D7539" s="18"/>
      <c r="E7539" s="18"/>
      <c r="F7539" s="18"/>
      <c r="G7539" s="18"/>
      <c r="H7539" s="18"/>
      <c r="I7539" s="18"/>
      <c r="J7539" s="18"/>
      <c r="K7539" s="18"/>
      <c r="L7539" s="18"/>
      <c r="M7539" s="18"/>
      <c r="N7539" s="18"/>
      <c r="O7539" s="18"/>
      <c r="P7539" s="19"/>
      <c r="Q7539" s="19"/>
      <c r="R7539" s="19"/>
      <c r="S7539" s="19"/>
      <c r="T7539" s="19"/>
      <c r="U7539" s="19"/>
      <c r="V7539" s="19"/>
      <c r="W7539" s="19"/>
      <c r="X7539" s="19"/>
      <c r="Y7539" s="19"/>
      <c r="Z7539" s="19"/>
      <c r="AA7539" s="19"/>
    </row>
    <row r="7540" spans="1:27" s="1" customFormat="1" ht="11.1" customHeight="1" outlineLevel="2" x14ac:dyDescent="0.2">
      <c r="A7540" s="17">
        <v>17790</v>
      </c>
      <c r="B7540" s="17"/>
      <c r="C7540" s="17"/>
      <c r="D7540" s="18" t="s">
        <v>3731</v>
      </c>
      <c r="E7540" s="18"/>
      <c r="F7540" s="18"/>
      <c r="G7540" s="18"/>
      <c r="H7540" s="18"/>
      <c r="I7540" s="18"/>
      <c r="J7540" s="18"/>
      <c r="K7540" s="18"/>
      <c r="L7540" s="18"/>
      <c r="M7540" s="18"/>
      <c r="N7540" s="18"/>
      <c r="O7540" s="18"/>
      <c r="P7540" s="19">
        <v>450</v>
      </c>
      <c r="Q7540" s="19"/>
      <c r="R7540" s="19"/>
      <c r="S7540" s="19"/>
      <c r="T7540" s="19">
        <v>350</v>
      </c>
      <c r="U7540" s="19"/>
      <c r="V7540" s="19"/>
      <c r="W7540" s="19"/>
      <c r="X7540" s="19">
        <v>10</v>
      </c>
      <c r="Y7540" s="19"/>
      <c r="Z7540" s="19"/>
      <c r="AA7540" s="19"/>
    </row>
    <row r="7541" spans="1:27" s="1" customFormat="1" ht="11.1" customHeight="1" outlineLevel="2" x14ac:dyDescent="0.2">
      <c r="A7541" s="17"/>
      <c r="B7541" s="17"/>
      <c r="C7541" s="17"/>
      <c r="D7541" s="18"/>
      <c r="E7541" s="18"/>
      <c r="F7541" s="18"/>
      <c r="G7541" s="18"/>
      <c r="H7541" s="18"/>
      <c r="I7541" s="18"/>
      <c r="J7541" s="18"/>
      <c r="K7541" s="18"/>
      <c r="L7541" s="18"/>
      <c r="M7541" s="18"/>
      <c r="N7541" s="18"/>
      <c r="O7541" s="18"/>
      <c r="P7541" s="19"/>
      <c r="Q7541" s="19"/>
      <c r="R7541" s="19"/>
      <c r="S7541" s="19"/>
      <c r="T7541" s="19"/>
      <c r="U7541" s="19"/>
      <c r="V7541" s="19"/>
      <c r="W7541" s="19"/>
      <c r="X7541" s="19"/>
      <c r="Y7541" s="19"/>
      <c r="Z7541" s="19"/>
      <c r="AA7541" s="19"/>
    </row>
    <row r="7542" spans="1:27" s="1" customFormat="1" ht="11.1" customHeight="1" outlineLevel="2" x14ac:dyDescent="0.2">
      <c r="A7542" s="17">
        <v>17789</v>
      </c>
      <c r="B7542" s="17"/>
      <c r="C7542" s="17"/>
      <c r="D7542" s="18" t="s">
        <v>3732</v>
      </c>
      <c r="E7542" s="18"/>
      <c r="F7542" s="18"/>
      <c r="G7542" s="18"/>
      <c r="H7542" s="18"/>
      <c r="I7542" s="18"/>
      <c r="J7542" s="18"/>
      <c r="K7542" s="18"/>
      <c r="L7542" s="18"/>
      <c r="M7542" s="18"/>
      <c r="N7542" s="18"/>
      <c r="O7542" s="18"/>
      <c r="P7542" s="19">
        <v>450</v>
      </c>
      <c r="Q7542" s="19"/>
      <c r="R7542" s="19"/>
      <c r="S7542" s="19"/>
      <c r="T7542" s="19">
        <v>350</v>
      </c>
      <c r="U7542" s="19"/>
      <c r="V7542" s="19"/>
      <c r="W7542" s="19"/>
      <c r="X7542" s="19">
        <v>10</v>
      </c>
      <c r="Y7542" s="19"/>
      <c r="Z7542" s="19"/>
      <c r="AA7542" s="19"/>
    </row>
    <row r="7543" spans="1:27" s="1" customFormat="1" ht="11.1" customHeight="1" outlineLevel="2" x14ac:dyDescent="0.2">
      <c r="A7543" s="17"/>
      <c r="B7543" s="17"/>
      <c r="C7543" s="17"/>
      <c r="D7543" s="18"/>
      <c r="E7543" s="18"/>
      <c r="F7543" s="18"/>
      <c r="G7543" s="18"/>
      <c r="H7543" s="18"/>
      <c r="I7543" s="18"/>
      <c r="J7543" s="18"/>
      <c r="K7543" s="18"/>
      <c r="L7543" s="18"/>
      <c r="M7543" s="18"/>
      <c r="N7543" s="18"/>
      <c r="O7543" s="18"/>
      <c r="P7543" s="19"/>
      <c r="Q7543" s="19"/>
      <c r="R7543" s="19"/>
      <c r="S7543" s="19"/>
      <c r="T7543" s="19"/>
      <c r="U7543" s="19"/>
      <c r="V7543" s="19"/>
      <c r="W7543" s="19"/>
      <c r="X7543" s="19"/>
      <c r="Y7543" s="19"/>
      <c r="Z7543" s="19"/>
      <c r="AA7543" s="19"/>
    </row>
    <row r="7544" spans="1:27" s="1" customFormat="1" ht="11.1" customHeight="1" outlineLevel="2" x14ac:dyDescent="0.2">
      <c r="A7544" s="17">
        <v>14722</v>
      </c>
      <c r="B7544" s="17"/>
      <c r="C7544" s="17"/>
      <c r="D7544" s="18" t="s">
        <v>3733</v>
      </c>
      <c r="E7544" s="18"/>
      <c r="F7544" s="18"/>
      <c r="G7544" s="18"/>
      <c r="H7544" s="18"/>
      <c r="I7544" s="18"/>
      <c r="J7544" s="18"/>
      <c r="K7544" s="18"/>
      <c r="L7544" s="18"/>
      <c r="M7544" s="18"/>
      <c r="N7544" s="18"/>
      <c r="O7544" s="18"/>
      <c r="P7544" s="19">
        <v>420</v>
      </c>
      <c r="Q7544" s="19"/>
      <c r="R7544" s="19"/>
      <c r="S7544" s="19"/>
      <c r="T7544" s="19">
        <v>350</v>
      </c>
      <c r="U7544" s="19"/>
      <c r="V7544" s="19"/>
      <c r="W7544" s="19"/>
      <c r="X7544" s="19">
        <v>6</v>
      </c>
      <c r="Y7544" s="19"/>
      <c r="Z7544" s="19"/>
      <c r="AA7544" s="19"/>
    </row>
    <row r="7545" spans="1:27" s="1" customFormat="1" ht="11.1" customHeight="1" outlineLevel="2" x14ac:dyDescent="0.2">
      <c r="A7545" s="17"/>
      <c r="B7545" s="17"/>
      <c r="C7545" s="17"/>
      <c r="D7545" s="18"/>
      <c r="E7545" s="18"/>
      <c r="F7545" s="18"/>
      <c r="G7545" s="18"/>
      <c r="H7545" s="18"/>
      <c r="I7545" s="18"/>
      <c r="J7545" s="18"/>
      <c r="K7545" s="18"/>
      <c r="L7545" s="18"/>
      <c r="M7545" s="18"/>
      <c r="N7545" s="18"/>
      <c r="O7545" s="18"/>
      <c r="P7545" s="19"/>
      <c r="Q7545" s="19"/>
      <c r="R7545" s="19"/>
      <c r="S7545" s="19"/>
      <c r="T7545" s="19"/>
      <c r="U7545" s="19"/>
      <c r="V7545" s="19"/>
      <c r="W7545" s="19"/>
      <c r="X7545" s="19"/>
      <c r="Y7545" s="19"/>
      <c r="Z7545" s="19"/>
      <c r="AA7545" s="19"/>
    </row>
    <row r="7546" spans="1:27" s="1" customFormat="1" ht="11.1" customHeight="1" outlineLevel="2" x14ac:dyDescent="0.2">
      <c r="A7546" s="17">
        <v>13102</v>
      </c>
      <c r="B7546" s="17"/>
      <c r="C7546" s="17"/>
      <c r="D7546" s="18" t="s">
        <v>3734</v>
      </c>
      <c r="E7546" s="18"/>
      <c r="F7546" s="18"/>
      <c r="G7546" s="18"/>
      <c r="H7546" s="18"/>
      <c r="I7546" s="18"/>
      <c r="J7546" s="18"/>
      <c r="K7546" s="18"/>
      <c r="L7546" s="18"/>
      <c r="M7546" s="18"/>
      <c r="N7546" s="18"/>
      <c r="O7546" s="18"/>
      <c r="P7546" s="19">
        <v>420</v>
      </c>
      <c r="Q7546" s="19"/>
      <c r="R7546" s="19"/>
      <c r="S7546" s="19"/>
      <c r="T7546" s="19">
        <v>330</v>
      </c>
      <c r="U7546" s="19"/>
      <c r="V7546" s="19"/>
      <c r="W7546" s="19"/>
      <c r="X7546" s="19">
        <v>9</v>
      </c>
      <c r="Y7546" s="19"/>
      <c r="Z7546" s="19"/>
      <c r="AA7546" s="19"/>
    </row>
    <row r="7547" spans="1:27" s="1" customFormat="1" ht="11.1" customHeight="1" outlineLevel="2" x14ac:dyDescent="0.2">
      <c r="A7547" s="17"/>
      <c r="B7547" s="17"/>
      <c r="C7547" s="17"/>
      <c r="D7547" s="18"/>
      <c r="E7547" s="18"/>
      <c r="F7547" s="18"/>
      <c r="G7547" s="18"/>
      <c r="H7547" s="18"/>
      <c r="I7547" s="18"/>
      <c r="J7547" s="18"/>
      <c r="K7547" s="18"/>
      <c r="L7547" s="18"/>
      <c r="M7547" s="18"/>
      <c r="N7547" s="18"/>
      <c r="O7547" s="18"/>
      <c r="P7547" s="19"/>
      <c r="Q7547" s="19"/>
      <c r="R7547" s="19"/>
      <c r="S7547" s="19"/>
      <c r="T7547" s="19"/>
      <c r="U7547" s="19"/>
      <c r="V7547" s="19"/>
      <c r="W7547" s="19"/>
      <c r="X7547" s="19"/>
      <c r="Y7547" s="19"/>
      <c r="Z7547" s="19"/>
      <c r="AA7547" s="19"/>
    </row>
    <row r="7548" spans="1:27" s="1" customFormat="1" ht="14.1" customHeight="1" outlineLevel="2" x14ac:dyDescent="0.2">
      <c r="A7548" s="17">
        <v>13104</v>
      </c>
      <c r="B7548" s="17"/>
      <c r="C7548" s="17"/>
      <c r="D7548" s="18" t="s">
        <v>3735</v>
      </c>
      <c r="E7548" s="18"/>
      <c r="F7548" s="18"/>
      <c r="G7548" s="18"/>
      <c r="H7548" s="18"/>
      <c r="I7548" s="18"/>
      <c r="J7548" s="18"/>
      <c r="K7548" s="18"/>
      <c r="L7548" s="18"/>
      <c r="M7548" s="18"/>
      <c r="N7548" s="18"/>
      <c r="O7548" s="18"/>
      <c r="P7548" s="19">
        <v>370</v>
      </c>
      <c r="Q7548" s="19"/>
      <c r="R7548" s="19"/>
      <c r="S7548" s="19"/>
      <c r="T7548" s="19">
        <v>300</v>
      </c>
      <c r="U7548" s="19"/>
      <c r="V7548" s="19"/>
      <c r="W7548" s="19"/>
      <c r="X7548" s="19">
        <v>8</v>
      </c>
      <c r="Y7548" s="19"/>
      <c r="Z7548" s="19"/>
      <c r="AA7548" s="19"/>
    </row>
    <row r="7549" spans="1:27" s="1" customFormat="1" ht="14.1" customHeight="1" outlineLevel="2" x14ac:dyDescent="0.2">
      <c r="A7549" s="17"/>
      <c r="B7549" s="17"/>
      <c r="C7549" s="17"/>
      <c r="D7549" s="18"/>
      <c r="E7549" s="18"/>
      <c r="F7549" s="18"/>
      <c r="G7549" s="18"/>
      <c r="H7549" s="18"/>
      <c r="I7549" s="18"/>
      <c r="J7549" s="18"/>
      <c r="K7549" s="18"/>
      <c r="L7549" s="18"/>
      <c r="M7549" s="18"/>
      <c r="N7549" s="18"/>
      <c r="O7549" s="18"/>
      <c r="P7549" s="19"/>
      <c r="Q7549" s="19"/>
      <c r="R7549" s="19"/>
      <c r="S7549" s="19"/>
      <c r="T7549" s="19"/>
      <c r="U7549" s="19"/>
      <c r="V7549" s="19"/>
      <c r="W7549" s="19"/>
      <c r="X7549" s="19"/>
      <c r="Y7549" s="19"/>
      <c r="Z7549" s="19"/>
      <c r="AA7549" s="19"/>
    </row>
    <row r="7550" spans="1:27" s="1" customFormat="1" ht="11.1" customHeight="1" outlineLevel="2" x14ac:dyDescent="0.2">
      <c r="A7550" s="17">
        <v>9376</v>
      </c>
      <c r="B7550" s="17"/>
      <c r="C7550" s="17"/>
      <c r="D7550" s="18" t="s">
        <v>3736</v>
      </c>
      <c r="E7550" s="18"/>
      <c r="F7550" s="18"/>
      <c r="G7550" s="18"/>
      <c r="H7550" s="18"/>
      <c r="I7550" s="18"/>
      <c r="J7550" s="18"/>
      <c r="K7550" s="18"/>
      <c r="L7550" s="18"/>
      <c r="M7550" s="18"/>
      <c r="N7550" s="18"/>
      <c r="O7550" s="18"/>
      <c r="P7550" s="19">
        <v>360</v>
      </c>
      <c r="Q7550" s="19"/>
      <c r="R7550" s="19"/>
      <c r="S7550" s="19"/>
      <c r="T7550" s="19">
        <v>310</v>
      </c>
      <c r="U7550" s="19"/>
      <c r="V7550" s="19"/>
      <c r="W7550" s="19"/>
      <c r="X7550" s="19">
        <v>8</v>
      </c>
      <c r="Y7550" s="19"/>
      <c r="Z7550" s="19"/>
      <c r="AA7550" s="19"/>
    </row>
    <row r="7551" spans="1:27" s="1" customFormat="1" ht="11.1" customHeight="1" outlineLevel="2" x14ac:dyDescent="0.2">
      <c r="A7551" s="17"/>
      <c r="B7551" s="17"/>
      <c r="C7551" s="17"/>
      <c r="D7551" s="18"/>
      <c r="E7551" s="18"/>
      <c r="F7551" s="18"/>
      <c r="G7551" s="18"/>
      <c r="H7551" s="18"/>
      <c r="I7551" s="18"/>
      <c r="J7551" s="18"/>
      <c r="K7551" s="18"/>
      <c r="L7551" s="18"/>
      <c r="M7551" s="18"/>
      <c r="N7551" s="18"/>
      <c r="O7551" s="18"/>
      <c r="P7551" s="19"/>
      <c r="Q7551" s="19"/>
      <c r="R7551" s="19"/>
      <c r="S7551" s="19"/>
      <c r="T7551" s="19"/>
      <c r="U7551" s="19"/>
      <c r="V7551" s="19"/>
      <c r="W7551" s="19"/>
      <c r="X7551" s="19"/>
      <c r="Y7551" s="19"/>
      <c r="Z7551" s="19"/>
      <c r="AA7551" s="19"/>
    </row>
    <row r="7552" spans="1:27" s="1" customFormat="1" ht="14.1" customHeight="1" outlineLevel="2" x14ac:dyDescent="0.2">
      <c r="A7552" s="17">
        <v>13103</v>
      </c>
      <c r="B7552" s="17"/>
      <c r="C7552" s="17"/>
      <c r="D7552" s="18" t="s">
        <v>3737</v>
      </c>
      <c r="E7552" s="18"/>
      <c r="F7552" s="18"/>
      <c r="G7552" s="18"/>
      <c r="H7552" s="18"/>
      <c r="I7552" s="18"/>
      <c r="J7552" s="18"/>
      <c r="K7552" s="18"/>
      <c r="L7552" s="18"/>
      <c r="M7552" s="18"/>
      <c r="N7552" s="18"/>
      <c r="O7552" s="18"/>
      <c r="P7552" s="19">
        <v>370</v>
      </c>
      <c r="Q7552" s="19"/>
      <c r="R7552" s="19"/>
      <c r="S7552" s="19"/>
      <c r="T7552" s="19">
        <v>300</v>
      </c>
      <c r="U7552" s="19"/>
      <c r="V7552" s="19"/>
      <c r="W7552" s="19"/>
      <c r="X7552" s="19">
        <v>16</v>
      </c>
      <c r="Y7552" s="19"/>
      <c r="Z7552" s="19"/>
      <c r="AA7552" s="19"/>
    </row>
    <row r="7553" spans="1:27" s="1" customFormat="1" ht="14.1" customHeight="1" outlineLevel="2" x14ac:dyDescent="0.2">
      <c r="A7553" s="17"/>
      <c r="B7553" s="17"/>
      <c r="C7553" s="17"/>
      <c r="D7553" s="18"/>
      <c r="E7553" s="18"/>
      <c r="F7553" s="18"/>
      <c r="G7553" s="18"/>
      <c r="H7553" s="18"/>
      <c r="I7553" s="18"/>
      <c r="J7553" s="18"/>
      <c r="K7553" s="18"/>
      <c r="L7553" s="18"/>
      <c r="M7553" s="18"/>
      <c r="N7553" s="18"/>
      <c r="O7553" s="18"/>
      <c r="P7553" s="19"/>
      <c r="Q7553" s="19"/>
      <c r="R7553" s="19"/>
      <c r="S7553" s="19"/>
      <c r="T7553" s="19"/>
      <c r="U7553" s="19"/>
      <c r="V7553" s="19"/>
      <c r="W7553" s="19"/>
      <c r="X7553" s="19"/>
      <c r="Y7553" s="19"/>
      <c r="Z7553" s="19"/>
      <c r="AA7553" s="19"/>
    </row>
    <row r="7554" spans="1:27" s="1" customFormat="1" ht="11.1" customHeight="1" outlineLevel="2" x14ac:dyDescent="0.2">
      <c r="A7554" s="17">
        <v>14723</v>
      </c>
      <c r="B7554" s="17"/>
      <c r="C7554" s="17"/>
      <c r="D7554" s="18" t="s">
        <v>3738</v>
      </c>
      <c r="E7554" s="18"/>
      <c r="F7554" s="18"/>
      <c r="G7554" s="18"/>
      <c r="H7554" s="18"/>
      <c r="I7554" s="18"/>
      <c r="J7554" s="18"/>
      <c r="K7554" s="18"/>
      <c r="L7554" s="18"/>
      <c r="M7554" s="18"/>
      <c r="N7554" s="18"/>
      <c r="O7554" s="18"/>
      <c r="P7554" s="19">
        <v>310</v>
      </c>
      <c r="Q7554" s="19"/>
      <c r="R7554" s="19"/>
      <c r="S7554" s="19"/>
      <c r="T7554" s="19">
        <v>230</v>
      </c>
      <c r="U7554" s="19"/>
      <c r="V7554" s="19"/>
      <c r="W7554" s="19"/>
      <c r="X7554" s="19">
        <v>10</v>
      </c>
      <c r="Y7554" s="19"/>
      <c r="Z7554" s="19"/>
      <c r="AA7554" s="19"/>
    </row>
    <row r="7555" spans="1:27" s="1" customFormat="1" ht="11.1" customHeight="1" outlineLevel="2" x14ac:dyDescent="0.2">
      <c r="A7555" s="17"/>
      <c r="B7555" s="17"/>
      <c r="C7555" s="17"/>
      <c r="D7555" s="18"/>
      <c r="E7555" s="18"/>
      <c r="F7555" s="18"/>
      <c r="G7555" s="18"/>
      <c r="H7555" s="18"/>
      <c r="I7555" s="18"/>
      <c r="J7555" s="18"/>
      <c r="K7555" s="18"/>
      <c r="L7555" s="18"/>
      <c r="M7555" s="18"/>
      <c r="N7555" s="18"/>
      <c r="O7555" s="18"/>
      <c r="P7555" s="19"/>
      <c r="Q7555" s="19"/>
      <c r="R7555" s="19"/>
      <c r="S7555" s="19"/>
      <c r="T7555" s="19"/>
      <c r="U7555" s="19"/>
      <c r="V7555" s="19"/>
      <c r="W7555" s="19"/>
      <c r="X7555" s="19"/>
      <c r="Y7555" s="19"/>
      <c r="Z7555" s="19"/>
      <c r="AA7555" s="19"/>
    </row>
    <row r="7556" spans="1:27" s="1" customFormat="1" ht="11.1" customHeight="1" outlineLevel="2" x14ac:dyDescent="0.2">
      <c r="A7556" s="17">
        <v>14724</v>
      </c>
      <c r="B7556" s="17"/>
      <c r="C7556" s="17"/>
      <c r="D7556" s="18" t="s">
        <v>3739</v>
      </c>
      <c r="E7556" s="18"/>
      <c r="F7556" s="18"/>
      <c r="G7556" s="18"/>
      <c r="H7556" s="18"/>
      <c r="I7556" s="18"/>
      <c r="J7556" s="18"/>
      <c r="K7556" s="18"/>
      <c r="L7556" s="18"/>
      <c r="M7556" s="18"/>
      <c r="N7556" s="18"/>
      <c r="O7556" s="18"/>
      <c r="P7556" s="19">
        <v>310</v>
      </c>
      <c r="Q7556" s="19"/>
      <c r="R7556" s="19"/>
      <c r="S7556" s="19"/>
      <c r="T7556" s="19">
        <v>230</v>
      </c>
      <c r="U7556" s="19"/>
      <c r="V7556" s="19"/>
      <c r="W7556" s="19"/>
      <c r="X7556" s="19">
        <v>9</v>
      </c>
      <c r="Y7556" s="19"/>
      <c r="Z7556" s="19"/>
      <c r="AA7556" s="19"/>
    </row>
    <row r="7557" spans="1:27" s="1" customFormat="1" ht="11.1" customHeight="1" outlineLevel="2" x14ac:dyDescent="0.2">
      <c r="A7557" s="17"/>
      <c r="B7557" s="17"/>
      <c r="C7557" s="17"/>
      <c r="D7557" s="18"/>
      <c r="E7557" s="18"/>
      <c r="F7557" s="18"/>
      <c r="G7557" s="18"/>
      <c r="H7557" s="18"/>
      <c r="I7557" s="18"/>
      <c r="J7557" s="18"/>
      <c r="K7557" s="18"/>
      <c r="L7557" s="18"/>
      <c r="M7557" s="18"/>
      <c r="N7557" s="18"/>
      <c r="O7557" s="18"/>
      <c r="P7557" s="19"/>
      <c r="Q7557" s="19"/>
      <c r="R7557" s="19"/>
      <c r="S7557" s="19"/>
      <c r="T7557" s="19"/>
      <c r="U7557" s="19"/>
      <c r="V7557" s="19"/>
      <c r="W7557" s="19"/>
      <c r="X7557" s="19"/>
      <c r="Y7557" s="19"/>
      <c r="Z7557" s="19"/>
      <c r="AA7557" s="19"/>
    </row>
    <row r="7558" spans="1:27" s="1" customFormat="1" ht="11.1" customHeight="1" outlineLevel="2" x14ac:dyDescent="0.2">
      <c r="A7558" s="17">
        <v>7057</v>
      </c>
      <c r="B7558" s="17"/>
      <c r="C7558" s="17"/>
      <c r="D7558" s="18" t="s">
        <v>3740</v>
      </c>
      <c r="E7558" s="18"/>
      <c r="F7558" s="18"/>
      <c r="G7558" s="18"/>
      <c r="H7558" s="18"/>
      <c r="I7558" s="18"/>
      <c r="J7558" s="18"/>
      <c r="K7558" s="18"/>
      <c r="L7558" s="18"/>
      <c r="M7558" s="18"/>
      <c r="N7558" s="18"/>
      <c r="O7558" s="18"/>
      <c r="P7558" s="19">
        <v>270</v>
      </c>
      <c r="Q7558" s="19"/>
      <c r="R7558" s="19"/>
      <c r="S7558" s="19"/>
      <c r="T7558" s="19">
        <v>240</v>
      </c>
      <c r="U7558" s="19"/>
      <c r="V7558" s="19"/>
      <c r="W7558" s="19"/>
      <c r="X7558" s="19">
        <v>2</v>
      </c>
      <c r="Y7558" s="19"/>
      <c r="Z7558" s="19"/>
      <c r="AA7558" s="19"/>
    </row>
    <row r="7559" spans="1:27" s="1" customFormat="1" ht="11.1" customHeight="1" outlineLevel="2" x14ac:dyDescent="0.2">
      <c r="A7559" s="17"/>
      <c r="B7559" s="17"/>
      <c r="C7559" s="17"/>
      <c r="D7559" s="18"/>
      <c r="E7559" s="18"/>
      <c r="F7559" s="18"/>
      <c r="G7559" s="18"/>
      <c r="H7559" s="18"/>
      <c r="I7559" s="18"/>
      <c r="J7559" s="18"/>
      <c r="K7559" s="18"/>
      <c r="L7559" s="18"/>
      <c r="M7559" s="18"/>
      <c r="N7559" s="18"/>
      <c r="O7559" s="18"/>
      <c r="P7559" s="19"/>
      <c r="Q7559" s="19"/>
      <c r="R7559" s="19"/>
      <c r="S7559" s="19"/>
      <c r="T7559" s="19"/>
      <c r="U7559" s="19"/>
      <c r="V7559" s="19"/>
      <c r="W7559" s="19"/>
      <c r="X7559" s="19"/>
      <c r="Y7559" s="19"/>
      <c r="Z7559" s="19"/>
      <c r="AA7559" s="19"/>
    </row>
    <row r="7560" spans="1:27" s="1" customFormat="1" ht="11.1" customHeight="1" outlineLevel="2" x14ac:dyDescent="0.2">
      <c r="A7560" s="17">
        <v>13105</v>
      </c>
      <c r="B7560" s="17"/>
      <c r="C7560" s="17"/>
      <c r="D7560" s="18" t="s">
        <v>3741</v>
      </c>
      <c r="E7560" s="18"/>
      <c r="F7560" s="18"/>
      <c r="G7560" s="18"/>
      <c r="H7560" s="18"/>
      <c r="I7560" s="18"/>
      <c r="J7560" s="18"/>
      <c r="K7560" s="18"/>
      <c r="L7560" s="18"/>
      <c r="M7560" s="18"/>
      <c r="N7560" s="18"/>
      <c r="O7560" s="18"/>
      <c r="P7560" s="19">
        <v>390</v>
      </c>
      <c r="Q7560" s="19"/>
      <c r="R7560" s="19"/>
      <c r="S7560" s="19"/>
      <c r="T7560" s="19">
        <v>320</v>
      </c>
      <c r="U7560" s="19"/>
      <c r="V7560" s="19"/>
      <c r="W7560" s="19"/>
      <c r="X7560" s="19">
        <v>8</v>
      </c>
      <c r="Y7560" s="19"/>
      <c r="Z7560" s="19"/>
      <c r="AA7560" s="19"/>
    </row>
    <row r="7561" spans="1:27" s="1" customFormat="1" ht="11.1" customHeight="1" outlineLevel="2" x14ac:dyDescent="0.2">
      <c r="A7561" s="17"/>
      <c r="B7561" s="17"/>
      <c r="C7561" s="17"/>
      <c r="D7561" s="18"/>
      <c r="E7561" s="18"/>
      <c r="F7561" s="18"/>
      <c r="G7561" s="18"/>
      <c r="H7561" s="18"/>
      <c r="I7561" s="18"/>
      <c r="J7561" s="18"/>
      <c r="K7561" s="18"/>
      <c r="L7561" s="18"/>
      <c r="M7561" s="18"/>
      <c r="N7561" s="18"/>
      <c r="O7561" s="18"/>
      <c r="P7561" s="19"/>
      <c r="Q7561" s="19"/>
      <c r="R7561" s="19"/>
      <c r="S7561" s="19"/>
      <c r="T7561" s="19"/>
      <c r="U7561" s="19"/>
      <c r="V7561" s="19"/>
      <c r="W7561" s="19"/>
      <c r="X7561" s="19"/>
      <c r="Y7561" s="19"/>
      <c r="Z7561" s="19"/>
      <c r="AA7561" s="19"/>
    </row>
    <row r="7562" spans="1:27" s="1" customFormat="1" ht="11.1" customHeight="1" outlineLevel="2" x14ac:dyDescent="0.2">
      <c r="A7562" s="17">
        <v>13155</v>
      </c>
      <c r="B7562" s="17"/>
      <c r="C7562" s="17"/>
      <c r="D7562" s="18" t="s">
        <v>3742</v>
      </c>
      <c r="E7562" s="18"/>
      <c r="F7562" s="18"/>
      <c r="G7562" s="18"/>
      <c r="H7562" s="18"/>
      <c r="I7562" s="18"/>
      <c r="J7562" s="18"/>
      <c r="K7562" s="18"/>
      <c r="L7562" s="18"/>
      <c r="M7562" s="18"/>
      <c r="N7562" s="18"/>
      <c r="O7562" s="18"/>
      <c r="P7562" s="19">
        <v>390</v>
      </c>
      <c r="Q7562" s="19"/>
      <c r="R7562" s="19"/>
      <c r="S7562" s="19"/>
      <c r="T7562" s="19">
        <v>320</v>
      </c>
      <c r="U7562" s="19"/>
      <c r="V7562" s="19"/>
      <c r="W7562" s="19"/>
      <c r="X7562" s="19">
        <v>4</v>
      </c>
      <c r="Y7562" s="19"/>
      <c r="Z7562" s="19"/>
      <c r="AA7562" s="19"/>
    </row>
    <row r="7563" spans="1:27" s="1" customFormat="1" ht="11.1" customHeight="1" outlineLevel="2" x14ac:dyDescent="0.2">
      <c r="A7563" s="17"/>
      <c r="B7563" s="17"/>
      <c r="C7563" s="17"/>
      <c r="D7563" s="18"/>
      <c r="E7563" s="18"/>
      <c r="F7563" s="18"/>
      <c r="G7563" s="18"/>
      <c r="H7563" s="18"/>
      <c r="I7563" s="18"/>
      <c r="J7563" s="18"/>
      <c r="K7563" s="18"/>
      <c r="L7563" s="18"/>
      <c r="M7563" s="18"/>
      <c r="N7563" s="18"/>
      <c r="O7563" s="18"/>
      <c r="P7563" s="19"/>
      <c r="Q7563" s="19"/>
      <c r="R7563" s="19"/>
      <c r="S7563" s="19"/>
      <c r="T7563" s="19"/>
      <c r="U7563" s="19"/>
      <c r="V7563" s="19"/>
      <c r="W7563" s="19"/>
      <c r="X7563" s="19"/>
      <c r="Y7563" s="19"/>
      <c r="Z7563" s="19"/>
      <c r="AA7563" s="19"/>
    </row>
    <row r="7564" spans="1:27" s="1" customFormat="1" ht="11.1" customHeight="1" outlineLevel="2" x14ac:dyDescent="0.2">
      <c r="A7564" s="17">
        <v>10731</v>
      </c>
      <c r="B7564" s="17"/>
      <c r="C7564" s="17"/>
      <c r="D7564" s="18" t="s">
        <v>3743</v>
      </c>
      <c r="E7564" s="18"/>
      <c r="F7564" s="18"/>
      <c r="G7564" s="18"/>
      <c r="H7564" s="18"/>
      <c r="I7564" s="18"/>
      <c r="J7564" s="18"/>
      <c r="K7564" s="18"/>
      <c r="L7564" s="18"/>
      <c r="M7564" s="18"/>
      <c r="N7564" s="18"/>
      <c r="O7564" s="18"/>
      <c r="P7564" s="19">
        <v>280</v>
      </c>
      <c r="Q7564" s="19"/>
      <c r="R7564" s="19"/>
      <c r="S7564" s="19"/>
      <c r="T7564" s="19">
        <v>250</v>
      </c>
      <c r="U7564" s="19"/>
      <c r="V7564" s="19"/>
      <c r="W7564" s="19"/>
      <c r="X7564" s="19">
        <v>6</v>
      </c>
      <c r="Y7564" s="19"/>
      <c r="Z7564" s="19"/>
      <c r="AA7564" s="19"/>
    </row>
    <row r="7565" spans="1:27" s="1" customFormat="1" ht="11.1" customHeight="1" outlineLevel="2" x14ac:dyDescent="0.2">
      <c r="A7565" s="17"/>
      <c r="B7565" s="17"/>
      <c r="C7565" s="17"/>
      <c r="D7565" s="18"/>
      <c r="E7565" s="18"/>
      <c r="F7565" s="18"/>
      <c r="G7565" s="18"/>
      <c r="H7565" s="18"/>
      <c r="I7565" s="18"/>
      <c r="J7565" s="18"/>
      <c r="K7565" s="18"/>
      <c r="L7565" s="18"/>
      <c r="M7565" s="18"/>
      <c r="N7565" s="18"/>
      <c r="O7565" s="18"/>
      <c r="P7565" s="19"/>
      <c r="Q7565" s="19"/>
      <c r="R7565" s="19"/>
      <c r="S7565" s="19"/>
      <c r="T7565" s="19"/>
      <c r="U7565" s="19"/>
      <c r="V7565" s="19"/>
      <c r="W7565" s="19"/>
      <c r="X7565" s="19"/>
      <c r="Y7565" s="19"/>
      <c r="Z7565" s="19"/>
      <c r="AA7565" s="19"/>
    </row>
    <row r="7566" spans="1:27" s="1" customFormat="1" ht="11.1" customHeight="1" outlineLevel="2" x14ac:dyDescent="0.2">
      <c r="A7566" s="17">
        <v>13106</v>
      </c>
      <c r="B7566" s="17"/>
      <c r="C7566" s="17"/>
      <c r="D7566" s="18" t="s">
        <v>3744</v>
      </c>
      <c r="E7566" s="18"/>
      <c r="F7566" s="18"/>
      <c r="G7566" s="18"/>
      <c r="H7566" s="18"/>
      <c r="I7566" s="18"/>
      <c r="J7566" s="18"/>
      <c r="K7566" s="18"/>
      <c r="L7566" s="18"/>
      <c r="M7566" s="18"/>
      <c r="N7566" s="18"/>
      <c r="O7566" s="18"/>
      <c r="P7566" s="19">
        <v>370</v>
      </c>
      <c r="Q7566" s="19"/>
      <c r="R7566" s="19"/>
      <c r="S7566" s="19"/>
      <c r="T7566" s="19">
        <v>300</v>
      </c>
      <c r="U7566" s="19"/>
      <c r="V7566" s="19"/>
      <c r="W7566" s="19"/>
      <c r="X7566" s="19">
        <v>5</v>
      </c>
      <c r="Y7566" s="19"/>
      <c r="Z7566" s="19"/>
      <c r="AA7566" s="19"/>
    </row>
    <row r="7567" spans="1:27" s="1" customFormat="1" ht="11.1" customHeight="1" outlineLevel="2" x14ac:dyDescent="0.2">
      <c r="A7567" s="17"/>
      <c r="B7567" s="17"/>
      <c r="C7567" s="17"/>
      <c r="D7567" s="18"/>
      <c r="E7567" s="18"/>
      <c r="F7567" s="18"/>
      <c r="G7567" s="18"/>
      <c r="H7567" s="18"/>
      <c r="I7567" s="18"/>
      <c r="J7567" s="18"/>
      <c r="K7567" s="18"/>
      <c r="L7567" s="18"/>
      <c r="M7567" s="18"/>
      <c r="N7567" s="18"/>
      <c r="O7567" s="18"/>
      <c r="P7567" s="19"/>
      <c r="Q7567" s="19"/>
      <c r="R7567" s="19"/>
      <c r="S7567" s="19"/>
      <c r="T7567" s="19"/>
      <c r="U7567" s="19"/>
      <c r="V7567" s="19"/>
      <c r="W7567" s="19"/>
      <c r="X7567" s="19"/>
      <c r="Y7567" s="19"/>
      <c r="Z7567" s="19"/>
      <c r="AA7567" s="19"/>
    </row>
    <row r="7568" spans="1:27" s="1" customFormat="1" ht="11.1" customHeight="1" outlineLevel="2" x14ac:dyDescent="0.2">
      <c r="A7568" s="17">
        <v>13107</v>
      </c>
      <c r="B7568" s="17"/>
      <c r="C7568" s="17"/>
      <c r="D7568" s="18" t="s">
        <v>3745</v>
      </c>
      <c r="E7568" s="18"/>
      <c r="F7568" s="18"/>
      <c r="G7568" s="18"/>
      <c r="H7568" s="18"/>
      <c r="I7568" s="18"/>
      <c r="J7568" s="18"/>
      <c r="K7568" s="18"/>
      <c r="L7568" s="18"/>
      <c r="M7568" s="18"/>
      <c r="N7568" s="18"/>
      <c r="O7568" s="18"/>
      <c r="P7568" s="19">
        <v>390</v>
      </c>
      <c r="Q7568" s="19"/>
      <c r="R7568" s="19"/>
      <c r="S7568" s="19"/>
      <c r="T7568" s="19">
        <v>310</v>
      </c>
      <c r="U7568" s="19"/>
      <c r="V7568" s="19"/>
      <c r="W7568" s="19"/>
      <c r="X7568" s="19">
        <v>11</v>
      </c>
      <c r="Y7568" s="19"/>
      <c r="Z7568" s="19"/>
      <c r="AA7568" s="19"/>
    </row>
    <row r="7569" spans="1:27" s="1" customFormat="1" ht="11.1" customHeight="1" outlineLevel="2" x14ac:dyDescent="0.2">
      <c r="A7569" s="17"/>
      <c r="B7569" s="17"/>
      <c r="C7569" s="17"/>
      <c r="D7569" s="18"/>
      <c r="E7569" s="18"/>
      <c r="F7569" s="18"/>
      <c r="G7569" s="18"/>
      <c r="H7569" s="18"/>
      <c r="I7569" s="18"/>
      <c r="J7569" s="18"/>
      <c r="K7569" s="18"/>
      <c r="L7569" s="18"/>
      <c r="M7569" s="18"/>
      <c r="N7569" s="18"/>
      <c r="O7569" s="18"/>
      <c r="P7569" s="19"/>
      <c r="Q7569" s="19"/>
      <c r="R7569" s="19"/>
      <c r="S7569" s="19"/>
      <c r="T7569" s="19"/>
      <c r="U7569" s="19"/>
      <c r="V7569" s="19"/>
      <c r="W7569" s="19"/>
      <c r="X7569" s="19"/>
      <c r="Y7569" s="19"/>
      <c r="Z7569" s="19"/>
      <c r="AA7569" s="19"/>
    </row>
    <row r="7570" spans="1:27" s="1" customFormat="1" ht="14.1" customHeight="1" outlineLevel="2" x14ac:dyDescent="0.2">
      <c r="A7570" s="17">
        <v>13108</v>
      </c>
      <c r="B7570" s="17"/>
      <c r="C7570" s="17"/>
      <c r="D7570" s="18" t="s">
        <v>3746</v>
      </c>
      <c r="E7570" s="18"/>
      <c r="F7570" s="18"/>
      <c r="G7570" s="18"/>
      <c r="H7570" s="18"/>
      <c r="I7570" s="18"/>
      <c r="J7570" s="18"/>
      <c r="K7570" s="18"/>
      <c r="L7570" s="18"/>
      <c r="M7570" s="18"/>
      <c r="N7570" s="18"/>
      <c r="O7570" s="18"/>
      <c r="P7570" s="19">
        <v>370</v>
      </c>
      <c r="Q7570" s="19"/>
      <c r="R7570" s="19"/>
      <c r="S7570" s="19"/>
      <c r="T7570" s="19">
        <v>300</v>
      </c>
      <c r="U7570" s="19"/>
      <c r="V7570" s="19"/>
      <c r="W7570" s="19"/>
      <c r="X7570" s="19">
        <v>4</v>
      </c>
      <c r="Y7570" s="19"/>
      <c r="Z7570" s="19"/>
      <c r="AA7570" s="19"/>
    </row>
    <row r="7571" spans="1:27" s="1" customFormat="1" ht="14.1" customHeight="1" outlineLevel="2" x14ac:dyDescent="0.2">
      <c r="A7571" s="17"/>
      <c r="B7571" s="17"/>
      <c r="C7571" s="17"/>
      <c r="D7571" s="18"/>
      <c r="E7571" s="18"/>
      <c r="F7571" s="18"/>
      <c r="G7571" s="18"/>
      <c r="H7571" s="18"/>
      <c r="I7571" s="18"/>
      <c r="J7571" s="18"/>
      <c r="K7571" s="18"/>
      <c r="L7571" s="18"/>
      <c r="M7571" s="18"/>
      <c r="N7571" s="18"/>
      <c r="O7571" s="18"/>
      <c r="P7571" s="19"/>
      <c r="Q7571" s="19"/>
      <c r="R7571" s="19"/>
      <c r="S7571" s="19"/>
      <c r="T7571" s="19"/>
      <c r="U7571" s="19"/>
      <c r="V7571" s="19"/>
      <c r="W7571" s="19"/>
      <c r="X7571" s="19"/>
      <c r="Y7571" s="19"/>
      <c r="Z7571" s="19"/>
      <c r="AA7571" s="19"/>
    </row>
    <row r="7572" spans="1:27" s="1" customFormat="1" ht="14.1" customHeight="1" outlineLevel="2" x14ac:dyDescent="0.2">
      <c r="A7572" s="17">
        <v>13109</v>
      </c>
      <c r="B7572" s="17"/>
      <c r="C7572" s="17"/>
      <c r="D7572" s="18" t="s">
        <v>3747</v>
      </c>
      <c r="E7572" s="18"/>
      <c r="F7572" s="18"/>
      <c r="G7572" s="18"/>
      <c r="H7572" s="18"/>
      <c r="I7572" s="18"/>
      <c r="J7572" s="18"/>
      <c r="K7572" s="18"/>
      <c r="L7572" s="18"/>
      <c r="M7572" s="18"/>
      <c r="N7572" s="18"/>
      <c r="O7572" s="18"/>
      <c r="P7572" s="19">
        <v>370</v>
      </c>
      <c r="Q7572" s="19"/>
      <c r="R7572" s="19"/>
      <c r="S7572" s="19"/>
      <c r="T7572" s="19">
        <v>300</v>
      </c>
      <c r="U7572" s="19"/>
      <c r="V7572" s="19"/>
      <c r="W7572" s="19"/>
      <c r="X7572" s="19">
        <v>3</v>
      </c>
      <c r="Y7572" s="19"/>
      <c r="Z7572" s="19"/>
      <c r="AA7572" s="19"/>
    </row>
    <row r="7573" spans="1:27" s="1" customFormat="1" ht="14.1" customHeight="1" outlineLevel="2" x14ac:dyDescent="0.2">
      <c r="A7573" s="17"/>
      <c r="B7573" s="17"/>
      <c r="C7573" s="17"/>
      <c r="D7573" s="18"/>
      <c r="E7573" s="18"/>
      <c r="F7573" s="18"/>
      <c r="G7573" s="18"/>
      <c r="H7573" s="18"/>
      <c r="I7573" s="18"/>
      <c r="J7573" s="18"/>
      <c r="K7573" s="18"/>
      <c r="L7573" s="18"/>
      <c r="M7573" s="18"/>
      <c r="N7573" s="18"/>
      <c r="O7573" s="18"/>
      <c r="P7573" s="19"/>
      <c r="Q7573" s="19"/>
      <c r="R7573" s="19"/>
      <c r="S7573" s="19"/>
      <c r="T7573" s="19"/>
      <c r="U7573" s="19"/>
      <c r="V7573" s="19"/>
      <c r="W7573" s="19"/>
      <c r="X7573" s="19"/>
      <c r="Y7573" s="19"/>
      <c r="Z7573" s="19"/>
      <c r="AA7573" s="19"/>
    </row>
    <row r="7574" spans="1:27" s="1" customFormat="1" ht="11.1" customHeight="1" outlineLevel="2" x14ac:dyDescent="0.2">
      <c r="A7574" s="17">
        <v>10922</v>
      </c>
      <c r="B7574" s="17"/>
      <c r="C7574" s="17"/>
      <c r="D7574" s="18" t="s">
        <v>3748</v>
      </c>
      <c r="E7574" s="18"/>
      <c r="F7574" s="18"/>
      <c r="G7574" s="18"/>
      <c r="H7574" s="18"/>
      <c r="I7574" s="18"/>
      <c r="J7574" s="18"/>
      <c r="K7574" s="18"/>
      <c r="L7574" s="18"/>
      <c r="M7574" s="18"/>
      <c r="N7574" s="18"/>
      <c r="O7574" s="18"/>
      <c r="P7574" s="19">
        <v>260</v>
      </c>
      <c r="Q7574" s="19"/>
      <c r="R7574" s="19"/>
      <c r="S7574" s="19"/>
      <c r="T7574" s="19">
        <v>200</v>
      </c>
      <c r="U7574" s="19"/>
      <c r="V7574" s="19"/>
      <c r="W7574" s="19"/>
      <c r="X7574" s="19">
        <v>6</v>
      </c>
      <c r="Y7574" s="19"/>
      <c r="Z7574" s="19"/>
      <c r="AA7574" s="19"/>
    </row>
    <row r="7575" spans="1:27" s="1" customFormat="1" ht="11.1" customHeight="1" outlineLevel="2" x14ac:dyDescent="0.2">
      <c r="A7575" s="17"/>
      <c r="B7575" s="17"/>
      <c r="C7575" s="17"/>
      <c r="D7575" s="18"/>
      <c r="E7575" s="18"/>
      <c r="F7575" s="18"/>
      <c r="G7575" s="18"/>
      <c r="H7575" s="18"/>
      <c r="I7575" s="18"/>
      <c r="J7575" s="18"/>
      <c r="K7575" s="18"/>
      <c r="L7575" s="18"/>
      <c r="M7575" s="18"/>
      <c r="N7575" s="18"/>
      <c r="O7575" s="18"/>
      <c r="P7575" s="19"/>
      <c r="Q7575" s="19"/>
      <c r="R7575" s="19"/>
      <c r="S7575" s="19"/>
      <c r="T7575" s="19"/>
      <c r="U7575" s="19"/>
      <c r="V7575" s="19"/>
      <c r="W7575" s="19"/>
      <c r="X7575" s="19"/>
      <c r="Y7575" s="19"/>
      <c r="Z7575" s="19"/>
      <c r="AA7575" s="19"/>
    </row>
    <row r="7576" spans="1:27" s="1" customFormat="1" ht="14.1" customHeight="1" outlineLevel="2" x14ac:dyDescent="0.2">
      <c r="A7576" s="17">
        <v>13110</v>
      </c>
      <c r="B7576" s="17"/>
      <c r="C7576" s="17"/>
      <c r="D7576" s="18" t="s">
        <v>3749</v>
      </c>
      <c r="E7576" s="18"/>
      <c r="F7576" s="18"/>
      <c r="G7576" s="18"/>
      <c r="H7576" s="18"/>
      <c r="I7576" s="18"/>
      <c r="J7576" s="18"/>
      <c r="K7576" s="18"/>
      <c r="L7576" s="18"/>
      <c r="M7576" s="18"/>
      <c r="N7576" s="18"/>
      <c r="O7576" s="18"/>
      <c r="P7576" s="19">
        <v>300</v>
      </c>
      <c r="Q7576" s="19"/>
      <c r="R7576" s="19"/>
      <c r="S7576" s="19"/>
      <c r="T7576" s="19">
        <v>250</v>
      </c>
      <c r="U7576" s="19"/>
      <c r="V7576" s="19"/>
      <c r="W7576" s="19"/>
      <c r="X7576" s="19">
        <v>29</v>
      </c>
      <c r="Y7576" s="19"/>
      <c r="Z7576" s="19"/>
      <c r="AA7576" s="19"/>
    </row>
    <row r="7577" spans="1:27" s="1" customFormat="1" ht="14.1" customHeight="1" outlineLevel="2" x14ac:dyDescent="0.2">
      <c r="A7577" s="17"/>
      <c r="B7577" s="17"/>
      <c r="C7577" s="17"/>
      <c r="D7577" s="18"/>
      <c r="E7577" s="18"/>
      <c r="F7577" s="18"/>
      <c r="G7577" s="18"/>
      <c r="H7577" s="18"/>
      <c r="I7577" s="18"/>
      <c r="J7577" s="18"/>
      <c r="K7577" s="18"/>
      <c r="L7577" s="18"/>
      <c r="M7577" s="18"/>
      <c r="N7577" s="18"/>
      <c r="O7577" s="18"/>
      <c r="P7577" s="19"/>
      <c r="Q7577" s="19"/>
      <c r="R7577" s="19"/>
      <c r="S7577" s="19"/>
      <c r="T7577" s="19"/>
      <c r="U7577" s="19"/>
      <c r="V7577" s="19"/>
      <c r="W7577" s="19"/>
      <c r="X7577" s="19"/>
      <c r="Y7577" s="19"/>
      <c r="Z7577" s="19"/>
      <c r="AA7577" s="19"/>
    </row>
    <row r="7578" spans="1:27" s="1" customFormat="1" ht="11.1" customHeight="1" outlineLevel="2" x14ac:dyDescent="0.2">
      <c r="A7578" s="17">
        <v>10923</v>
      </c>
      <c r="B7578" s="17"/>
      <c r="C7578" s="17"/>
      <c r="D7578" s="18" t="s">
        <v>3750</v>
      </c>
      <c r="E7578" s="18"/>
      <c r="F7578" s="18"/>
      <c r="G7578" s="18"/>
      <c r="H7578" s="18"/>
      <c r="I7578" s="18"/>
      <c r="J7578" s="18"/>
      <c r="K7578" s="18"/>
      <c r="L7578" s="18"/>
      <c r="M7578" s="18"/>
      <c r="N7578" s="18"/>
      <c r="O7578" s="18"/>
      <c r="P7578" s="19">
        <v>290</v>
      </c>
      <c r="Q7578" s="19"/>
      <c r="R7578" s="19"/>
      <c r="S7578" s="19"/>
      <c r="T7578" s="19">
        <v>220</v>
      </c>
      <c r="U7578" s="19"/>
      <c r="V7578" s="19"/>
      <c r="W7578" s="19"/>
      <c r="X7578" s="19">
        <v>3</v>
      </c>
      <c r="Y7578" s="19"/>
      <c r="Z7578" s="19"/>
      <c r="AA7578" s="19"/>
    </row>
    <row r="7579" spans="1:27" s="1" customFormat="1" ht="11.1" customHeight="1" outlineLevel="2" x14ac:dyDescent="0.2">
      <c r="A7579" s="17"/>
      <c r="B7579" s="17"/>
      <c r="C7579" s="17"/>
      <c r="D7579" s="18"/>
      <c r="E7579" s="18"/>
      <c r="F7579" s="18"/>
      <c r="G7579" s="18"/>
      <c r="H7579" s="18"/>
      <c r="I7579" s="18"/>
      <c r="J7579" s="18"/>
      <c r="K7579" s="18"/>
      <c r="L7579" s="18"/>
      <c r="M7579" s="18"/>
      <c r="N7579" s="18"/>
      <c r="O7579" s="18"/>
      <c r="P7579" s="19"/>
      <c r="Q7579" s="19"/>
      <c r="R7579" s="19"/>
      <c r="S7579" s="19"/>
      <c r="T7579" s="19"/>
      <c r="U7579" s="19"/>
      <c r="V7579" s="19"/>
      <c r="W7579" s="19"/>
      <c r="X7579" s="19"/>
      <c r="Y7579" s="19"/>
      <c r="Z7579" s="19"/>
      <c r="AA7579" s="19"/>
    </row>
    <row r="7580" spans="1:27" s="1" customFormat="1" ht="11.1" customHeight="1" outlineLevel="2" x14ac:dyDescent="0.2">
      <c r="A7580" s="17">
        <v>13111</v>
      </c>
      <c r="B7580" s="17"/>
      <c r="C7580" s="17"/>
      <c r="D7580" s="18" t="s">
        <v>3751</v>
      </c>
      <c r="E7580" s="18"/>
      <c r="F7580" s="18"/>
      <c r="G7580" s="18"/>
      <c r="H7580" s="18"/>
      <c r="I7580" s="18"/>
      <c r="J7580" s="18"/>
      <c r="K7580" s="18"/>
      <c r="L7580" s="18"/>
      <c r="M7580" s="18"/>
      <c r="N7580" s="18"/>
      <c r="O7580" s="18"/>
      <c r="P7580" s="19">
        <v>410</v>
      </c>
      <c r="Q7580" s="19"/>
      <c r="R7580" s="19"/>
      <c r="S7580" s="19"/>
      <c r="T7580" s="19">
        <v>320</v>
      </c>
      <c r="U7580" s="19"/>
      <c r="V7580" s="19"/>
      <c r="W7580" s="19"/>
      <c r="X7580" s="19">
        <v>14</v>
      </c>
      <c r="Y7580" s="19"/>
      <c r="Z7580" s="19"/>
      <c r="AA7580" s="19"/>
    </row>
    <row r="7581" spans="1:27" s="1" customFormat="1" ht="11.1" customHeight="1" outlineLevel="2" x14ac:dyDescent="0.2">
      <c r="A7581" s="17"/>
      <c r="B7581" s="17"/>
      <c r="C7581" s="17"/>
      <c r="D7581" s="18"/>
      <c r="E7581" s="18"/>
      <c r="F7581" s="18"/>
      <c r="G7581" s="18"/>
      <c r="H7581" s="18"/>
      <c r="I7581" s="18"/>
      <c r="J7581" s="18"/>
      <c r="K7581" s="18"/>
      <c r="L7581" s="18"/>
      <c r="M7581" s="18"/>
      <c r="N7581" s="18"/>
      <c r="O7581" s="18"/>
      <c r="P7581" s="19"/>
      <c r="Q7581" s="19"/>
      <c r="R7581" s="19"/>
      <c r="S7581" s="19"/>
      <c r="T7581" s="19"/>
      <c r="U7581" s="19"/>
      <c r="V7581" s="19"/>
      <c r="W7581" s="19"/>
      <c r="X7581" s="19"/>
      <c r="Y7581" s="19"/>
      <c r="Z7581" s="19"/>
      <c r="AA7581" s="19"/>
    </row>
    <row r="7582" spans="1:27" s="1" customFormat="1" ht="11.1" customHeight="1" outlineLevel="2" x14ac:dyDescent="0.2">
      <c r="A7582" s="17">
        <v>13112</v>
      </c>
      <c r="B7582" s="17"/>
      <c r="C7582" s="17"/>
      <c r="D7582" s="18" t="s">
        <v>3752</v>
      </c>
      <c r="E7582" s="18"/>
      <c r="F7582" s="18"/>
      <c r="G7582" s="18"/>
      <c r="H7582" s="18"/>
      <c r="I7582" s="18"/>
      <c r="J7582" s="18"/>
      <c r="K7582" s="18"/>
      <c r="L7582" s="18"/>
      <c r="M7582" s="18"/>
      <c r="N7582" s="18"/>
      <c r="O7582" s="18"/>
      <c r="P7582" s="19">
        <v>260</v>
      </c>
      <c r="Q7582" s="19"/>
      <c r="R7582" s="19"/>
      <c r="S7582" s="19"/>
      <c r="T7582" s="19">
        <v>200</v>
      </c>
      <c r="U7582" s="19"/>
      <c r="V7582" s="19"/>
      <c r="W7582" s="19"/>
      <c r="X7582" s="19">
        <v>43</v>
      </c>
      <c r="Y7582" s="19"/>
      <c r="Z7582" s="19"/>
      <c r="AA7582" s="19"/>
    </row>
    <row r="7583" spans="1:27" s="1" customFormat="1" ht="11.1" customHeight="1" outlineLevel="2" x14ac:dyDescent="0.2">
      <c r="A7583" s="17"/>
      <c r="B7583" s="17"/>
      <c r="C7583" s="17"/>
      <c r="D7583" s="18"/>
      <c r="E7583" s="18"/>
      <c r="F7583" s="18"/>
      <c r="G7583" s="18"/>
      <c r="H7583" s="18"/>
      <c r="I7583" s="18"/>
      <c r="J7583" s="18"/>
      <c r="K7583" s="18"/>
      <c r="L7583" s="18"/>
      <c r="M7583" s="18"/>
      <c r="N7583" s="18"/>
      <c r="O7583" s="18"/>
      <c r="P7583" s="19"/>
      <c r="Q7583" s="19"/>
      <c r="R7583" s="19"/>
      <c r="S7583" s="19"/>
      <c r="T7583" s="19"/>
      <c r="U7583" s="19"/>
      <c r="V7583" s="19"/>
      <c r="W7583" s="19"/>
      <c r="X7583" s="19"/>
      <c r="Y7583" s="19"/>
      <c r="Z7583" s="19"/>
      <c r="AA7583" s="19"/>
    </row>
    <row r="7584" spans="1:27" s="1" customFormat="1" ht="11.1" customHeight="1" outlineLevel="2" x14ac:dyDescent="0.2">
      <c r="A7584" s="17">
        <v>12550</v>
      </c>
      <c r="B7584" s="17"/>
      <c r="C7584" s="17"/>
      <c r="D7584" s="18" t="s">
        <v>3753</v>
      </c>
      <c r="E7584" s="18"/>
      <c r="F7584" s="18"/>
      <c r="G7584" s="18"/>
      <c r="H7584" s="18"/>
      <c r="I7584" s="18"/>
      <c r="J7584" s="18"/>
      <c r="K7584" s="18"/>
      <c r="L7584" s="18"/>
      <c r="M7584" s="18"/>
      <c r="N7584" s="18"/>
      <c r="O7584" s="18"/>
      <c r="P7584" s="19">
        <v>250</v>
      </c>
      <c r="Q7584" s="19"/>
      <c r="R7584" s="19"/>
      <c r="S7584" s="19"/>
      <c r="T7584" s="19">
        <v>200</v>
      </c>
      <c r="U7584" s="19"/>
      <c r="V7584" s="19"/>
      <c r="W7584" s="19"/>
      <c r="X7584" s="19">
        <v>9</v>
      </c>
      <c r="Y7584" s="19"/>
      <c r="Z7584" s="19"/>
      <c r="AA7584" s="19"/>
    </row>
    <row r="7585" spans="1:27" s="1" customFormat="1" ht="11.1" customHeight="1" outlineLevel="2" x14ac:dyDescent="0.2">
      <c r="A7585" s="17"/>
      <c r="B7585" s="17"/>
      <c r="C7585" s="17"/>
      <c r="D7585" s="18"/>
      <c r="E7585" s="18"/>
      <c r="F7585" s="18"/>
      <c r="G7585" s="18"/>
      <c r="H7585" s="18"/>
      <c r="I7585" s="18"/>
      <c r="J7585" s="18"/>
      <c r="K7585" s="18"/>
      <c r="L7585" s="18"/>
      <c r="M7585" s="18"/>
      <c r="N7585" s="18"/>
      <c r="O7585" s="18"/>
      <c r="P7585" s="19"/>
      <c r="Q7585" s="19"/>
      <c r="R7585" s="19"/>
      <c r="S7585" s="19"/>
      <c r="T7585" s="19"/>
      <c r="U7585" s="19"/>
      <c r="V7585" s="19"/>
      <c r="W7585" s="19"/>
      <c r="X7585" s="19"/>
      <c r="Y7585" s="19"/>
      <c r="Z7585" s="19"/>
      <c r="AA7585" s="19"/>
    </row>
    <row r="7586" spans="1:27" s="1" customFormat="1" ht="11.1" customHeight="1" outlineLevel="2" x14ac:dyDescent="0.2">
      <c r="A7586" s="17">
        <v>13113</v>
      </c>
      <c r="B7586" s="17"/>
      <c r="C7586" s="17"/>
      <c r="D7586" s="18" t="s">
        <v>3754</v>
      </c>
      <c r="E7586" s="18"/>
      <c r="F7586" s="18"/>
      <c r="G7586" s="18"/>
      <c r="H7586" s="18"/>
      <c r="I7586" s="18"/>
      <c r="J7586" s="18"/>
      <c r="K7586" s="18"/>
      <c r="L7586" s="18"/>
      <c r="M7586" s="18"/>
      <c r="N7586" s="18"/>
      <c r="O7586" s="18"/>
      <c r="P7586" s="19">
        <v>370</v>
      </c>
      <c r="Q7586" s="19"/>
      <c r="R7586" s="19"/>
      <c r="S7586" s="19"/>
      <c r="T7586" s="19">
        <v>300</v>
      </c>
      <c r="U7586" s="19"/>
      <c r="V7586" s="19"/>
      <c r="W7586" s="19"/>
      <c r="X7586" s="19">
        <v>19</v>
      </c>
      <c r="Y7586" s="19"/>
      <c r="Z7586" s="19"/>
      <c r="AA7586" s="19"/>
    </row>
    <row r="7587" spans="1:27" s="1" customFormat="1" ht="11.1" customHeight="1" outlineLevel="2" x14ac:dyDescent="0.2">
      <c r="A7587" s="17"/>
      <c r="B7587" s="17"/>
      <c r="C7587" s="17"/>
      <c r="D7587" s="18"/>
      <c r="E7587" s="18"/>
      <c r="F7587" s="18"/>
      <c r="G7587" s="18"/>
      <c r="H7587" s="18"/>
      <c r="I7587" s="18"/>
      <c r="J7587" s="18"/>
      <c r="K7587" s="18"/>
      <c r="L7587" s="18"/>
      <c r="M7587" s="18"/>
      <c r="N7587" s="18"/>
      <c r="O7587" s="18"/>
      <c r="P7587" s="19"/>
      <c r="Q7587" s="19"/>
      <c r="R7587" s="19"/>
      <c r="S7587" s="19"/>
      <c r="T7587" s="19"/>
      <c r="U7587" s="19"/>
      <c r="V7587" s="19"/>
      <c r="W7587" s="19"/>
      <c r="X7587" s="19"/>
      <c r="Y7587" s="19"/>
      <c r="Z7587" s="19"/>
      <c r="AA7587" s="19"/>
    </row>
    <row r="7588" spans="1:27" s="1" customFormat="1" ht="11.1" customHeight="1" outlineLevel="2" x14ac:dyDescent="0.2">
      <c r="A7588" s="17">
        <v>13115</v>
      </c>
      <c r="B7588" s="17"/>
      <c r="C7588" s="17"/>
      <c r="D7588" s="18" t="s">
        <v>3755</v>
      </c>
      <c r="E7588" s="18"/>
      <c r="F7588" s="18"/>
      <c r="G7588" s="18"/>
      <c r="H7588" s="18"/>
      <c r="I7588" s="18"/>
      <c r="J7588" s="18"/>
      <c r="K7588" s="18"/>
      <c r="L7588" s="18"/>
      <c r="M7588" s="18"/>
      <c r="N7588" s="18"/>
      <c r="O7588" s="18"/>
      <c r="P7588" s="19">
        <v>370</v>
      </c>
      <c r="Q7588" s="19"/>
      <c r="R7588" s="19"/>
      <c r="S7588" s="19"/>
      <c r="T7588" s="19">
        <v>300</v>
      </c>
      <c r="U7588" s="19"/>
      <c r="V7588" s="19"/>
      <c r="W7588" s="19"/>
      <c r="X7588" s="19">
        <v>20</v>
      </c>
      <c r="Y7588" s="19"/>
      <c r="Z7588" s="19"/>
      <c r="AA7588" s="19"/>
    </row>
    <row r="7589" spans="1:27" s="1" customFormat="1" ht="11.1" customHeight="1" outlineLevel="2" x14ac:dyDescent="0.2">
      <c r="A7589" s="17"/>
      <c r="B7589" s="17"/>
      <c r="C7589" s="17"/>
      <c r="D7589" s="18"/>
      <c r="E7589" s="18"/>
      <c r="F7589" s="18"/>
      <c r="G7589" s="18"/>
      <c r="H7589" s="18"/>
      <c r="I7589" s="18"/>
      <c r="J7589" s="18"/>
      <c r="K7589" s="18"/>
      <c r="L7589" s="18"/>
      <c r="M7589" s="18"/>
      <c r="N7589" s="18"/>
      <c r="O7589" s="18"/>
      <c r="P7589" s="19"/>
      <c r="Q7589" s="19"/>
      <c r="R7589" s="19"/>
      <c r="S7589" s="19"/>
      <c r="T7589" s="19"/>
      <c r="U7589" s="19"/>
      <c r="V7589" s="19"/>
      <c r="W7589" s="19"/>
      <c r="X7589" s="19"/>
      <c r="Y7589" s="19"/>
      <c r="Z7589" s="19"/>
      <c r="AA7589" s="19"/>
    </row>
    <row r="7590" spans="1:27" s="1" customFormat="1" ht="11.1" customHeight="1" outlineLevel="2" x14ac:dyDescent="0.2">
      <c r="A7590" s="17">
        <v>12551</v>
      </c>
      <c r="B7590" s="17"/>
      <c r="C7590" s="17"/>
      <c r="D7590" s="18" t="s">
        <v>3756</v>
      </c>
      <c r="E7590" s="18"/>
      <c r="F7590" s="18"/>
      <c r="G7590" s="18"/>
      <c r="H7590" s="18"/>
      <c r="I7590" s="18"/>
      <c r="J7590" s="18"/>
      <c r="K7590" s="18"/>
      <c r="L7590" s="18"/>
      <c r="M7590" s="18"/>
      <c r="N7590" s="18"/>
      <c r="O7590" s="18"/>
      <c r="P7590" s="19">
        <v>250</v>
      </c>
      <c r="Q7590" s="19"/>
      <c r="R7590" s="19"/>
      <c r="S7590" s="19"/>
      <c r="T7590" s="19">
        <v>200</v>
      </c>
      <c r="U7590" s="19"/>
      <c r="V7590" s="19"/>
      <c r="W7590" s="19"/>
      <c r="X7590" s="19">
        <v>9</v>
      </c>
      <c r="Y7590" s="19"/>
      <c r="Z7590" s="19"/>
      <c r="AA7590" s="19"/>
    </row>
    <row r="7591" spans="1:27" s="1" customFormat="1" ht="11.1" customHeight="1" outlineLevel="2" x14ac:dyDescent="0.2">
      <c r="A7591" s="17"/>
      <c r="B7591" s="17"/>
      <c r="C7591" s="17"/>
      <c r="D7591" s="18"/>
      <c r="E7591" s="18"/>
      <c r="F7591" s="18"/>
      <c r="G7591" s="18"/>
      <c r="H7591" s="18"/>
      <c r="I7591" s="18"/>
      <c r="J7591" s="18"/>
      <c r="K7591" s="18"/>
      <c r="L7591" s="18"/>
      <c r="M7591" s="18"/>
      <c r="N7591" s="18"/>
      <c r="O7591" s="18"/>
      <c r="P7591" s="19"/>
      <c r="Q7591" s="19"/>
      <c r="R7591" s="19"/>
      <c r="S7591" s="19"/>
      <c r="T7591" s="19"/>
      <c r="U7591" s="19"/>
      <c r="V7591" s="19"/>
      <c r="W7591" s="19"/>
      <c r="X7591" s="19"/>
      <c r="Y7591" s="19"/>
      <c r="Z7591" s="19"/>
      <c r="AA7591" s="19"/>
    </row>
    <row r="7592" spans="1:27" s="1" customFormat="1" ht="11.1" customHeight="1" outlineLevel="2" x14ac:dyDescent="0.2">
      <c r="A7592" s="17">
        <v>13114</v>
      </c>
      <c r="B7592" s="17"/>
      <c r="C7592" s="17"/>
      <c r="D7592" s="18" t="s">
        <v>3757</v>
      </c>
      <c r="E7592" s="18"/>
      <c r="F7592" s="18"/>
      <c r="G7592" s="18"/>
      <c r="H7592" s="18"/>
      <c r="I7592" s="18"/>
      <c r="J7592" s="18"/>
      <c r="K7592" s="18"/>
      <c r="L7592" s="18"/>
      <c r="M7592" s="18"/>
      <c r="N7592" s="18"/>
      <c r="O7592" s="18"/>
      <c r="P7592" s="19">
        <v>370</v>
      </c>
      <c r="Q7592" s="19"/>
      <c r="R7592" s="19"/>
      <c r="S7592" s="19"/>
      <c r="T7592" s="19">
        <v>300</v>
      </c>
      <c r="U7592" s="19"/>
      <c r="V7592" s="19"/>
      <c r="W7592" s="19"/>
      <c r="X7592" s="19">
        <v>18</v>
      </c>
      <c r="Y7592" s="19"/>
      <c r="Z7592" s="19"/>
      <c r="AA7592" s="19"/>
    </row>
    <row r="7593" spans="1:27" s="1" customFormat="1" ht="11.1" customHeight="1" outlineLevel="2" x14ac:dyDescent="0.2">
      <c r="A7593" s="17"/>
      <c r="B7593" s="17"/>
      <c r="C7593" s="17"/>
      <c r="D7593" s="18"/>
      <c r="E7593" s="18"/>
      <c r="F7593" s="18"/>
      <c r="G7593" s="18"/>
      <c r="H7593" s="18"/>
      <c r="I7593" s="18"/>
      <c r="J7593" s="18"/>
      <c r="K7593" s="18"/>
      <c r="L7593" s="18"/>
      <c r="M7593" s="18"/>
      <c r="N7593" s="18"/>
      <c r="O7593" s="18"/>
      <c r="P7593" s="19"/>
      <c r="Q7593" s="19"/>
      <c r="R7593" s="19"/>
      <c r="S7593" s="19"/>
      <c r="T7593" s="19"/>
      <c r="U7593" s="19"/>
      <c r="V7593" s="19"/>
      <c r="W7593" s="19"/>
      <c r="X7593" s="19"/>
      <c r="Y7593" s="19"/>
      <c r="Z7593" s="19"/>
      <c r="AA7593" s="19"/>
    </row>
    <row r="7594" spans="1:27" s="1" customFormat="1" ht="11.1" customHeight="1" outlineLevel="2" x14ac:dyDescent="0.2">
      <c r="A7594" s="17">
        <v>7044</v>
      </c>
      <c r="B7594" s="17"/>
      <c r="C7594" s="17"/>
      <c r="D7594" s="18" t="s">
        <v>3758</v>
      </c>
      <c r="E7594" s="18"/>
      <c r="F7594" s="18"/>
      <c r="G7594" s="18"/>
      <c r="H7594" s="18"/>
      <c r="I7594" s="18"/>
      <c r="J7594" s="18"/>
      <c r="K7594" s="18"/>
      <c r="L7594" s="18"/>
      <c r="M7594" s="18"/>
      <c r="N7594" s="18"/>
      <c r="O7594" s="18"/>
      <c r="P7594" s="19">
        <v>250</v>
      </c>
      <c r="Q7594" s="19"/>
      <c r="R7594" s="19"/>
      <c r="S7594" s="19"/>
      <c r="T7594" s="19">
        <v>200</v>
      </c>
      <c r="U7594" s="19"/>
      <c r="V7594" s="19"/>
      <c r="W7594" s="19"/>
      <c r="X7594" s="19">
        <v>4</v>
      </c>
      <c r="Y7594" s="19"/>
      <c r="Z7594" s="19"/>
      <c r="AA7594" s="19"/>
    </row>
    <row r="7595" spans="1:27" s="1" customFormat="1" ht="11.1" customHeight="1" outlineLevel="2" x14ac:dyDescent="0.2">
      <c r="A7595" s="17"/>
      <c r="B7595" s="17"/>
      <c r="C7595" s="17"/>
      <c r="D7595" s="18"/>
      <c r="E7595" s="18"/>
      <c r="F7595" s="18"/>
      <c r="G7595" s="18"/>
      <c r="H7595" s="18"/>
      <c r="I7595" s="18"/>
      <c r="J7595" s="18"/>
      <c r="K7595" s="18"/>
      <c r="L7595" s="18"/>
      <c r="M7595" s="18"/>
      <c r="N7595" s="18"/>
      <c r="O7595" s="18"/>
      <c r="P7595" s="19"/>
      <c r="Q7595" s="19"/>
      <c r="R7595" s="19"/>
      <c r="S7595" s="19"/>
      <c r="T7595" s="19"/>
      <c r="U7595" s="19"/>
      <c r="V7595" s="19"/>
      <c r="W7595" s="19"/>
      <c r="X7595" s="19"/>
      <c r="Y7595" s="19"/>
      <c r="Z7595" s="19"/>
      <c r="AA7595" s="19"/>
    </row>
    <row r="7596" spans="1:27" s="1" customFormat="1" ht="11.1" customHeight="1" outlineLevel="2" x14ac:dyDescent="0.2">
      <c r="A7596" s="17">
        <v>13116</v>
      </c>
      <c r="B7596" s="17"/>
      <c r="C7596" s="17"/>
      <c r="D7596" s="18" t="s">
        <v>3759</v>
      </c>
      <c r="E7596" s="18"/>
      <c r="F7596" s="18"/>
      <c r="G7596" s="18"/>
      <c r="H7596" s="18"/>
      <c r="I7596" s="18"/>
      <c r="J7596" s="18"/>
      <c r="K7596" s="18"/>
      <c r="L7596" s="18"/>
      <c r="M7596" s="18"/>
      <c r="N7596" s="18"/>
      <c r="O7596" s="18"/>
      <c r="P7596" s="19">
        <v>390</v>
      </c>
      <c r="Q7596" s="19"/>
      <c r="R7596" s="19"/>
      <c r="S7596" s="19"/>
      <c r="T7596" s="19">
        <v>310</v>
      </c>
      <c r="U7596" s="19"/>
      <c r="V7596" s="19"/>
      <c r="W7596" s="19"/>
      <c r="X7596" s="19">
        <v>25</v>
      </c>
      <c r="Y7596" s="19"/>
      <c r="Z7596" s="19"/>
      <c r="AA7596" s="19"/>
    </row>
    <row r="7597" spans="1:27" s="1" customFormat="1" ht="11.1" customHeight="1" outlineLevel="2" x14ac:dyDescent="0.2">
      <c r="A7597" s="17"/>
      <c r="B7597" s="17"/>
      <c r="C7597" s="17"/>
      <c r="D7597" s="18"/>
      <c r="E7597" s="18"/>
      <c r="F7597" s="18"/>
      <c r="G7597" s="18"/>
      <c r="H7597" s="18"/>
      <c r="I7597" s="18"/>
      <c r="J7597" s="18"/>
      <c r="K7597" s="18"/>
      <c r="L7597" s="18"/>
      <c r="M7597" s="18"/>
      <c r="N7597" s="18"/>
      <c r="O7597" s="18"/>
      <c r="P7597" s="19"/>
      <c r="Q7597" s="19"/>
      <c r="R7597" s="19"/>
      <c r="S7597" s="19"/>
      <c r="T7597" s="19"/>
      <c r="U7597" s="19"/>
      <c r="V7597" s="19"/>
      <c r="W7597" s="19"/>
      <c r="X7597" s="19"/>
      <c r="Y7597" s="19"/>
      <c r="Z7597" s="19"/>
      <c r="AA7597" s="19"/>
    </row>
    <row r="7598" spans="1:27" s="1" customFormat="1" ht="11.1" customHeight="1" outlineLevel="2" x14ac:dyDescent="0.2">
      <c r="A7598" s="17">
        <v>14721</v>
      </c>
      <c r="B7598" s="17"/>
      <c r="C7598" s="17"/>
      <c r="D7598" s="18" t="s">
        <v>3760</v>
      </c>
      <c r="E7598" s="18"/>
      <c r="F7598" s="18"/>
      <c r="G7598" s="18"/>
      <c r="H7598" s="18"/>
      <c r="I7598" s="18"/>
      <c r="J7598" s="18"/>
      <c r="K7598" s="18"/>
      <c r="L7598" s="18"/>
      <c r="M7598" s="18"/>
      <c r="N7598" s="18"/>
      <c r="O7598" s="18"/>
      <c r="P7598" s="19">
        <v>390</v>
      </c>
      <c r="Q7598" s="19"/>
      <c r="R7598" s="19"/>
      <c r="S7598" s="19"/>
      <c r="T7598" s="19">
        <v>320</v>
      </c>
      <c r="U7598" s="19"/>
      <c r="V7598" s="19"/>
      <c r="W7598" s="19"/>
      <c r="X7598" s="19">
        <v>10</v>
      </c>
      <c r="Y7598" s="19"/>
      <c r="Z7598" s="19"/>
      <c r="AA7598" s="19"/>
    </row>
    <row r="7599" spans="1:27" s="1" customFormat="1" ht="11.1" customHeight="1" outlineLevel="2" x14ac:dyDescent="0.2">
      <c r="A7599" s="17"/>
      <c r="B7599" s="17"/>
      <c r="C7599" s="17"/>
      <c r="D7599" s="18"/>
      <c r="E7599" s="18"/>
      <c r="F7599" s="18"/>
      <c r="G7599" s="18"/>
      <c r="H7599" s="18"/>
      <c r="I7599" s="18"/>
      <c r="J7599" s="18"/>
      <c r="K7599" s="18"/>
      <c r="L7599" s="18"/>
      <c r="M7599" s="18"/>
      <c r="N7599" s="18"/>
      <c r="O7599" s="18"/>
      <c r="P7599" s="19"/>
      <c r="Q7599" s="19"/>
      <c r="R7599" s="19"/>
      <c r="S7599" s="19"/>
      <c r="T7599" s="19"/>
      <c r="U7599" s="19"/>
      <c r="V7599" s="19"/>
      <c r="W7599" s="19"/>
      <c r="X7599" s="19"/>
      <c r="Y7599" s="19"/>
      <c r="Z7599" s="19"/>
      <c r="AA7599" s="19"/>
    </row>
    <row r="7600" spans="1:27" s="1" customFormat="1" ht="11.1" customHeight="1" outlineLevel="2" x14ac:dyDescent="0.2">
      <c r="A7600" s="17">
        <v>14720</v>
      </c>
      <c r="B7600" s="17"/>
      <c r="C7600" s="17"/>
      <c r="D7600" s="18" t="s">
        <v>3761</v>
      </c>
      <c r="E7600" s="18"/>
      <c r="F7600" s="18"/>
      <c r="G7600" s="18"/>
      <c r="H7600" s="18"/>
      <c r="I7600" s="18"/>
      <c r="J7600" s="18"/>
      <c r="K7600" s="18"/>
      <c r="L7600" s="18"/>
      <c r="M7600" s="18"/>
      <c r="N7600" s="18"/>
      <c r="O7600" s="18"/>
      <c r="P7600" s="19">
        <v>390</v>
      </c>
      <c r="Q7600" s="19"/>
      <c r="R7600" s="19"/>
      <c r="S7600" s="19"/>
      <c r="T7600" s="19">
        <v>320</v>
      </c>
      <c r="U7600" s="19"/>
      <c r="V7600" s="19"/>
      <c r="W7600" s="19"/>
      <c r="X7600" s="19">
        <v>8</v>
      </c>
      <c r="Y7600" s="19"/>
      <c r="Z7600" s="19"/>
      <c r="AA7600" s="19"/>
    </row>
    <row r="7601" spans="1:27" s="1" customFormat="1" ht="11.1" customHeight="1" outlineLevel="2" x14ac:dyDescent="0.2">
      <c r="A7601" s="17"/>
      <c r="B7601" s="17"/>
      <c r="C7601" s="17"/>
      <c r="D7601" s="18"/>
      <c r="E7601" s="18"/>
      <c r="F7601" s="18"/>
      <c r="G7601" s="18"/>
      <c r="H7601" s="18"/>
      <c r="I7601" s="18"/>
      <c r="J7601" s="18"/>
      <c r="K7601" s="18"/>
      <c r="L7601" s="18"/>
      <c r="M7601" s="18"/>
      <c r="N7601" s="18"/>
      <c r="O7601" s="18"/>
      <c r="P7601" s="19"/>
      <c r="Q7601" s="19"/>
      <c r="R7601" s="19"/>
      <c r="S7601" s="19"/>
      <c r="T7601" s="19"/>
      <c r="U7601" s="19"/>
      <c r="V7601" s="19"/>
      <c r="W7601" s="19"/>
      <c r="X7601" s="19"/>
      <c r="Y7601" s="19"/>
      <c r="Z7601" s="19"/>
      <c r="AA7601" s="19"/>
    </row>
    <row r="7602" spans="1:27" s="1" customFormat="1" ht="11.1" customHeight="1" outlineLevel="1" x14ac:dyDescent="0.2">
      <c r="A7602" s="16" t="s">
        <v>2162</v>
      </c>
      <c r="B7602" s="16"/>
      <c r="C7602" s="16"/>
      <c r="D7602" s="16"/>
      <c r="E7602" s="16"/>
      <c r="F7602" s="16"/>
      <c r="G7602" s="16"/>
      <c r="H7602" s="16"/>
      <c r="I7602" s="16"/>
      <c r="J7602" s="16"/>
      <c r="K7602" s="16"/>
      <c r="L7602" s="16"/>
      <c r="M7602" s="16"/>
      <c r="N7602" s="16"/>
      <c r="O7602" s="16"/>
      <c r="P7602" s="16"/>
      <c r="Q7602" s="16"/>
      <c r="R7602" s="16"/>
      <c r="S7602" s="16"/>
      <c r="T7602" s="16"/>
      <c r="U7602" s="16"/>
      <c r="V7602" s="16"/>
      <c r="W7602" s="16"/>
      <c r="X7602" s="16"/>
      <c r="Y7602" s="16"/>
      <c r="Z7602" s="16"/>
      <c r="AA7602" s="16"/>
    </row>
    <row r="7603" spans="1:27" s="1" customFormat="1" ht="11.1" customHeight="1" outlineLevel="1" x14ac:dyDescent="0.2">
      <c r="A7603" s="16"/>
      <c r="B7603" s="16"/>
      <c r="C7603" s="16"/>
      <c r="D7603" s="16"/>
      <c r="E7603" s="16"/>
      <c r="F7603" s="16"/>
      <c r="G7603" s="16"/>
      <c r="H7603" s="16"/>
      <c r="I7603" s="16"/>
      <c r="J7603" s="16"/>
      <c r="K7603" s="16"/>
      <c r="L7603" s="16"/>
      <c r="M7603" s="16"/>
      <c r="N7603" s="16"/>
      <c r="O7603" s="16"/>
      <c r="P7603" s="16"/>
      <c r="Q7603" s="16"/>
      <c r="R7603" s="16"/>
      <c r="S7603" s="16"/>
      <c r="T7603" s="16"/>
      <c r="U7603" s="16"/>
      <c r="V7603" s="16"/>
      <c r="W7603" s="16"/>
      <c r="X7603" s="16"/>
      <c r="Y7603" s="16"/>
      <c r="Z7603" s="16"/>
      <c r="AA7603" s="16"/>
    </row>
    <row r="7604" spans="1:27" s="1" customFormat="1" ht="11.1" customHeight="1" outlineLevel="2" x14ac:dyDescent="0.2">
      <c r="A7604" s="17">
        <v>5387</v>
      </c>
      <c r="B7604" s="17"/>
      <c r="C7604" s="17"/>
      <c r="D7604" s="18" t="s">
        <v>3762</v>
      </c>
      <c r="E7604" s="18"/>
      <c r="F7604" s="18"/>
      <c r="G7604" s="18"/>
      <c r="H7604" s="18"/>
      <c r="I7604" s="18"/>
      <c r="J7604" s="18"/>
      <c r="K7604" s="18"/>
      <c r="L7604" s="18"/>
      <c r="M7604" s="18"/>
      <c r="N7604" s="18"/>
      <c r="O7604" s="18"/>
      <c r="P7604" s="19">
        <v>500</v>
      </c>
      <c r="Q7604" s="19"/>
      <c r="R7604" s="19"/>
      <c r="S7604" s="19"/>
      <c r="T7604" s="19">
        <v>450</v>
      </c>
      <c r="U7604" s="19"/>
      <c r="V7604" s="19"/>
      <c r="W7604" s="19"/>
      <c r="X7604" s="19">
        <v>1</v>
      </c>
      <c r="Y7604" s="19"/>
      <c r="Z7604" s="19"/>
      <c r="AA7604" s="19"/>
    </row>
    <row r="7605" spans="1:27" s="1" customFormat="1" ht="11.1" customHeight="1" outlineLevel="2" x14ac:dyDescent="0.2">
      <c r="A7605" s="17"/>
      <c r="B7605" s="17"/>
      <c r="C7605" s="17"/>
      <c r="D7605" s="18"/>
      <c r="E7605" s="18"/>
      <c r="F7605" s="18"/>
      <c r="G7605" s="18"/>
      <c r="H7605" s="18"/>
      <c r="I7605" s="18"/>
      <c r="J7605" s="18"/>
      <c r="K7605" s="18"/>
      <c r="L7605" s="18"/>
      <c r="M7605" s="18"/>
      <c r="N7605" s="18"/>
      <c r="O7605" s="18"/>
      <c r="P7605" s="19"/>
      <c r="Q7605" s="19"/>
      <c r="R7605" s="19"/>
      <c r="S7605" s="19"/>
      <c r="T7605" s="19"/>
      <c r="U7605" s="19"/>
      <c r="V7605" s="19"/>
      <c r="W7605" s="19"/>
      <c r="X7605" s="19"/>
      <c r="Y7605" s="19"/>
      <c r="Z7605" s="19"/>
      <c r="AA7605" s="19"/>
    </row>
    <row r="7606" spans="1:27" s="1" customFormat="1" ht="11.1" customHeight="1" outlineLevel="2" x14ac:dyDescent="0.2">
      <c r="A7606" s="17">
        <v>11970</v>
      </c>
      <c r="B7606" s="17"/>
      <c r="C7606" s="17"/>
      <c r="D7606" s="18" t="s">
        <v>3763</v>
      </c>
      <c r="E7606" s="18"/>
      <c r="F7606" s="18"/>
      <c r="G7606" s="18"/>
      <c r="H7606" s="18"/>
      <c r="I7606" s="18"/>
      <c r="J7606" s="18"/>
      <c r="K7606" s="18"/>
      <c r="L7606" s="18"/>
      <c r="M7606" s="18"/>
      <c r="N7606" s="18"/>
      <c r="O7606" s="18"/>
      <c r="P7606" s="19">
        <v>370</v>
      </c>
      <c r="Q7606" s="19"/>
      <c r="R7606" s="19"/>
      <c r="S7606" s="19"/>
      <c r="T7606" s="19">
        <v>310</v>
      </c>
      <c r="U7606" s="19"/>
      <c r="V7606" s="19"/>
      <c r="W7606" s="19"/>
      <c r="X7606" s="19">
        <v>4</v>
      </c>
      <c r="Y7606" s="19"/>
      <c r="Z7606" s="19"/>
      <c r="AA7606" s="19"/>
    </row>
    <row r="7607" spans="1:27" s="1" customFormat="1" ht="11.1" customHeight="1" outlineLevel="2" x14ac:dyDescent="0.2">
      <c r="A7607" s="17"/>
      <c r="B7607" s="17"/>
      <c r="C7607" s="17"/>
      <c r="D7607" s="18"/>
      <c r="E7607" s="18"/>
      <c r="F7607" s="18"/>
      <c r="G7607" s="18"/>
      <c r="H7607" s="18"/>
      <c r="I7607" s="18"/>
      <c r="J7607" s="18"/>
      <c r="K7607" s="18"/>
      <c r="L7607" s="18"/>
      <c r="M7607" s="18"/>
      <c r="N7607" s="18"/>
      <c r="O7607" s="18"/>
      <c r="P7607" s="19"/>
      <c r="Q7607" s="19"/>
      <c r="R7607" s="19"/>
      <c r="S7607" s="19"/>
      <c r="T7607" s="19"/>
      <c r="U7607" s="19"/>
      <c r="V7607" s="19"/>
      <c r="W7607" s="19"/>
      <c r="X7607" s="19"/>
      <c r="Y7607" s="19"/>
      <c r="Z7607" s="19"/>
      <c r="AA7607" s="19"/>
    </row>
    <row r="7608" spans="1:27" s="1" customFormat="1" ht="11.1" customHeight="1" outlineLevel="2" x14ac:dyDescent="0.2">
      <c r="A7608" s="17">
        <v>1416</v>
      </c>
      <c r="B7608" s="17"/>
      <c r="C7608" s="17"/>
      <c r="D7608" s="18" t="s">
        <v>3764</v>
      </c>
      <c r="E7608" s="18"/>
      <c r="F7608" s="18"/>
      <c r="G7608" s="18"/>
      <c r="H7608" s="18"/>
      <c r="I7608" s="18"/>
      <c r="J7608" s="18"/>
      <c r="K7608" s="18"/>
      <c r="L7608" s="18"/>
      <c r="M7608" s="18"/>
      <c r="N7608" s="18"/>
      <c r="O7608" s="18"/>
      <c r="P7608" s="19">
        <v>370</v>
      </c>
      <c r="Q7608" s="19"/>
      <c r="R7608" s="19"/>
      <c r="S7608" s="19"/>
      <c r="T7608" s="19">
        <v>320</v>
      </c>
      <c r="U7608" s="19"/>
      <c r="V7608" s="19"/>
      <c r="W7608" s="19"/>
      <c r="X7608" s="19">
        <v>1</v>
      </c>
      <c r="Y7608" s="19"/>
      <c r="Z7608" s="19"/>
      <c r="AA7608" s="19"/>
    </row>
    <row r="7609" spans="1:27" s="1" customFormat="1" ht="11.1" customHeight="1" outlineLevel="2" x14ac:dyDescent="0.2">
      <c r="A7609" s="17"/>
      <c r="B7609" s="17"/>
      <c r="C7609" s="17"/>
      <c r="D7609" s="18"/>
      <c r="E7609" s="18"/>
      <c r="F7609" s="18"/>
      <c r="G7609" s="18"/>
      <c r="H7609" s="18"/>
      <c r="I7609" s="18"/>
      <c r="J7609" s="18"/>
      <c r="K7609" s="18"/>
      <c r="L7609" s="18"/>
      <c r="M7609" s="18"/>
      <c r="N7609" s="18"/>
      <c r="O7609" s="18"/>
      <c r="P7609" s="19"/>
      <c r="Q7609" s="19"/>
      <c r="R7609" s="19"/>
      <c r="S7609" s="19"/>
      <c r="T7609" s="19"/>
      <c r="U7609" s="19"/>
      <c r="V7609" s="19"/>
      <c r="W7609" s="19"/>
      <c r="X7609" s="19"/>
      <c r="Y7609" s="19"/>
      <c r="Z7609" s="19"/>
      <c r="AA7609" s="19"/>
    </row>
    <row r="7610" spans="1:27" s="1" customFormat="1" ht="11.1" customHeight="1" outlineLevel="2" x14ac:dyDescent="0.2">
      <c r="A7610" s="17">
        <v>14735</v>
      </c>
      <c r="B7610" s="17"/>
      <c r="C7610" s="17"/>
      <c r="D7610" s="18" t="s">
        <v>3765</v>
      </c>
      <c r="E7610" s="18"/>
      <c r="F7610" s="18"/>
      <c r="G7610" s="18"/>
      <c r="H7610" s="18"/>
      <c r="I7610" s="18"/>
      <c r="J7610" s="18"/>
      <c r="K7610" s="18"/>
      <c r="L7610" s="18"/>
      <c r="M7610" s="18"/>
      <c r="N7610" s="18"/>
      <c r="O7610" s="18"/>
      <c r="P7610" s="19">
        <v>270</v>
      </c>
      <c r="Q7610" s="19"/>
      <c r="R7610" s="19"/>
      <c r="S7610" s="19"/>
      <c r="T7610" s="19">
        <v>190</v>
      </c>
      <c r="U7610" s="19"/>
      <c r="V7610" s="19"/>
      <c r="W7610" s="19"/>
      <c r="X7610" s="19">
        <v>16</v>
      </c>
      <c r="Y7610" s="19"/>
      <c r="Z7610" s="19"/>
      <c r="AA7610" s="19"/>
    </row>
    <row r="7611" spans="1:27" s="1" customFormat="1" ht="11.1" customHeight="1" outlineLevel="2" x14ac:dyDescent="0.2">
      <c r="A7611" s="17"/>
      <c r="B7611" s="17"/>
      <c r="C7611" s="17"/>
      <c r="D7611" s="18"/>
      <c r="E7611" s="18"/>
      <c r="F7611" s="18"/>
      <c r="G7611" s="18"/>
      <c r="H7611" s="18"/>
      <c r="I7611" s="18"/>
      <c r="J7611" s="18"/>
      <c r="K7611" s="18"/>
      <c r="L7611" s="18"/>
      <c r="M7611" s="18"/>
      <c r="N7611" s="18"/>
      <c r="O7611" s="18"/>
      <c r="P7611" s="19"/>
      <c r="Q7611" s="19"/>
      <c r="R7611" s="19"/>
      <c r="S7611" s="19"/>
      <c r="T7611" s="19"/>
      <c r="U7611" s="19"/>
      <c r="V7611" s="19"/>
      <c r="W7611" s="19"/>
      <c r="X7611" s="19"/>
      <c r="Y7611" s="19"/>
      <c r="Z7611" s="19"/>
      <c r="AA7611" s="19"/>
    </row>
    <row r="7612" spans="1:27" s="1" customFormat="1" ht="11.1" customHeight="1" outlineLevel="2" x14ac:dyDescent="0.2">
      <c r="A7612" s="17">
        <v>1418</v>
      </c>
      <c r="B7612" s="17"/>
      <c r="C7612" s="17"/>
      <c r="D7612" s="18" t="s">
        <v>3766</v>
      </c>
      <c r="E7612" s="18"/>
      <c r="F7612" s="18"/>
      <c r="G7612" s="18"/>
      <c r="H7612" s="18"/>
      <c r="I7612" s="18"/>
      <c r="J7612" s="18"/>
      <c r="K7612" s="18"/>
      <c r="L7612" s="18"/>
      <c r="M7612" s="18"/>
      <c r="N7612" s="18"/>
      <c r="O7612" s="18"/>
      <c r="P7612" s="19">
        <v>550</v>
      </c>
      <c r="Q7612" s="19"/>
      <c r="R7612" s="19"/>
      <c r="S7612" s="19"/>
      <c r="T7612" s="19">
        <v>490</v>
      </c>
      <c r="U7612" s="19"/>
      <c r="V7612" s="19"/>
      <c r="W7612" s="19"/>
      <c r="X7612" s="19">
        <v>1</v>
      </c>
      <c r="Y7612" s="19"/>
      <c r="Z7612" s="19"/>
      <c r="AA7612" s="19"/>
    </row>
    <row r="7613" spans="1:27" s="1" customFormat="1" ht="11.1" customHeight="1" outlineLevel="2" x14ac:dyDescent="0.2">
      <c r="A7613" s="17"/>
      <c r="B7613" s="17"/>
      <c r="C7613" s="17"/>
      <c r="D7613" s="18"/>
      <c r="E7613" s="18"/>
      <c r="F7613" s="18"/>
      <c r="G7613" s="18"/>
      <c r="H7613" s="18"/>
      <c r="I7613" s="18"/>
      <c r="J7613" s="18"/>
      <c r="K7613" s="18"/>
      <c r="L7613" s="18"/>
      <c r="M7613" s="18"/>
      <c r="N7613" s="18"/>
      <c r="O7613" s="18"/>
      <c r="P7613" s="19"/>
      <c r="Q7613" s="19"/>
      <c r="R7613" s="19"/>
      <c r="S7613" s="19"/>
      <c r="T7613" s="19"/>
      <c r="U7613" s="19"/>
      <c r="V7613" s="19"/>
      <c r="W7613" s="19"/>
      <c r="X7613" s="19"/>
      <c r="Y7613" s="19"/>
      <c r="Z7613" s="19"/>
      <c r="AA7613" s="19"/>
    </row>
    <row r="7614" spans="1:27" s="1" customFormat="1" ht="11.1" customHeight="1" outlineLevel="1" x14ac:dyDescent="0.2">
      <c r="A7614" s="16" t="s">
        <v>3767</v>
      </c>
      <c r="B7614" s="16"/>
      <c r="C7614" s="16"/>
      <c r="D7614" s="16"/>
      <c r="E7614" s="16"/>
      <c r="F7614" s="16"/>
      <c r="G7614" s="16"/>
      <c r="H7614" s="16"/>
      <c r="I7614" s="16"/>
      <c r="J7614" s="16"/>
      <c r="K7614" s="16"/>
      <c r="L7614" s="16"/>
      <c r="M7614" s="16"/>
      <c r="N7614" s="16"/>
      <c r="O7614" s="16"/>
      <c r="P7614" s="16"/>
      <c r="Q7614" s="16"/>
      <c r="R7614" s="16"/>
      <c r="S7614" s="16"/>
      <c r="T7614" s="16"/>
      <c r="U7614" s="16"/>
      <c r="V7614" s="16"/>
      <c r="W7614" s="16"/>
      <c r="X7614" s="16"/>
      <c r="Y7614" s="16"/>
      <c r="Z7614" s="16"/>
      <c r="AA7614" s="16"/>
    </row>
    <row r="7615" spans="1:27" s="1" customFormat="1" ht="11.1" customHeight="1" outlineLevel="1" x14ac:dyDescent="0.2">
      <c r="A7615" s="16"/>
      <c r="B7615" s="16"/>
      <c r="C7615" s="16"/>
      <c r="D7615" s="16"/>
      <c r="E7615" s="16"/>
      <c r="F7615" s="16"/>
      <c r="G7615" s="16"/>
      <c r="H7615" s="16"/>
      <c r="I7615" s="16"/>
      <c r="J7615" s="16"/>
      <c r="K7615" s="16"/>
      <c r="L7615" s="16"/>
      <c r="M7615" s="16"/>
      <c r="N7615" s="16"/>
      <c r="O7615" s="16"/>
      <c r="P7615" s="16"/>
      <c r="Q7615" s="16"/>
      <c r="R7615" s="16"/>
      <c r="S7615" s="16"/>
      <c r="T7615" s="16"/>
      <c r="U7615" s="16"/>
      <c r="V7615" s="16"/>
      <c r="W7615" s="16"/>
      <c r="X7615" s="16"/>
      <c r="Y7615" s="16"/>
      <c r="Z7615" s="16"/>
      <c r="AA7615" s="16"/>
    </row>
    <row r="7616" spans="1:27" s="1" customFormat="1" ht="14.1" customHeight="1" outlineLevel="2" x14ac:dyDescent="0.2">
      <c r="A7616" s="17">
        <v>4784</v>
      </c>
      <c r="B7616" s="17"/>
      <c r="C7616" s="17"/>
      <c r="D7616" s="18" t="s">
        <v>3768</v>
      </c>
      <c r="E7616" s="18"/>
      <c r="F7616" s="18"/>
      <c r="G7616" s="18"/>
      <c r="H7616" s="18"/>
      <c r="I7616" s="18"/>
      <c r="J7616" s="18"/>
      <c r="K7616" s="18"/>
      <c r="L7616" s="18"/>
      <c r="M7616" s="18"/>
      <c r="N7616" s="18"/>
      <c r="O7616" s="18"/>
      <c r="P7616" s="19">
        <v>250</v>
      </c>
      <c r="Q7616" s="19"/>
      <c r="R7616" s="19"/>
      <c r="S7616" s="19"/>
      <c r="T7616" s="19">
        <v>200</v>
      </c>
      <c r="U7616" s="19"/>
      <c r="V7616" s="19"/>
      <c r="W7616" s="19"/>
      <c r="X7616" s="19">
        <v>2</v>
      </c>
      <c r="Y7616" s="19"/>
      <c r="Z7616" s="19"/>
      <c r="AA7616" s="19"/>
    </row>
    <row r="7617" spans="1:27" s="1" customFormat="1" ht="14.1" customHeight="1" outlineLevel="2" x14ac:dyDescent="0.2">
      <c r="A7617" s="17"/>
      <c r="B7617" s="17"/>
      <c r="C7617" s="17"/>
      <c r="D7617" s="18"/>
      <c r="E7617" s="18"/>
      <c r="F7617" s="18"/>
      <c r="G7617" s="18"/>
      <c r="H7617" s="18"/>
      <c r="I7617" s="18"/>
      <c r="J7617" s="18"/>
      <c r="K7617" s="18"/>
      <c r="L7617" s="18"/>
      <c r="M7617" s="18"/>
      <c r="N7617" s="18"/>
      <c r="O7617" s="18"/>
      <c r="P7617" s="19"/>
      <c r="Q7617" s="19"/>
      <c r="R7617" s="19"/>
      <c r="S7617" s="19"/>
      <c r="T7617" s="19"/>
      <c r="U7617" s="19"/>
      <c r="V7617" s="19"/>
      <c r="W7617" s="19"/>
      <c r="X7617" s="19"/>
      <c r="Y7617" s="19"/>
      <c r="Z7617" s="19"/>
      <c r="AA7617" s="19"/>
    </row>
    <row r="7618" spans="1:27" s="1" customFormat="1" ht="14.1" customHeight="1" outlineLevel="2" x14ac:dyDescent="0.2">
      <c r="A7618" s="17">
        <v>4786</v>
      </c>
      <c r="B7618" s="17"/>
      <c r="C7618" s="17"/>
      <c r="D7618" s="18" t="s">
        <v>3769</v>
      </c>
      <c r="E7618" s="18"/>
      <c r="F7618" s="18"/>
      <c r="G7618" s="18"/>
      <c r="H7618" s="18"/>
      <c r="I7618" s="18"/>
      <c r="J7618" s="18"/>
      <c r="K7618" s="18"/>
      <c r="L7618" s="18"/>
      <c r="M7618" s="18"/>
      <c r="N7618" s="18"/>
      <c r="O7618" s="18"/>
      <c r="P7618" s="19">
        <v>250</v>
      </c>
      <c r="Q7618" s="19"/>
      <c r="R7618" s="19"/>
      <c r="S7618" s="19"/>
      <c r="T7618" s="19">
        <v>200</v>
      </c>
      <c r="U7618" s="19"/>
      <c r="V7618" s="19"/>
      <c r="W7618" s="19"/>
      <c r="X7618" s="19">
        <v>1</v>
      </c>
      <c r="Y7618" s="19"/>
      <c r="Z7618" s="19"/>
      <c r="AA7618" s="19"/>
    </row>
    <row r="7619" spans="1:27" s="1" customFormat="1" ht="14.1" customHeight="1" outlineLevel="2" x14ac:dyDescent="0.2">
      <c r="A7619" s="17"/>
      <c r="B7619" s="17"/>
      <c r="C7619" s="17"/>
      <c r="D7619" s="18"/>
      <c r="E7619" s="18"/>
      <c r="F7619" s="18"/>
      <c r="G7619" s="18"/>
      <c r="H7619" s="18"/>
      <c r="I7619" s="18"/>
      <c r="J7619" s="18"/>
      <c r="K7619" s="18"/>
      <c r="L7619" s="18"/>
      <c r="M7619" s="18"/>
      <c r="N7619" s="18"/>
      <c r="O7619" s="18"/>
      <c r="P7619" s="19"/>
      <c r="Q7619" s="19"/>
      <c r="R7619" s="19"/>
      <c r="S7619" s="19"/>
      <c r="T7619" s="19"/>
      <c r="U7619" s="19"/>
      <c r="V7619" s="19"/>
      <c r="W7619" s="19"/>
      <c r="X7619" s="19"/>
      <c r="Y7619" s="19"/>
      <c r="Z7619" s="19"/>
      <c r="AA7619" s="19"/>
    </row>
    <row r="7620" spans="1:27" s="1" customFormat="1" ht="14.1" customHeight="1" outlineLevel="2" x14ac:dyDescent="0.2">
      <c r="A7620" s="17">
        <v>4785</v>
      </c>
      <c r="B7620" s="17"/>
      <c r="C7620" s="17"/>
      <c r="D7620" s="18" t="s">
        <v>3770</v>
      </c>
      <c r="E7620" s="18"/>
      <c r="F7620" s="18"/>
      <c r="G7620" s="18"/>
      <c r="H7620" s="18"/>
      <c r="I7620" s="18"/>
      <c r="J7620" s="18"/>
      <c r="K7620" s="18"/>
      <c r="L7620" s="18"/>
      <c r="M7620" s="18"/>
      <c r="N7620" s="18"/>
      <c r="O7620" s="18"/>
      <c r="P7620" s="19">
        <v>250</v>
      </c>
      <c r="Q7620" s="19"/>
      <c r="R7620" s="19"/>
      <c r="S7620" s="19"/>
      <c r="T7620" s="19">
        <v>200</v>
      </c>
      <c r="U7620" s="19"/>
      <c r="V7620" s="19"/>
      <c r="W7620" s="19"/>
      <c r="X7620" s="19">
        <v>4</v>
      </c>
      <c r="Y7620" s="19"/>
      <c r="Z7620" s="19"/>
      <c r="AA7620" s="19"/>
    </row>
    <row r="7621" spans="1:27" s="1" customFormat="1" ht="14.1" customHeight="1" outlineLevel="2" x14ac:dyDescent="0.2">
      <c r="A7621" s="17"/>
      <c r="B7621" s="17"/>
      <c r="C7621" s="17"/>
      <c r="D7621" s="18"/>
      <c r="E7621" s="18"/>
      <c r="F7621" s="18"/>
      <c r="G7621" s="18"/>
      <c r="H7621" s="18"/>
      <c r="I7621" s="18"/>
      <c r="J7621" s="18"/>
      <c r="K7621" s="18"/>
      <c r="L7621" s="18"/>
      <c r="M7621" s="18"/>
      <c r="N7621" s="18"/>
      <c r="O7621" s="18"/>
      <c r="P7621" s="19"/>
      <c r="Q7621" s="19"/>
      <c r="R7621" s="19"/>
      <c r="S7621" s="19"/>
      <c r="T7621" s="19"/>
      <c r="U7621" s="19"/>
      <c r="V7621" s="19"/>
      <c r="W7621" s="19"/>
      <c r="X7621" s="19"/>
      <c r="Y7621" s="19"/>
      <c r="Z7621" s="19"/>
      <c r="AA7621" s="19"/>
    </row>
    <row r="7622" spans="1:27" s="1" customFormat="1" ht="11.1" customHeight="1" outlineLevel="2" x14ac:dyDescent="0.2">
      <c r="A7622" s="17">
        <v>8650</v>
      </c>
      <c r="B7622" s="17"/>
      <c r="C7622" s="17"/>
      <c r="D7622" s="18" t="s">
        <v>3771</v>
      </c>
      <c r="E7622" s="18"/>
      <c r="F7622" s="18"/>
      <c r="G7622" s="18"/>
      <c r="H7622" s="18"/>
      <c r="I7622" s="18"/>
      <c r="J7622" s="18"/>
      <c r="K7622" s="18"/>
      <c r="L7622" s="18"/>
      <c r="M7622" s="18"/>
      <c r="N7622" s="18"/>
      <c r="O7622" s="18"/>
      <c r="P7622" s="19">
        <v>450</v>
      </c>
      <c r="Q7622" s="19"/>
      <c r="R7622" s="19"/>
      <c r="S7622" s="19"/>
      <c r="T7622" s="19">
        <v>300</v>
      </c>
      <c r="U7622" s="19"/>
      <c r="V7622" s="19"/>
      <c r="W7622" s="19"/>
      <c r="X7622" s="19">
        <v>7</v>
      </c>
      <c r="Y7622" s="19"/>
      <c r="Z7622" s="19"/>
      <c r="AA7622" s="19"/>
    </row>
    <row r="7623" spans="1:27" s="1" customFormat="1" ht="11.1" customHeight="1" outlineLevel="2" x14ac:dyDescent="0.2">
      <c r="A7623" s="17"/>
      <c r="B7623" s="17"/>
      <c r="C7623" s="17"/>
      <c r="D7623" s="18"/>
      <c r="E7623" s="18"/>
      <c r="F7623" s="18"/>
      <c r="G7623" s="18"/>
      <c r="H7623" s="18"/>
      <c r="I7623" s="18"/>
      <c r="J7623" s="18"/>
      <c r="K7623" s="18"/>
      <c r="L7623" s="18"/>
      <c r="M7623" s="18"/>
      <c r="N7623" s="18"/>
      <c r="O7623" s="18"/>
      <c r="P7623" s="19"/>
      <c r="Q7623" s="19"/>
      <c r="R7623" s="19"/>
      <c r="S7623" s="19"/>
      <c r="T7623" s="19"/>
      <c r="U7623" s="19"/>
      <c r="V7623" s="19"/>
      <c r="W7623" s="19"/>
      <c r="X7623" s="19"/>
      <c r="Y7623" s="19"/>
      <c r="Z7623" s="19"/>
      <c r="AA7623" s="19"/>
    </row>
    <row r="7624" spans="1:27" s="1" customFormat="1" ht="11.1" customHeight="1" outlineLevel="2" x14ac:dyDescent="0.2">
      <c r="A7624" s="17">
        <v>4788</v>
      </c>
      <c r="B7624" s="17"/>
      <c r="C7624" s="17"/>
      <c r="D7624" s="18" t="s">
        <v>3772</v>
      </c>
      <c r="E7624" s="18"/>
      <c r="F7624" s="18"/>
      <c r="G7624" s="18"/>
      <c r="H7624" s="18"/>
      <c r="I7624" s="18"/>
      <c r="J7624" s="18"/>
      <c r="K7624" s="18"/>
      <c r="L7624" s="18"/>
      <c r="M7624" s="18"/>
      <c r="N7624" s="18"/>
      <c r="O7624" s="18"/>
      <c r="P7624" s="19">
        <v>250</v>
      </c>
      <c r="Q7624" s="19"/>
      <c r="R7624" s="19"/>
      <c r="S7624" s="19"/>
      <c r="T7624" s="19">
        <v>200</v>
      </c>
      <c r="U7624" s="19"/>
      <c r="V7624" s="19"/>
      <c r="W7624" s="19"/>
      <c r="X7624" s="19">
        <v>2</v>
      </c>
      <c r="Y7624" s="19"/>
      <c r="Z7624" s="19"/>
      <c r="AA7624" s="19"/>
    </row>
    <row r="7625" spans="1:27" s="1" customFormat="1" ht="11.1" customHeight="1" outlineLevel="2" x14ac:dyDescent="0.2">
      <c r="A7625" s="17"/>
      <c r="B7625" s="17"/>
      <c r="C7625" s="17"/>
      <c r="D7625" s="18"/>
      <c r="E7625" s="18"/>
      <c r="F7625" s="18"/>
      <c r="G7625" s="18"/>
      <c r="H7625" s="18"/>
      <c r="I7625" s="18"/>
      <c r="J7625" s="18"/>
      <c r="K7625" s="18"/>
      <c r="L7625" s="18"/>
      <c r="M7625" s="18"/>
      <c r="N7625" s="18"/>
      <c r="O7625" s="18"/>
      <c r="P7625" s="19"/>
      <c r="Q7625" s="19"/>
      <c r="R7625" s="19"/>
      <c r="S7625" s="19"/>
      <c r="T7625" s="19"/>
      <c r="U7625" s="19"/>
      <c r="V7625" s="19"/>
      <c r="W7625" s="19"/>
      <c r="X7625" s="19"/>
      <c r="Y7625" s="19"/>
      <c r="Z7625" s="19"/>
      <c r="AA7625" s="19"/>
    </row>
    <row r="7626" spans="1:27" s="1" customFormat="1" ht="11.1" customHeight="1" outlineLevel="2" x14ac:dyDescent="0.2">
      <c r="A7626" s="17">
        <v>4782</v>
      </c>
      <c r="B7626" s="17"/>
      <c r="C7626" s="17"/>
      <c r="D7626" s="18" t="s">
        <v>3773</v>
      </c>
      <c r="E7626" s="18"/>
      <c r="F7626" s="18"/>
      <c r="G7626" s="18"/>
      <c r="H7626" s="18"/>
      <c r="I7626" s="18"/>
      <c r="J7626" s="18"/>
      <c r="K7626" s="18"/>
      <c r="L7626" s="18"/>
      <c r="M7626" s="18"/>
      <c r="N7626" s="18"/>
      <c r="O7626" s="18"/>
      <c r="P7626" s="19">
        <v>250</v>
      </c>
      <c r="Q7626" s="19"/>
      <c r="R7626" s="19"/>
      <c r="S7626" s="19"/>
      <c r="T7626" s="19">
        <v>200</v>
      </c>
      <c r="U7626" s="19"/>
      <c r="V7626" s="19"/>
      <c r="W7626" s="19"/>
      <c r="X7626" s="19">
        <v>3</v>
      </c>
      <c r="Y7626" s="19"/>
      <c r="Z7626" s="19"/>
      <c r="AA7626" s="19"/>
    </row>
    <row r="7627" spans="1:27" s="1" customFormat="1" ht="11.1" customHeight="1" outlineLevel="2" x14ac:dyDescent="0.2">
      <c r="A7627" s="17"/>
      <c r="B7627" s="17"/>
      <c r="C7627" s="17"/>
      <c r="D7627" s="18"/>
      <c r="E7627" s="18"/>
      <c r="F7627" s="18"/>
      <c r="G7627" s="18"/>
      <c r="H7627" s="18"/>
      <c r="I7627" s="18"/>
      <c r="J7627" s="18"/>
      <c r="K7627" s="18"/>
      <c r="L7627" s="18"/>
      <c r="M7627" s="18"/>
      <c r="N7627" s="18"/>
      <c r="O7627" s="18"/>
      <c r="P7627" s="19"/>
      <c r="Q7627" s="19"/>
      <c r="R7627" s="19"/>
      <c r="S7627" s="19"/>
      <c r="T7627" s="19"/>
      <c r="U7627" s="19"/>
      <c r="V7627" s="19"/>
      <c r="W7627" s="19"/>
      <c r="X7627" s="19"/>
      <c r="Y7627" s="19"/>
      <c r="Z7627" s="19"/>
      <c r="AA7627" s="19"/>
    </row>
    <row r="7628" spans="1:27" s="1" customFormat="1" ht="21" customHeight="1" outlineLevel="2" x14ac:dyDescent="0.2">
      <c r="A7628" s="17">
        <v>1124</v>
      </c>
      <c r="B7628" s="17"/>
      <c r="C7628" s="17"/>
      <c r="D7628" s="18" t="s">
        <v>3774</v>
      </c>
      <c r="E7628" s="18"/>
      <c r="F7628" s="18"/>
      <c r="G7628" s="18"/>
      <c r="H7628" s="18"/>
      <c r="I7628" s="18"/>
      <c r="J7628" s="18"/>
      <c r="K7628" s="18"/>
      <c r="L7628" s="18"/>
      <c r="M7628" s="18"/>
      <c r="N7628" s="18"/>
      <c r="O7628" s="18"/>
      <c r="P7628" s="19">
        <v>250</v>
      </c>
      <c r="Q7628" s="19"/>
      <c r="R7628" s="19"/>
      <c r="S7628" s="19"/>
      <c r="T7628" s="19">
        <v>210</v>
      </c>
      <c r="U7628" s="19"/>
      <c r="V7628" s="19"/>
      <c r="W7628" s="19"/>
      <c r="X7628" s="19">
        <v>2</v>
      </c>
      <c r="Y7628" s="19"/>
      <c r="Z7628" s="19"/>
      <c r="AA7628" s="19"/>
    </row>
    <row r="7629" spans="1:27" s="1" customFormat="1" ht="21" customHeight="1" outlineLevel="2" x14ac:dyDescent="0.2">
      <c r="A7629" s="17"/>
      <c r="B7629" s="17"/>
      <c r="C7629" s="17"/>
      <c r="D7629" s="18"/>
      <c r="E7629" s="18"/>
      <c r="F7629" s="18"/>
      <c r="G7629" s="18"/>
      <c r="H7629" s="18"/>
      <c r="I7629" s="18"/>
      <c r="J7629" s="18"/>
      <c r="K7629" s="18"/>
      <c r="L7629" s="18"/>
      <c r="M7629" s="18"/>
      <c r="N7629" s="18"/>
      <c r="O7629" s="18"/>
      <c r="P7629" s="19"/>
      <c r="Q7629" s="19"/>
      <c r="R7629" s="19"/>
      <c r="S7629" s="19"/>
      <c r="T7629" s="19"/>
      <c r="U7629" s="19"/>
      <c r="V7629" s="19"/>
      <c r="W7629" s="19"/>
      <c r="X7629" s="19"/>
      <c r="Y7629" s="19"/>
      <c r="Z7629" s="19"/>
      <c r="AA7629" s="19"/>
    </row>
    <row r="7630" spans="1:27" s="1" customFormat="1" ht="14.1" customHeight="1" outlineLevel="2" x14ac:dyDescent="0.2">
      <c r="A7630" s="17">
        <v>1126</v>
      </c>
      <c r="B7630" s="17"/>
      <c r="C7630" s="17"/>
      <c r="D7630" s="18" t="s">
        <v>3775</v>
      </c>
      <c r="E7630" s="18"/>
      <c r="F7630" s="18"/>
      <c r="G7630" s="18"/>
      <c r="H7630" s="18"/>
      <c r="I7630" s="18"/>
      <c r="J7630" s="18"/>
      <c r="K7630" s="18"/>
      <c r="L7630" s="18"/>
      <c r="M7630" s="18"/>
      <c r="N7630" s="18"/>
      <c r="O7630" s="18"/>
      <c r="P7630" s="19">
        <v>500</v>
      </c>
      <c r="Q7630" s="19"/>
      <c r="R7630" s="19"/>
      <c r="S7630" s="19"/>
      <c r="T7630" s="19">
        <v>450</v>
      </c>
      <c r="U7630" s="19"/>
      <c r="V7630" s="19"/>
      <c r="W7630" s="19"/>
      <c r="X7630" s="19">
        <v>1</v>
      </c>
      <c r="Y7630" s="19"/>
      <c r="Z7630" s="19"/>
      <c r="AA7630" s="19"/>
    </row>
    <row r="7631" spans="1:27" s="1" customFormat="1" ht="14.1" customHeight="1" outlineLevel="2" x14ac:dyDescent="0.2">
      <c r="A7631" s="17"/>
      <c r="B7631" s="17"/>
      <c r="C7631" s="17"/>
      <c r="D7631" s="18"/>
      <c r="E7631" s="18"/>
      <c r="F7631" s="18"/>
      <c r="G7631" s="18"/>
      <c r="H7631" s="18"/>
      <c r="I7631" s="18"/>
      <c r="J7631" s="18"/>
      <c r="K7631" s="18"/>
      <c r="L7631" s="18"/>
      <c r="M7631" s="18"/>
      <c r="N7631" s="18"/>
      <c r="O7631" s="18"/>
      <c r="P7631" s="19"/>
      <c r="Q7631" s="19"/>
      <c r="R7631" s="19"/>
      <c r="S7631" s="19"/>
      <c r="T7631" s="19"/>
      <c r="U7631" s="19"/>
      <c r="V7631" s="19"/>
      <c r="W7631" s="19"/>
      <c r="X7631" s="19"/>
      <c r="Y7631" s="19"/>
      <c r="Z7631" s="19"/>
      <c r="AA7631" s="19"/>
    </row>
    <row r="7632" spans="1:27" s="1" customFormat="1" ht="14.1" customHeight="1" outlineLevel="2" x14ac:dyDescent="0.2">
      <c r="A7632" s="17">
        <v>5728</v>
      </c>
      <c r="B7632" s="17"/>
      <c r="C7632" s="17"/>
      <c r="D7632" s="18" t="s">
        <v>3776</v>
      </c>
      <c r="E7632" s="18"/>
      <c r="F7632" s="18"/>
      <c r="G7632" s="18"/>
      <c r="H7632" s="18"/>
      <c r="I7632" s="18"/>
      <c r="J7632" s="18"/>
      <c r="K7632" s="18"/>
      <c r="L7632" s="18"/>
      <c r="M7632" s="18"/>
      <c r="N7632" s="18"/>
      <c r="O7632" s="18"/>
      <c r="P7632" s="19">
        <v>400</v>
      </c>
      <c r="Q7632" s="19"/>
      <c r="R7632" s="19"/>
      <c r="S7632" s="19"/>
      <c r="T7632" s="19">
        <v>350</v>
      </c>
      <c r="U7632" s="19"/>
      <c r="V7632" s="19"/>
      <c r="W7632" s="19"/>
      <c r="X7632" s="19">
        <v>5</v>
      </c>
      <c r="Y7632" s="19"/>
      <c r="Z7632" s="19"/>
      <c r="AA7632" s="19"/>
    </row>
    <row r="7633" spans="1:27" s="1" customFormat="1" ht="14.1" customHeight="1" outlineLevel="2" x14ac:dyDescent="0.2">
      <c r="A7633" s="17"/>
      <c r="B7633" s="17"/>
      <c r="C7633" s="17"/>
      <c r="D7633" s="18"/>
      <c r="E7633" s="18"/>
      <c r="F7633" s="18"/>
      <c r="G7633" s="18"/>
      <c r="H7633" s="18"/>
      <c r="I7633" s="18"/>
      <c r="J7633" s="18"/>
      <c r="K7633" s="18"/>
      <c r="L7633" s="18"/>
      <c r="M7633" s="18"/>
      <c r="N7633" s="18"/>
      <c r="O7633" s="18"/>
      <c r="P7633" s="19"/>
      <c r="Q7633" s="19"/>
      <c r="R7633" s="19"/>
      <c r="S7633" s="19"/>
      <c r="T7633" s="19"/>
      <c r="U7633" s="19"/>
      <c r="V7633" s="19"/>
      <c r="W7633" s="19"/>
      <c r="X7633" s="19"/>
      <c r="Y7633" s="19"/>
      <c r="Z7633" s="19"/>
      <c r="AA7633" s="19"/>
    </row>
    <row r="7634" spans="1:27" s="1" customFormat="1" ht="11.1" customHeight="1" outlineLevel="2" x14ac:dyDescent="0.2">
      <c r="A7634" s="17">
        <v>1123</v>
      </c>
      <c r="B7634" s="17"/>
      <c r="C7634" s="17"/>
      <c r="D7634" s="18" t="s">
        <v>3777</v>
      </c>
      <c r="E7634" s="18"/>
      <c r="F7634" s="18"/>
      <c r="G7634" s="18"/>
      <c r="H7634" s="18"/>
      <c r="I7634" s="18"/>
      <c r="J7634" s="18"/>
      <c r="K7634" s="18"/>
      <c r="L7634" s="18"/>
      <c r="M7634" s="18"/>
      <c r="N7634" s="18"/>
      <c r="O7634" s="18"/>
      <c r="P7634" s="19">
        <v>300</v>
      </c>
      <c r="Q7634" s="19"/>
      <c r="R7634" s="19"/>
      <c r="S7634" s="19"/>
      <c r="T7634" s="19">
        <v>250</v>
      </c>
      <c r="U7634" s="19"/>
      <c r="V7634" s="19"/>
      <c r="W7634" s="19"/>
      <c r="X7634" s="19">
        <v>1</v>
      </c>
      <c r="Y7634" s="19"/>
      <c r="Z7634" s="19"/>
      <c r="AA7634" s="19"/>
    </row>
    <row r="7635" spans="1:27" s="1" customFormat="1" ht="11.1" customHeight="1" outlineLevel="2" x14ac:dyDescent="0.2">
      <c r="A7635" s="17"/>
      <c r="B7635" s="17"/>
      <c r="C7635" s="17"/>
      <c r="D7635" s="18"/>
      <c r="E7635" s="18"/>
      <c r="F7635" s="18"/>
      <c r="G7635" s="18"/>
      <c r="H7635" s="18"/>
      <c r="I7635" s="18"/>
      <c r="J7635" s="18"/>
      <c r="K7635" s="18"/>
      <c r="L7635" s="18"/>
      <c r="M7635" s="18"/>
      <c r="N7635" s="18"/>
      <c r="O7635" s="18"/>
      <c r="P7635" s="19"/>
      <c r="Q7635" s="19"/>
      <c r="R7635" s="19"/>
      <c r="S7635" s="19"/>
      <c r="T7635" s="19"/>
      <c r="U7635" s="19"/>
      <c r="V7635" s="19"/>
      <c r="W7635" s="19"/>
      <c r="X7635" s="19"/>
      <c r="Y7635" s="19"/>
      <c r="Z7635" s="19"/>
      <c r="AA7635" s="19"/>
    </row>
    <row r="7636" spans="1:27" s="1" customFormat="1" ht="14.1" customHeight="1" outlineLevel="2" x14ac:dyDescent="0.2">
      <c r="A7636" s="17">
        <v>6147</v>
      </c>
      <c r="B7636" s="17"/>
      <c r="C7636" s="17"/>
      <c r="D7636" s="18" t="s">
        <v>3778</v>
      </c>
      <c r="E7636" s="18"/>
      <c r="F7636" s="18"/>
      <c r="G7636" s="18"/>
      <c r="H7636" s="18"/>
      <c r="I7636" s="18"/>
      <c r="J7636" s="18"/>
      <c r="K7636" s="18"/>
      <c r="L7636" s="18"/>
      <c r="M7636" s="18"/>
      <c r="N7636" s="18"/>
      <c r="O7636" s="18"/>
      <c r="P7636" s="19">
        <v>400</v>
      </c>
      <c r="Q7636" s="19"/>
      <c r="R7636" s="19"/>
      <c r="S7636" s="19"/>
      <c r="T7636" s="19">
        <v>350</v>
      </c>
      <c r="U7636" s="19"/>
      <c r="V7636" s="19"/>
      <c r="W7636" s="19"/>
      <c r="X7636" s="19">
        <v>4</v>
      </c>
      <c r="Y7636" s="19"/>
      <c r="Z7636" s="19"/>
      <c r="AA7636" s="19"/>
    </row>
    <row r="7637" spans="1:27" s="1" customFormat="1" ht="14.1" customHeight="1" outlineLevel="2" x14ac:dyDescent="0.2">
      <c r="A7637" s="17"/>
      <c r="B7637" s="17"/>
      <c r="C7637" s="17"/>
      <c r="D7637" s="18"/>
      <c r="E7637" s="18"/>
      <c r="F7637" s="18"/>
      <c r="G7637" s="18"/>
      <c r="H7637" s="18"/>
      <c r="I7637" s="18"/>
      <c r="J7637" s="18"/>
      <c r="K7637" s="18"/>
      <c r="L7637" s="18"/>
      <c r="M7637" s="18"/>
      <c r="N7637" s="18"/>
      <c r="O7637" s="18"/>
      <c r="P7637" s="19"/>
      <c r="Q7637" s="19"/>
      <c r="R7637" s="19"/>
      <c r="S7637" s="19"/>
      <c r="T7637" s="19"/>
      <c r="U7637" s="19"/>
      <c r="V7637" s="19"/>
      <c r="W7637" s="19"/>
      <c r="X7637" s="19"/>
      <c r="Y7637" s="19"/>
      <c r="Z7637" s="19"/>
      <c r="AA7637" s="19"/>
    </row>
    <row r="7638" spans="1:27" s="1" customFormat="1" ht="14.1" customHeight="1" outlineLevel="2" x14ac:dyDescent="0.2">
      <c r="A7638" s="17">
        <v>6144</v>
      </c>
      <c r="B7638" s="17"/>
      <c r="C7638" s="17"/>
      <c r="D7638" s="18" t="s">
        <v>3779</v>
      </c>
      <c r="E7638" s="18"/>
      <c r="F7638" s="18"/>
      <c r="G7638" s="18"/>
      <c r="H7638" s="18"/>
      <c r="I7638" s="18"/>
      <c r="J7638" s="18"/>
      <c r="K7638" s="18"/>
      <c r="L7638" s="18"/>
      <c r="M7638" s="18"/>
      <c r="N7638" s="18"/>
      <c r="O7638" s="18"/>
      <c r="P7638" s="19">
        <v>400</v>
      </c>
      <c r="Q7638" s="19"/>
      <c r="R7638" s="19"/>
      <c r="S7638" s="19"/>
      <c r="T7638" s="19">
        <v>350</v>
      </c>
      <c r="U7638" s="19"/>
      <c r="V7638" s="19"/>
      <c r="W7638" s="19"/>
      <c r="X7638" s="19">
        <v>8</v>
      </c>
      <c r="Y7638" s="19"/>
      <c r="Z7638" s="19"/>
      <c r="AA7638" s="19"/>
    </row>
    <row r="7639" spans="1:27" s="1" customFormat="1" ht="14.1" customHeight="1" outlineLevel="2" x14ac:dyDescent="0.2">
      <c r="A7639" s="17"/>
      <c r="B7639" s="17"/>
      <c r="C7639" s="17"/>
      <c r="D7639" s="18"/>
      <c r="E7639" s="18"/>
      <c r="F7639" s="18"/>
      <c r="G7639" s="18"/>
      <c r="H7639" s="18"/>
      <c r="I7639" s="18"/>
      <c r="J7639" s="18"/>
      <c r="K7639" s="18"/>
      <c r="L7639" s="18"/>
      <c r="M7639" s="18"/>
      <c r="N7639" s="18"/>
      <c r="O7639" s="18"/>
      <c r="P7639" s="19"/>
      <c r="Q7639" s="19"/>
      <c r="R7639" s="19"/>
      <c r="S7639" s="19"/>
      <c r="T7639" s="19"/>
      <c r="U7639" s="19"/>
      <c r="V7639" s="19"/>
      <c r="W7639" s="19"/>
      <c r="X7639" s="19"/>
      <c r="Y7639" s="19"/>
      <c r="Z7639" s="19"/>
      <c r="AA7639" s="19"/>
    </row>
    <row r="7640" spans="1:27" s="1" customFormat="1" ht="14.1" customHeight="1" outlineLevel="2" x14ac:dyDescent="0.2">
      <c r="A7640" s="17">
        <v>6143</v>
      </c>
      <c r="B7640" s="17"/>
      <c r="C7640" s="17"/>
      <c r="D7640" s="18" t="s">
        <v>3780</v>
      </c>
      <c r="E7640" s="18"/>
      <c r="F7640" s="18"/>
      <c r="G7640" s="18"/>
      <c r="H7640" s="18"/>
      <c r="I7640" s="18"/>
      <c r="J7640" s="18"/>
      <c r="K7640" s="18"/>
      <c r="L7640" s="18"/>
      <c r="M7640" s="18"/>
      <c r="N7640" s="18"/>
      <c r="O7640" s="18"/>
      <c r="P7640" s="19">
        <v>400</v>
      </c>
      <c r="Q7640" s="19"/>
      <c r="R7640" s="19"/>
      <c r="S7640" s="19"/>
      <c r="T7640" s="19">
        <v>350</v>
      </c>
      <c r="U7640" s="19"/>
      <c r="V7640" s="19"/>
      <c r="W7640" s="19"/>
      <c r="X7640" s="19">
        <v>5</v>
      </c>
      <c r="Y7640" s="19"/>
      <c r="Z7640" s="19"/>
      <c r="AA7640" s="19"/>
    </row>
    <row r="7641" spans="1:27" s="1" customFormat="1" ht="14.1" customHeight="1" outlineLevel="2" x14ac:dyDescent="0.2">
      <c r="A7641" s="17"/>
      <c r="B7641" s="17"/>
      <c r="C7641" s="17"/>
      <c r="D7641" s="18"/>
      <c r="E7641" s="18"/>
      <c r="F7641" s="18"/>
      <c r="G7641" s="18"/>
      <c r="H7641" s="18"/>
      <c r="I7641" s="18"/>
      <c r="J7641" s="18"/>
      <c r="K7641" s="18"/>
      <c r="L7641" s="18"/>
      <c r="M7641" s="18"/>
      <c r="N7641" s="18"/>
      <c r="O7641" s="18"/>
      <c r="P7641" s="19"/>
      <c r="Q7641" s="19"/>
      <c r="R7641" s="19"/>
      <c r="S7641" s="19"/>
      <c r="T7641" s="19"/>
      <c r="U7641" s="19"/>
      <c r="V7641" s="19"/>
      <c r="W7641" s="19"/>
      <c r="X7641" s="19"/>
      <c r="Y7641" s="19"/>
      <c r="Z7641" s="19"/>
      <c r="AA7641" s="19"/>
    </row>
    <row r="7642" spans="1:27" s="1" customFormat="1" ht="14.1" customHeight="1" outlineLevel="2" x14ac:dyDescent="0.2">
      <c r="A7642" s="17">
        <v>6125</v>
      </c>
      <c r="B7642" s="17"/>
      <c r="C7642" s="17"/>
      <c r="D7642" s="18" t="s">
        <v>3781</v>
      </c>
      <c r="E7642" s="18"/>
      <c r="F7642" s="18"/>
      <c r="G7642" s="18"/>
      <c r="H7642" s="18"/>
      <c r="I7642" s="18"/>
      <c r="J7642" s="18"/>
      <c r="K7642" s="18"/>
      <c r="L7642" s="18"/>
      <c r="M7642" s="18"/>
      <c r="N7642" s="18"/>
      <c r="O7642" s="18"/>
      <c r="P7642" s="19">
        <v>400</v>
      </c>
      <c r="Q7642" s="19"/>
      <c r="R7642" s="19"/>
      <c r="S7642" s="19"/>
      <c r="T7642" s="19">
        <v>350</v>
      </c>
      <c r="U7642" s="19"/>
      <c r="V7642" s="19"/>
      <c r="W7642" s="19"/>
      <c r="X7642" s="19">
        <v>1</v>
      </c>
      <c r="Y7642" s="19"/>
      <c r="Z7642" s="19"/>
      <c r="AA7642" s="19"/>
    </row>
    <row r="7643" spans="1:27" s="1" customFormat="1" ht="14.1" customHeight="1" outlineLevel="2" x14ac:dyDescent="0.2">
      <c r="A7643" s="17"/>
      <c r="B7643" s="17"/>
      <c r="C7643" s="17"/>
      <c r="D7643" s="18"/>
      <c r="E7643" s="18"/>
      <c r="F7643" s="18"/>
      <c r="G7643" s="18"/>
      <c r="H7643" s="18"/>
      <c r="I7643" s="18"/>
      <c r="J7643" s="18"/>
      <c r="K7643" s="18"/>
      <c r="L7643" s="18"/>
      <c r="M7643" s="18"/>
      <c r="N7643" s="18"/>
      <c r="O7643" s="18"/>
      <c r="P7643" s="19"/>
      <c r="Q7643" s="19"/>
      <c r="R7643" s="19"/>
      <c r="S7643" s="19"/>
      <c r="T7643" s="19"/>
      <c r="U7643" s="19"/>
      <c r="V7643" s="19"/>
      <c r="W7643" s="19"/>
      <c r="X7643" s="19"/>
      <c r="Y7643" s="19"/>
      <c r="Z7643" s="19"/>
      <c r="AA7643" s="19"/>
    </row>
    <row r="7644" spans="1:27" s="1" customFormat="1" ht="11.1" customHeight="1" outlineLevel="2" x14ac:dyDescent="0.2">
      <c r="A7644" s="17">
        <v>13000</v>
      </c>
      <c r="B7644" s="17"/>
      <c r="C7644" s="17"/>
      <c r="D7644" s="18" t="s">
        <v>3782</v>
      </c>
      <c r="E7644" s="18"/>
      <c r="F7644" s="18"/>
      <c r="G7644" s="18"/>
      <c r="H7644" s="18"/>
      <c r="I7644" s="18"/>
      <c r="J7644" s="18"/>
      <c r="K7644" s="18"/>
      <c r="L7644" s="18"/>
      <c r="M7644" s="18"/>
      <c r="N7644" s="18"/>
      <c r="O7644" s="18"/>
      <c r="P7644" s="19">
        <v>650</v>
      </c>
      <c r="Q7644" s="19"/>
      <c r="R7644" s="19"/>
      <c r="S7644" s="19"/>
      <c r="T7644" s="19">
        <v>550</v>
      </c>
      <c r="U7644" s="19"/>
      <c r="V7644" s="19"/>
      <c r="W7644" s="19"/>
      <c r="X7644" s="19">
        <v>1</v>
      </c>
      <c r="Y7644" s="19"/>
      <c r="Z7644" s="19"/>
      <c r="AA7644" s="19"/>
    </row>
    <row r="7645" spans="1:27" s="1" customFormat="1" ht="11.1" customHeight="1" outlineLevel="2" x14ac:dyDescent="0.2">
      <c r="A7645" s="17"/>
      <c r="B7645" s="17"/>
      <c r="C7645" s="17"/>
      <c r="D7645" s="18"/>
      <c r="E7645" s="18"/>
      <c r="F7645" s="18"/>
      <c r="G7645" s="18"/>
      <c r="H7645" s="18"/>
      <c r="I7645" s="18"/>
      <c r="J7645" s="18"/>
      <c r="K7645" s="18"/>
      <c r="L7645" s="18"/>
      <c r="M7645" s="18"/>
      <c r="N7645" s="18"/>
      <c r="O7645" s="18"/>
      <c r="P7645" s="19"/>
      <c r="Q7645" s="19"/>
      <c r="R7645" s="19"/>
      <c r="S7645" s="19"/>
      <c r="T7645" s="19"/>
      <c r="U7645" s="19"/>
      <c r="V7645" s="19"/>
      <c r="W7645" s="19"/>
      <c r="X7645" s="19"/>
      <c r="Y7645" s="19"/>
      <c r="Z7645" s="19"/>
      <c r="AA7645" s="19"/>
    </row>
    <row r="7646" spans="1:27" s="1" customFormat="1" ht="14.1" customHeight="1" outlineLevel="2" x14ac:dyDescent="0.2">
      <c r="A7646" s="17">
        <v>6443</v>
      </c>
      <c r="B7646" s="17"/>
      <c r="C7646" s="17"/>
      <c r="D7646" s="18" t="s">
        <v>3783</v>
      </c>
      <c r="E7646" s="18"/>
      <c r="F7646" s="18"/>
      <c r="G7646" s="18"/>
      <c r="H7646" s="18"/>
      <c r="I7646" s="18"/>
      <c r="J7646" s="18"/>
      <c r="K7646" s="18"/>
      <c r="L7646" s="18"/>
      <c r="M7646" s="18"/>
      <c r="N7646" s="18"/>
      <c r="O7646" s="18"/>
      <c r="P7646" s="19">
        <v>750</v>
      </c>
      <c r="Q7646" s="19"/>
      <c r="R7646" s="19"/>
      <c r="S7646" s="19"/>
      <c r="T7646" s="19">
        <v>690</v>
      </c>
      <c r="U7646" s="19"/>
      <c r="V7646" s="19"/>
      <c r="W7646" s="19"/>
      <c r="X7646" s="19">
        <v>1</v>
      </c>
      <c r="Y7646" s="19"/>
      <c r="Z7646" s="19"/>
      <c r="AA7646" s="19"/>
    </row>
    <row r="7647" spans="1:27" s="1" customFormat="1" ht="14.1" customHeight="1" outlineLevel="2" x14ac:dyDescent="0.2">
      <c r="A7647" s="17"/>
      <c r="B7647" s="17"/>
      <c r="C7647" s="17"/>
      <c r="D7647" s="18"/>
      <c r="E7647" s="18"/>
      <c r="F7647" s="18"/>
      <c r="G7647" s="18"/>
      <c r="H7647" s="18"/>
      <c r="I7647" s="18"/>
      <c r="J7647" s="18"/>
      <c r="K7647" s="18"/>
      <c r="L7647" s="18"/>
      <c r="M7647" s="18"/>
      <c r="N7647" s="18"/>
      <c r="O7647" s="18"/>
      <c r="P7647" s="19"/>
      <c r="Q7647" s="19"/>
      <c r="R7647" s="19"/>
      <c r="S7647" s="19"/>
      <c r="T7647" s="19"/>
      <c r="U7647" s="19"/>
      <c r="V7647" s="19"/>
      <c r="W7647" s="19"/>
      <c r="X7647" s="19"/>
      <c r="Y7647" s="19"/>
      <c r="Z7647" s="19"/>
      <c r="AA7647" s="19"/>
    </row>
    <row r="7648" spans="1:27" s="1" customFormat="1" ht="14.1" customHeight="1" outlineLevel="2" x14ac:dyDescent="0.2">
      <c r="A7648" s="17">
        <v>6124</v>
      </c>
      <c r="B7648" s="17"/>
      <c r="C7648" s="17"/>
      <c r="D7648" s="18" t="s">
        <v>3784</v>
      </c>
      <c r="E7648" s="18"/>
      <c r="F7648" s="18"/>
      <c r="G7648" s="18"/>
      <c r="H7648" s="18"/>
      <c r="I7648" s="18"/>
      <c r="J7648" s="18"/>
      <c r="K7648" s="18"/>
      <c r="L7648" s="18"/>
      <c r="M7648" s="18"/>
      <c r="N7648" s="18"/>
      <c r="O7648" s="18"/>
      <c r="P7648" s="19">
        <v>400</v>
      </c>
      <c r="Q7648" s="19"/>
      <c r="R7648" s="19"/>
      <c r="S7648" s="19"/>
      <c r="T7648" s="19">
        <v>350</v>
      </c>
      <c r="U7648" s="19"/>
      <c r="V7648" s="19"/>
      <c r="W7648" s="19"/>
      <c r="X7648" s="19">
        <v>14</v>
      </c>
      <c r="Y7648" s="19"/>
      <c r="Z7648" s="19"/>
      <c r="AA7648" s="19"/>
    </row>
    <row r="7649" spans="1:27" s="1" customFormat="1" ht="14.1" customHeight="1" outlineLevel="2" x14ac:dyDescent="0.2">
      <c r="A7649" s="17"/>
      <c r="B7649" s="17"/>
      <c r="C7649" s="17"/>
      <c r="D7649" s="18"/>
      <c r="E7649" s="18"/>
      <c r="F7649" s="18"/>
      <c r="G7649" s="18"/>
      <c r="H7649" s="18"/>
      <c r="I7649" s="18"/>
      <c r="J7649" s="18"/>
      <c r="K7649" s="18"/>
      <c r="L7649" s="18"/>
      <c r="M7649" s="18"/>
      <c r="N7649" s="18"/>
      <c r="O7649" s="18"/>
      <c r="P7649" s="19"/>
      <c r="Q7649" s="19"/>
      <c r="R7649" s="19"/>
      <c r="S7649" s="19"/>
      <c r="T7649" s="19"/>
      <c r="U7649" s="19"/>
      <c r="V7649" s="19"/>
      <c r="W7649" s="19"/>
      <c r="X7649" s="19"/>
      <c r="Y7649" s="19"/>
      <c r="Z7649" s="19"/>
      <c r="AA7649" s="19"/>
    </row>
    <row r="7650" spans="1:27" s="1" customFormat="1" ht="14.1" customHeight="1" outlineLevel="2" x14ac:dyDescent="0.2">
      <c r="A7650" s="17">
        <v>11355</v>
      </c>
      <c r="B7650" s="17"/>
      <c r="C7650" s="17"/>
      <c r="D7650" s="18" t="s">
        <v>3785</v>
      </c>
      <c r="E7650" s="18"/>
      <c r="F7650" s="18"/>
      <c r="G7650" s="18"/>
      <c r="H7650" s="18"/>
      <c r="I7650" s="18"/>
      <c r="J7650" s="18"/>
      <c r="K7650" s="18"/>
      <c r="L7650" s="18"/>
      <c r="M7650" s="18"/>
      <c r="N7650" s="18"/>
      <c r="O7650" s="18"/>
      <c r="P7650" s="19">
        <v>400</v>
      </c>
      <c r="Q7650" s="19"/>
      <c r="R7650" s="19"/>
      <c r="S7650" s="19"/>
      <c r="T7650" s="19">
        <v>350</v>
      </c>
      <c r="U7650" s="19"/>
      <c r="V7650" s="19"/>
      <c r="W7650" s="19"/>
      <c r="X7650" s="19">
        <v>1</v>
      </c>
      <c r="Y7650" s="19"/>
      <c r="Z7650" s="19"/>
      <c r="AA7650" s="19"/>
    </row>
    <row r="7651" spans="1:27" s="1" customFormat="1" ht="14.1" customHeight="1" outlineLevel="2" x14ac:dyDescent="0.2">
      <c r="A7651" s="17"/>
      <c r="B7651" s="17"/>
      <c r="C7651" s="17"/>
      <c r="D7651" s="18"/>
      <c r="E7651" s="18"/>
      <c r="F7651" s="18"/>
      <c r="G7651" s="18"/>
      <c r="H7651" s="18"/>
      <c r="I7651" s="18"/>
      <c r="J7651" s="18"/>
      <c r="K7651" s="18"/>
      <c r="L7651" s="18"/>
      <c r="M7651" s="18"/>
      <c r="N7651" s="18"/>
      <c r="O7651" s="18"/>
      <c r="P7651" s="19"/>
      <c r="Q7651" s="19"/>
      <c r="R7651" s="19"/>
      <c r="S7651" s="19"/>
      <c r="T7651" s="19"/>
      <c r="U7651" s="19"/>
      <c r="V7651" s="19"/>
      <c r="W7651" s="19"/>
      <c r="X7651" s="19"/>
      <c r="Y7651" s="19"/>
      <c r="Z7651" s="19"/>
      <c r="AA7651" s="19"/>
    </row>
    <row r="7652" spans="1:27" s="1" customFormat="1" ht="14.1" customHeight="1" outlineLevel="2" x14ac:dyDescent="0.2">
      <c r="A7652" s="17">
        <v>6123</v>
      </c>
      <c r="B7652" s="17"/>
      <c r="C7652" s="17"/>
      <c r="D7652" s="18" t="s">
        <v>3786</v>
      </c>
      <c r="E7652" s="18"/>
      <c r="F7652" s="18"/>
      <c r="G7652" s="18"/>
      <c r="H7652" s="18"/>
      <c r="I7652" s="18"/>
      <c r="J7652" s="18"/>
      <c r="K7652" s="18"/>
      <c r="L7652" s="18"/>
      <c r="M7652" s="18"/>
      <c r="N7652" s="18"/>
      <c r="O7652" s="18"/>
      <c r="P7652" s="19">
        <v>200</v>
      </c>
      <c r="Q7652" s="19"/>
      <c r="R7652" s="19"/>
      <c r="S7652" s="19"/>
      <c r="T7652" s="19">
        <v>150</v>
      </c>
      <c r="U7652" s="19"/>
      <c r="V7652" s="19"/>
      <c r="W7652" s="19"/>
      <c r="X7652" s="19">
        <v>46</v>
      </c>
      <c r="Y7652" s="19"/>
      <c r="Z7652" s="19"/>
      <c r="AA7652" s="19"/>
    </row>
    <row r="7653" spans="1:27" s="1" customFormat="1" ht="14.1" customHeight="1" outlineLevel="2" x14ac:dyDescent="0.2">
      <c r="A7653" s="17"/>
      <c r="B7653" s="17"/>
      <c r="C7653" s="17"/>
      <c r="D7653" s="18"/>
      <c r="E7653" s="18"/>
      <c r="F7653" s="18"/>
      <c r="G7653" s="18"/>
      <c r="H7653" s="18"/>
      <c r="I7653" s="18"/>
      <c r="J7653" s="18"/>
      <c r="K7653" s="18"/>
      <c r="L7653" s="18"/>
      <c r="M7653" s="18"/>
      <c r="N7653" s="18"/>
      <c r="O7653" s="18"/>
      <c r="P7653" s="19"/>
      <c r="Q7653" s="19"/>
      <c r="R7653" s="19"/>
      <c r="S7653" s="19"/>
      <c r="T7653" s="19"/>
      <c r="U7653" s="19"/>
      <c r="V7653" s="19"/>
      <c r="W7653" s="19"/>
      <c r="X7653" s="19"/>
      <c r="Y7653" s="19"/>
      <c r="Z7653" s="19"/>
      <c r="AA7653" s="19"/>
    </row>
    <row r="7654" spans="1:27" s="1" customFormat="1" ht="14.1" customHeight="1" outlineLevel="2" x14ac:dyDescent="0.2">
      <c r="A7654" s="17">
        <v>6126</v>
      </c>
      <c r="B7654" s="17"/>
      <c r="C7654" s="17"/>
      <c r="D7654" s="18" t="s">
        <v>3787</v>
      </c>
      <c r="E7654" s="18"/>
      <c r="F7654" s="18"/>
      <c r="G7654" s="18"/>
      <c r="H7654" s="18"/>
      <c r="I7654" s="18"/>
      <c r="J7654" s="18"/>
      <c r="K7654" s="18"/>
      <c r="L7654" s="18"/>
      <c r="M7654" s="18"/>
      <c r="N7654" s="18"/>
      <c r="O7654" s="18"/>
      <c r="P7654" s="19">
        <v>600</v>
      </c>
      <c r="Q7654" s="19"/>
      <c r="R7654" s="19"/>
      <c r="S7654" s="19"/>
      <c r="T7654" s="19">
        <v>510</v>
      </c>
      <c r="U7654" s="19"/>
      <c r="V7654" s="19"/>
      <c r="W7654" s="19"/>
      <c r="X7654" s="19">
        <v>2</v>
      </c>
      <c r="Y7654" s="19"/>
      <c r="Z7654" s="19"/>
      <c r="AA7654" s="19"/>
    </row>
    <row r="7655" spans="1:27" s="1" customFormat="1" ht="14.1" customHeight="1" outlineLevel="2" x14ac:dyDescent="0.2">
      <c r="A7655" s="17"/>
      <c r="B7655" s="17"/>
      <c r="C7655" s="17"/>
      <c r="D7655" s="18"/>
      <c r="E7655" s="18"/>
      <c r="F7655" s="18"/>
      <c r="G7655" s="18"/>
      <c r="H7655" s="18"/>
      <c r="I7655" s="18"/>
      <c r="J7655" s="18"/>
      <c r="K7655" s="18"/>
      <c r="L7655" s="18"/>
      <c r="M7655" s="18"/>
      <c r="N7655" s="18"/>
      <c r="O7655" s="18"/>
      <c r="P7655" s="19"/>
      <c r="Q7655" s="19"/>
      <c r="R7655" s="19"/>
      <c r="S7655" s="19"/>
      <c r="T7655" s="19"/>
      <c r="U7655" s="19"/>
      <c r="V7655" s="19"/>
      <c r="W7655" s="19"/>
      <c r="X7655" s="19"/>
      <c r="Y7655" s="19"/>
      <c r="Z7655" s="19"/>
      <c r="AA7655" s="19"/>
    </row>
    <row r="7656" spans="1:27" s="1" customFormat="1" ht="11.1" customHeight="1" outlineLevel="2" x14ac:dyDescent="0.2">
      <c r="A7656" s="17">
        <v>6190</v>
      </c>
      <c r="B7656" s="17"/>
      <c r="C7656" s="17"/>
      <c r="D7656" s="18" t="s">
        <v>3788</v>
      </c>
      <c r="E7656" s="18"/>
      <c r="F7656" s="18"/>
      <c r="G7656" s="18"/>
      <c r="H7656" s="18"/>
      <c r="I7656" s="18"/>
      <c r="J7656" s="18"/>
      <c r="K7656" s="18"/>
      <c r="L7656" s="18"/>
      <c r="M7656" s="18"/>
      <c r="N7656" s="18"/>
      <c r="O7656" s="18"/>
      <c r="P7656" s="19">
        <v>750</v>
      </c>
      <c r="Q7656" s="19"/>
      <c r="R7656" s="19"/>
      <c r="S7656" s="19"/>
      <c r="T7656" s="19">
        <v>690</v>
      </c>
      <c r="U7656" s="19"/>
      <c r="V7656" s="19"/>
      <c r="W7656" s="19"/>
      <c r="X7656" s="19">
        <v>1</v>
      </c>
      <c r="Y7656" s="19"/>
      <c r="Z7656" s="19"/>
      <c r="AA7656" s="19"/>
    </row>
    <row r="7657" spans="1:27" s="1" customFormat="1" ht="11.1" customHeight="1" outlineLevel="2" x14ac:dyDescent="0.2">
      <c r="A7657" s="17"/>
      <c r="B7657" s="17"/>
      <c r="C7657" s="17"/>
      <c r="D7657" s="18"/>
      <c r="E7657" s="18"/>
      <c r="F7657" s="18"/>
      <c r="G7657" s="18"/>
      <c r="H7657" s="18"/>
      <c r="I7657" s="18"/>
      <c r="J7657" s="18"/>
      <c r="K7657" s="18"/>
      <c r="L7657" s="18"/>
      <c r="M7657" s="18"/>
      <c r="N7657" s="18"/>
      <c r="O7657" s="18"/>
      <c r="P7657" s="19"/>
      <c r="Q7657" s="19"/>
      <c r="R7657" s="19"/>
      <c r="S7657" s="19"/>
      <c r="T7657" s="19"/>
      <c r="U7657" s="19"/>
      <c r="V7657" s="19"/>
      <c r="W7657" s="19"/>
      <c r="X7657" s="19"/>
      <c r="Y7657" s="19"/>
      <c r="Z7657" s="19"/>
      <c r="AA7657" s="19"/>
    </row>
    <row r="7658" spans="1:27" s="1" customFormat="1" ht="14.1" customHeight="1" outlineLevel="2" x14ac:dyDescent="0.2">
      <c r="A7658" s="17">
        <v>6153</v>
      </c>
      <c r="B7658" s="17"/>
      <c r="C7658" s="17"/>
      <c r="D7658" s="18" t="s">
        <v>3789</v>
      </c>
      <c r="E7658" s="18"/>
      <c r="F7658" s="18"/>
      <c r="G7658" s="18"/>
      <c r="H7658" s="18"/>
      <c r="I7658" s="18"/>
      <c r="J7658" s="18"/>
      <c r="K7658" s="18"/>
      <c r="L7658" s="18"/>
      <c r="M7658" s="18"/>
      <c r="N7658" s="18"/>
      <c r="O7658" s="18"/>
      <c r="P7658" s="19">
        <v>800</v>
      </c>
      <c r="Q7658" s="19"/>
      <c r="R7658" s="19"/>
      <c r="S7658" s="19"/>
      <c r="T7658" s="19">
        <v>750</v>
      </c>
      <c r="U7658" s="19"/>
      <c r="V7658" s="19"/>
      <c r="W7658" s="19"/>
      <c r="X7658" s="19">
        <v>1</v>
      </c>
      <c r="Y7658" s="19"/>
      <c r="Z7658" s="19"/>
      <c r="AA7658" s="19"/>
    </row>
    <row r="7659" spans="1:27" s="1" customFormat="1" ht="14.1" customHeight="1" outlineLevel="2" x14ac:dyDescent="0.2">
      <c r="A7659" s="17"/>
      <c r="B7659" s="17"/>
      <c r="C7659" s="17"/>
      <c r="D7659" s="18"/>
      <c r="E7659" s="18"/>
      <c r="F7659" s="18"/>
      <c r="G7659" s="18"/>
      <c r="H7659" s="18"/>
      <c r="I7659" s="18"/>
      <c r="J7659" s="18"/>
      <c r="K7659" s="18"/>
      <c r="L7659" s="18"/>
      <c r="M7659" s="18"/>
      <c r="N7659" s="18"/>
      <c r="O7659" s="18"/>
      <c r="P7659" s="19"/>
      <c r="Q7659" s="19"/>
      <c r="R7659" s="19"/>
      <c r="S7659" s="19"/>
      <c r="T7659" s="19"/>
      <c r="U7659" s="19"/>
      <c r="V7659" s="19"/>
      <c r="W7659" s="19"/>
      <c r="X7659" s="19"/>
      <c r="Y7659" s="19"/>
      <c r="Z7659" s="19"/>
      <c r="AA7659" s="19"/>
    </row>
    <row r="7660" spans="1:27" s="1" customFormat="1" ht="14.1" customHeight="1" outlineLevel="2" x14ac:dyDescent="0.2">
      <c r="A7660" s="17">
        <v>8329</v>
      </c>
      <c r="B7660" s="17"/>
      <c r="C7660" s="17"/>
      <c r="D7660" s="18" t="s">
        <v>3790</v>
      </c>
      <c r="E7660" s="18"/>
      <c r="F7660" s="18"/>
      <c r="G7660" s="18"/>
      <c r="H7660" s="18"/>
      <c r="I7660" s="18"/>
      <c r="J7660" s="18"/>
      <c r="K7660" s="18"/>
      <c r="L7660" s="18"/>
      <c r="M7660" s="18"/>
      <c r="N7660" s="18"/>
      <c r="O7660" s="18"/>
      <c r="P7660" s="19">
        <v>440</v>
      </c>
      <c r="Q7660" s="19"/>
      <c r="R7660" s="19"/>
      <c r="S7660" s="19"/>
      <c r="T7660" s="19">
        <v>390</v>
      </c>
      <c r="U7660" s="19"/>
      <c r="V7660" s="19"/>
      <c r="W7660" s="19"/>
      <c r="X7660" s="19">
        <v>3</v>
      </c>
      <c r="Y7660" s="19"/>
      <c r="Z7660" s="19"/>
      <c r="AA7660" s="19"/>
    </row>
    <row r="7661" spans="1:27" s="1" customFormat="1" ht="14.1" customHeight="1" outlineLevel="2" x14ac:dyDescent="0.2">
      <c r="A7661" s="17"/>
      <c r="B7661" s="17"/>
      <c r="C7661" s="17"/>
      <c r="D7661" s="18"/>
      <c r="E7661" s="18"/>
      <c r="F7661" s="18"/>
      <c r="G7661" s="18"/>
      <c r="H7661" s="18"/>
      <c r="I7661" s="18"/>
      <c r="J7661" s="18"/>
      <c r="K7661" s="18"/>
      <c r="L7661" s="18"/>
      <c r="M7661" s="18"/>
      <c r="N7661" s="18"/>
      <c r="O7661" s="18"/>
      <c r="P7661" s="19"/>
      <c r="Q7661" s="19"/>
      <c r="R7661" s="19"/>
      <c r="S7661" s="19"/>
      <c r="T7661" s="19"/>
      <c r="U7661" s="19"/>
      <c r="V7661" s="19"/>
      <c r="W7661" s="19"/>
      <c r="X7661" s="19"/>
      <c r="Y7661" s="19"/>
      <c r="Z7661" s="19"/>
      <c r="AA7661" s="19"/>
    </row>
    <row r="7662" spans="1:27" s="1" customFormat="1" ht="14.1" customHeight="1" outlineLevel="2" x14ac:dyDescent="0.2">
      <c r="A7662" s="17">
        <v>7359</v>
      </c>
      <c r="B7662" s="17"/>
      <c r="C7662" s="17"/>
      <c r="D7662" s="18" t="s">
        <v>3791</v>
      </c>
      <c r="E7662" s="18"/>
      <c r="F7662" s="18"/>
      <c r="G7662" s="18"/>
      <c r="H7662" s="18"/>
      <c r="I7662" s="18"/>
      <c r="J7662" s="18"/>
      <c r="K7662" s="18"/>
      <c r="L7662" s="18"/>
      <c r="M7662" s="18"/>
      <c r="N7662" s="18"/>
      <c r="O7662" s="18"/>
      <c r="P7662" s="19">
        <v>600</v>
      </c>
      <c r="Q7662" s="19"/>
      <c r="R7662" s="19"/>
      <c r="S7662" s="19"/>
      <c r="T7662" s="19">
        <v>540</v>
      </c>
      <c r="U7662" s="19"/>
      <c r="V7662" s="19"/>
      <c r="W7662" s="19"/>
      <c r="X7662" s="19">
        <v>1</v>
      </c>
      <c r="Y7662" s="19"/>
      <c r="Z7662" s="19"/>
      <c r="AA7662" s="19"/>
    </row>
    <row r="7663" spans="1:27" s="1" customFormat="1" ht="14.1" customHeight="1" outlineLevel="2" x14ac:dyDescent="0.2">
      <c r="A7663" s="17"/>
      <c r="B7663" s="17"/>
      <c r="C7663" s="17"/>
      <c r="D7663" s="18"/>
      <c r="E7663" s="18"/>
      <c r="F7663" s="18"/>
      <c r="G7663" s="18"/>
      <c r="H7663" s="18"/>
      <c r="I7663" s="18"/>
      <c r="J7663" s="18"/>
      <c r="K7663" s="18"/>
      <c r="L7663" s="18"/>
      <c r="M7663" s="18"/>
      <c r="N7663" s="18"/>
      <c r="O7663" s="18"/>
      <c r="P7663" s="19"/>
      <c r="Q7663" s="19"/>
      <c r="R7663" s="19"/>
      <c r="S7663" s="19"/>
      <c r="T7663" s="19"/>
      <c r="U7663" s="19"/>
      <c r="V7663" s="19"/>
      <c r="W7663" s="19"/>
      <c r="X7663" s="19"/>
      <c r="Y7663" s="19"/>
      <c r="Z7663" s="19"/>
      <c r="AA7663" s="19"/>
    </row>
    <row r="7664" spans="1:27" s="1" customFormat="1" ht="14.1" customHeight="1" outlineLevel="2" x14ac:dyDescent="0.2">
      <c r="A7664" s="17">
        <v>7360</v>
      </c>
      <c r="B7664" s="17"/>
      <c r="C7664" s="17"/>
      <c r="D7664" s="18" t="s">
        <v>3792</v>
      </c>
      <c r="E7664" s="18"/>
      <c r="F7664" s="18"/>
      <c r="G7664" s="18"/>
      <c r="H7664" s="18"/>
      <c r="I7664" s="18"/>
      <c r="J7664" s="18"/>
      <c r="K7664" s="18"/>
      <c r="L7664" s="18"/>
      <c r="M7664" s="18"/>
      <c r="N7664" s="18"/>
      <c r="O7664" s="18"/>
      <c r="P7664" s="19">
        <v>620</v>
      </c>
      <c r="Q7664" s="19"/>
      <c r="R7664" s="19"/>
      <c r="S7664" s="19"/>
      <c r="T7664" s="19">
        <v>560</v>
      </c>
      <c r="U7664" s="19"/>
      <c r="V7664" s="19"/>
      <c r="W7664" s="19"/>
      <c r="X7664" s="19">
        <v>1</v>
      </c>
      <c r="Y7664" s="19"/>
      <c r="Z7664" s="19"/>
      <c r="AA7664" s="19"/>
    </row>
    <row r="7665" spans="1:27" s="1" customFormat="1" ht="14.1" customHeight="1" outlineLevel="2" x14ac:dyDescent="0.2">
      <c r="A7665" s="17"/>
      <c r="B7665" s="17"/>
      <c r="C7665" s="17"/>
      <c r="D7665" s="18"/>
      <c r="E7665" s="18"/>
      <c r="F7665" s="18"/>
      <c r="G7665" s="18"/>
      <c r="H7665" s="18"/>
      <c r="I7665" s="18"/>
      <c r="J7665" s="18"/>
      <c r="K7665" s="18"/>
      <c r="L7665" s="18"/>
      <c r="M7665" s="18"/>
      <c r="N7665" s="18"/>
      <c r="O7665" s="18"/>
      <c r="P7665" s="19"/>
      <c r="Q7665" s="19"/>
      <c r="R7665" s="19"/>
      <c r="S7665" s="19"/>
      <c r="T7665" s="19"/>
      <c r="U7665" s="19"/>
      <c r="V7665" s="19"/>
      <c r="W7665" s="19"/>
      <c r="X7665" s="19"/>
      <c r="Y7665" s="19"/>
      <c r="Z7665" s="19"/>
      <c r="AA7665" s="19"/>
    </row>
    <row r="7666" spans="1:27" s="1" customFormat="1" ht="14.1" customHeight="1" outlineLevel="2" x14ac:dyDescent="0.2">
      <c r="A7666" s="17">
        <v>13118</v>
      </c>
      <c r="B7666" s="17"/>
      <c r="C7666" s="17"/>
      <c r="D7666" s="18" t="s">
        <v>3793</v>
      </c>
      <c r="E7666" s="18"/>
      <c r="F7666" s="18"/>
      <c r="G7666" s="18"/>
      <c r="H7666" s="18"/>
      <c r="I7666" s="18"/>
      <c r="J7666" s="18"/>
      <c r="K7666" s="18"/>
      <c r="L7666" s="18"/>
      <c r="M7666" s="18"/>
      <c r="N7666" s="18"/>
      <c r="O7666" s="18"/>
      <c r="P7666" s="19">
        <v>340</v>
      </c>
      <c r="Q7666" s="19"/>
      <c r="R7666" s="19"/>
      <c r="S7666" s="19"/>
      <c r="T7666" s="19">
        <v>250</v>
      </c>
      <c r="U7666" s="19"/>
      <c r="V7666" s="19"/>
      <c r="W7666" s="19"/>
      <c r="X7666" s="19">
        <v>10</v>
      </c>
      <c r="Y7666" s="19"/>
      <c r="Z7666" s="19"/>
      <c r="AA7666" s="19"/>
    </row>
    <row r="7667" spans="1:27" s="1" customFormat="1" ht="14.1" customHeight="1" outlineLevel="2" x14ac:dyDescent="0.2">
      <c r="A7667" s="17"/>
      <c r="B7667" s="17"/>
      <c r="C7667" s="17"/>
      <c r="D7667" s="18"/>
      <c r="E7667" s="18"/>
      <c r="F7667" s="18"/>
      <c r="G7667" s="18"/>
      <c r="H7667" s="18"/>
      <c r="I7667" s="18"/>
      <c r="J7667" s="18"/>
      <c r="K7667" s="18"/>
      <c r="L7667" s="18"/>
      <c r="M7667" s="18"/>
      <c r="N7667" s="18"/>
      <c r="O7667" s="18"/>
      <c r="P7667" s="19"/>
      <c r="Q7667" s="19"/>
      <c r="R7667" s="19"/>
      <c r="S7667" s="19"/>
      <c r="T7667" s="19"/>
      <c r="U7667" s="19"/>
      <c r="V7667" s="19"/>
      <c r="W7667" s="19"/>
      <c r="X7667" s="19"/>
      <c r="Y7667" s="19"/>
      <c r="Z7667" s="19"/>
      <c r="AA7667" s="19"/>
    </row>
    <row r="7668" spans="1:27" s="1" customFormat="1" ht="14.1" customHeight="1" outlineLevel="2" x14ac:dyDescent="0.2">
      <c r="A7668" s="17">
        <v>13117</v>
      </c>
      <c r="B7668" s="17"/>
      <c r="C7668" s="17"/>
      <c r="D7668" s="18" t="s">
        <v>3794</v>
      </c>
      <c r="E7668" s="18"/>
      <c r="F7668" s="18"/>
      <c r="G7668" s="18"/>
      <c r="H7668" s="18"/>
      <c r="I7668" s="18"/>
      <c r="J7668" s="18"/>
      <c r="K7668" s="18"/>
      <c r="L7668" s="18"/>
      <c r="M7668" s="18"/>
      <c r="N7668" s="18"/>
      <c r="O7668" s="18"/>
      <c r="P7668" s="19">
        <v>340</v>
      </c>
      <c r="Q7668" s="19"/>
      <c r="R7668" s="19"/>
      <c r="S7668" s="19"/>
      <c r="T7668" s="19">
        <v>250</v>
      </c>
      <c r="U7668" s="19"/>
      <c r="V7668" s="19"/>
      <c r="W7668" s="19"/>
      <c r="X7668" s="19">
        <v>10</v>
      </c>
      <c r="Y7668" s="19"/>
      <c r="Z7668" s="19"/>
      <c r="AA7668" s="19"/>
    </row>
    <row r="7669" spans="1:27" s="1" customFormat="1" ht="14.1" customHeight="1" outlineLevel="2" x14ac:dyDescent="0.2">
      <c r="A7669" s="17"/>
      <c r="B7669" s="17"/>
      <c r="C7669" s="17"/>
      <c r="D7669" s="18"/>
      <c r="E7669" s="18"/>
      <c r="F7669" s="18"/>
      <c r="G7669" s="18"/>
      <c r="H7669" s="18"/>
      <c r="I7669" s="18"/>
      <c r="J7669" s="18"/>
      <c r="K7669" s="18"/>
      <c r="L7669" s="18"/>
      <c r="M7669" s="18"/>
      <c r="N7669" s="18"/>
      <c r="O7669" s="18"/>
      <c r="P7669" s="19"/>
      <c r="Q7669" s="19"/>
      <c r="R7669" s="19"/>
      <c r="S7669" s="19"/>
      <c r="T7669" s="19"/>
      <c r="U7669" s="19"/>
      <c r="V7669" s="19"/>
      <c r="W7669" s="19"/>
      <c r="X7669" s="19"/>
      <c r="Y7669" s="19"/>
      <c r="Z7669" s="19"/>
      <c r="AA7669" s="19"/>
    </row>
    <row r="7670" spans="1:27" s="1" customFormat="1" ht="21" customHeight="1" outlineLevel="2" x14ac:dyDescent="0.2">
      <c r="A7670" s="17">
        <v>6148</v>
      </c>
      <c r="B7670" s="17"/>
      <c r="C7670" s="17"/>
      <c r="D7670" s="18" t="s">
        <v>3795</v>
      </c>
      <c r="E7670" s="18"/>
      <c r="F7670" s="18"/>
      <c r="G7670" s="18"/>
      <c r="H7670" s="18"/>
      <c r="I7670" s="18"/>
      <c r="J7670" s="18"/>
      <c r="K7670" s="18"/>
      <c r="L7670" s="18"/>
      <c r="M7670" s="18"/>
      <c r="N7670" s="18"/>
      <c r="O7670" s="18"/>
      <c r="P7670" s="19">
        <v>400</v>
      </c>
      <c r="Q7670" s="19"/>
      <c r="R7670" s="19"/>
      <c r="S7670" s="19"/>
      <c r="T7670" s="19">
        <v>350</v>
      </c>
      <c r="U7670" s="19"/>
      <c r="V7670" s="19"/>
      <c r="W7670" s="19"/>
      <c r="X7670" s="19">
        <v>5</v>
      </c>
      <c r="Y7670" s="19"/>
      <c r="Z7670" s="19"/>
      <c r="AA7670" s="19"/>
    </row>
    <row r="7671" spans="1:27" s="1" customFormat="1" ht="21" customHeight="1" outlineLevel="2" x14ac:dyDescent="0.2">
      <c r="A7671" s="17"/>
      <c r="B7671" s="17"/>
      <c r="C7671" s="17"/>
      <c r="D7671" s="18"/>
      <c r="E7671" s="18"/>
      <c r="F7671" s="18"/>
      <c r="G7671" s="18"/>
      <c r="H7671" s="18"/>
      <c r="I7671" s="18"/>
      <c r="J7671" s="18"/>
      <c r="K7671" s="18"/>
      <c r="L7671" s="18"/>
      <c r="M7671" s="18"/>
      <c r="N7671" s="18"/>
      <c r="O7671" s="18"/>
      <c r="P7671" s="19"/>
      <c r="Q7671" s="19"/>
      <c r="R7671" s="19"/>
      <c r="S7671" s="19"/>
      <c r="T7671" s="19"/>
      <c r="U7671" s="19"/>
      <c r="V7671" s="19"/>
      <c r="W7671" s="19"/>
      <c r="X7671" s="19"/>
      <c r="Y7671" s="19"/>
      <c r="Z7671" s="19"/>
      <c r="AA7671" s="19"/>
    </row>
    <row r="7672" spans="1:27" s="1" customFormat="1" ht="14.1" customHeight="1" outlineLevel="2" x14ac:dyDescent="0.2">
      <c r="A7672" s="17">
        <v>6145</v>
      </c>
      <c r="B7672" s="17"/>
      <c r="C7672" s="17"/>
      <c r="D7672" s="18" t="s">
        <v>3796</v>
      </c>
      <c r="E7672" s="18"/>
      <c r="F7672" s="18"/>
      <c r="G7672" s="18"/>
      <c r="H7672" s="18"/>
      <c r="I7672" s="18"/>
      <c r="J7672" s="18"/>
      <c r="K7672" s="18"/>
      <c r="L7672" s="18"/>
      <c r="M7672" s="18"/>
      <c r="N7672" s="18"/>
      <c r="O7672" s="18"/>
      <c r="P7672" s="20">
        <v>1000</v>
      </c>
      <c r="Q7672" s="20"/>
      <c r="R7672" s="20"/>
      <c r="S7672" s="20"/>
      <c r="T7672" s="19">
        <v>950</v>
      </c>
      <c r="U7672" s="19"/>
      <c r="V7672" s="19"/>
      <c r="W7672" s="19"/>
      <c r="X7672" s="19">
        <v>1</v>
      </c>
      <c r="Y7672" s="19"/>
      <c r="Z7672" s="19"/>
      <c r="AA7672" s="19"/>
    </row>
    <row r="7673" spans="1:27" s="1" customFormat="1" ht="14.1" customHeight="1" outlineLevel="2" x14ac:dyDescent="0.2">
      <c r="A7673" s="17"/>
      <c r="B7673" s="17"/>
      <c r="C7673" s="17"/>
      <c r="D7673" s="18"/>
      <c r="E7673" s="18"/>
      <c r="F7673" s="18"/>
      <c r="G7673" s="18"/>
      <c r="H7673" s="18"/>
      <c r="I7673" s="18"/>
      <c r="J7673" s="18"/>
      <c r="K7673" s="18"/>
      <c r="L7673" s="18"/>
      <c r="M7673" s="18"/>
      <c r="N7673" s="18"/>
      <c r="O7673" s="18"/>
      <c r="P7673" s="20"/>
      <c r="Q7673" s="20"/>
      <c r="R7673" s="20"/>
      <c r="S7673" s="20"/>
      <c r="T7673" s="19"/>
      <c r="U7673" s="19"/>
      <c r="V7673" s="19"/>
      <c r="W7673" s="19"/>
      <c r="X7673" s="19"/>
      <c r="Y7673" s="19"/>
      <c r="Z7673" s="19"/>
      <c r="AA7673" s="19"/>
    </row>
    <row r="7674" spans="1:27" s="1" customFormat="1" ht="14.1" customHeight="1" outlineLevel="2" x14ac:dyDescent="0.2">
      <c r="A7674" s="17">
        <v>6150</v>
      </c>
      <c r="B7674" s="17"/>
      <c r="C7674" s="17"/>
      <c r="D7674" s="18" t="s">
        <v>3797</v>
      </c>
      <c r="E7674" s="18"/>
      <c r="F7674" s="18"/>
      <c r="G7674" s="18"/>
      <c r="H7674" s="18"/>
      <c r="I7674" s="18"/>
      <c r="J7674" s="18"/>
      <c r="K7674" s="18"/>
      <c r="L7674" s="18"/>
      <c r="M7674" s="18"/>
      <c r="N7674" s="18"/>
      <c r="O7674" s="18"/>
      <c r="P7674" s="19">
        <v>900</v>
      </c>
      <c r="Q7674" s="19"/>
      <c r="R7674" s="19"/>
      <c r="S7674" s="19"/>
      <c r="T7674" s="19">
        <v>850</v>
      </c>
      <c r="U7674" s="19"/>
      <c r="V7674" s="19"/>
      <c r="W7674" s="19"/>
      <c r="X7674" s="19">
        <v>1</v>
      </c>
      <c r="Y7674" s="19"/>
      <c r="Z7674" s="19"/>
      <c r="AA7674" s="19"/>
    </row>
    <row r="7675" spans="1:27" s="1" customFormat="1" ht="14.1" customHeight="1" outlineLevel="2" x14ac:dyDescent="0.2">
      <c r="A7675" s="17"/>
      <c r="B7675" s="17"/>
      <c r="C7675" s="17"/>
      <c r="D7675" s="18"/>
      <c r="E7675" s="18"/>
      <c r="F7675" s="18"/>
      <c r="G7675" s="18"/>
      <c r="H7675" s="18"/>
      <c r="I7675" s="18"/>
      <c r="J7675" s="18"/>
      <c r="K7675" s="18"/>
      <c r="L7675" s="18"/>
      <c r="M7675" s="18"/>
      <c r="N7675" s="18"/>
      <c r="O7675" s="18"/>
      <c r="P7675" s="19"/>
      <c r="Q7675" s="19"/>
      <c r="R7675" s="19"/>
      <c r="S7675" s="19"/>
      <c r="T7675" s="19"/>
      <c r="U7675" s="19"/>
      <c r="V7675" s="19"/>
      <c r="W7675" s="19"/>
      <c r="X7675" s="19"/>
      <c r="Y7675" s="19"/>
      <c r="Z7675" s="19"/>
      <c r="AA7675" s="19"/>
    </row>
    <row r="7676" spans="1:27" s="1" customFormat="1" ht="14.1" customHeight="1" outlineLevel="2" x14ac:dyDescent="0.2">
      <c r="A7676" s="17">
        <v>4781</v>
      </c>
      <c r="B7676" s="17"/>
      <c r="C7676" s="17"/>
      <c r="D7676" s="18" t="s">
        <v>3798</v>
      </c>
      <c r="E7676" s="18"/>
      <c r="F7676" s="18"/>
      <c r="G7676" s="18"/>
      <c r="H7676" s="18"/>
      <c r="I7676" s="18"/>
      <c r="J7676" s="18"/>
      <c r="K7676" s="18"/>
      <c r="L7676" s="18"/>
      <c r="M7676" s="18"/>
      <c r="N7676" s="18"/>
      <c r="O7676" s="18"/>
      <c r="P7676" s="19">
        <v>250</v>
      </c>
      <c r="Q7676" s="19"/>
      <c r="R7676" s="19"/>
      <c r="S7676" s="19"/>
      <c r="T7676" s="19">
        <v>200</v>
      </c>
      <c r="U7676" s="19"/>
      <c r="V7676" s="19"/>
      <c r="W7676" s="19"/>
      <c r="X7676" s="19">
        <v>1</v>
      </c>
      <c r="Y7676" s="19"/>
      <c r="Z7676" s="19"/>
      <c r="AA7676" s="19"/>
    </row>
    <row r="7677" spans="1:27" s="1" customFormat="1" ht="14.1" customHeight="1" outlineLevel="2" x14ac:dyDescent="0.2">
      <c r="A7677" s="17"/>
      <c r="B7677" s="17"/>
      <c r="C7677" s="17"/>
      <c r="D7677" s="18"/>
      <c r="E7677" s="18"/>
      <c r="F7677" s="18"/>
      <c r="G7677" s="18"/>
      <c r="H7677" s="18"/>
      <c r="I7677" s="18"/>
      <c r="J7677" s="18"/>
      <c r="K7677" s="18"/>
      <c r="L7677" s="18"/>
      <c r="M7677" s="18"/>
      <c r="N7677" s="18"/>
      <c r="O7677" s="18"/>
      <c r="P7677" s="19"/>
      <c r="Q7677" s="19"/>
      <c r="R7677" s="19"/>
      <c r="S7677" s="19"/>
      <c r="T7677" s="19"/>
      <c r="U7677" s="19"/>
      <c r="V7677" s="19"/>
      <c r="W7677" s="19"/>
      <c r="X7677" s="19"/>
      <c r="Y7677" s="19"/>
      <c r="Z7677" s="19"/>
      <c r="AA7677" s="19"/>
    </row>
    <row r="7678" spans="1:27" s="1" customFormat="1" ht="21" customHeight="1" outlineLevel="2" x14ac:dyDescent="0.2">
      <c r="A7678" s="17">
        <v>1127</v>
      </c>
      <c r="B7678" s="17"/>
      <c r="C7678" s="17"/>
      <c r="D7678" s="18" t="s">
        <v>3799</v>
      </c>
      <c r="E7678" s="18"/>
      <c r="F7678" s="18"/>
      <c r="G7678" s="18"/>
      <c r="H7678" s="18"/>
      <c r="I7678" s="18"/>
      <c r="J7678" s="18"/>
      <c r="K7678" s="18"/>
      <c r="L7678" s="18"/>
      <c r="M7678" s="18"/>
      <c r="N7678" s="18"/>
      <c r="O7678" s="18"/>
      <c r="P7678" s="19">
        <v>250</v>
      </c>
      <c r="Q7678" s="19"/>
      <c r="R7678" s="19"/>
      <c r="S7678" s="19"/>
      <c r="T7678" s="19">
        <v>210</v>
      </c>
      <c r="U7678" s="19"/>
      <c r="V7678" s="19"/>
      <c r="W7678" s="19"/>
      <c r="X7678" s="19">
        <v>1</v>
      </c>
      <c r="Y7678" s="19"/>
      <c r="Z7678" s="19"/>
      <c r="AA7678" s="19"/>
    </row>
    <row r="7679" spans="1:27" s="1" customFormat="1" ht="21" customHeight="1" outlineLevel="2" x14ac:dyDescent="0.2">
      <c r="A7679" s="17"/>
      <c r="B7679" s="17"/>
      <c r="C7679" s="17"/>
      <c r="D7679" s="18"/>
      <c r="E7679" s="18"/>
      <c r="F7679" s="18"/>
      <c r="G7679" s="18"/>
      <c r="H7679" s="18"/>
      <c r="I7679" s="18"/>
      <c r="J7679" s="18"/>
      <c r="K7679" s="18"/>
      <c r="L7679" s="18"/>
      <c r="M7679" s="18"/>
      <c r="N7679" s="18"/>
      <c r="O7679" s="18"/>
      <c r="P7679" s="19"/>
      <c r="Q7679" s="19"/>
      <c r="R7679" s="19"/>
      <c r="S7679" s="19"/>
      <c r="T7679" s="19"/>
      <c r="U7679" s="19"/>
      <c r="V7679" s="19"/>
      <c r="W7679" s="19"/>
      <c r="X7679" s="19"/>
      <c r="Y7679" s="19"/>
      <c r="Z7679" s="19"/>
      <c r="AA7679" s="19"/>
    </row>
    <row r="7680" spans="1:27" s="1" customFormat="1" ht="11.1" customHeight="1" outlineLevel="1" x14ac:dyDescent="0.2">
      <c r="A7680" s="16" t="s">
        <v>3800</v>
      </c>
      <c r="B7680" s="16"/>
      <c r="C7680" s="16"/>
      <c r="D7680" s="16"/>
      <c r="E7680" s="16"/>
      <c r="F7680" s="16"/>
      <c r="G7680" s="16"/>
      <c r="H7680" s="16"/>
      <c r="I7680" s="16"/>
      <c r="J7680" s="16"/>
      <c r="K7680" s="16"/>
      <c r="L7680" s="16"/>
      <c r="M7680" s="16"/>
      <c r="N7680" s="16"/>
      <c r="O7680" s="16"/>
      <c r="P7680" s="16"/>
      <c r="Q7680" s="16"/>
      <c r="R7680" s="16"/>
      <c r="S7680" s="16"/>
      <c r="T7680" s="16"/>
      <c r="U7680" s="16"/>
      <c r="V7680" s="16"/>
      <c r="W7680" s="16"/>
      <c r="X7680" s="16"/>
      <c r="Y7680" s="16"/>
      <c r="Z7680" s="16"/>
      <c r="AA7680" s="16"/>
    </row>
    <row r="7681" spans="1:27" s="1" customFormat="1" ht="11.1" customHeight="1" outlineLevel="1" x14ac:dyDescent="0.2">
      <c r="A7681" s="16"/>
      <c r="B7681" s="16"/>
      <c r="C7681" s="16"/>
      <c r="D7681" s="16"/>
      <c r="E7681" s="16"/>
      <c r="F7681" s="16"/>
      <c r="G7681" s="16"/>
      <c r="H7681" s="16"/>
      <c r="I7681" s="16"/>
      <c r="J7681" s="16"/>
      <c r="K7681" s="16"/>
      <c r="L7681" s="16"/>
      <c r="M7681" s="16"/>
      <c r="N7681" s="16"/>
      <c r="O7681" s="16"/>
      <c r="P7681" s="16"/>
      <c r="Q7681" s="16"/>
      <c r="R7681" s="16"/>
      <c r="S7681" s="16"/>
      <c r="T7681" s="16"/>
      <c r="U7681" s="16"/>
      <c r="V7681" s="16"/>
      <c r="W7681" s="16"/>
      <c r="X7681" s="16"/>
      <c r="Y7681" s="16"/>
      <c r="Z7681" s="16"/>
      <c r="AA7681" s="16"/>
    </row>
    <row r="7682" spans="1:27" s="1" customFormat="1" ht="11.1" customHeight="1" outlineLevel="2" x14ac:dyDescent="0.2">
      <c r="A7682" s="17">
        <v>4789</v>
      </c>
      <c r="B7682" s="17"/>
      <c r="C7682" s="17"/>
      <c r="D7682" s="18" t="s">
        <v>3801</v>
      </c>
      <c r="E7682" s="18"/>
      <c r="F7682" s="18"/>
      <c r="G7682" s="18"/>
      <c r="H7682" s="18"/>
      <c r="I7682" s="18"/>
      <c r="J7682" s="18"/>
      <c r="K7682" s="18"/>
      <c r="L7682" s="18"/>
      <c r="M7682" s="18"/>
      <c r="N7682" s="18"/>
      <c r="O7682" s="18"/>
      <c r="P7682" s="19">
        <v>250</v>
      </c>
      <c r="Q7682" s="19"/>
      <c r="R7682" s="19"/>
      <c r="S7682" s="19"/>
      <c r="T7682" s="19">
        <v>200</v>
      </c>
      <c r="U7682" s="19"/>
      <c r="V7682" s="19"/>
      <c r="W7682" s="19"/>
      <c r="X7682" s="19">
        <v>1</v>
      </c>
      <c r="Y7682" s="19"/>
      <c r="Z7682" s="19"/>
      <c r="AA7682" s="19"/>
    </row>
    <row r="7683" spans="1:27" s="1" customFormat="1" ht="11.1" customHeight="1" outlineLevel="2" x14ac:dyDescent="0.2">
      <c r="A7683" s="17"/>
      <c r="B7683" s="17"/>
      <c r="C7683" s="17"/>
      <c r="D7683" s="18"/>
      <c r="E7683" s="18"/>
      <c r="F7683" s="18"/>
      <c r="G7683" s="18"/>
      <c r="H7683" s="18"/>
      <c r="I7683" s="18"/>
      <c r="J7683" s="18"/>
      <c r="K7683" s="18"/>
      <c r="L7683" s="18"/>
      <c r="M7683" s="18"/>
      <c r="N7683" s="18"/>
      <c r="O7683" s="18"/>
      <c r="P7683" s="19"/>
      <c r="Q7683" s="19"/>
      <c r="R7683" s="19"/>
      <c r="S7683" s="19"/>
      <c r="T7683" s="19"/>
      <c r="U7683" s="19"/>
      <c r="V7683" s="19"/>
      <c r="W7683" s="19"/>
      <c r="X7683" s="19"/>
      <c r="Y7683" s="19"/>
      <c r="Z7683" s="19"/>
      <c r="AA7683" s="19"/>
    </row>
    <row r="7684" spans="1:27" s="1" customFormat="1" ht="11.1" customHeight="1" outlineLevel="2" x14ac:dyDescent="0.2">
      <c r="A7684" s="17">
        <v>6416</v>
      </c>
      <c r="B7684" s="17"/>
      <c r="C7684" s="17"/>
      <c r="D7684" s="18" t="s">
        <v>3802</v>
      </c>
      <c r="E7684" s="18"/>
      <c r="F7684" s="18"/>
      <c r="G7684" s="18"/>
      <c r="H7684" s="18"/>
      <c r="I7684" s="18"/>
      <c r="J7684" s="18"/>
      <c r="K7684" s="18"/>
      <c r="L7684" s="18"/>
      <c r="M7684" s="18"/>
      <c r="N7684" s="18"/>
      <c r="O7684" s="18"/>
      <c r="P7684" s="19">
        <v>700</v>
      </c>
      <c r="Q7684" s="19"/>
      <c r="R7684" s="19"/>
      <c r="S7684" s="19"/>
      <c r="T7684" s="19">
        <v>650</v>
      </c>
      <c r="U7684" s="19"/>
      <c r="V7684" s="19"/>
      <c r="W7684" s="19"/>
      <c r="X7684" s="19">
        <v>1</v>
      </c>
      <c r="Y7684" s="19"/>
      <c r="Z7684" s="19"/>
      <c r="AA7684" s="19"/>
    </row>
    <row r="7685" spans="1:27" s="1" customFormat="1" ht="11.1" customHeight="1" outlineLevel="2" x14ac:dyDescent="0.2">
      <c r="A7685" s="17"/>
      <c r="B7685" s="17"/>
      <c r="C7685" s="17"/>
      <c r="D7685" s="18"/>
      <c r="E7685" s="18"/>
      <c r="F7685" s="18"/>
      <c r="G7685" s="18"/>
      <c r="H7685" s="18"/>
      <c r="I7685" s="18"/>
      <c r="J7685" s="18"/>
      <c r="K7685" s="18"/>
      <c r="L7685" s="18"/>
      <c r="M7685" s="18"/>
      <c r="N7685" s="18"/>
      <c r="O7685" s="18"/>
      <c r="P7685" s="19"/>
      <c r="Q7685" s="19"/>
      <c r="R7685" s="19"/>
      <c r="S7685" s="19"/>
      <c r="T7685" s="19"/>
      <c r="U7685" s="19"/>
      <c r="V7685" s="19"/>
      <c r="W7685" s="19"/>
      <c r="X7685" s="19"/>
      <c r="Y7685" s="19"/>
      <c r="Z7685" s="19"/>
      <c r="AA7685" s="19"/>
    </row>
    <row r="7686" spans="1:27" s="1" customFormat="1" ht="11.1" customHeight="1" outlineLevel="1" x14ac:dyDescent="0.2">
      <c r="A7686" s="16" t="s">
        <v>3803</v>
      </c>
      <c r="B7686" s="16"/>
      <c r="C7686" s="16"/>
      <c r="D7686" s="16"/>
      <c r="E7686" s="16"/>
      <c r="F7686" s="16"/>
      <c r="G7686" s="16"/>
      <c r="H7686" s="16"/>
      <c r="I7686" s="16"/>
      <c r="J7686" s="16"/>
      <c r="K7686" s="16"/>
      <c r="L7686" s="16"/>
      <c r="M7686" s="16"/>
      <c r="N7686" s="16"/>
      <c r="O7686" s="16"/>
      <c r="P7686" s="16"/>
      <c r="Q7686" s="16"/>
      <c r="R7686" s="16"/>
      <c r="S7686" s="16"/>
      <c r="T7686" s="16"/>
      <c r="U7686" s="16"/>
      <c r="V7686" s="16"/>
      <c r="W7686" s="16"/>
      <c r="X7686" s="16"/>
      <c r="Y7686" s="16"/>
      <c r="Z7686" s="16"/>
      <c r="AA7686" s="16"/>
    </row>
    <row r="7687" spans="1:27" s="1" customFormat="1" ht="11.1" customHeight="1" outlineLevel="1" x14ac:dyDescent="0.2">
      <c r="A7687" s="16"/>
      <c r="B7687" s="16"/>
      <c r="C7687" s="16"/>
      <c r="D7687" s="16"/>
      <c r="E7687" s="16"/>
      <c r="F7687" s="16"/>
      <c r="G7687" s="16"/>
      <c r="H7687" s="16"/>
      <c r="I7687" s="16"/>
      <c r="J7687" s="16"/>
      <c r="K7687" s="16"/>
      <c r="L7687" s="16"/>
      <c r="M7687" s="16"/>
      <c r="N7687" s="16"/>
      <c r="O7687" s="16"/>
      <c r="P7687" s="16"/>
      <c r="Q7687" s="16"/>
      <c r="R7687" s="16"/>
      <c r="S7687" s="16"/>
      <c r="T7687" s="16"/>
      <c r="U7687" s="16"/>
      <c r="V7687" s="16"/>
      <c r="W7687" s="16"/>
      <c r="X7687" s="16"/>
      <c r="Y7687" s="16"/>
      <c r="Z7687" s="16"/>
      <c r="AA7687" s="16"/>
    </row>
    <row r="7688" spans="1:27" s="1" customFormat="1" ht="11.1" customHeight="1" outlineLevel="2" x14ac:dyDescent="0.2">
      <c r="A7688" s="17">
        <v>5894</v>
      </c>
      <c r="B7688" s="17"/>
      <c r="C7688" s="17"/>
      <c r="D7688" s="18" t="s">
        <v>3804</v>
      </c>
      <c r="E7688" s="18"/>
      <c r="F7688" s="18"/>
      <c r="G7688" s="18"/>
      <c r="H7688" s="18"/>
      <c r="I7688" s="18"/>
      <c r="J7688" s="18"/>
      <c r="K7688" s="18"/>
      <c r="L7688" s="18"/>
      <c r="M7688" s="18"/>
      <c r="N7688" s="18"/>
      <c r="O7688" s="18"/>
      <c r="P7688" s="19">
        <v>350</v>
      </c>
      <c r="Q7688" s="19"/>
      <c r="R7688" s="19"/>
      <c r="S7688" s="19"/>
      <c r="T7688" s="19">
        <v>300</v>
      </c>
      <c r="U7688" s="19"/>
      <c r="V7688" s="19"/>
      <c r="W7688" s="19"/>
      <c r="X7688" s="19">
        <v>1</v>
      </c>
      <c r="Y7688" s="19"/>
      <c r="Z7688" s="19"/>
      <c r="AA7688" s="19"/>
    </row>
    <row r="7689" spans="1:27" s="1" customFormat="1" ht="11.1" customHeight="1" outlineLevel="2" x14ac:dyDescent="0.2">
      <c r="A7689" s="17"/>
      <c r="B7689" s="17"/>
      <c r="C7689" s="17"/>
      <c r="D7689" s="18"/>
      <c r="E7689" s="18"/>
      <c r="F7689" s="18"/>
      <c r="G7689" s="18"/>
      <c r="H7689" s="18"/>
      <c r="I7689" s="18"/>
      <c r="J7689" s="18"/>
      <c r="K7689" s="18"/>
      <c r="L7689" s="18"/>
      <c r="M7689" s="18"/>
      <c r="N7689" s="18"/>
      <c r="O7689" s="18"/>
      <c r="P7689" s="19"/>
      <c r="Q7689" s="19"/>
      <c r="R7689" s="19"/>
      <c r="S7689" s="19"/>
      <c r="T7689" s="19"/>
      <c r="U7689" s="19"/>
      <c r="V7689" s="19"/>
      <c r="W7689" s="19"/>
      <c r="X7689" s="19"/>
      <c r="Y7689" s="19"/>
      <c r="Z7689" s="19"/>
      <c r="AA7689" s="19"/>
    </row>
    <row r="7690" spans="1:27" s="1" customFormat="1" ht="11.1" customHeight="1" outlineLevel="2" x14ac:dyDescent="0.2">
      <c r="A7690" s="17">
        <v>1109</v>
      </c>
      <c r="B7690" s="17"/>
      <c r="C7690" s="17"/>
      <c r="D7690" s="18" t="s">
        <v>3805</v>
      </c>
      <c r="E7690" s="18"/>
      <c r="F7690" s="18"/>
      <c r="G7690" s="18"/>
      <c r="H7690" s="18"/>
      <c r="I7690" s="18"/>
      <c r="J7690" s="18"/>
      <c r="K7690" s="18"/>
      <c r="L7690" s="18"/>
      <c r="M7690" s="18"/>
      <c r="N7690" s="18"/>
      <c r="O7690" s="18"/>
      <c r="P7690" s="19">
        <v>200</v>
      </c>
      <c r="Q7690" s="19"/>
      <c r="R7690" s="19"/>
      <c r="S7690" s="19"/>
      <c r="T7690" s="19">
        <v>150</v>
      </c>
      <c r="U7690" s="19"/>
      <c r="V7690" s="19"/>
      <c r="W7690" s="19"/>
      <c r="X7690" s="19">
        <v>1</v>
      </c>
      <c r="Y7690" s="19"/>
      <c r="Z7690" s="19"/>
      <c r="AA7690" s="19"/>
    </row>
    <row r="7691" spans="1:27" s="1" customFormat="1" ht="11.1" customHeight="1" outlineLevel="2" x14ac:dyDescent="0.2">
      <c r="A7691" s="17"/>
      <c r="B7691" s="17"/>
      <c r="C7691" s="17"/>
      <c r="D7691" s="18"/>
      <c r="E7691" s="18"/>
      <c r="F7691" s="18"/>
      <c r="G7691" s="18"/>
      <c r="H7691" s="18"/>
      <c r="I7691" s="18"/>
      <c r="J7691" s="18"/>
      <c r="K7691" s="18"/>
      <c r="L7691" s="18"/>
      <c r="M7691" s="18"/>
      <c r="N7691" s="18"/>
      <c r="O7691" s="18"/>
      <c r="P7691" s="19"/>
      <c r="Q7691" s="19"/>
      <c r="R7691" s="19"/>
      <c r="S7691" s="19"/>
      <c r="T7691" s="19"/>
      <c r="U7691" s="19"/>
      <c r="V7691" s="19"/>
      <c r="W7691" s="19"/>
      <c r="X7691" s="19"/>
      <c r="Y7691" s="19"/>
      <c r="Z7691" s="19"/>
      <c r="AA7691" s="19"/>
    </row>
    <row r="7692" spans="1:27" s="1" customFormat="1" ht="11.1" customHeight="1" outlineLevel="2" x14ac:dyDescent="0.2">
      <c r="A7692" s="17">
        <v>1104</v>
      </c>
      <c r="B7692" s="17"/>
      <c r="C7692" s="17"/>
      <c r="D7692" s="18" t="s">
        <v>3806</v>
      </c>
      <c r="E7692" s="18"/>
      <c r="F7692" s="18"/>
      <c r="G7692" s="18"/>
      <c r="H7692" s="18"/>
      <c r="I7692" s="18"/>
      <c r="J7692" s="18"/>
      <c r="K7692" s="18"/>
      <c r="L7692" s="18"/>
      <c r="M7692" s="18"/>
      <c r="N7692" s="18"/>
      <c r="O7692" s="18"/>
      <c r="P7692" s="19">
        <v>200</v>
      </c>
      <c r="Q7692" s="19"/>
      <c r="R7692" s="19"/>
      <c r="S7692" s="19"/>
      <c r="T7692" s="19">
        <v>160</v>
      </c>
      <c r="U7692" s="19"/>
      <c r="V7692" s="19"/>
      <c r="W7692" s="19"/>
      <c r="X7692" s="19">
        <v>1</v>
      </c>
      <c r="Y7692" s="19"/>
      <c r="Z7692" s="19"/>
      <c r="AA7692" s="19"/>
    </row>
    <row r="7693" spans="1:27" s="1" customFormat="1" ht="11.1" customHeight="1" outlineLevel="2" x14ac:dyDescent="0.2">
      <c r="A7693" s="17"/>
      <c r="B7693" s="17"/>
      <c r="C7693" s="17"/>
      <c r="D7693" s="18"/>
      <c r="E7693" s="18"/>
      <c r="F7693" s="18"/>
      <c r="G7693" s="18"/>
      <c r="H7693" s="18"/>
      <c r="I7693" s="18"/>
      <c r="J7693" s="18"/>
      <c r="K7693" s="18"/>
      <c r="L7693" s="18"/>
      <c r="M7693" s="18"/>
      <c r="N7693" s="18"/>
      <c r="O7693" s="18"/>
      <c r="P7693" s="19"/>
      <c r="Q7693" s="19"/>
      <c r="R7693" s="19"/>
      <c r="S7693" s="19"/>
      <c r="T7693" s="19"/>
      <c r="U7693" s="19"/>
      <c r="V7693" s="19"/>
      <c r="W7693" s="19"/>
      <c r="X7693" s="19"/>
      <c r="Y7693" s="19"/>
      <c r="Z7693" s="19"/>
      <c r="AA7693" s="19"/>
    </row>
    <row r="7694" spans="1:27" s="1" customFormat="1" ht="11.1" customHeight="1" outlineLevel="2" x14ac:dyDescent="0.2">
      <c r="A7694" s="17">
        <v>1103</v>
      </c>
      <c r="B7694" s="17"/>
      <c r="C7694" s="17"/>
      <c r="D7694" s="18" t="s">
        <v>3807</v>
      </c>
      <c r="E7694" s="18"/>
      <c r="F7694" s="18"/>
      <c r="G7694" s="18"/>
      <c r="H7694" s="18"/>
      <c r="I7694" s="18"/>
      <c r="J7694" s="18"/>
      <c r="K7694" s="18"/>
      <c r="L7694" s="18"/>
      <c r="M7694" s="18"/>
      <c r="N7694" s="18"/>
      <c r="O7694" s="18"/>
      <c r="P7694" s="19">
        <v>300</v>
      </c>
      <c r="Q7694" s="19"/>
      <c r="R7694" s="19"/>
      <c r="S7694" s="19"/>
      <c r="T7694" s="19">
        <v>260</v>
      </c>
      <c r="U7694" s="19"/>
      <c r="V7694" s="19"/>
      <c r="W7694" s="19"/>
      <c r="X7694" s="19">
        <v>1</v>
      </c>
      <c r="Y7694" s="19"/>
      <c r="Z7694" s="19"/>
      <c r="AA7694" s="19"/>
    </row>
    <row r="7695" spans="1:27" s="1" customFormat="1" ht="11.1" customHeight="1" outlineLevel="2" x14ac:dyDescent="0.2">
      <c r="A7695" s="17"/>
      <c r="B7695" s="17"/>
      <c r="C7695" s="17"/>
      <c r="D7695" s="18"/>
      <c r="E7695" s="18"/>
      <c r="F7695" s="18"/>
      <c r="G7695" s="18"/>
      <c r="H7695" s="18"/>
      <c r="I7695" s="18"/>
      <c r="J7695" s="18"/>
      <c r="K7695" s="18"/>
      <c r="L7695" s="18"/>
      <c r="M7695" s="18"/>
      <c r="N7695" s="18"/>
      <c r="O7695" s="18"/>
      <c r="P7695" s="19"/>
      <c r="Q7695" s="19"/>
      <c r="R7695" s="19"/>
      <c r="S7695" s="19"/>
      <c r="T7695" s="19"/>
      <c r="U7695" s="19"/>
      <c r="V7695" s="19"/>
      <c r="W7695" s="19"/>
      <c r="X7695" s="19"/>
      <c r="Y7695" s="19"/>
      <c r="Z7695" s="19"/>
      <c r="AA7695" s="19"/>
    </row>
    <row r="7696" spans="1:27" s="1" customFormat="1" ht="11.1" customHeight="1" outlineLevel="2" x14ac:dyDescent="0.2">
      <c r="A7696" s="17">
        <v>1108</v>
      </c>
      <c r="B7696" s="17"/>
      <c r="C7696" s="17"/>
      <c r="D7696" s="18" t="s">
        <v>3808</v>
      </c>
      <c r="E7696" s="18"/>
      <c r="F7696" s="18"/>
      <c r="G7696" s="18"/>
      <c r="H7696" s="18"/>
      <c r="I7696" s="18"/>
      <c r="J7696" s="18"/>
      <c r="K7696" s="18"/>
      <c r="L7696" s="18"/>
      <c r="M7696" s="18"/>
      <c r="N7696" s="18"/>
      <c r="O7696" s="18"/>
      <c r="P7696" s="19">
        <v>300</v>
      </c>
      <c r="Q7696" s="19"/>
      <c r="R7696" s="19"/>
      <c r="S7696" s="19"/>
      <c r="T7696" s="19">
        <v>250</v>
      </c>
      <c r="U7696" s="19"/>
      <c r="V7696" s="19"/>
      <c r="W7696" s="19"/>
      <c r="X7696" s="19">
        <v>1</v>
      </c>
      <c r="Y7696" s="19"/>
      <c r="Z7696" s="19"/>
      <c r="AA7696" s="19"/>
    </row>
    <row r="7697" spans="1:27" s="1" customFormat="1" ht="11.1" customHeight="1" outlineLevel="2" x14ac:dyDescent="0.2">
      <c r="A7697" s="17"/>
      <c r="B7697" s="17"/>
      <c r="C7697" s="17"/>
      <c r="D7697" s="18"/>
      <c r="E7697" s="18"/>
      <c r="F7697" s="18"/>
      <c r="G7697" s="18"/>
      <c r="H7697" s="18"/>
      <c r="I7697" s="18"/>
      <c r="J7697" s="18"/>
      <c r="K7697" s="18"/>
      <c r="L7697" s="18"/>
      <c r="M7697" s="18"/>
      <c r="N7697" s="18"/>
      <c r="O7697" s="18"/>
      <c r="P7697" s="19"/>
      <c r="Q7697" s="19"/>
      <c r="R7697" s="19"/>
      <c r="S7697" s="19"/>
      <c r="T7697" s="19"/>
      <c r="U7697" s="19"/>
      <c r="V7697" s="19"/>
      <c r="W7697" s="19"/>
      <c r="X7697" s="19"/>
      <c r="Y7697" s="19"/>
      <c r="Z7697" s="19"/>
      <c r="AA7697" s="19"/>
    </row>
    <row r="7698" spans="1:27" s="1" customFormat="1" ht="11.1" customHeight="1" outlineLevel="1" x14ac:dyDescent="0.2">
      <c r="A7698" s="16" t="s">
        <v>1408</v>
      </c>
      <c r="B7698" s="16"/>
      <c r="C7698" s="16"/>
      <c r="D7698" s="16"/>
      <c r="E7698" s="16"/>
      <c r="F7698" s="16"/>
      <c r="G7698" s="16"/>
      <c r="H7698" s="16"/>
      <c r="I7698" s="16"/>
      <c r="J7698" s="16"/>
      <c r="K7698" s="16"/>
      <c r="L7698" s="16"/>
      <c r="M7698" s="16"/>
      <c r="N7698" s="16"/>
      <c r="O7698" s="16"/>
      <c r="P7698" s="16"/>
      <c r="Q7698" s="16"/>
      <c r="R7698" s="16"/>
      <c r="S7698" s="16"/>
      <c r="T7698" s="16"/>
      <c r="U7698" s="16"/>
      <c r="V7698" s="16"/>
      <c r="W7698" s="16"/>
      <c r="X7698" s="16"/>
      <c r="Y7698" s="16"/>
      <c r="Z7698" s="16"/>
      <c r="AA7698" s="16"/>
    </row>
    <row r="7699" spans="1:27" s="1" customFormat="1" ht="11.1" customHeight="1" outlineLevel="1" x14ac:dyDescent="0.2">
      <c r="A7699" s="16"/>
      <c r="B7699" s="16"/>
      <c r="C7699" s="16"/>
      <c r="D7699" s="16"/>
      <c r="E7699" s="16"/>
      <c r="F7699" s="16"/>
      <c r="G7699" s="16"/>
      <c r="H7699" s="16"/>
      <c r="I7699" s="16"/>
      <c r="J7699" s="16"/>
      <c r="K7699" s="16"/>
      <c r="L7699" s="16"/>
      <c r="M7699" s="16"/>
      <c r="N7699" s="16"/>
      <c r="O7699" s="16"/>
      <c r="P7699" s="16"/>
      <c r="Q7699" s="16"/>
      <c r="R7699" s="16"/>
      <c r="S7699" s="16"/>
      <c r="T7699" s="16"/>
      <c r="U7699" s="16"/>
      <c r="V7699" s="16"/>
      <c r="W7699" s="16"/>
      <c r="X7699" s="16"/>
      <c r="Y7699" s="16"/>
      <c r="Z7699" s="16"/>
      <c r="AA7699" s="16"/>
    </row>
    <row r="7700" spans="1:27" s="1" customFormat="1" ht="11.1" customHeight="1" outlineLevel="2" x14ac:dyDescent="0.2">
      <c r="A7700" s="17">
        <v>7954</v>
      </c>
      <c r="B7700" s="17"/>
      <c r="C7700" s="17"/>
      <c r="D7700" s="18" t="s">
        <v>3809</v>
      </c>
      <c r="E7700" s="18"/>
      <c r="F7700" s="18"/>
      <c r="G7700" s="18"/>
      <c r="H7700" s="18"/>
      <c r="I7700" s="18"/>
      <c r="J7700" s="18"/>
      <c r="K7700" s="18"/>
      <c r="L7700" s="18"/>
      <c r="M7700" s="18"/>
      <c r="N7700" s="18"/>
      <c r="O7700" s="18"/>
      <c r="P7700" s="19">
        <v>490</v>
      </c>
      <c r="Q7700" s="19"/>
      <c r="R7700" s="19"/>
      <c r="S7700" s="19"/>
      <c r="T7700" s="19">
        <v>440</v>
      </c>
      <c r="U7700" s="19"/>
      <c r="V7700" s="19"/>
      <c r="W7700" s="19"/>
      <c r="X7700" s="19">
        <v>1</v>
      </c>
      <c r="Y7700" s="19"/>
      <c r="Z7700" s="19"/>
      <c r="AA7700" s="19"/>
    </row>
    <row r="7701" spans="1:27" s="1" customFormat="1" ht="11.1" customHeight="1" outlineLevel="2" x14ac:dyDescent="0.2">
      <c r="A7701" s="17"/>
      <c r="B7701" s="17"/>
      <c r="C7701" s="17"/>
      <c r="D7701" s="18"/>
      <c r="E7701" s="18"/>
      <c r="F7701" s="18"/>
      <c r="G7701" s="18"/>
      <c r="H7701" s="18"/>
      <c r="I7701" s="18"/>
      <c r="J7701" s="18"/>
      <c r="K7701" s="18"/>
      <c r="L7701" s="18"/>
      <c r="M7701" s="18"/>
      <c r="N7701" s="18"/>
      <c r="O7701" s="18"/>
      <c r="P7701" s="19"/>
      <c r="Q7701" s="19"/>
      <c r="R7701" s="19"/>
      <c r="S7701" s="19"/>
      <c r="T7701" s="19"/>
      <c r="U7701" s="19"/>
      <c r="V7701" s="19"/>
      <c r="W7701" s="19"/>
      <c r="X7701" s="19"/>
      <c r="Y7701" s="19"/>
      <c r="Z7701" s="19"/>
      <c r="AA7701" s="19"/>
    </row>
    <row r="7702" spans="1:27" s="1" customFormat="1" ht="11.1" customHeight="1" outlineLevel="2" x14ac:dyDescent="0.2">
      <c r="A7702" s="17">
        <v>6427</v>
      </c>
      <c r="B7702" s="17"/>
      <c r="C7702" s="17"/>
      <c r="D7702" s="18" t="s">
        <v>3810</v>
      </c>
      <c r="E7702" s="18"/>
      <c r="F7702" s="18"/>
      <c r="G7702" s="18"/>
      <c r="H7702" s="18"/>
      <c r="I7702" s="18"/>
      <c r="J7702" s="18"/>
      <c r="K7702" s="18"/>
      <c r="L7702" s="18"/>
      <c r="M7702" s="18"/>
      <c r="N7702" s="18"/>
      <c r="O7702" s="18"/>
      <c r="P7702" s="19">
        <v>540</v>
      </c>
      <c r="Q7702" s="19"/>
      <c r="R7702" s="19"/>
      <c r="S7702" s="19"/>
      <c r="T7702" s="19">
        <v>490</v>
      </c>
      <c r="U7702" s="19"/>
      <c r="V7702" s="19"/>
      <c r="W7702" s="19"/>
      <c r="X7702" s="19">
        <v>1</v>
      </c>
      <c r="Y7702" s="19"/>
      <c r="Z7702" s="19"/>
      <c r="AA7702" s="19"/>
    </row>
    <row r="7703" spans="1:27" s="1" customFormat="1" ht="11.1" customHeight="1" outlineLevel="2" x14ac:dyDescent="0.2">
      <c r="A7703" s="17"/>
      <c r="B7703" s="17"/>
      <c r="C7703" s="17"/>
      <c r="D7703" s="18"/>
      <c r="E7703" s="18"/>
      <c r="F7703" s="18"/>
      <c r="G7703" s="18"/>
      <c r="H7703" s="18"/>
      <c r="I7703" s="18"/>
      <c r="J7703" s="18"/>
      <c r="K7703" s="18"/>
      <c r="L7703" s="18"/>
      <c r="M7703" s="18"/>
      <c r="N7703" s="18"/>
      <c r="O7703" s="18"/>
      <c r="P7703" s="19"/>
      <c r="Q7703" s="19"/>
      <c r="R7703" s="19"/>
      <c r="S7703" s="19"/>
      <c r="T7703" s="19"/>
      <c r="U7703" s="19"/>
      <c r="V7703" s="19"/>
      <c r="W7703" s="19"/>
      <c r="X7703" s="19"/>
      <c r="Y7703" s="19"/>
      <c r="Z7703" s="19"/>
      <c r="AA7703" s="19"/>
    </row>
    <row r="7704" spans="1:27" s="1" customFormat="1" ht="11.1" customHeight="1" outlineLevel="2" x14ac:dyDescent="0.2">
      <c r="A7704" s="17">
        <v>6647</v>
      </c>
      <c r="B7704" s="17"/>
      <c r="C7704" s="17"/>
      <c r="D7704" s="18" t="s">
        <v>3811</v>
      </c>
      <c r="E7704" s="18"/>
      <c r="F7704" s="18"/>
      <c r="G7704" s="18"/>
      <c r="H7704" s="18"/>
      <c r="I7704" s="18"/>
      <c r="J7704" s="18"/>
      <c r="K7704" s="18"/>
      <c r="L7704" s="18"/>
      <c r="M7704" s="18"/>
      <c r="N7704" s="18"/>
      <c r="O7704" s="18"/>
      <c r="P7704" s="19">
        <v>700</v>
      </c>
      <c r="Q7704" s="19"/>
      <c r="R7704" s="19"/>
      <c r="S7704" s="19"/>
      <c r="T7704" s="19">
        <v>650</v>
      </c>
      <c r="U7704" s="19"/>
      <c r="V7704" s="19"/>
      <c r="W7704" s="19"/>
      <c r="X7704" s="19">
        <v>1</v>
      </c>
      <c r="Y7704" s="19"/>
      <c r="Z7704" s="19"/>
      <c r="AA7704" s="19"/>
    </row>
    <row r="7705" spans="1:27" s="1" customFormat="1" ht="11.1" customHeight="1" outlineLevel="2" x14ac:dyDescent="0.2">
      <c r="A7705" s="17"/>
      <c r="B7705" s="17"/>
      <c r="C7705" s="17"/>
      <c r="D7705" s="18"/>
      <c r="E7705" s="18"/>
      <c r="F7705" s="18"/>
      <c r="G7705" s="18"/>
      <c r="H7705" s="18"/>
      <c r="I7705" s="18"/>
      <c r="J7705" s="18"/>
      <c r="K7705" s="18"/>
      <c r="L7705" s="18"/>
      <c r="M7705" s="18"/>
      <c r="N7705" s="18"/>
      <c r="O7705" s="18"/>
      <c r="P7705" s="19"/>
      <c r="Q7705" s="19"/>
      <c r="R7705" s="19"/>
      <c r="S7705" s="19"/>
      <c r="T7705" s="19"/>
      <c r="U7705" s="19"/>
      <c r="V7705" s="19"/>
      <c r="W7705" s="19"/>
      <c r="X7705" s="19"/>
      <c r="Y7705" s="19"/>
      <c r="Z7705" s="19"/>
      <c r="AA7705" s="19"/>
    </row>
    <row r="7706" spans="1:27" s="1" customFormat="1" ht="11.1" customHeight="1" outlineLevel="2" x14ac:dyDescent="0.2">
      <c r="A7706" s="17">
        <v>12386</v>
      </c>
      <c r="B7706" s="17"/>
      <c r="C7706" s="17"/>
      <c r="D7706" s="18" t="s">
        <v>3812</v>
      </c>
      <c r="E7706" s="18"/>
      <c r="F7706" s="18"/>
      <c r="G7706" s="18"/>
      <c r="H7706" s="18"/>
      <c r="I7706" s="18"/>
      <c r="J7706" s="18"/>
      <c r="K7706" s="18"/>
      <c r="L7706" s="18"/>
      <c r="M7706" s="18"/>
      <c r="N7706" s="18"/>
      <c r="O7706" s="18"/>
      <c r="P7706" s="19">
        <v>650</v>
      </c>
      <c r="Q7706" s="19"/>
      <c r="R7706" s="19"/>
      <c r="S7706" s="19"/>
      <c r="T7706" s="19">
        <v>600</v>
      </c>
      <c r="U7706" s="19"/>
      <c r="V7706" s="19"/>
      <c r="W7706" s="19"/>
      <c r="X7706" s="19">
        <v>1</v>
      </c>
      <c r="Y7706" s="19"/>
      <c r="Z7706" s="19"/>
      <c r="AA7706" s="19"/>
    </row>
    <row r="7707" spans="1:27" s="1" customFormat="1" ht="11.1" customHeight="1" outlineLevel="2" x14ac:dyDescent="0.2">
      <c r="A7707" s="17"/>
      <c r="B7707" s="17"/>
      <c r="C7707" s="17"/>
      <c r="D7707" s="18"/>
      <c r="E7707" s="18"/>
      <c r="F7707" s="18"/>
      <c r="G7707" s="18"/>
      <c r="H7707" s="18"/>
      <c r="I7707" s="18"/>
      <c r="J7707" s="18"/>
      <c r="K7707" s="18"/>
      <c r="L7707" s="18"/>
      <c r="M7707" s="18"/>
      <c r="N7707" s="18"/>
      <c r="O7707" s="18"/>
      <c r="P7707" s="19"/>
      <c r="Q7707" s="19"/>
      <c r="R7707" s="19"/>
      <c r="S7707" s="19"/>
      <c r="T7707" s="19"/>
      <c r="U7707" s="19"/>
      <c r="V7707" s="19"/>
      <c r="W7707" s="19"/>
      <c r="X7707" s="19"/>
      <c r="Y7707" s="19"/>
      <c r="Z7707" s="19"/>
      <c r="AA7707" s="19"/>
    </row>
    <row r="7708" spans="1:27" s="1" customFormat="1" ht="11.1" customHeight="1" outlineLevel="2" x14ac:dyDescent="0.2">
      <c r="A7708" s="17">
        <v>4645</v>
      </c>
      <c r="B7708" s="17"/>
      <c r="C7708" s="17"/>
      <c r="D7708" s="18" t="s">
        <v>3813</v>
      </c>
      <c r="E7708" s="18"/>
      <c r="F7708" s="18"/>
      <c r="G7708" s="18"/>
      <c r="H7708" s="18"/>
      <c r="I7708" s="18"/>
      <c r="J7708" s="18"/>
      <c r="K7708" s="18"/>
      <c r="L7708" s="18"/>
      <c r="M7708" s="18"/>
      <c r="N7708" s="18"/>
      <c r="O7708" s="18"/>
      <c r="P7708" s="19">
        <v>600</v>
      </c>
      <c r="Q7708" s="19"/>
      <c r="R7708" s="19"/>
      <c r="S7708" s="19"/>
      <c r="T7708" s="19">
        <v>540</v>
      </c>
      <c r="U7708" s="19"/>
      <c r="V7708" s="19"/>
      <c r="W7708" s="19"/>
      <c r="X7708" s="19">
        <v>2</v>
      </c>
      <c r="Y7708" s="19"/>
      <c r="Z7708" s="19"/>
      <c r="AA7708" s="19"/>
    </row>
    <row r="7709" spans="1:27" s="1" customFormat="1" ht="11.1" customHeight="1" outlineLevel="2" x14ac:dyDescent="0.2">
      <c r="A7709" s="17"/>
      <c r="B7709" s="17"/>
      <c r="C7709" s="17"/>
      <c r="D7709" s="18"/>
      <c r="E7709" s="18"/>
      <c r="F7709" s="18"/>
      <c r="G7709" s="18"/>
      <c r="H7709" s="18"/>
      <c r="I7709" s="18"/>
      <c r="J7709" s="18"/>
      <c r="K7709" s="18"/>
      <c r="L7709" s="18"/>
      <c r="M7709" s="18"/>
      <c r="N7709" s="18"/>
      <c r="O7709" s="18"/>
      <c r="P7709" s="19"/>
      <c r="Q7709" s="19"/>
      <c r="R7709" s="19"/>
      <c r="S7709" s="19"/>
      <c r="T7709" s="19"/>
      <c r="U7709" s="19"/>
      <c r="V7709" s="19"/>
      <c r="W7709" s="19"/>
      <c r="X7709" s="19"/>
      <c r="Y7709" s="19"/>
      <c r="Z7709" s="19"/>
      <c r="AA7709" s="19"/>
    </row>
    <row r="7710" spans="1:27" s="1" customFormat="1" ht="11.1" customHeight="1" outlineLevel="2" x14ac:dyDescent="0.2">
      <c r="A7710" s="17">
        <v>11509</v>
      </c>
      <c r="B7710" s="17"/>
      <c r="C7710" s="17"/>
      <c r="D7710" s="18" t="s">
        <v>3814</v>
      </c>
      <c r="E7710" s="18"/>
      <c r="F7710" s="18"/>
      <c r="G7710" s="18"/>
      <c r="H7710" s="18"/>
      <c r="I7710" s="18"/>
      <c r="J7710" s="18"/>
      <c r="K7710" s="18"/>
      <c r="L7710" s="18"/>
      <c r="M7710" s="18"/>
      <c r="N7710" s="18"/>
      <c r="O7710" s="18"/>
      <c r="P7710" s="19">
        <v>440</v>
      </c>
      <c r="Q7710" s="19"/>
      <c r="R7710" s="19"/>
      <c r="S7710" s="19"/>
      <c r="T7710" s="19">
        <v>310</v>
      </c>
      <c r="U7710" s="19"/>
      <c r="V7710" s="19"/>
      <c r="W7710" s="19"/>
      <c r="X7710" s="19">
        <v>6</v>
      </c>
      <c r="Y7710" s="19"/>
      <c r="Z7710" s="19"/>
      <c r="AA7710" s="19"/>
    </row>
    <row r="7711" spans="1:27" s="1" customFormat="1" ht="11.1" customHeight="1" outlineLevel="2" x14ac:dyDescent="0.2">
      <c r="A7711" s="17"/>
      <c r="B7711" s="17"/>
      <c r="C7711" s="17"/>
      <c r="D7711" s="18"/>
      <c r="E7711" s="18"/>
      <c r="F7711" s="18"/>
      <c r="G7711" s="18"/>
      <c r="H7711" s="18"/>
      <c r="I7711" s="18"/>
      <c r="J7711" s="18"/>
      <c r="K7711" s="18"/>
      <c r="L7711" s="18"/>
      <c r="M7711" s="18"/>
      <c r="N7711" s="18"/>
      <c r="O7711" s="18"/>
      <c r="P7711" s="19"/>
      <c r="Q7711" s="19"/>
      <c r="R7711" s="19"/>
      <c r="S7711" s="19"/>
      <c r="T7711" s="19"/>
      <c r="U7711" s="19"/>
      <c r="V7711" s="19"/>
      <c r="W7711" s="19"/>
      <c r="X7711" s="19"/>
      <c r="Y7711" s="19"/>
      <c r="Z7711" s="19"/>
      <c r="AA7711" s="19"/>
    </row>
    <row r="7712" spans="1:27" s="1" customFormat="1" ht="11.1" customHeight="1" outlineLevel="2" x14ac:dyDescent="0.2">
      <c r="A7712" s="17">
        <v>10144</v>
      </c>
      <c r="B7712" s="17"/>
      <c r="C7712" s="17"/>
      <c r="D7712" s="18" t="s">
        <v>3815</v>
      </c>
      <c r="E7712" s="18"/>
      <c r="F7712" s="18"/>
      <c r="G7712" s="18"/>
      <c r="H7712" s="18"/>
      <c r="I7712" s="18"/>
      <c r="J7712" s="18"/>
      <c r="K7712" s="18"/>
      <c r="L7712" s="18"/>
      <c r="M7712" s="18"/>
      <c r="N7712" s="18"/>
      <c r="O7712" s="18"/>
      <c r="P7712" s="19">
        <v>450</v>
      </c>
      <c r="Q7712" s="19"/>
      <c r="R7712" s="19"/>
      <c r="S7712" s="19"/>
      <c r="T7712" s="19">
        <v>400</v>
      </c>
      <c r="U7712" s="19"/>
      <c r="V7712" s="19"/>
      <c r="W7712" s="19"/>
      <c r="X7712" s="19">
        <v>1</v>
      </c>
      <c r="Y7712" s="19"/>
      <c r="Z7712" s="19"/>
      <c r="AA7712" s="19"/>
    </row>
    <row r="7713" spans="1:27" s="1" customFormat="1" ht="11.1" customHeight="1" outlineLevel="2" x14ac:dyDescent="0.2">
      <c r="A7713" s="17"/>
      <c r="B7713" s="17"/>
      <c r="C7713" s="17"/>
      <c r="D7713" s="18"/>
      <c r="E7713" s="18"/>
      <c r="F7713" s="18"/>
      <c r="G7713" s="18"/>
      <c r="H7713" s="18"/>
      <c r="I7713" s="18"/>
      <c r="J7713" s="18"/>
      <c r="K7713" s="18"/>
      <c r="L7713" s="18"/>
      <c r="M7713" s="18"/>
      <c r="N7713" s="18"/>
      <c r="O7713" s="18"/>
      <c r="P7713" s="19"/>
      <c r="Q7713" s="19"/>
      <c r="R7713" s="19"/>
      <c r="S7713" s="19"/>
      <c r="T7713" s="19"/>
      <c r="U7713" s="19"/>
      <c r="V7713" s="19"/>
      <c r="W7713" s="19"/>
      <c r="X7713" s="19"/>
      <c r="Y7713" s="19"/>
      <c r="Z7713" s="19"/>
      <c r="AA7713" s="19"/>
    </row>
    <row r="7714" spans="1:27" s="1" customFormat="1" ht="11.1" customHeight="1" outlineLevel="2" x14ac:dyDescent="0.2">
      <c r="A7714" s="17">
        <v>8900</v>
      </c>
      <c r="B7714" s="17"/>
      <c r="C7714" s="17"/>
      <c r="D7714" s="18" t="s">
        <v>3816</v>
      </c>
      <c r="E7714" s="18"/>
      <c r="F7714" s="18"/>
      <c r="G7714" s="18"/>
      <c r="H7714" s="18"/>
      <c r="I7714" s="18"/>
      <c r="J7714" s="18"/>
      <c r="K7714" s="18"/>
      <c r="L7714" s="18"/>
      <c r="M7714" s="18"/>
      <c r="N7714" s="18"/>
      <c r="O7714" s="18"/>
      <c r="P7714" s="19">
        <v>490</v>
      </c>
      <c r="Q7714" s="19"/>
      <c r="R7714" s="19"/>
      <c r="S7714" s="19"/>
      <c r="T7714" s="19">
        <v>420</v>
      </c>
      <c r="U7714" s="19"/>
      <c r="V7714" s="19"/>
      <c r="W7714" s="19"/>
      <c r="X7714" s="19">
        <v>5</v>
      </c>
      <c r="Y7714" s="19"/>
      <c r="Z7714" s="19"/>
      <c r="AA7714" s="19"/>
    </row>
    <row r="7715" spans="1:27" s="1" customFormat="1" ht="11.1" customHeight="1" outlineLevel="2" x14ac:dyDescent="0.2">
      <c r="A7715" s="17"/>
      <c r="B7715" s="17"/>
      <c r="C7715" s="17"/>
      <c r="D7715" s="18"/>
      <c r="E7715" s="18"/>
      <c r="F7715" s="18"/>
      <c r="G7715" s="18"/>
      <c r="H7715" s="18"/>
      <c r="I7715" s="18"/>
      <c r="J7715" s="18"/>
      <c r="K7715" s="18"/>
      <c r="L7715" s="18"/>
      <c r="M7715" s="18"/>
      <c r="N7715" s="18"/>
      <c r="O7715" s="18"/>
      <c r="P7715" s="19"/>
      <c r="Q7715" s="19"/>
      <c r="R7715" s="19"/>
      <c r="S7715" s="19"/>
      <c r="T7715" s="19"/>
      <c r="U7715" s="19"/>
      <c r="V7715" s="19"/>
      <c r="W7715" s="19"/>
      <c r="X7715" s="19"/>
      <c r="Y7715" s="19"/>
      <c r="Z7715" s="19"/>
      <c r="AA7715" s="19"/>
    </row>
    <row r="7716" spans="1:27" s="1" customFormat="1" ht="11.1" customHeight="1" outlineLevel="2" x14ac:dyDescent="0.2">
      <c r="A7716" s="17">
        <v>11881</v>
      </c>
      <c r="B7716" s="17"/>
      <c r="C7716" s="17"/>
      <c r="D7716" s="18" t="s">
        <v>3817</v>
      </c>
      <c r="E7716" s="18"/>
      <c r="F7716" s="18"/>
      <c r="G7716" s="18"/>
      <c r="H7716" s="18"/>
      <c r="I7716" s="18"/>
      <c r="J7716" s="18"/>
      <c r="K7716" s="18"/>
      <c r="L7716" s="18"/>
      <c r="M7716" s="18"/>
      <c r="N7716" s="18"/>
      <c r="O7716" s="18"/>
      <c r="P7716" s="19">
        <v>600</v>
      </c>
      <c r="Q7716" s="19"/>
      <c r="R7716" s="19"/>
      <c r="S7716" s="19"/>
      <c r="T7716" s="19">
        <v>550</v>
      </c>
      <c r="U7716" s="19"/>
      <c r="V7716" s="19"/>
      <c r="W7716" s="19"/>
      <c r="X7716" s="19">
        <v>1</v>
      </c>
      <c r="Y7716" s="19"/>
      <c r="Z7716" s="19"/>
      <c r="AA7716" s="19"/>
    </row>
    <row r="7717" spans="1:27" s="1" customFormat="1" ht="11.1" customHeight="1" outlineLevel="2" x14ac:dyDescent="0.2">
      <c r="A7717" s="17"/>
      <c r="B7717" s="17"/>
      <c r="C7717" s="17"/>
      <c r="D7717" s="18"/>
      <c r="E7717" s="18"/>
      <c r="F7717" s="18"/>
      <c r="G7717" s="18"/>
      <c r="H7717" s="18"/>
      <c r="I7717" s="18"/>
      <c r="J7717" s="18"/>
      <c r="K7717" s="18"/>
      <c r="L7717" s="18"/>
      <c r="M7717" s="18"/>
      <c r="N7717" s="18"/>
      <c r="O7717" s="18"/>
      <c r="P7717" s="19"/>
      <c r="Q7717" s="19"/>
      <c r="R7717" s="19"/>
      <c r="S7717" s="19"/>
      <c r="T7717" s="19"/>
      <c r="U7717" s="19"/>
      <c r="V7717" s="19"/>
      <c r="W7717" s="19"/>
      <c r="X7717" s="19"/>
      <c r="Y7717" s="19"/>
      <c r="Z7717" s="19"/>
      <c r="AA7717" s="19"/>
    </row>
    <row r="7718" spans="1:27" s="1" customFormat="1" ht="11.1" customHeight="1" outlineLevel="2" x14ac:dyDescent="0.2">
      <c r="A7718" s="17">
        <v>8641</v>
      </c>
      <c r="B7718" s="17"/>
      <c r="C7718" s="17"/>
      <c r="D7718" s="18" t="s">
        <v>3818</v>
      </c>
      <c r="E7718" s="18"/>
      <c r="F7718" s="18"/>
      <c r="G7718" s="18"/>
      <c r="H7718" s="18"/>
      <c r="I7718" s="18"/>
      <c r="J7718" s="18"/>
      <c r="K7718" s="18"/>
      <c r="L7718" s="18"/>
      <c r="M7718" s="18"/>
      <c r="N7718" s="18"/>
      <c r="O7718" s="18"/>
      <c r="P7718" s="19">
        <v>620</v>
      </c>
      <c r="Q7718" s="19"/>
      <c r="R7718" s="19"/>
      <c r="S7718" s="19"/>
      <c r="T7718" s="19">
        <v>550</v>
      </c>
      <c r="U7718" s="19"/>
      <c r="V7718" s="19"/>
      <c r="W7718" s="19"/>
      <c r="X7718" s="19">
        <v>1</v>
      </c>
      <c r="Y7718" s="19"/>
      <c r="Z7718" s="19"/>
      <c r="AA7718" s="19"/>
    </row>
    <row r="7719" spans="1:27" s="1" customFormat="1" ht="11.1" customHeight="1" outlineLevel="2" x14ac:dyDescent="0.2">
      <c r="A7719" s="17"/>
      <c r="B7719" s="17"/>
      <c r="C7719" s="17"/>
      <c r="D7719" s="18"/>
      <c r="E7719" s="18"/>
      <c r="F7719" s="18"/>
      <c r="G7719" s="18"/>
      <c r="H7719" s="18"/>
      <c r="I7719" s="18"/>
      <c r="J7719" s="18"/>
      <c r="K7719" s="18"/>
      <c r="L7719" s="18"/>
      <c r="M7719" s="18"/>
      <c r="N7719" s="18"/>
      <c r="O7719" s="18"/>
      <c r="P7719" s="19"/>
      <c r="Q7719" s="19"/>
      <c r="R7719" s="19"/>
      <c r="S7719" s="19"/>
      <c r="T7719" s="19"/>
      <c r="U7719" s="19"/>
      <c r="V7719" s="19"/>
      <c r="W7719" s="19"/>
      <c r="X7719" s="19"/>
      <c r="Y7719" s="19"/>
      <c r="Z7719" s="19"/>
      <c r="AA7719" s="19"/>
    </row>
    <row r="7720" spans="1:27" s="1" customFormat="1" ht="11.1" customHeight="1" outlineLevel="2" x14ac:dyDescent="0.2">
      <c r="A7720" s="17">
        <v>10461</v>
      </c>
      <c r="B7720" s="17"/>
      <c r="C7720" s="17"/>
      <c r="D7720" s="18" t="s">
        <v>3819</v>
      </c>
      <c r="E7720" s="18"/>
      <c r="F7720" s="18"/>
      <c r="G7720" s="18"/>
      <c r="H7720" s="18"/>
      <c r="I7720" s="18"/>
      <c r="J7720" s="18"/>
      <c r="K7720" s="18"/>
      <c r="L7720" s="18"/>
      <c r="M7720" s="18"/>
      <c r="N7720" s="18"/>
      <c r="O7720" s="18"/>
      <c r="P7720" s="19">
        <v>550</v>
      </c>
      <c r="Q7720" s="19"/>
      <c r="R7720" s="19"/>
      <c r="S7720" s="19"/>
      <c r="T7720" s="19">
        <v>460</v>
      </c>
      <c r="U7720" s="19"/>
      <c r="V7720" s="19"/>
      <c r="W7720" s="19"/>
      <c r="X7720" s="19">
        <v>5</v>
      </c>
      <c r="Y7720" s="19"/>
      <c r="Z7720" s="19"/>
      <c r="AA7720" s="19"/>
    </row>
    <row r="7721" spans="1:27" s="1" customFormat="1" ht="11.1" customHeight="1" outlineLevel="2" x14ac:dyDescent="0.2">
      <c r="A7721" s="17"/>
      <c r="B7721" s="17"/>
      <c r="C7721" s="17"/>
      <c r="D7721" s="18"/>
      <c r="E7721" s="18"/>
      <c r="F7721" s="18"/>
      <c r="G7721" s="18"/>
      <c r="H7721" s="18"/>
      <c r="I7721" s="18"/>
      <c r="J7721" s="18"/>
      <c r="K7721" s="18"/>
      <c r="L7721" s="18"/>
      <c r="M7721" s="18"/>
      <c r="N7721" s="18"/>
      <c r="O7721" s="18"/>
      <c r="P7721" s="19"/>
      <c r="Q7721" s="19"/>
      <c r="R7721" s="19"/>
      <c r="S7721" s="19"/>
      <c r="T7721" s="19"/>
      <c r="U7721" s="19"/>
      <c r="V7721" s="19"/>
      <c r="W7721" s="19"/>
      <c r="X7721" s="19"/>
      <c r="Y7721" s="19"/>
      <c r="Z7721" s="19"/>
      <c r="AA7721" s="19"/>
    </row>
    <row r="7722" spans="1:27" s="1" customFormat="1" ht="11.1" customHeight="1" outlineLevel="2" x14ac:dyDescent="0.2">
      <c r="A7722" s="17">
        <v>11855</v>
      </c>
      <c r="B7722" s="17"/>
      <c r="C7722" s="17"/>
      <c r="D7722" s="18" t="s">
        <v>3820</v>
      </c>
      <c r="E7722" s="18"/>
      <c r="F7722" s="18"/>
      <c r="G7722" s="18"/>
      <c r="H7722" s="18"/>
      <c r="I7722" s="18"/>
      <c r="J7722" s="18"/>
      <c r="K7722" s="18"/>
      <c r="L7722" s="18"/>
      <c r="M7722" s="18"/>
      <c r="N7722" s="18"/>
      <c r="O7722" s="18"/>
      <c r="P7722" s="19">
        <v>350</v>
      </c>
      <c r="Q7722" s="19"/>
      <c r="R7722" s="19"/>
      <c r="S7722" s="19"/>
      <c r="T7722" s="19">
        <v>290</v>
      </c>
      <c r="U7722" s="19"/>
      <c r="V7722" s="19"/>
      <c r="W7722" s="19"/>
      <c r="X7722" s="19">
        <v>10</v>
      </c>
      <c r="Y7722" s="19"/>
      <c r="Z7722" s="19"/>
      <c r="AA7722" s="19"/>
    </row>
    <row r="7723" spans="1:27" s="1" customFormat="1" ht="11.1" customHeight="1" outlineLevel="2" x14ac:dyDescent="0.2">
      <c r="A7723" s="17"/>
      <c r="B7723" s="17"/>
      <c r="C7723" s="17"/>
      <c r="D7723" s="18"/>
      <c r="E7723" s="18"/>
      <c r="F7723" s="18"/>
      <c r="G7723" s="18"/>
      <c r="H7723" s="18"/>
      <c r="I7723" s="18"/>
      <c r="J7723" s="18"/>
      <c r="K7723" s="18"/>
      <c r="L7723" s="18"/>
      <c r="M7723" s="18"/>
      <c r="N7723" s="18"/>
      <c r="O7723" s="18"/>
      <c r="P7723" s="19"/>
      <c r="Q7723" s="19"/>
      <c r="R7723" s="19"/>
      <c r="S7723" s="19"/>
      <c r="T7723" s="19"/>
      <c r="U7723" s="19"/>
      <c r="V7723" s="19"/>
      <c r="W7723" s="19"/>
      <c r="X7723" s="19"/>
      <c r="Y7723" s="19"/>
      <c r="Z7723" s="19"/>
      <c r="AA7723" s="19"/>
    </row>
    <row r="7724" spans="1:27" s="1" customFormat="1" ht="11.1" customHeight="1" outlineLevel="2" x14ac:dyDescent="0.2">
      <c r="A7724" s="17">
        <v>8648</v>
      </c>
      <c r="B7724" s="17"/>
      <c r="C7724" s="17"/>
      <c r="D7724" s="18" t="s">
        <v>3821</v>
      </c>
      <c r="E7724" s="18"/>
      <c r="F7724" s="18"/>
      <c r="G7724" s="18"/>
      <c r="H7724" s="18"/>
      <c r="I7724" s="18"/>
      <c r="J7724" s="18"/>
      <c r="K7724" s="18"/>
      <c r="L7724" s="18"/>
      <c r="M7724" s="18"/>
      <c r="N7724" s="18"/>
      <c r="O7724" s="18"/>
      <c r="P7724" s="19">
        <v>550</v>
      </c>
      <c r="Q7724" s="19"/>
      <c r="R7724" s="19"/>
      <c r="S7724" s="19"/>
      <c r="T7724" s="19">
        <v>450</v>
      </c>
      <c r="U7724" s="19"/>
      <c r="V7724" s="19"/>
      <c r="W7724" s="19"/>
      <c r="X7724" s="19">
        <v>1</v>
      </c>
      <c r="Y7724" s="19"/>
      <c r="Z7724" s="19"/>
      <c r="AA7724" s="19"/>
    </row>
    <row r="7725" spans="1:27" s="1" customFormat="1" ht="11.1" customHeight="1" outlineLevel="2" x14ac:dyDescent="0.2">
      <c r="A7725" s="17"/>
      <c r="B7725" s="17"/>
      <c r="C7725" s="17"/>
      <c r="D7725" s="18"/>
      <c r="E7725" s="18"/>
      <c r="F7725" s="18"/>
      <c r="G7725" s="18"/>
      <c r="H7725" s="18"/>
      <c r="I7725" s="18"/>
      <c r="J7725" s="18"/>
      <c r="K7725" s="18"/>
      <c r="L7725" s="18"/>
      <c r="M7725" s="18"/>
      <c r="N7725" s="18"/>
      <c r="O7725" s="18"/>
      <c r="P7725" s="19"/>
      <c r="Q7725" s="19"/>
      <c r="R7725" s="19"/>
      <c r="S7725" s="19"/>
      <c r="T7725" s="19"/>
      <c r="U7725" s="19"/>
      <c r="V7725" s="19"/>
      <c r="W7725" s="19"/>
      <c r="X7725" s="19"/>
      <c r="Y7725" s="19"/>
      <c r="Z7725" s="19"/>
      <c r="AA7725" s="19"/>
    </row>
    <row r="7726" spans="1:27" s="1" customFormat="1" ht="14.1" customHeight="1" outlineLevel="2" x14ac:dyDescent="0.2">
      <c r="A7726" s="17">
        <v>18225</v>
      </c>
      <c r="B7726" s="17"/>
      <c r="C7726" s="17"/>
      <c r="D7726" s="18" t="s">
        <v>3822</v>
      </c>
      <c r="E7726" s="18"/>
      <c r="F7726" s="18"/>
      <c r="G7726" s="18"/>
      <c r="H7726" s="18"/>
      <c r="I7726" s="18"/>
      <c r="J7726" s="18"/>
      <c r="K7726" s="18"/>
      <c r="L7726" s="18"/>
      <c r="M7726" s="18"/>
      <c r="N7726" s="18"/>
      <c r="O7726" s="18"/>
      <c r="P7726" s="19">
        <v>700</v>
      </c>
      <c r="Q7726" s="19"/>
      <c r="R7726" s="19"/>
      <c r="S7726" s="19"/>
      <c r="T7726" s="19">
        <v>545</v>
      </c>
      <c r="U7726" s="19"/>
      <c r="V7726" s="19"/>
      <c r="W7726" s="19"/>
      <c r="X7726" s="19">
        <v>1</v>
      </c>
      <c r="Y7726" s="19"/>
      <c r="Z7726" s="19"/>
      <c r="AA7726" s="19"/>
    </row>
    <row r="7727" spans="1:27" s="1" customFormat="1" ht="14.1" customHeight="1" outlineLevel="2" x14ac:dyDescent="0.2">
      <c r="A7727" s="17"/>
      <c r="B7727" s="17"/>
      <c r="C7727" s="17"/>
      <c r="D7727" s="18"/>
      <c r="E7727" s="18"/>
      <c r="F7727" s="18"/>
      <c r="G7727" s="18"/>
      <c r="H7727" s="18"/>
      <c r="I7727" s="18"/>
      <c r="J7727" s="18"/>
      <c r="K7727" s="18"/>
      <c r="L7727" s="18"/>
      <c r="M7727" s="18"/>
      <c r="N7727" s="18"/>
      <c r="O7727" s="18"/>
      <c r="P7727" s="19"/>
      <c r="Q7727" s="19"/>
      <c r="R7727" s="19"/>
      <c r="S7727" s="19"/>
      <c r="T7727" s="19"/>
      <c r="U7727" s="19"/>
      <c r="V7727" s="19"/>
      <c r="W7727" s="19"/>
      <c r="X7727" s="19"/>
      <c r="Y7727" s="19"/>
      <c r="Z7727" s="19"/>
      <c r="AA7727" s="19"/>
    </row>
    <row r="7728" spans="1:27" s="1" customFormat="1" ht="11.1" customHeight="1" outlineLevel="2" x14ac:dyDescent="0.2">
      <c r="A7728" s="17">
        <v>18226</v>
      </c>
      <c r="B7728" s="17"/>
      <c r="C7728" s="17"/>
      <c r="D7728" s="18" t="s">
        <v>3823</v>
      </c>
      <c r="E7728" s="18"/>
      <c r="F7728" s="18"/>
      <c r="G7728" s="18"/>
      <c r="H7728" s="18"/>
      <c r="I7728" s="18"/>
      <c r="J7728" s="18"/>
      <c r="K7728" s="18"/>
      <c r="L7728" s="18"/>
      <c r="M7728" s="18"/>
      <c r="N7728" s="18"/>
      <c r="O7728" s="18"/>
      <c r="P7728" s="19">
        <v>650</v>
      </c>
      <c r="Q7728" s="19"/>
      <c r="R7728" s="19"/>
      <c r="S7728" s="19"/>
      <c r="T7728" s="19">
        <v>500</v>
      </c>
      <c r="U7728" s="19"/>
      <c r="V7728" s="19"/>
      <c r="W7728" s="19"/>
      <c r="X7728" s="19">
        <v>1</v>
      </c>
      <c r="Y7728" s="19"/>
      <c r="Z7728" s="19"/>
      <c r="AA7728" s="19"/>
    </row>
    <row r="7729" spans="1:27" s="1" customFormat="1" ht="11.1" customHeight="1" outlineLevel="2" x14ac:dyDescent="0.2">
      <c r="A7729" s="17"/>
      <c r="B7729" s="17"/>
      <c r="C7729" s="17"/>
      <c r="D7729" s="18"/>
      <c r="E7729" s="18"/>
      <c r="F7729" s="18"/>
      <c r="G7729" s="18"/>
      <c r="H7729" s="18"/>
      <c r="I7729" s="18"/>
      <c r="J7729" s="18"/>
      <c r="K7729" s="18"/>
      <c r="L7729" s="18"/>
      <c r="M7729" s="18"/>
      <c r="N7729" s="18"/>
      <c r="O7729" s="18"/>
      <c r="P7729" s="19"/>
      <c r="Q7729" s="19"/>
      <c r="R7729" s="19"/>
      <c r="S7729" s="19"/>
      <c r="T7729" s="19"/>
      <c r="U7729" s="19"/>
      <c r="V7729" s="19"/>
      <c r="W7729" s="19"/>
      <c r="X7729" s="19"/>
      <c r="Y7729" s="19"/>
      <c r="Z7729" s="19"/>
      <c r="AA7729" s="19"/>
    </row>
    <row r="7730" spans="1:27" s="1" customFormat="1" ht="14.1" customHeight="1" outlineLevel="2" x14ac:dyDescent="0.2">
      <c r="A7730" s="17">
        <v>18221</v>
      </c>
      <c r="B7730" s="17"/>
      <c r="C7730" s="17"/>
      <c r="D7730" s="18" t="s">
        <v>3824</v>
      </c>
      <c r="E7730" s="18"/>
      <c r="F7730" s="18"/>
      <c r="G7730" s="18"/>
      <c r="H7730" s="18"/>
      <c r="I7730" s="18"/>
      <c r="J7730" s="18"/>
      <c r="K7730" s="18"/>
      <c r="L7730" s="18"/>
      <c r="M7730" s="18"/>
      <c r="N7730" s="18"/>
      <c r="O7730" s="18"/>
      <c r="P7730" s="19">
        <v>790</v>
      </c>
      <c r="Q7730" s="19"/>
      <c r="R7730" s="19"/>
      <c r="S7730" s="19"/>
      <c r="T7730" s="19">
        <v>650</v>
      </c>
      <c r="U7730" s="19"/>
      <c r="V7730" s="19"/>
      <c r="W7730" s="19"/>
      <c r="X7730" s="19">
        <v>2</v>
      </c>
      <c r="Y7730" s="19"/>
      <c r="Z7730" s="19"/>
      <c r="AA7730" s="19"/>
    </row>
    <row r="7731" spans="1:27" s="1" customFormat="1" ht="14.1" customHeight="1" outlineLevel="2" x14ac:dyDescent="0.2">
      <c r="A7731" s="17"/>
      <c r="B7731" s="17"/>
      <c r="C7731" s="17"/>
      <c r="D7731" s="18"/>
      <c r="E7731" s="18"/>
      <c r="F7731" s="18"/>
      <c r="G7731" s="18"/>
      <c r="H7731" s="18"/>
      <c r="I7731" s="18"/>
      <c r="J7731" s="18"/>
      <c r="K7731" s="18"/>
      <c r="L7731" s="18"/>
      <c r="M7731" s="18"/>
      <c r="N7731" s="18"/>
      <c r="O7731" s="18"/>
      <c r="P7731" s="19"/>
      <c r="Q7731" s="19"/>
      <c r="R7731" s="19"/>
      <c r="S7731" s="19"/>
      <c r="T7731" s="19"/>
      <c r="U7731" s="19"/>
      <c r="V7731" s="19"/>
      <c r="W7731" s="19"/>
      <c r="X7731" s="19"/>
      <c r="Y7731" s="19"/>
      <c r="Z7731" s="19"/>
      <c r="AA7731" s="19"/>
    </row>
    <row r="7732" spans="1:27" s="1" customFormat="1" ht="11.1" customHeight="1" outlineLevel="2" x14ac:dyDescent="0.2">
      <c r="A7732" s="17">
        <v>18224</v>
      </c>
      <c r="B7732" s="17"/>
      <c r="C7732" s="17"/>
      <c r="D7732" s="18" t="s">
        <v>3825</v>
      </c>
      <c r="E7732" s="18"/>
      <c r="F7732" s="18"/>
      <c r="G7732" s="18"/>
      <c r="H7732" s="18"/>
      <c r="I7732" s="18"/>
      <c r="J7732" s="18"/>
      <c r="K7732" s="18"/>
      <c r="L7732" s="18"/>
      <c r="M7732" s="18"/>
      <c r="N7732" s="18"/>
      <c r="O7732" s="18"/>
      <c r="P7732" s="19">
        <v>550</v>
      </c>
      <c r="Q7732" s="19"/>
      <c r="R7732" s="19"/>
      <c r="S7732" s="19"/>
      <c r="T7732" s="19">
        <v>400</v>
      </c>
      <c r="U7732" s="19"/>
      <c r="V7732" s="19"/>
      <c r="W7732" s="19"/>
      <c r="X7732" s="19">
        <v>1</v>
      </c>
      <c r="Y7732" s="19"/>
      <c r="Z7732" s="19"/>
      <c r="AA7732" s="19"/>
    </row>
    <row r="7733" spans="1:27" s="1" customFormat="1" ht="11.1" customHeight="1" outlineLevel="2" x14ac:dyDescent="0.2">
      <c r="A7733" s="17"/>
      <c r="B7733" s="17"/>
      <c r="C7733" s="17"/>
      <c r="D7733" s="18"/>
      <c r="E7733" s="18"/>
      <c r="F7733" s="18"/>
      <c r="G7733" s="18"/>
      <c r="H7733" s="18"/>
      <c r="I7733" s="18"/>
      <c r="J7733" s="18"/>
      <c r="K7733" s="18"/>
      <c r="L7733" s="18"/>
      <c r="M7733" s="18"/>
      <c r="N7733" s="18"/>
      <c r="O7733" s="18"/>
      <c r="P7733" s="19"/>
      <c r="Q7733" s="19"/>
      <c r="R7733" s="19"/>
      <c r="S7733" s="19"/>
      <c r="T7733" s="19"/>
      <c r="U7733" s="19"/>
      <c r="V7733" s="19"/>
      <c r="W7733" s="19"/>
      <c r="X7733" s="19"/>
      <c r="Y7733" s="19"/>
      <c r="Z7733" s="19"/>
      <c r="AA7733" s="19"/>
    </row>
    <row r="7734" spans="1:27" s="1" customFormat="1" ht="11.1" customHeight="1" outlineLevel="2" x14ac:dyDescent="0.2">
      <c r="A7734" s="17">
        <v>18228</v>
      </c>
      <c r="B7734" s="17"/>
      <c r="C7734" s="17"/>
      <c r="D7734" s="18" t="s">
        <v>3826</v>
      </c>
      <c r="E7734" s="18"/>
      <c r="F7734" s="18"/>
      <c r="G7734" s="18"/>
      <c r="H7734" s="18"/>
      <c r="I7734" s="18"/>
      <c r="J7734" s="18"/>
      <c r="K7734" s="18"/>
      <c r="L7734" s="18"/>
      <c r="M7734" s="18"/>
      <c r="N7734" s="18"/>
      <c r="O7734" s="18"/>
      <c r="P7734" s="19">
        <v>850</v>
      </c>
      <c r="Q7734" s="19"/>
      <c r="R7734" s="19"/>
      <c r="S7734" s="19"/>
      <c r="T7734" s="19">
        <v>700</v>
      </c>
      <c r="U7734" s="19"/>
      <c r="V7734" s="19"/>
      <c r="W7734" s="19"/>
      <c r="X7734" s="19">
        <v>1</v>
      </c>
      <c r="Y7734" s="19"/>
      <c r="Z7734" s="19"/>
      <c r="AA7734" s="19"/>
    </row>
    <row r="7735" spans="1:27" s="1" customFormat="1" ht="11.1" customHeight="1" outlineLevel="2" x14ac:dyDescent="0.2">
      <c r="A7735" s="17"/>
      <c r="B7735" s="17"/>
      <c r="C7735" s="17"/>
      <c r="D7735" s="18"/>
      <c r="E7735" s="18"/>
      <c r="F7735" s="18"/>
      <c r="G7735" s="18"/>
      <c r="H7735" s="18"/>
      <c r="I7735" s="18"/>
      <c r="J7735" s="18"/>
      <c r="K7735" s="18"/>
      <c r="L7735" s="18"/>
      <c r="M7735" s="18"/>
      <c r="N7735" s="18"/>
      <c r="O7735" s="18"/>
      <c r="P7735" s="19"/>
      <c r="Q7735" s="19"/>
      <c r="R7735" s="19"/>
      <c r="S7735" s="19"/>
      <c r="T7735" s="19"/>
      <c r="U7735" s="19"/>
      <c r="V7735" s="19"/>
      <c r="W7735" s="19"/>
      <c r="X7735" s="19"/>
      <c r="Y7735" s="19"/>
      <c r="Z7735" s="19"/>
      <c r="AA7735" s="19"/>
    </row>
    <row r="7736" spans="1:27" s="1" customFormat="1" ht="11.1" customHeight="1" outlineLevel="2" x14ac:dyDescent="0.2">
      <c r="A7736" s="17">
        <v>18222</v>
      </c>
      <c r="B7736" s="17"/>
      <c r="C7736" s="17"/>
      <c r="D7736" s="18" t="s">
        <v>3827</v>
      </c>
      <c r="E7736" s="18"/>
      <c r="F7736" s="18"/>
      <c r="G7736" s="18"/>
      <c r="H7736" s="18"/>
      <c r="I7736" s="18"/>
      <c r="J7736" s="18"/>
      <c r="K7736" s="18"/>
      <c r="L7736" s="18"/>
      <c r="M7736" s="18"/>
      <c r="N7736" s="18"/>
      <c r="O7736" s="18"/>
      <c r="P7736" s="19">
        <v>450</v>
      </c>
      <c r="Q7736" s="19"/>
      <c r="R7736" s="19"/>
      <c r="S7736" s="19"/>
      <c r="T7736" s="19">
        <v>300</v>
      </c>
      <c r="U7736" s="19"/>
      <c r="V7736" s="19"/>
      <c r="W7736" s="19"/>
      <c r="X7736" s="19">
        <v>1</v>
      </c>
      <c r="Y7736" s="19"/>
      <c r="Z7736" s="19"/>
      <c r="AA7736" s="19"/>
    </row>
    <row r="7737" spans="1:27" s="1" customFormat="1" ht="11.1" customHeight="1" outlineLevel="2" x14ac:dyDescent="0.2">
      <c r="A7737" s="17"/>
      <c r="B7737" s="17"/>
      <c r="C7737" s="17"/>
      <c r="D7737" s="18"/>
      <c r="E7737" s="18"/>
      <c r="F7737" s="18"/>
      <c r="G7737" s="18"/>
      <c r="H7737" s="18"/>
      <c r="I7737" s="18"/>
      <c r="J7737" s="18"/>
      <c r="K7737" s="18"/>
      <c r="L7737" s="18"/>
      <c r="M7737" s="18"/>
      <c r="N7737" s="18"/>
      <c r="O7737" s="18"/>
      <c r="P7737" s="19"/>
      <c r="Q7737" s="19"/>
      <c r="R7737" s="19"/>
      <c r="S7737" s="19"/>
      <c r="T7737" s="19"/>
      <c r="U7737" s="19"/>
      <c r="V7737" s="19"/>
      <c r="W7737" s="19"/>
      <c r="X7737" s="19"/>
      <c r="Y7737" s="19"/>
      <c r="Z7737" s="19"/>
      <c r="AA7737" s="19"/>
    </row>
    <row r="7738" spans="1:27" s="1" customFormat="1" ht="14.1" customHeight="1" outlineLevel="2" x14ac:dyDescent="0.2">
      <c r="A7738" s="17">
        <v>18227</v>
      </c>
      <c r="B7738" s="17"/>
      <c r="C7738" s="17"/>
      <c r="D7738" s="18" t="s">
        <v>3828</v>
      </c>
      <c r="E7738" s="18"/>
      <c r="F7738" s="18"/>
      <c r="G7738" s="18"/>
      <c r="H7738" s="18"/>
      <c r="I7738" s="18"/>
      <c r="J7738" s="18"/>
      <c r="K7738" s="18"/>
      <c r="L7738" s="18"/>
      <c r="M7738" s="18"/>
      <c r="N7738" s="18"/>
      <c r="O7738" s="18"/>
      <c r="P7738" s="19">
        <v>550</v>
      </c>
      <c r="Q7738" s="19"/>
      <c r="R7738" s="19"/>
      <c r="S7738" s="19"/>
      <c r="T7738" s="19">
        <v>400</v>
      </c>
      <c r="U7738" s="19"/>
      <c r="V7738" s="19"/>
      <c r="W7738" s="19"/>
      <c r="X7738" s="19">
        <v>1</v>
      </c>
      <c r="Y7738" s="19"/>
      <c r="Z7738" s="19"/>
      <c r="AA7738" s="19"/>
    </row>
    <row r="7739" spans="1:27" s="1" customFormat="1" ht="14.1" customHeight="1" outlineLevel="2" x14ac:dyDescent="0.2">
      <c r="A7739" s="17"/>
      <c r="B7739" s="17"/>
      <c r="C7739" s="17"/>
      <c r="D7739" s="18"/>
      <c r="E7739" s="18"/>
      <c r="F7739" s="18"/>
      <c r="G7739" s="18"/>
      <c r="H7739" s="18"/>
      <c r="I7739" s="18"/>
      <c r="J7739" s="18"/>
      <c r="K7739" s="18"/>
      <c r="L7739" s="18"/>
      <c r="M7739" s="18"/>
      <c r="N7739" s="18"/>
      <c r="O7739" s="18"/>
      <c r="P7739" s="19"/>
      <c r="Q7739" s="19"/>
      <c r="R7739" s="19"/>
      <c r="S7739" s="19"/>
      <c r="T7739" s="19"/>
      <c r="U7739" s="19"/>
      <c r="V7739" s="19"/>
      <c r="W7739" s="19"/>
      <c r="X7739" s="19"/>
      <c r="Y7739" s="19"/>
      <c r="Z7739" s="19"/>
      <c r="AA7739" s="19"/>
    </row>
    <row r="7740" spans="1:27" s="1" customFormat="1" ht="11.1" customHeight="1" outlineLevel="2" x14ac:dyDescent="0.2">
      <c r="A7740" s="17">
        <v>18223</v>
      </c>
      <c r="B7740" s="17"/>
      <c r="C7740" s="17"/>
      <c r="D7740" s="18" t="s">
        <v>3829</v>
      </c>
      <c r="E7740" s="18"/>
      <c r="F7740" s="18"/>
      <c r="G7740" s="18"/>
      <c r="H7740" s="18"/>
      <c r="I7740" s="18"/>
      <c r="J7740" s="18"/>
      <c r="K7740" s="18"/>
      <c r="L7740" s="18"/>
      <c r="M7740" s="18"/>
      <c r="N7740" s="18"/>
      <c r="O7740" s="18"/>
      <c r="P7740" s="19">
        <v>750</v>
      </c>
      <c r="Q7740" s="19"/>
      <c r="R7740" s="19"/>
      <c r="S7740" s="19"/>
      <c r="T7740" s="19">
        <v>600</v>
      </c>
      <c r="U7740" s="19"/>
      <c r="V7740" s="19"/>
      <c r="W7740" s="19"/>
      <c r="X7740" s="19">
        <v>1</v>
      </c>
      <c r="Y7740" s="19"/>
      <c r="Z7740" s="19"/>
      <c r="AA7740" s="19"/>
    </row>
    <row r="7741" spans="1:27" s="1" customFormat="1" ht="11.1" customHeight="1" outlineLevel="2" x14ac:dyDescent="0.2">
      <c r="A7741" s="17"/>
      <c r="B7741" s="17"/>
      <c r="C7741" s="17"/>
      <c r="D7741" s="18"/>
      <c r="E7741" s="18"/>
      <c r="F7741" s="18"/>
      <c r="G7741" s="18"/>
      <c r="H7741" s="18"/>
      <c r="I7741" s="18"/>
      <c r="J7741" s="18"/>
      <c r="K7741" s="18"/>
      <c r="L7741" s="18"/>
      <c r="M7741" s="18"/>
      <c r="N7741" s="18"/>
      <c r="O7741" s="18"/>
      <c r="P7741" s="19"/>
      <c r="Q7741" s="19"/>
      <c r="R7741" s="19"/>
      <c r="S7741" s="19"/>
      <c r="T7741" s="19"/>
      <c r="U7741" s="19"/>
      <c r="V7741" s="19"/>
      <c r="W7741" s="19"/>
      <c r="X7741" s="19"/>
      <c r="Y7741" s="19"/>
      <c r="Z7741" s="19"/>
      <c r="AA7741" s="19"/>
    </row>
    <row r="7742" spans="1:27" s="1" customFormat="1" ht="11.1" customHeight="1" outlineLevel="2" x14ac:dyDescent="0.2">
      <c r="A7742" s="17">
        <v>18229</v>
      </c>
      <c r="B7742" s="17"/>
      <c r="C7742" s="17"/>
      <c r="D7742" s="18" t="s">
        <v>3830</v>
      </c>
      <c r="E7742" s="18"/>
      <c r="F7742" s="18"/>
      <c r="G7742" s="18"/>
      <c r="H7742" s="18"/>
      <c r="I7742" s="18"/>
      <c r="J7742" s="18"/>
      <c r="K7742" s="18"/>
      <c r="L7742" s="18"/>
      <c r="M7742" s="18"/>
      <c r="N7742" s="18"/>
      <c r="O7742" s="18"/>
      <c r="P7742" s="19">
        <v>750</v>
      </c>
      <c r="Q7742" s="19"/>
      <c r="R7742" s="19"/>
      <c r="S7742" s="19"/>
      <c r="T7742" s="19">
        <v>600</v>
      </c>
      <c r="U7742" s="19"/>
      <c r="V7742" s="19"/>
      <c r="W7742" s="19"/>
      <c r="X7742" s="19">
        <v>1</v>
      </c>
      <c r="Y7742" s="19"/>
      <c r="Z7742" s="19"/>
      <c r="AA7742" s="19"/>
    </row>
    <row r="7743" spans="1:27" s="1" customFormat="1" ht="11.1" customHeight="1" outlineLevel="2" x14ac:dyDescent="0.2">
      <c r="A7743" s="17"/>
      <c r="B7743" s="17"/>
      <c r="C7743" s="17"/>
      <c r="D7743" s="18"/>
      <c r="E7743" s="18"/>
      <c r="F7743" s="18"/>
      <c r="G7743" s="18"/>
      <c r="H7743" s="18"/>
      <c r="I7743" s="18"/>
      <c r="J7743" s="18"/>
      <c r="K7743" s="18"/>
      <c r="L7743" s="18"/>
      <c r="M7743" s="18"/>
      <c r="N7743" s="18"/>
      <c r="O7743" s="18"/>
      <c r="P7743" s="19"/>
      <c r="Q7743" s="19"/>
      <c r="R7743" s="19"/>
      <c r="S7743" s="19"/>
      <c r="T7743" s="19"/>
      <c r="U7743" s="19"/>
      <c r="V7743" s="19"/>
      <c r="W7743" s="19"/>
      <c r="X7743" s="19"/>
      <c r="Y7743" s="19"/>
      <c r="Z7743" s="19"/>
      <c r="AA7743" s="19"/>
    </row>
    <row r="7744" spans="1:27" s="1" customFormat="1" ht="11.1" customHeight="1" x14ac:dyDescent="0.2">
      <c r="A7744" s="16" t="s">
        <v>3831</v>
      </c>
      <c r="B7744" s="16"/>
      <c r="C7744" s="16"/>
      <c r="D7744" s="16"/>
      <c r="E7744" s="16"/>
      <c r="F7744" s="16"/>
      <c r="G7744" s="16"/>
      <c r="H7744" s="16"/>
      <c r="I7744" s="16"/>
      <c r="J7744" s="16"/>
      <c r="K7744" s="16"/>
      <c r="L7744" s="16"/>
      <c r="M7744" s="16"/>
      <c r="N7744" s="16"/>
      <c r="O7744" s="16"/>
      <c r="P7744" s="16"/>
      <c r="Q7744" s="16"/>
      <c r="R7744" s="16"/>
      <c r="S7744" s="16"/>
      <c r="T7744" s="16"/>
      <c r="U7744" s="16"/>
      <c r="V7744" s="16"/>
      <c r="W7744" s="16"/>
      <c r="X7744" s="16"/>
      <c r="Y7744" s="16"/>
      <c r="Z7744" s="16"/>
      <c r="AA7744" s="16"/>
    </row>
    <row r="7745" spans="1:27" s="1" customFormat="1" ht="11.1" customHeight="1" x14ac:dyDescent="0.2">
      <c r="A7745" s="16"/>
      <c r="B7745" s="16"/>
      <c r="C7745" s="16"/>
      <c r="D7745" s="16"/>
      <c r="E7745" s="16"/>
      <c r="F7745" s="16"/>
      <c r="G7745" s="16"/>
      <c r="H7745" s="16"/>
      <c r="I7745" s="16"/>
      <c r="J7745" s="16"/>
      <c r="K7745" s="16"/>
      <c r="L7745" s="16"/>
      <c r="M7745" s="16"/>
      <c r="N7745" s="16"/>
      <c r="O7745" s="16"/>
      <c r="P7745" s="16"/>
      <c r="Q7745" s="16"/>
      <c r="R7745" s="16"/>
      <c r="S7745" s="16"/>
      <c r="T7745" s="16"/>
      <c r="U7745" s="16"/>
      <c r="V7745" s="16"/>
      <c r="W7745" s="16"/>
      <c r="X7745" s="16"/>
      <c r="Y7745" s="16"/>
      <c r="Z7745" s="16"/>
      <c r="AA7745" s="16"/>
    </row>
    <row r="7746" spans="1:27" s="1" customFormat="1" ht="11.1" customHeight="1" x14ac:dyDescent="0.2">
      <c r="A7746" s="16" t="s">
        <v>3832</v>
      </c>
      <c r="B7746" s="16"/>
      <c r="C7746" s="16"/>
      <c r="D7746" s="16"/>
      <c r="E7746" s="16"/>
      <c r="F7746" s="16"/>
      <c r="G7746" s="16"/>
      <c r="H7746" s="16"/>
      <c r="I7746" s="16"/>
      <c r="J7746" s="16"/>
      <c r="K7746" s="16"/>
      <c r="L7746" s="16"/>
      <c r="M7746" s="16"/>
      <c r="N7746" s="16"/>
      <c r="O7746" s="16"/>
      <c r="P7746" s="16"/>
      <c r="Q7746" s="16"/>
      <c r="R7746" s="16"/>
      <c r="S7746" s="16"/>
      <c r="T7746" s="16"/>
      <c r="U7746" s="16"/>
      <c r="V7746" s="16"/>
      <c r="W7746" s="16"/>
      <c r="X7746" s="16"/>
      <c r="Y7746" s="16"/>
      <c r="Z7746" s="16"/>
      <c r="AA7746" s="16"/>
    </row>
    <row r="7747" spans="1:27" s="1" customFormat="1" ht="11.1" customHeight="1" x14ac:dyDescent="0.2">
      <c r="A7747" s="16"/>
      <c r="B7747" s="16"/>
      <c r="C7747" s="16"/>
      <c r="D7747" s="16"/>
      <c r="E7747" s="16"/>
      <c r="F7747" s="16"/>
      <c r="G7747" s="16"/>
      <c r="H7747" s="16"/>
      <c r="I7747" s="16"/>
      <c r="J7747" s="16"/>
      <c r="K7747" s="16"/>
      <c r="L7747" s="16"/>
      <c r="M7747" s="16"/>
      <c r="N7747" s="16"/>
      <c r="O7747" s="16"/>
      <c r="P7747" s="16"/>
      <c r="Q7747" s="16"/>
      <c r="R7747" s="16"/>
      <c r="S7747" s="16"/>
      <c r="T7747" s="16"/>
      <c r="U7747" s="16"/>
      <c r="V7747" s="16"/>
      <c r="W7747" s="16"/>
      <c r="X7747" s="16"/>
      <c r="Y7747" s="16"/>
      <c r="Z7747" s="16"/>
      <c r="AA7747" s="16"/>
    </row>
    <row r="7748" spans="1:27" s="1" customFormat="1" ht="11.1" customHeight="1" outlineLevel="1" x14ac:dyDescent="0.2">
      <c r="A7748" s="17">
        <v>17514</v>
      </c>
      <c r="B7748" s="17"/>
      <c r="C7748" s="17"/>
      <c r="D7748" s="18" t="s">
        <v>3833</v>
      </c>
      <c r="E7748" s="18"/>
      <c r="F7748" s="18"/>
      <c r="G7748" s="18"/>
      <c r="H7748" s="18"/>
      <c r="I7748" s="18"/>
      <c r="J7748" s="18"/>
      <c r="K7748" s="18"/>
      <c r="L7748" s="18"/>
      <c r="M7748" s="18"/>
      <c r="N7748" s="18"/>
      <c r="O7748" s="18"/>
      <c r="P7748" s="19">
        <v>90</v>
      </c>
      <c r="Q7748" s="19"/>
      <c r="R7748" s="19"/>
      <c r="S7748" s="19"/>
      <c r="T7748" s="19">
        <v>50</v>
      </c>
      <c r="U7748" s="19"/>
      <c r="V7748" s="19"/>
      <c r="W7748" s="19"/>
      <c r="X7748" s="19">
        <v>1</v>
      </c>
      <c r="Y7748" s="19"/>
      <c r="Z7748" s="19"/>
      <c r="AA7748" s="19"/>
    </row>
    <row r="7749" spans="1:27" s="1" customFormat="1" ht="11.1" customHeight="1" outlineLevel="1" x14ac:dyDescent="0.2">
      <c r="A7749" s="17"/>
      <c r="B7749" s="17"/>
      <c r="C7749" s="17"/>
      <c r="D7749" s="18"/>
      <c r="E7749" s="18"/>
      <c r="F7749" s="18"/>
      <c r="G7749" s="18"/>
      <c r="H7749" s="18"/>
      <c r="I7749" s="18"/>
      <c r="J7749" s="18"/>
      <c r="K7749" s="18"/>
      <c r="L7749" s="18"/>
      <c r="M7749" s="18"/>
      <c r="N7749" s="18"/>
      <c r="O7749" s="18"/>
      <c r="P7749" s="19"/>
      <c r="Q7749" s="19"/>
      <c r="R7749" s="19"/>
      <c r="S7749" s="19"/>
      <c r="T7749" s="19"/>
      <c r="U7749" s="19"/>
      <c r="V7749" s="19"/>
      <c r="W7749" s="19"/>
      <c r="X7749" s="19"/>
      <c r="Y7749" s="19"/>
      <c r="Z7749" s="19"/>
      <c r="AA7749" s="19"/>
    </row>
    <row r="7750" spans="1:27" s="1" customFormat="1" ht="11.1" customHeight="1" outlineLevel="1" x14ac:dyDescent="0.2">
      <c r="A7750" s="17">
        <v>17554</v>
      </c>
      <c r="B7750" s="17"/>
      <c r="C7750" s="17"/>
      <c r="D7750" s="18" t="s">
        <v>3834</v>
      </c>
      <c r="E7750" s="18"/>
      <c r="F7750" s="18"/>
      <c r="G7750" s="18"/>
      <c r="H7750" s="18"/>
      <c r="I7750" s="18"/>
      <c r="J7750" s="18"/>
      <c r="K7750" s="18"/>
      <c r="L7750" s="18"/>
      <c r="M7750" s="18"/>
      <c r="N7750" s="18"/>
      <c r="O7750" s="18"/>
      <c r="P7750" s="20">
        <v>2200</v>
      </c>
      <c r="Q7750" s="20"/>
      <c r="R7750" s="20"/>
      <c r="S7750" s="20"/>
      <c r="T7750" s="20">
        <v>2000</v>
      </c>
      <c r="U7750" s="20"/>
      <c r="V7750" s="20"/>
      <c r="W7750" s="20"/>
      <c r="X7750" s="19">
        <v>1</v>
      </c>
      <c r="Y7750" s="19"/>
      <c r="Z7750" s="19"/>
      <c r="AA7750" s="19"/>
    </row>
    <row r="7751" spans="1:27" s="1" customFormat="1" ht="11.1" customHeight="1" outlineLevel="1" x14ac:dyDescent="0.2">
      <c r="A7751" s="17"/>
      <c r="B7751" s="17"/>
      <c r="C7751" s="17"/>
      <c r="D7751" s="18"/>
      <c r="E7751" s="18"/>
      <c r="F7751" s="18"/>
      <c r="G7751" s="18"/>
      <c r="H7751" s="18"/>
      <c r="I7751" s="18"/>
      <c r="J7751" s="18"/>
      <c r="K7751" s="18"/>
      <c r="L7751" s="18"/>
      <c r="M7751" s="18"/>
      <c r="N7751" s="18"/>
      <c r="O7751" s="18"/>
      <c r="P7751" s="20"/>
      <c r="Q7751" s="20"/>
      <c r="R7751" s="20"/>
      <c r="S7751" s="20"/>
      <c r="T7751" s="20"/>
      <c r="U7751" s="20"/>
      <c r="V7751" s="20"/>
      <c r="W7751" s="20"/>
      <c r="X7751" s="19"/>
      <c r="Y7751" s="19"/>
      <c r="Z7751" s="19"/>
      <c r="AA7751" s="19"/>
    </row>
    <row r="7752" spans="1:27" s="1" customFormat="1" ht="14.1" customHeight="1" outlineLevel="1" x14ac:dyDescent="0.2">
      <c r="A7752" s="17">
        <v>17555</v>
      </c>
      <c r="B7752" s="17"/>
      <c r="C7752" s="17"/>
      <c r="D7752" s="18" t="s">
        <v>3835</v>
      </c>
      <c r="E7752" s="18"/>
      <c r="F7752" s="18"/>
      <c r="G7752" s="18"/>
      <c r="H7752" s="18"/>
      <c r="I7752" s="18"/>
      <c r="J7752" s="18"/>
      <c r="K7752" s="18"/>
      <c r="L7752" s="18"/>
      <c r="M7752" s="18"/>
      <c r="N7752" s="18"/>
      <c r="O7752" s="18"/>
      <c r="P7752" s="19">
        <v>300</v>
      </c>
      <c r="Q7752" s="19"/>
      <c r="R7752" s="19"/>
      <c r="S7752" s="19"/>
      <c r="T7752" s="19">
        <v>250</v>
      </c>
      <c r="U7752" s="19"/>
      <c r="V7752" s="19"/>
      <c r="W7752" s="19"/>
      <c r="X7752" s="19">
        <v>1</v>
      </c>
      <c r="Y7752" s="19"/>
      <c r="Z7752" s="19"/>
      <c r="AA7752" s="19"/>
    </row>
    <row r="7753" spans="1:27" s="1" customFormat="1" ht="14.1" customHeight="1" outlineLevel="1" x14ac:dyDescent="0.2">
      <c r="A7753" s="17"/>
      <c r="B7753" s="17"/>
      <c r="C7753" s="17"/>
      <c r="D7753" s="18"/>
      <c r="E7753" s="18"/>
      <c r="F7753" s="18"/>
      <c r="G7753" s="18"/>
      <c r="H7753" s="18"/>
      <c r="I7753" s="18"/>
      <c r="J7753" s="18"/>
      <c r="K7753" s="18"/>
      <c r="L7753" s="18"/>
      <c r="M7753" s="18"/>
      <c r="N7753" s="18"/>
      <c r="O7753" s="18"/>
      <c r="P7753" s="19"/>
      <c r="Q7753" s="19"/>
      <c r="R7753" s="19"/>
      <c r="S7753" s="19"/>
      <c r="T7753" s="19"/>
      <c r="U7753" s="19"/>
      <c r="V7753" s="19"/>
      <c r="W7753" s="19"/>
      <c r="X7753" s="19"/>
      <c r="Y7753" s="19"/>
      <c r="Z7753" s="19"/>
      <c r="AA7753" s="19"/>
    </row>
    <row r="7754" spans="1:27" s="1" customFormat="1" ht="14.1" customHeight="1" outlineLevel="1" x14ac:dyDescent="0.2">
      <c r="A7754" s="17">
        <v>17543</v>
      </c>
      <c r="B7754" s="17"/>
      <c r="C7754" s="17"/>
      <c r="D7754" s="18" t="s">
        <v>3836</v>
      </c>
      <c r="E7754" s="18"/>
      <c r="F7754" s="18"/>
      <c r="G7754" s="18"/>
      <c r="H7754" s="18"/>
      <c r="I7754" s="18"/>
      <c r="J7754" s="18"/>
      <c r="K7754" s="18"/>
      <c r="L7754" s="18"/>
      <c r="M7754" s="18"/>
      <c r="N7754" s="18"/>
      <c r="O7754" s="18"/>
      <c r="P7754" s="20">
        <v>5000</v>
      </c>
      <c r="Q7754" s="20"/>
      <c r="R7754" s="20"/>
      <c r="S7754" s="20"/>
      <c r="T7754" s="20">
        <v>4500</v>
      </c>
      <c r="U7754" s="20"/>
      <c r="V7754" s="20"/>
      <c r="W7754" s="20"/>
      <c r="X7754" s="19">
        <v>1</v>
      </c>
      <c r="Y7754" s="19"/>
      <c r="Z7754" s="19"/>
      <c r="AA7754" s="19"/>
    </row>
    <row r="7755" spans="1:27" s="1" customFormat="1" ht="14.1" customHeight="1" outlineLevel="1" x14ac:dyDescent="0.2">
      <c r="A7755" s="17"/>
      <c r="B7755" s="17"/>
      <c r="C7755" s="17"/>
      <c r="D7755" s="18"/>
      <c r="E7755" s="18"/>
      <c r="F7755" s="18"/>
      <c r="G7755" s="18"/>
      <c r="H7755" s="18"/>
      <c r="I7755" s="18"/>
      <c r="J7755" s="18"/>
      <c r="K7755" s="18"/>
      <c r="L7755" s="18"/>
      <c r="M7755" s="18"/>
      <c r="N7755" s="18"/>
      <c r="O7755" s="18"/>
      <c r="P7755" s="20"/>
      <c r="Q7755" s="20"/>
      <c r="R7755" s="20"/>
      <c r="S7755" s="20"/>
      <c r="T7755" s="20"/>
      <c r="U7755" s="20"/>
      <c r="V7755" s="20"/>
      <c r="W7755" s="20"/>
      <c r="X7755" s="19"/>
      <c r="Y7755" s="19"/>
      <c r="Z7755" s="19"/>
      <c r="AA7755" s="19"/>
    </row>
    <row r="7756" spans="1:27" s="1" customFormat="1" ht="14.1" customHeight="1" outlineLevel="1" x14ac:dyDescent="0.2">
      <c r="A7756" s="17">
        <v>17544</v>
      </c>
      <c r="B7756" s="17"/>
      <c r="C7756" s="17"/>
      <c r="D7756" s="18" t="s">
        <v>3837</v>
      </c>
      <c r="E7756" s="18"/>
      <c r="F7756" s="18"/>
      <c r="G7756" s="18"/>
      <c r="H7756" s="18"/>
      <c r="I7756" s="18"/>
      <c r="J7756" s="18"/>
      <c r="K7756" s="18"/>
      <c r="L7756" s="18"/>
      <c r="M7756" s="18"/>
      <c r="N7756" s="18"/>
      <c r="O7756" s="18"/>
      <c r="P7756" s="19">
        <v>300</v>
      </c>
      <c r="Q7756" s="19"/>
      <c r="R7756" s="19"/>
      <c r="S7756" s="19"/>
      <c r="T7756" s="19">
        <v>200</v>
      </c>
      <c r="U7756" s="19"/>
      <c r="V7756" s="19"/>
      <c r="W7756" s="19"/>
      <c r="X7756" s="19">
        <v>1</v>
      </c>
      <c r="Y7756" s="19"/>
      <c r="Z7756" s="19"/>
      <c r="AA7756" s="19"/>
    </row>
    <row r="7757" spans="1:27" s="1" customFormat="1" ht="14.1" customHeight="1" outlineLevel="1" x14ac:dyDescent="0.2">
      <c r="A7757" s="17"/>
      <c r="B7757" s="17"/>
      <c r="C7757" s="17"/>
      <c r="D7757" s="18"/>
      <c r="E7757" s="18"/>
      <c r="F7757" s="18"/>
      <c r="G7757" s="18"/>
      <c r="H7757" s="18"/>
      <c r="I7757" s="18"/>
      <c r="J7757" s="18"/>
      <c r="K7757" s="18"/>
      <c r="L7757" s="18"/>
      <c r="M7757" s="18"/>
      <c r="N7757" s="18"/>
      <c r="O7757" s="18"/>
      <c r="P7757" s="19"/>
      <c r="Q7757" s="19"/>
      <c r="R7757" s="19"/>
      <c r="S7757" s="19"/>
      <c r="T7757" s="19"/>
      <c r="U7757" s="19"/>
      <c r="V7757" s="19"/>
      <c r="W7757" s="19"/>
      <c r="X7757" s="19"/>
      <c r="Y7757" s="19"/>
      <c r="Z7757" s="19"/>
      <c r="AA7757" s="19"/>
    </row>
    <row r="7758" spans="1:27" s="1" customFormat="1" ht="14.1" customHeight="1" outlineLevel="1" x14ac:dyDescent="0.2">
      <c r="A7758" s="17">
        <v>17553</v>
      </c>
      <c r="B7758" s="17"/>
      <c r="C7758" s="17"/>
      <c r="D7758" s="18" t="s">
        <v>3838</v>
      </c>
      <c r="E7758" s="18"/>
      <c r="F7758" s="18"/>
      <c r="G7758" s="18"/>
      <c r="H7758" s="18"/>
      <c r="I7758" s="18"/>
      <c r="J7758" s="18"/>
      <c r="K7758" s="18"/>
      <c r="L7758" s="18"/>
      <c r="M7758" s="18"/>
      <c r="N7758" s="18"/>
      <c r="O7758" s="18"/>
      <c r="P7758" s="20">
        <v>1100</v>
      </c>
      <c r="Q7758" s="20"/>
      <c r="R7758" s="20"/>
      <c r="S7758" s="20"/>
      <c r="T7758" s="20">
        <v>1000</v>
      </c>
      <c r="U7758" s="20"/>
      <c r="V7758" s="20"/>
      <c r="W7758" s="20"/>
      <c r="X7758" s="19">
        <v>1</v>
      </c>
      <c r="Y7758" s="19"/>
      <c r="Z7758" s="19"/>
      <c r="AA7758" s="19"/>
    </row>
    <row r="7759" spans="1:27" s="1" customFormat="1" ht="14.1" customHeight="1" outlineLevel="1" x14ac:dyDescent="0.2">
      <c r="A7759" s="17"/>
      <c r="B7759" s="17"/>
      <c r="C7759" s="17"/>
      <c r="D7759" s="18"/>
      <c r="E7759" s="18"/>
      <c r="F7759" s="18"/>
      <c r="G7759" s="18"/>
      <c r="H7759" s="18"/>
      <c r="I7759" s="18"/>
      <c r="J7759" s="18"/>
      <c r="K7759" s="18"/>
      <c r="L7759" s="18"/>
      <c r="M7759" s="18"/>
      <c r="N7759" s="18"/>
      <c r="O7759" s="18"/>
      <c r="P7759" s="20"/>
      <c r="Q7759" s="20"/>
      <c r="R7759" s="20"/>
      <c r="S7759" s="20"/>
      <c r="T7759" s="20"/>
      <c r="U7759" s="20"/>
      <c r="V7759" s="20"/>
      <c r="W7759" s="20"/>
      <c r="X7759" s="19"/>
      <c r="Y7759" s="19"/>
      <c r="Z7759" s="19"/>
      <c r="AA7759" s="19"/>
    </row>
    <row r="7760" spans="1:27" s="1" customFormat="1" ht="14.1" customHeight="1" outlineLevel="1" x14ac:dyDescent="0.2">
      <c r="A7760" s="17">
        <v>17560</v>
      </c>
      <c r="B7760" s="17"/>
      <c r="C7760" s="17"/>
      <c r="D7760" s="18" t="s">
        <v>3839</v>
      </c>
      <c r="E7760" s="18"/>
      <c r="F7760" s="18"/>
      <c r="G7760" s="18"/>
      <c r="H7760" s="18"/>
      <c r="I7760" s="18"/>
      <c r="J7760" s="18"/>
      <c r="K7760" s="18"/>
      <c r="L7760" s="18"/>
      <c r="M7760" s="18"/>
      <c r="N7760" s="18"/>
      <c r="O7760" s="18"/>
      <c r="P7760" s="19">
        <v>300</v>
      </c>
      <c r="Q7760" s="19"/>
      <c r="R7760" s="19"/>
      <c r="S7760" s="19"/>
      <c r="T7760" s="19">
        <v>200</v>
      </c>
      <c r="U7760" s="19"/>
      <c r="V7760" s="19"/>
      <c r="W7760" s="19"/>
      <c r="X7760" s="19">
        <v>1</v>
      </c>
      <c r="Y7760" s="19"/>
      <c r="Z7760" s="19"/>
      <c r="AA7760" s="19"/>
    </row>
    <row r="7761" spans="1:27" s="1" customFormat="1" ht="14.1" customHeight="1" outlineLevel="1" x14ac:dyDescent="0.2">
      <c r="A7761" s="17"/>
      <c r="B7761" s="17"/>
      <c r="C7761" s="17"/>
      <c r="D7761" s="18"/>
      <c r="E7761" s="18"/>
      <c r="F7761" s="18"/>
      <c r="G7761" s="18"/>
      <c r="H7761" s="18"/>
      <c r="I7761" s="18"/>
      <c r="J7761" s="18"/>
      <c r="K7761" s="18"/>
      <c r="L7761" s="18"/>
      <c r="M7761" s="18"/>
      <c r="N7761" s="18"/>
      <c r="O7761" s="18"/>
      <c r="P7761" s="19"/>
      <c r="Q7761" s="19"/>
      <c r="R7761" s="19"/>
      <c r="S7761" s="19"/>
      <c r="T7761" s="19"/>
      <c r="U7761" s="19"/>
      <c r="V7761" s="19"/>
      <c r="W7761" s="19"/>
      <c r="X7761" s="19"/>
      <c r="Y7761" s="19"/>
      <c r="Z7761" s="19"/>
      <c r="AA7761" s="19"/>
    </row>
    <row r="7762" spans="1:27" s="1" customFormat="1" ht="14.1" customHeight="1" outlineLevel="1" x14ac:dyDescent="0.2">
      <c r="A7762" s="17">
        <v>17559</v>
      </c>
      <c r="B7762" s="17"/>
      <c r="C7762" s="17"/>
      <c r="D7762" s="18" t="s">
        <v>3840</v>
      </c>
      <c r="E7762" s="18"/>
      <c r="F7762" s="18"/>
      <c r="G7762" s="18"/>
      <c r="H7762" s="18"/>
      <c r="I7762" s="18"/>
      <c r="J7762" s="18"/>
      <c r="K7762" s="18"/>
      <c r="L7762" s="18"/>
      <c r="M7762" s="18"/>
      <c r="N7762" s="18"/>
      <c r="O7762" s="18"/>
      <c r="P7762" s="19">
        <v>400</v>
      </c>
      <c r="Q7762" s="19"/>
      <c r="R7762" s="19"/>
      <c r="S7762" s="19"/>
      <c r="T7762" s="19">
        <v>300</v>
      </c>
      <c r="U7762" s="19"/>
      <c r="V7762" s="19"/>
      <c r="W7762" s="19"/>
      <c r="X7762" s="19">
        <v>1</v>
      </c>
      <c r="Y7762" s="19"/>
      <c r="Z7762" s="19"/>
      <c r="AA7762" s="19"/>
    </row>
    <row r="7763" spans="1:27" s="1" customFormat="1" ht="14.1" customHeight="1" outlineLevel="1" x14ac:dyDescent="0.2">
      <c r="A7763" s="17"/>
      <c r="B7763" s="17"/>
      <c r="C7763" s="17"/>
      <c r="D7763" s="18"/>
      <c r="E7763" s="18"/>
      <c r="F7763" s="18"/>
      <c r="G7763" s="18"/>
      <c r="H7763" s="18"/>
      <c r="I7763" s="18"/>
      <c r="J7763" s="18"/>
      <c r="K7763" s="18"/>
      <c r="L7763" s="18"/>
      <c r="M7763" s="18"/>
      <c r="N7763" s="18"/>
      <c r="O7763" s="18"/>
      <c r="P7763" s="19"/>
      <c r="Q7763" s="19"/>
      <c r="R7763" s="19"/>
      <c r="S7763" s="19"/>
      <c r="T7763" s="19"/>
      <c r="U7763" s="19"/>
      <c r="V7763" s="19"/>
      <c r="W7763" s="19"/>
      <c r="X7763" s="19"/>
      <c r="Y7763" s="19"/>
      <c r="Z7763" s="19"/>
      <c r="AA7763" s="19"/>
    </row>
    <row r="7764" spans="1:27" s="1" customFormat="1" ht="14.1" customHeight="1" outlineLevel="1" x14ac:dyDescent="0.2">
      <c r="A7764" s="17">
        <v>17558</v>
      </c>
      <c r="B7764" s="17"/>
      <c r="C7764" s="17"/>
      <c r="D7764" s="18" t="s">
        <v>3841</v>
      </c>
      <c r="E7764" s="18"/>
      <c r="F7764" s="18"/>
      <c r="G7764" s="18"/>
      <c r="H7764" s="18"/>
      <c r="I7764" s="18"/>
      <c r="J7764" s="18"/>
      <c r="K7764" s="18"/>
      <c r="L7764" s="18"/>
      <c r="M7764" s="18"/>
      <c r="N7764" s="18"/>
      <c r="O7764" s="18"/>
      <c r="P7764" s="19">
        <v>700</v>
      </c>
      <c r="Q7764" s="19"/>
      <c r="R7764" s="19"/>
      <c r="S7764" s="19"/>
      <c r="T7764" s="19">
        <v>600</v>
      </c>
      <c r="U7764" s="19"/>
      <c r="V7764" s="19"/>
      <c r="W7764" s="19"/>
      <c r="X7764" s="19">
        <v>1</v>
      </c>
      <c r="Y7764" s="19"/>
      <c r="Z7764" s="19"/>
      <c r="AA7764" s="19"/>
    </row>
    <row r="7765" spans="1:27" s="1" customFormat="1" ht="14.1" customHeight="1" outlineLevel="1" x14ac:dyDescent="0.2">
      <c r="A7765" s="17"/>
      <c r="B7765" s="17"/>
      <c r="C7765" s="17"/>
      <c r="D7765" s="18"/>
      <c r="E7765" s="18"/>
      <c r="F7765" s="18"/>
      <c r="G7765" s="18"/>
      <c r="H7765" s="18"/>
      <c r="I7765" s="18"/>
      <c r="J7765" s="18"/>
      <c r="K7765" s="18"/>
      <c r="L7765" s="18"/>
      <c r="M7765" s="18"/>
      <c r="N7765" s="18"/>
      <c r="O7765" s="18"/>
      <c r="P7765" s="19"/>
      <c r="Q7765" s="19"/>
      <c r="R7765" s="19"/>
      <c r="S7765" s="19"/>
      <c r="T7765" s="19"/>
      <c r="U7765" s="19"/>
      <c r="V7765" s="19"/>
      <c r="W7765" s="19"/>
      <c r="X7765" s="19"/>
      <c r="Y7765" s="19"/>
      <c r="Z7765" s="19"/>
      <c r="AA7765" s="19"/>
    </row>
    <row r="7766" spans="1:27" s="1" customFormat="1" ht="14.1" customHeight="1" outlineLevel="1" x14ac:dyDescent="0.2">
      <c r="A7766" s="17">
        <v>17547</v>
      </c>
      <c r="B7766" s="17"/>
      <c r="C7766" s="17"/>
      <c r="D7766" s="18" t="s">
        <v>3842</v>
      </c>
      <c r="E7766" s="18"/>
      <c r="F7766" s="18"/>
      <c r="G7766" s="18"/>
      <c r="H7766" s="18"/>
      <c r="I7766" s="18"/>
      <c r="J7766" s="18"/>
      <c r="K7766" s="18"/>
      <c r="L7766" s="18"/>
      <c r="M7766" s="18"/>
      <c r="N7766" s="18"/>
      <c r="O7766" s="18"/>
      <c r="P7766" s="19">
        <v>700</v>
      </c>
      <c r="Q7766" s="19"/>
      <c r="R7766" s="19"/>
      <c r="S7766" s="19"/>
      <c r="T7766" s="19">
        <v>600</v>
      </c>
      <c r="U7766" s="19"/>
      <c r="V7766" s="19"/>
      <c r="W7766" s="19"/>
      <c r="X7766" s="19">
        <v>1</v>
      </c>
      <c r="Y7766" s="19"/>
      <c r="Z7766" s="19"/>
      <c r="AA7766" s="19"/>
    </row>
    <row r="7767" spans="1:27" s="1" customFormat="1" ht="14.1" customHeight="1" outlineLevel="1" x14ac:dyDescent="0.2">
      <c r="A7767" s="17"/>
      <c r="B7767" s="17"/>
      <c r="C7767" s="17"/>
      <c r="D7767" s="18"/>
      <c r="E7767" s="18"/>
      <c r="F7767" s="18"/>
      <c r="G7767" s="18"/>
      <c r="H7767" s="18"/>
      <c r="I7767" s="18"/>
      <c r="J7767" s="18"/>
      <c r="K7767" s="18"/>
      <c r="L7767" s="18"/>
      <c r="M7767" s="18"/>
      <c r="N7767" s="18"/>
      <c r="O7767" s="18"/>
      <c r="P7767" s="19"/>
      <c r="Q7767" s="19"/>
      <c r="R7767" s="19"/>
      <c r="S7767" s="19"/>
      <c r="T7767" s="19"/>
      <c r="U7767" s="19"/>
      <c r="V7767" s="19"/>
      <c r="W7767" s="19"/>
      <c r="X7767" s="19"/>
      <c r="Y7767" s="19"/>
      <c r="Z7767" s="19"/>
      <c r="AA7767" s="19"/>
    </row>
    <row r="7768" spans="1:27" s="1" customFormat="1" ht="11.1" customHeight="1" x14ac:dyDescent="0.2">
      <c r="A7768" s="16" t="s">
        <v>3843</v>
      </c>
      <c r="B7768" s="16"/>
      <c r="C7768" s="16"/>
      <c r="D7768" s="16"/>
      <c r="E7768" s="16"/>
      <c r="F7768" s="16"/>
      <c r="G7768" s="16"/>
      <c r="H7768" s="16"/>
      <c r="I7768" s="16"/>
      <c r="J7768" s="16"/>
      <c r="K7768" s="16"/>
      <c r="L7768" s="16"/>
      <c r="M7768" s="16"/>
      <c r="N7768" s="16"/>
      <c r="O7768" s="16"/>
      <c r="P7768" s="16"/>
      <c r="Q7768" s="16"/>
      <c r="R7768" s="16"/>
      <c r="S7768" s="16"/>
      <c r="T7768" s="16"/>
      <c r="U7768" s="16"/>
      <c r="V7768" s="16"/>
      <c r="W7768" s="16"/>
      <c r="X7768" s="16"/>
      <c r="Y7768" s="16"/>
      <c r="Z7768" s="16"/>
      <c r="AA7768" s="16"/>
    </row>
    <row r="7769" spans="1:27" s="1" customFormat="1" ht="11.1" customHeight="1" x14ac:dyDescent="0.2">
      <c r="A7769" s="16"/>
      <c r="B7769" s="16"/>
      <c r="C7769" s="16"/>
      <c r="D7769" s="16"/>
      <c r="E7769" s="16"/>
      <c r="F7769" s="16"/>
      <c r="G7769" s="16"/>
      <c r="H7769" s="16"/>
      <c r="I7769" s="16"/>
      <c r="J7769" s="16"/>
      <c r="K7769" s="16"/>
      <c r="L7769" s="16"/>
      <c r="M7769" s="16"/>
      <c r="N7769" s="16"/>
      <c r="O7769" s="16"/>
      <c r="P7769" s="16"/>
      <c r="Q7769" s="16"/>
      <c r="R7769" s="16"/>
      <c r="S7769" s="16"/>
      <c r="T7769" s="16"/>
      <c r="U7769" s="16"/>
      <c r="V7769" s="16"/>
      <c r="W7769" s="16"/>
      <c r="X7769" s="16"/>
      <c r="Y7769" s="16"/>
      <c r="Z7769" s="16"/>
      <c r="AA7769" s="16"/>
    </row>
    <row r="7770" spans="1:27" s="1" customFormat="1" ht="14.1" customHeight="1" outlineLevel="1" x14ac:dyDescent="0.2">
      <c r="A7770" s="17">
        <v>8622</v>
      </c>
      <c r="B7770" s="17"/>
      <c r="C7770" s="17"/>
      <c r="D7770" s="18" t="s">
        <v>3844</v>
      </c>
      <c r="E7770" s="18"/>
      <c r="F7770" s="18"/>
      <c r="G7770" s="18"/>
      <c r="H7770" s="18"/>
      <c r="I7770" s="18"/>
      <c r="J7770" s="18"/>
      <c r="K7770" s="18"/>
      <c r="L7770" s="18"/>
      <c r="M7770" s="18"/>
      <c r="N7770" s="18"/>
      <c r="O7770" s="18"/>
      <c r="P7770" s="19">
        <v>200</v>
      </c>
      <c r="Q7770" s="19"/>
      <c r="R7770" s="19"/>
      <c r="S7770" s="19"/>
      <c r="T7770" s="19">
        <v>150</v>
      </c>
      <c r="U7770" s="19"/>
      <c r="V7770" s="19"/>
      <c r="W7770" s="19"/>
      <c r="X7770" s="19">
        <v>1</v>
      </c>
      <c r="Y7770" s="19"/>
      <c r="Z7770" s="19"/>
      <c r="AA7770" s="19"/>
    </row>
    <row r="7771" spans="1:27" s="1" customFormat="1" ht="14.1" customHeight="1" outlineLevel="1" x14ac:dyDescent="0.2">
      <c r="A7771" s="17"/>
      <c r="B7771" s="17"/>
      <c r="C7771" s="17"/>
      <c r="D7771" s="18"/>
      <c r="E7771" s="18"/>
      <c r="F7771" s="18"/>
      <c r="G7771" s="18"/>
      <c r="H7771" s="18"/>
      <c r="I7771" s="18"/>
      <c r="J7771" s="18"/>
      <c r="K7771" s="18"/>
      <c r="L7771" s="18"/>
      <c r="M7771" s="18"/>
      <c r="N7771" s="18"/>
      <c r="O7771" s="18"/>
      <c r="P7771" s="19"/>
      <c r="Q7771" s="19"/>
      <c r="R7771" s="19"/>
      <c r="S7771" s="19"/>
      <c r="T7771" s="19"/>
      <c r="U7771" s="19"/>
      <c r="V7771" s="19"/>
      <c r="W7771" s="19"/>
      <c r="X7771" s="19"/>
      <c r="Y7771" s="19"/>
      <c r="Z7771" s="19"/>
      <c r="AA7771" s="19"/>
    </row>
    <row r="7772" spans="1:27" s="1" customFormat="1" ht="11.1" customHeight="1" outlineLevel="1" x14ac:dyDescent="0.2">
      <c r="A7772" s="17">
        <v>6727</v>
      </c>
      <c r="B7772" s="17"/>
      <c r="C7772" s="17"/>
      <c r="D7772" s="18" t="s">
        <v>3845</v>
      </c>
      <c r="E7772" s="18"/>
      <c r="F7772" s="18"/>
      <c r="G7772" s="18"/>
      <c r="H7772" s="18"/>
      <c r="I7772" s="18"/>
      <c r="J7772" s="18"/>
      <c r="K7772" s="18"/>
      <c r="L7772" s="18"/>
      <c r="M7772" s="18"/>
      <c r="N7772" s="18"/>
      <c r="O7772" s="18"/>
      <c r="P7772" s="20">
        <v>1000</v>
      </c>
      <c r="Q7772" s="20"/>
      <c r="R7772" s="20"/>
      <c r="S7772" s="20"/>
      <c r="T7772" s="19">
        <v>940</v>
      </c>
      <c r="U7772" s="19"/>
      <c r="V7772" s="19"/>
      <c r="W7772" s="19"/>
      <c r="X7772" s="19">
        <v>1</v>
      </c>
      <c r="Y7772" s="19"/>
      <c r="Z7772" s="19"/>
      <c r="AA7772" s="19"/>
    </row>
    <row r="7773" spans="1:27" s="1" customFormat="1" ht="11.1" customHeight="1" outlineLevel="1" x14ac:dyDescent="0.2">
      <c r="A7773" s="17"/>
      <c r="B7773" s="17"/>
      <c r="C7773" s="17"/>
      <c r="D7773" s="18"/>
      <c r="E7773" s="18"/>
      <c r="F7773" s="18"/>
      <c r="G7773" s="18"/>
      <c r="H7773" s="18"/>
      <c r="I7773" s="18"/>
      <c r="J7773" s="18"/>
      <c r="K7773" s="18"/>
      <c r="L7773" s="18"/>
      <c r="M7773" s="18"/>
      <c r="N7773" s="18"/>
      <c r="O7773" s="18"/>
      <c r="P7773" s="20"/>
      <c r="Q7773" s="20"/>
      <c r="R7773" s="20"/>
      <c r="S7773" s="20"/>
      <c r="T7773" s="19"/>
      <c r="U7773" s="19"/>
      <c r="V7773" s="19"/>
      <c r="W7773" s="19"/>
      <c r="X7773" s="19"/>
      <c r="Y7773" s="19"/>
      <c r="Z7773" s="19"/>
      <c r="AA7773" s="19"/>
    </row>
    <row r="7774" spans="1:27" s="1" customFormat="1" ht="14.1" customHeight="1" outlineLevel="1" x14ac:dyDescent="0.2">
      <c r="A7774" s="17">
        <v>8624</v>
      </c>
      <c r="B7774" s="17"/>
      <c r="C7774" s="17"/>
      <c r="D7774" s="18" t="s">
        <v>3846</v>
      </c>
      <c r="E7774" s="18"/>
      <c r="F7774" s="18"/>
      <c r="G7774" s="18"/>
      <c r="H7774" s="18"/>
      <c r="I7774" s="18"/>
      <c r="J7774" s="18"/>
      <c r="K7774" s="18"/>
      <c r="L7774" s="18"/>
      <c r="M7774" s="18"/>
      <c r="N7774" s="18"/>
      <c r="O7774" s="18"/>
      <c r="P7774" s="20">
        <v>1200</v>
      </c>
      <c r="Q7774" s="20"/>
      <c r="R7774" s="20"/>
      <c r="S7774" s="20"/>
      <c r="T7774" s="19">
        <v>800</v>
      </c>
      <c r="U7774" s="19"/>
      <c r="V7774" s="19"/>
      <c r="W7774" s="19"/>
      <c r="X7774" s="19">
        <v>1</v>
      </c>
      <c r="Y7774" s="19"/>
      <c r="Z7774" s="19"/>
      <c r="AA7774" s="19"/>
    </row>
    <row r="7775" spans="1:27" s="1" customFormat="1" ht="14.1" customHeight="1" outlineLevel="1" x14ac:dyDescent="0.2">
      <c r="A7775" s="17"/>
      <c r="B7775" s="17"/>
      <c r="C7775" s="17"/>
      <c r="D7775" s="18"/>
      <c r="E7775" s="18"/>
      <c r="F7775" s="18"/>
      <c r="G7775" s="18"/>
      <c r="H7775" s="18"/>
      <c r="I7775" s="18"/>
      <c r="J7775" s="18"/>
      <c r="K7775" s="18"/>
      <c r="L7775" s="18"/>
      <c r="M7775" s="18"/>
      <c r="N7775" s="18"/>
      <c r="O7775" s="18"/>
      <c r="P7775" s="20"/>
      <c r="Q7775" s="20"/>
      <c r="R7775" s="20"/>
      <c r="S7775" s="20"/>
      <c r="T7775" s="19"/>
      <c r="U7775" s="19"/>
      <c r="V7775" s="19"/>
      <c r="W7775" s="19"/>
      <c r="X7775" s="19"/>
      <c r="Y7775" s="19"/>
      <c r="Z7775" s="19"/>
      <c r="AA7775" s="19"/>
    </row>
    <row r="7776" spans="1:27" s="1" customFormat="1" ht="14.1" customHeight="1" outlineLevel="1" x14ac:dyDescent="0.2">
      <c r="A7776" s="17">
        <v>8623</v>
      </c>
      <c r="B7776" s="17"/>
      <c r="C7776" s="17"/>
      <c r="D7776" s="18" t="s">
        <v>3847</v>
      </c>
      <c r="E7776" s="18"/>
      <c r="F7776" s="18"/>
      <c r="G7776" s="18"/>
      <c r="H7776" s="18"/>
      <c r="I7776" s="18"/>
      <c r="J7776" s="18"/>
      <c r="K7776" s="18"/>
      <c r="L7776" s="18"/>
      <c r="M7776" s="18"/>
      <c r="N7776" s="18"/>
      <c r="O7776" s="18"/>
      <c r="P7776" s="19">
        <v>200</v>
      </c>
      <c r="Q7776" s="19"/>
      <c r="R7776" s="19"/>
      <c r="S7776" s="19"/>
      <c r="T7776" s="19">
        <v>150</v>
      </c>
      <c r="U7776" s="19"/>
      <c r="V7776" s="19"/>
      <c r="W7776" s="19"/>
      <c r="X7776" s="19">
        <v>1</v>
      </c>
      <c r="Y7776" s="19"/>
      <c r="Z7776" s="19"/>
      <c r="AA7776" s="19"/>
    </row>
    <row r="7777" spans="1:27" s="1" customFormat="1" ht="14.1" customHeight="1" outlineLevel="1" x14ac:dyDescent="0.2">
      <c r="A7777" s="17"/>
      <c r="B7777" s="17"/>
      <c r="C7777" s="17"/>
      <c r="D7777" s="18"/>
      <c r="E7777" s="18"/>
      <c r="F7777" s="18"/>
      <c r="G7777" s="18"/>
      <c r="H7777" s="18"/>
      <c r="I7777" s="18"/>
      <c r="J7777" s="18"/>
      <c r="K7777" s="18"/>
      <c r="L7777" s="18"/>
      <c r="M7777" s="18"/>
      <c r="N7777" s="18"/>
      <c r="O7777" s="18"/>
      <c r="P7777" s="19"/>
      <c r="Q7777" s="19"/>
      <c r="R7777" s="19"/>
      <c r="S7777" s="19"/>
      <c r="T7777" s="19"/>
      <c r="U7777" s="19"/>
      <c r="V7777" s="19"/>
      <c r="W7777" s="19"/>
      <c r="X7777" s="19"/>
      <c r="Y7777" s="19"/>
      <c r="Z7777" s="19"/>
      <c r="AA7777" s="19"/>
    </row>
    <row r="7778" spans="1:27" s="1" customFormat="1" ht="11.1" customHeight="1" outlineLevel="1" x14ac:dyDescent="0.2">
      <c r="A7778" s="17">
        <v>6729</v>
      </c>
      <c r="B7778" s="17"/>
      <c r="C7778" s="17"/>
      <c r="D7778" s="18" t="s">
        <v>3848</v>
      </c>
      <c r="E7778" s="18"/>
      <c r="F7778" s="18"/>
      <c r="G7778" s="18"/>
      <c r="H7778" s="18"/>
      <c r="I7778" s="18"/>
      <c r="J7778" s="18"/>
      <c r="K7778" s="18"/>
      <c r="L7778" s="18"/>
      <c r="M7778" s="18"/>
      <c r="N7778" s="18"/>
      <c r="O7778" s="18"/>
      <c r="P7778" s="19">
        <v>100</v>
      </c>
      <c r="Q7778" s="19"/>
      <c r="R7778" s="19"/>
      <c r="S7778" s="19"/>
      <c r="T7778" s="19">
        <v>80</v>
      </c>
      <c r="U7778" s="19"/>
      <c r="V7778" s="19"/>
      <c r="W7778" s="19"/>
      <c r="X7778" s="19">
        <v>1</v>
      </c>
      <c r="Y7778" s="19"/>
      <c r="Z7778" s="19"/>
      <c r="AA7778" s="19"/>
    </row>
    <row r="7779" spans="1:27" s="1" customFormat="1" ht="11.1" customHeight="1" outlineLevel="1" x14ac:dyDescent="0.2">
      <c r="A7779" s="17"/>
      <c r="B7779" s="17"/>
      <c r="C7779" s="17"/>
      <c r="D7779" s="18"/>
      <c r="E7779" s="18"/>
      <c r="F7779" s="18"/>
      <c r="G7779" s="18"/>
      <c r="H7779" s="18"/>
      <c r="I7779" s="18"/>
      <c r="J7779" s="18"/>
      <c r="K7779" s="18"/>
      <c r="L7779" s="18"/>
      <c r="M7779" s="18"/>
      <c r="N7779" s="18"/>
      <c r="O7779" s="18"/>
      <c r="P7779" s="19"/>
      <c r="Q7779" s="19"/>
      <c r="R7779" s="19"/>
      <c r="S7779" s="19"/>
      <c r="T7779" s="19"/>
      <c r="U7779" s="19"/>
      <c r="V7779" s="19"/>
      <c r="W7779" s="19"/>
      <c r="X7779" s="19"/>
      <c r="Y7779" s="19"/>
      <c r="Z7779" s="19"/>
      <c r="AA7779" s="19"/>
    </row>
    <row r="7780" spans="1:27" s="1" customFormat="1" ht="14.1" customHeight="1" outlineLevel="1" x14ac:dyDescent="0.2">
      <c r="A7780" s="17">
        <v>8626</v>
      </c>
      <c r="B7780" s="17"/>
      <c r="C7780" s="17"/>
      <c r="D7780" s="18" t="s">
        <v>3849</v>
      </c>
      <c r="E7780" s="18"/>
      <c r="F7780" s="18"/>
      <c r="G7780" s="18"/>
      <c r="H7780" s="18"/>
      <c r="I7780" s="18"/>
      <c r="J7780" s="18"/>
      <c r="K7780" s="18"/>
      <c r="L7780" s="18"/>
      <c r="M7780" s="18"/>
      <c r="N7780" s="18"/>
      <c r="O7780" s="18"/>
      <c r="P7780" s="19">
        <v>150</v>
      </c>
      <c r="Q7780" s="19"/>
      <c r="R7780" s="19"/>
      <c r="S7780" s="19"/>
      <c r="T7780" s="19">
        <v>100</v>
      </c>
      <c r="U7780" s="19"/>
      <c r="V7780" s="19"/>
      <c r="W7780" s="19"/>
      <c r="X7780" s="19">
        <v>1</v>
      </c>
      <c r="Y7780" s="19"/>
      <c r="Z7780" s="19"/>
      <c r="AA7780" s="19"/>
    </row>
    <row r="7781" spans="1:27" s="1" customFormat="1" ht="14.1" customHeight="1" outlineLevel="1" x14ac:dyDescent="0.2">
      <c r="A7781" s="17"/>
      <c r="B7781" s="17"/>
      <c r="C7781" s="17"/>
      <c r="D7781" s="18"/>
      <c r="E7781" s="18"/>
      <c r="F7781" s="18"/>
      <c r="G7781" s="18"/>
      <c r="H7781" s="18"/>
      <c r="I7781" s="18"/>
      <c r="J7781" s="18"/>
      <c r="K7781" s="18"/>
      <c r="L7781" s="18"/>
      <c r="M7781" s="18"/>
      <c r="N7781" s="18"/>
      <c r="O7781" s="18"/>
      <c r="P7781" s="19"/>
      <c r="Q7781" s="19"/>
      <c r="R7781" s="19"/>
      <c r="S7781" s="19"/>
      <c r="T7781" s="19"/>
      <c r="U7781" s="19"/>
      <c r="V7781" s="19"/>
      <c r="W7781" s="19"/>
      <c r="X7781" s="19"/>
      <c r="Y7781" s="19"/>
      <c r="Z7781" s="19"/>
      <c r="AA7781" s="19"/>
    </row>
    <row r="7782" spans="1:27" s="1" customFormat="1" ht="11.1" customHeight="1" outlineLevel="1" x14ac:dyDescent="0.2">
      <c r="A7782" s="17">
        <v>6731</v>
      </c>
      <c r="B7782" s="17"/>
      <c r="C7782" s="17"/>
      <c r="D7782" s="18" t="s">
        <v>3850</v>
      </c>
      <c r="E7782" s="18"/>
      <c r="F7782" s="18"/>
      <c r="G7782" s="18"/>
      <c r="H7782" s="18"/>
      <c r="I7782" s="18"/>
      <c r="J7782" s="18"/>
      <c r="K7782" s="18"/>
      <c r="L7782" s="18"/>
      <c r="M7782" s="18"/>
      <c r="N7782" s="18"/>
      <c r="O7782" s="18"/>
      <c r="P7782" s="19">
        <v>200</v>
      </c>
      <c r="Q7782" s="19"/>
      <c r="R7782" s="19"/>
      <c r="S7782" s="19"/>
      <c r="T7782" s="19">
        <v>160</v>
      </c>
      <c r="U7782" s="19"/>
      <c r="V7782" s="19"/>
      <c r="W7782" s="19"/>
      <c r="X7782" s="19">
        <v>1</v>
      </c>
      <c r="Y7782" s="19"/>
      <c r="Z7782" s="19"/>
      <c r="AA7782" s="19"/>
    </row>
    <row r="7783" spans="1:27" s="1" customFormat="1" ht="11.1" customHeight="1" outlineLevel="1" x14ac:dyDescent="0.2">
      <c r="A7783" s="17"/>
      <c r="B7783" s="17"/>
      <c r="C7783" s="17"/>
      <c r="D7783" s="18"/>
      <c r="E7783" s="18"/>
      <c r="F7783" s="18"/>
      <c r="G7783" s="18"/>
      <c r="H7783" s="18"/>
      <c r="I7783" s="18"/>
      <c r="J7783" s="18"/>
      <c r="K7783" s="18"/>
      <c r="L7783" s="18"/>
      <c r="M7783" s="18"/>
      <c r="N7783" s="18"/>
      <c r="O7783" s="18"/>
      <c r="P7783" s="19"/>
      <c r="Q7783" s="19"/>
      <c r="R7783" s="19"/>
      <c r="S7783" s="19"/>
      <c r="T7783" s="19"/>
      <c r="U7783" s="19"/>
      <c r="V7783" s="19"/>
      <c r="W7783" s="19"/>
      <c r="X7783" s="19"/>
      <c r="Y7783" s="19"/>
      <c r="Z7783" s="19"/>
      <c r="AA7783" s="19"/>
    </row>
    <row r="7784" spans="1:27" s="1" customFormat="1" ht="14.1" customHeight="1" outlineLevel="1" x14ac:dyDescent="0.2">
      <c r="A7784" s="17">
        <v>8627</v>
      </c>
      <c r="B7784" s="17"/>
      <c r="C7784" s="17"/>
      <c r="D7784" s="18" t="s">
        <v>3851</v>
      </c>
      <c r="E7784" s="18"/>
      <c r="F7784" s="18"/>
      <c r="G7784" s="18"/>
      <c r="H7784" s="18"/>
      <c r="I7784" s="18"/>
      <c r="J7784" s="18"/>
      <c r="K7784" s="18"/>
      <c r="L7784" s="18"/>
      <c r="M7784" s="18"/>
      <c r="N7784" s="18"/>
      <c r="O7784" s="18"/>
      <c r="P7784" s="19">
        <v>150</v>
      </c>
      <c r="Q7784" s="19"/>
      <c r="R7784" s="19"/>
      <c r="S7784" s="19"/>
      <c r="T7784" s="19">
        <v>100</v>
      </c>
      <c r="U7784" s="19"/>
      <c r="V7784" s="19"/>
      <c r="W7784" s="19"/>
      <c r="X7784" s="19">
        <v>1</v>
      </c>
      <c r="Y7784" s="19"/>
      <c r="Z7784" s="19"/>
      <c r="AA7784" s="19"/>
    </row>
    <row r="7785" spans="1:27" s="1" customFormat="1" ht="14.1" customHeight="1" outlineLevel="1" x14ac:dyDescent="0.2">
      <c r="A7785" s="17"/>
      <c r="B7785" s="17"/>
      <c r="C7785" s="17"/>
      <c r="D7785" s="18"/>
      <c r="E7785" s="18"/>
      <c r="F7785" s="18"/>
      <c r="G7785" s="18"/>
      <c r="H7785" s="18"/>
      <c r="I7785" s="18"/>
      <c r="J7785" s="18"/>
      <c r="K7785" s="18"/>
      <c r="L7785" s="18"/>
      <c r="M7785" s="18"/>
      <c r="N7785" s="18"/>
      <c r="O7785" s="18"/>
      <c r="P7785" s="19"/>
      <c r="Q7785" s="19"/>
      <c r="R7785" s="19"/>
      <c r="S7785" s="19"/>
      <c r="T7785" s="19"/>
      <c r="U7785" s="19"/>
      <c r="V7785" s="19"/>
      <c r="W7785" s="19"/>
      <c r="X7785" s="19"/>
      <c r="Y7785" s="19"/>
      <c r="Z7785" s="19"/>
      <c r="AA7785" s="19"/>
    </row>
    <row r="7786" spans="1:27" s="1" customFormat="1" ht="14.1" customHeight="1" outlineLevel="1" x14ac:dyDescent="0.2">
      <c r="A7786" s="17">
        <v>8625</v>
      </c>
      <c r="B7786" s="17"/>
      <c r="C7786" s="17"/>
      <c r="D7786" s="18" t="s">
        <v>3852</v>
      </c>
      <c r="E7786" s="18"/>
      <c r="F7786" s="18"/>
      <c r="G7786" s="18"/>
      <c r="H7786" s="18"/>
      <c r="I7786" s="18"/>
      <c r="J7786" s="18"/>
      <c r="K7786" s="18"/>
      <c r="L7786" s="18"/>
      <c r="M7786" s="18"/>
      <c r="N7786" s="18"/>
      <c r="O7786" s="18"/>
      <c r="P7786" s="19">
        <v>70</v>
      </c>
      <c r="Q7786" s="19"/>
      <c r="R7786" s="19"/>
      <c r="S7786" s="19"/>
      <c r="T7786" s="19">
        <v>50</v>
      </c>
      <c r="U7786" s="19"/>
      <c r="V7786" s="19"/>
      <c r="W7786" s="19"/>
      <c r="X7786" s="19">
        <v>1</v>
      </c>
      <c r="Y7786" s="19"/>
      <c r="Z7786" s="19"/>
      <c r="AA7786" s="19"/>
    </row>
    <row r="7787" spans="1:27" s="1" customFormat="1" ht="14.1" customHeight="1" outlineLevel="1" x14ac:dyDescent="0.2">
      <c r="A7787" s="17"/>
      <c r="B7787" s="17"/>
      <c r="C7787" s="17"/>
      <c r="D7787" s="18"/>
      <c r="E7787" s="18"/>
      <c r="F7787" s="18"/>
      <c r="G7787" s="18"/>
      <c r="H7787" s="18"/>
      <c r="I7787" s="18"/>
      <c r="J7787" s="18"/>
      <c r="K7787" s="18"/>
      <c r="L7787" s="18"/>
      <c r="M7787" s="18"/>
      <c r="N7787" s="18"/>
      <c r="O7787" s="18"/>
      <c r="P7787" s="19"/>
      <c r="Q7787" s="19"/>
      <c r="R7787" s="19"/>
      <c r="S7787" s="19"/>
      <c r="T7787" s="19"/>
      <c r="U7787" s="19"/>
      <c r="V7787" s="19"/>
      <c r="W7787" s="19"/>
      <c r="X7787" s="19"/>
      <c r="Y7787" s="19"/>
      <c r="Z7787" s="19"/>
      <c r="AA7787" s="19"/>
    </row>
    <row r="7788" spans="1:27" s="1" customFormat="1" ht="14.1" customHeight="1" outlineLevel="1" x14ac:dyDescent="0.2">
      <c r="A7788" s="17">
        <v>8621</v>
      </c>
      <c r="B7788" s="17"/>
      <c r="C7788" s="17"/>
      <c r="D7788" s="18" t="s">
        <v>3853</v>
      </c>
      <c r="E7788" s="18"/>
      <c r="F7788" s="18"/>
      <c r="G7788" s="18"/>
      <c r="H7788" s="18"/>
      <c r="I7788" s="18"/>
      <c r="J7788" s="18"/>
      <c r="K7788" s="18"/>
      <c r="L7788" s="18"/>
      <c r="M7788" s="18"/>
      <c r="N7788" s="18"/>
      <c r="O7788" s="18"/>
      <c r="P7788" s="19">
        <v>200</v>
      </c>
      <c r="Q7788" s="19"/>
      <c r="R7788" s="19"/>
      <c r="S7788" s="19"/>
      <c r="T7788" s="19">
        <v>150</v>
      </c>
      <c r="U7788" s="19"/>
      <c r="V7788" s="19"/>
      <c r="W7788" s="19"/>
      <c r="X7788" s="19">
        <v>1</v>
      </c>
      <c r="Y7788" s="19"/>
      <c r="Z7788" s="19"/>
      <c r="AA7788" s="19"/>
    </row>
    <row r="7789" spans="1:27" s="1" customFormat="1" ht="14.1" customHeight="1" outlineLevel="1" x14ac:dyDescent="0.2">
      <c r="A7789" s="17"/>
      <c r="B7789" s="17"/>
      <c r="C7789" s="17"/>
      <c r="D7789" s="18"/>
      <c r="E7789" s="18"/>
      <c r="F7789" s="18"/>
      <c r="G7789" s="18"/>
      <c r="H7789" s="18"/>
      <c r="I7789" s="18"/>
      <c r="J7789" s="18"/>
      <c r="K7789" s="18"/>
      <c r="L7789" s="18"/>
      <c r="M7789" s="18"/>
      <c r="N7789" s="18"/>
      <c r="O7789" s="18"/>
      <c r="P7789" s="19"/>
      <c r="Q7789" s="19"/>
      <c r="R7789" s="19"/>
      <c r="S7789" s="19"/>
      <c r="T7789" s="19"/>
      <c r="U7789" s="19"/>
      <c r="V7789" s="19"/>
      <c r="W7789" s="19"/>
      <c r="X7789" s="19"/>
      <c r="Y7789" s="19"/>
      <c r="Z7789" s="19"/>
      <c r="AA7789" s="19"/>
    </row>
    <row r="7790" spans="1:27" s="1" customFormat="1" ht="11.1" customHeight="1" x14ac:dyDescent="0.2">
      <c r="A7790" s="16" t="s">
        <v>3854</v>
      </c>
      <c r="B7790" s="16"/>
      <c r="C7790" s="16"/>
      <c r="D7790" s="16"/>
      <c r="E7790" s="16"/>
      <c r="F7790" s="16"/>
      <c r="G7790" s="16"/>
      <c r="H7790" s="16"/>
      <c r="I7790" s="16"/>
      <c r="J7790" s="16"/>
      <c r="K7790" s="16"/>
      <c r="L7790" s="16"/>
      <c r="M7790" s="16"/>
      <c r="N7790" s="16"/>
      <c r="O7790" s="16"/>
      <c r="P7790" s="16"/>
      <c r="Q7790" s="16"/>
      <c r="R7790" s="16"/>
      <c r="S7790" s="16"/>
      <c r="T7790" s="16"/>
      <c r="U7790" s="16"/>
      <c r="V7790" s="16"/>
      <c r="W7790" s="16"/>
      <c r="X7790" s="16"/>
      <c r="Y7790" s="16"/>
      <c r="Z7790" s="16"/>
      <c r="AA7790" s="16"/>
    </row>
    <row r="7791" spans="1:27" s="1" customFormat="1" ht="11.1" customHeight="1" x14ac:dyDescent="0.2">
      <c r="A7791" s="16"/>
      <c r="B7791" s="16"/>
      <c r="C7791" s="16"/>
      <c r="D7791" s="16"/>
      <c r="E7791" s="16"/>
      <c r="F7791" s="16"/>
      <c r="G7791" s="16"/>
      <c r="H7791" s="16"/>
      <c r="I7791" s="16"/>
      <c r="J7791" s="16"/>
      <c r="K7791" s="16"/>
      <c r="L7791" s="16"/>
      <c r="M7791" s="16"/>
      <c r="N7791" s="16"/>
      <c r="O7791" s="16"/>
      <c r="P7791" s="16"/>
      <c r="Q7791" s="16"/>
      <c r="R7791" s="16"/>
      <c r="S7791" s="16"/>
      <c r="T7791" s="16"/>
      <c r="U7791" s="16"/>
      <c r="V7791" s="16"/>
      <c r="W7791" s="16"/>
      <c r="X7791" s="16"/>
      <c r="Y7791" s="16"/>
      <c r="Z7791" s="16"/>
      <c r="AA7791" s="16"/>
    </row>
    <row r="7792" spans="1:27" s="1" customFormat="1" ht="14.1" customHeight="1" outlineLevel="1" x14ac:dyDescent="0.2">
      <c r="A7792" s="17">
        <v>15579</v>
      </c>
      <c r="B7792" s="17"/>
      <c r="C7792" s="17"/>
      <c r="D7792" s="18" t="s">
        <v>3855</v>
      </c>
      <c r="E7792" s="18"/>
      <c r="F7792" s="18"/>
      <c r="G7792" s="18"/>
      <c r="H7792" s="18"/>
      <c r="I7792" s="18"/>
      <c r="J7792" s="18"/>
      <c r="K7792" s="18"/>
      <c r="L7792" s="18"/>
      <c r="M7792" s="18"/>
      <c r="N7792" s="18"/>
      <c r="O7792" s="18"/>
      <c r="P7792" s="19">
        <v>350</v>
      </c>
      <c r="Q7792" s="19"/>
      <c r="R7792" s="19"/>
      <c r="S7792" s="19"/>
      <c r="T7792" s="19">
        <v>300</v>
      </c>
      <c r="U7792" s="19"/>
      <c r="V7792" s="19"/>
      <c r="W7792" s="19"/>
      <c r="X7792" s="19">
        <v>1</v>
      </c>
      <c r="Y7792" s="19"/>
      <c r="Z7792" s="19"/>
      <c r="AA7792" s="19"/>
    </row>
    <row r="7793" spans="1:27" s="1" customFormat="1" ht="14.1" customHeight="1" outlineLevel="1" x14ac:dyDescent="0.2">
      <c r="A7793" s="17"/>
      <c r="B7793" s="17"/>
      <c r="C7793" s="17"/>
      <c r="D7793" s="18"/>
      <c r="E7793" s="18"/>
      <c r="F7793" s="18"/>
      <c r="G7793" s="18"/>
      <c r="H7793" s="18"/>
      <c r="I7793" s="18"/>
      <c r="J7793" s="18"/>
      <c r="K7793" s="18"/>
      <c r="L7793" s="18"/>
      <c r="M7793" s="18"/>
      <c r="N7793" s="18"/>
      <c r="O7793" s="18"/>
      <c r="P7793" s="19"/>
      <c r="Q7793" s="19"/>
      <c r="R7793" s="19"/>
      <c r="S7793" s="19"/>
      <c r="T7793" s="19"/>
      <c r="U7793" s="19"/>
      <c r="V7793" s="19"/>
      <c r="W7793" s="19"/>
      <c r="X7793" s="19"/>
      <c r="Y7793" s="19"/>
      <c r="Z7793" s="19"/>
      <c r="AA7793" s="19"/>
    </row>
    <row r="7794" spans="1:27" s="1" customFormat="1" ht="14.1" customHeight="1" outlineLevel="1" x14ac:dyDescent="0.2">
      <c r="A7794" s="17">
        <v>15578</v>
      </c>
      <c r="B7794" s="17"/>
      <c r="C7794" s="17"/>
      <c r="D7794" s="18" t="s">
        <v>3856</v>
      </c>
      <c r="E7794" s="18"/>
      <c r="F7794" s="18"/>
      <c r="G7794" s="18"/>
      <c r="H7794" s="18"/>
      <c r="I7794" s="18"/>
      <c r="J7794" s="18"/>
      <c r="K7794" s="18"/>
      <c r="L7794" s="18"/>
      <c r="M7794" s="18"/>
      <c r="N7794" s="18"/>
      <c r="O7794" s="18"/>
      <c r="P7794" s="19">
        <v>140</v>
      </c>
      <c r="Q7794" s="19"/>
      <c r="R7794" s="19"/>
      <c r="S7794" s="19"/>
      <c r="T7794" s="19">
        <v>100</v>
      </c>
      <c r="U7794" s="19"/>
      <c r="V7794" s="19"/>
      <c r="W7794" s="19"/>
      <c r="X7794" s="19">
        <v>1</v>
      </c>
      <c r="Y7794" s="19"/>
      <c r="Z7794" s="19"/>
      <c r="AA7794" s="19"/>
    </row>
    <row r="7795" spans="1:27" s="1" customFormat="1" ht="14.1" customHeight="1" outlineLevel="1" x14ac:dyDescent="0.2">
      <c r="A7795" s="17"/>
      <c r="B7795" s="17"/>
      <c r="C7795" s="17"/>
      <c r="D7795" s="18"/>
      <c r="E7795" s="18"/>
      <c r="F7795" s="18"/>
      <c r="G7795" s="18"/>
      <c r="H7795" s="18"/>
      <c r="I7795" s="18"/>
      <c r="J7795" s="18"/>
      <c r="K7795" s="18"/>
      <c r="L7795" s="18"/>
      <c r="M7795" s="18"/>
      <c r="N7795" s="18"/>
      <c r="O7795" s="18"/>
      <c r="P7795" s="19"/>
      <c r="Q7795" s="19"/>
      <c r="R7795" s="19"/>
      <c r="S7795" s="19"/>
      <c r="T7795" s="19"/>
      <c r="U7795" s="19"/>
      <c r="V7795" s="19"/>
      <c r="W7795" s="19"/>
      <c r="X7795" s="19"/>
      <c r="Y7795" s="19"/>
      <c r="Z7795" s="19"/>
      <c r="AA7795" s="19"/>
    </row>
    <row r="7796" spans="1:27" s="1" customFormat="1" ht="14.1" customHeight="1" outlineLevel="1" x14ac:dyDescent="0.2">
      <c r="A7796" s="17">
        <v>15583</v>
      </c>
      <c r="B7796" s="17"/>
      <c r="C7796" s="17"/>
      <c r="D7796" s="18" t="s">
        <v>3857</v>
      </c>
      <c r="E7796" s="18"/>
      <c r="F7796" s="18"/>
      <c r="G7796" s="18"/>
      <c r="H7796" s="18"/>
      <c r="I7796" s="18"/>
      <c r="J7796" s="18"/>
      <c r="K7796" s="18"/>
      <c r="L7796" s="18"/>
      <c r="M7796" s="18"/>
      <c r="N7796" s="18"/>
      <c r="O7796" s="18"/>
      <c r="P7796" s="19">
        <v>670</v>
      </c>
      <c r="Q7796" s="19"/>
      <c r="R7796" s="19"/>
      <c r="S7796" s="19"/>
      <c r="T7796" s="19">
        <v>600</v>
      </c>
      <c r="U7796" s="19"/>
      <c r="V7796" s="19"/>
      <c r="W7796" s="19"/>
      <c r="X7796" s="19">
        <v>1</v>
      </c>
      <c r="Y7796" s="19"/>
      <c r="Z7796" s="19"/>
      <c r="AA7796" s="19"/>
    </row>
    <row r="7797" spans="1:27" s="1" customFormat="1" ht="14.1" customHeight="1" outlineLevel="1" x14ac:dyDescent="0.2">
      <c r="A7797" s="17"/>
      <c r="B7797" s="17"/>
      <c r="C7797" s="17"/>
      <c r="D7797" s="18"/>
      <c r="E7797" s="18"/>
      <c r="F7797" s="18"/>
      <c r="G7797" s="18"/>
      <c r="H7797" s="18"/>
      <c r="I7797" s="18"/>
      <c r="J7797" s="18"/>
      <c r="K7797" s="18"/>
      <c r="L7797" s="18"/>
      <c r="M7797" s="18"/>
      <c r="N7797" s="18"/>
      <c r="O7797" s="18"/>
      <c r="P7797" s="19"/>
      <c r="Q7797" s="19"/>
      <c r="R7797" s="19"/>
      <c r="S7797" s="19"/>
      <c r="T7797" s="19"/>
      <c r="U7797" s="19"/>
      <c r="V7797" s="19"/>
      <c r="W7797" s="19"/>
      <c r="X7797" s="19"/>
      <c r="Y7797" s="19"/>
      <c r="Z7797" s="19"/>
      <c r="AA7797" s="19"/>
    </row>
    <row r="7798" spans="1:27" s="1" customFormat="1" ht="14.1" customHeight="1" outlineLevel="1" x14ac:dyDescent="0.2">
      <c r="A7798" s="17">
        <v>15581</v>
      </c>
      <c r="B7798" s="17"/>
      <c r="C7798" s="17"/>
      <c r="D7798" s="18" t="s">
        <v>3858</v>
      </c>
      <c r="E7798" s="18"/>
      <c r="F7798" s="18"/>
      <c r="G7798" s="18"/>
      <c r="H7798" s="18"/>
      <c r="I7798" s="18"/>
      <c r="J7798" s="18"/>
      <c r="K7798" s="18"/>
      <c r="L7798" s="18"/>
      <c r="M7798" s="18"/>
      <c r="N7798" s="18"/>
      <c r="O7798" s="18"/>
      <c r="P7798" s="19">
        <v>250</v>
      </c>
      <c r="Q7798" s="19"/>
      <c r="R7798" s="19"/>
      <c r="S7798" s="19"/>
      <c r="T7798" s="19">
        <v>200</v>
      </c>
      <c r="U7798" s="19"/>
      <c r="V7798" s="19"/>
      <c r="W7798" s="19"/>
      <c r="X7798" s="19">
        <v>1</v>
      </c>
      <c r="Y7798" s="19"/>
      <c r="Z7798" s="19"/>
      <c r="AA7798" s="19"/>
    </row>
    <row r="7799" spans="1:27" s="1" customFormat="1" ht="14.1" customHeight="1" outlineLevel="1" x14ac:dyDescent="0.2">
      <c r="A7799" s="17"/>
      <c r="B7799" s="17"/>
      <c r="C7799" s="17"/>
      <c r="D7799" s="18"/>
      <c r="E7799" s="18"/>
      <c r="F7799" s="18"/>
      <c r="G7799" s="18"/>
      <c r="H7799" s="18"/>
      <c r="I7799" s="18"/>
      <c r="J7799" s="18"/>
      <c r="K7799" s="18"/>
      <c r="L7799" s="18"/>
      <c r="M7799" s="18"/>
      <c r="N7799" s="18"/>
      <c r="O7799" s="18"/>
      <c r="P7799" s="19"/>
      <c r="Q7799" s="19"/>
      <c r="R7799" s="19"/>
      <c r="S7799" s="19"/>
      <c r="T7799" s="19"/>
      <c r="U7799" s="19"/>
      <c r="V7799" s="19"/>
      <c r="W7799" s="19"/>
      <c r="X7799" s="19"/>
      <c r="Y7799" s="19"/>
      <c r="Z7799" s="19"/>
      <c r="AA7799" s="19"/>
    </row>
    <row r="7800" spans="1:27" s="1" customFormat="1" ht="11.1" customHeight="1" outlineLevel="1" x14ac:dyDescent="0.2">
      <c r="A7800" s="17">
        <v>5396</v>
      </c>
      <c r="B7800" s="17"/>
      <c r="C7800" s="17"/>
      <c r="D7800" s="18" t="s">
        <v>3859</v>
      </c>
      <c r="E7800" s="18"/>
      <c r="F7800" s="18"/>
      <c r="G7800" s="18"/>
      <c r="H7800" s="18"/>
      <c r="I7800" s="18"/>
      <c r="J7800" s="18"/>
      <c r="K7800" s="18"/>
      <c r="L7800" s="18"/>
      <c r="M7800" s="18"/>
      <c r="N7800" s="18"/>
      <c r="O7800" s="18"/>
      <c r="P7800" s="19">
        <v>200</v>
      </c>
      <c r="Q7800" s="19"/>
      <c r="R7800" s="19"/>
      <c r="S7800" s="19"/>
      <c r="T7800" s="19">
        <v>160</v>
      </c>
      <c r="U7800" s="19"/>
      <c r="V7800" s="19"/>
      <c r="W7800" s="19"/>
      <c r="X7800" s="19">
        <v>1</v>
      </c>
      <c r="Y7800" s="19"/>
      <c r="Z7800" s="19"/>
      <c r="AA7800" s="19"/>
    </row>
    <row r="7801" spans="1:27" s="1" customFormat="1" ht="11.1" customHeight="1" outlineLevel="1" x14ac:dyDescent="0.2">
      <c r="A7801" s="17"/>
      <c r="B7801" s="17"/>
      <c r="C7801" s="17"/>
      <c r="D7801" s="18"/>
      <c r="E7801" s="18"/>
      <c r="F7801" s="18"/>
      <c r="G7801" s="18"/>
      <c r="H7801" s="18"/>
      <c r="I7801" s="18"/>
      <c r="J7801" s="18"/>
      <c r="K7801" s="18"/>
      <c r="L7801" s="18"/>
      <c r="M7801" s="18"/>
      <c r="N7801" s="18"/>
      <c r="O7801" s="18"/>
      <c r="P7801" s="19"/>
      <c r="Q7801" s="19"/>
      <c r="R7801" s="19"/>
      <c r="S7801" s="19"/>
      <c r="T7801" s="19"/>
      <c r="U7801" s="19"/>
      <c r="V7801" s="19"/>
      <c r="W7801" s="19"/>
      <c r="X7801" s="19"/>
      <c r="Y7801" s="19"/>
      <c r="Z7801" s="19"/>
      <c r="AA7801" s="19"/>
    </row>
    <row r="7802" spans="1:27" s="1" customFormat="1" ht="14.1" customHeight="1" outlineLevel="1" x14ac:dyDescent="0.2">
      <c r="A7802" s="17">
        <v>15580</v>
      </c>
      <c r="B7802" s="17"/>
      <c r="C7802" s="17"/>
      <c r="D7802" s="18" t="s">
        <v>3860</v>
      </c>
      <c r="E7802" s="18"/>
      <c r="F7802" s="18"/>
      <c r="G7802" s="18"/>
      <c r="H7802" s="18"/>
      <c r="I7802" s="18"/>
      <c r="J7802" s="18"/>
      <c r="K7802" s="18"/>
      <c r="L7802" s="18"/>
      <c r="M7802" s="18"/>
      <c r="N7802" s="18"/>
      <c r="O7802" s="18"/>
      <c r="P7802" s="19">
        <v>190</v>
      </c>
      <c r="Q7802" s="19"/>
      <c r="R7802" s="19"/>
      <c r="S7802" s="19"/>
      <c r="T7802" s="19">
        <v>150</v>
      </c>
      <c r="U7802" s="19"/>
      <c r="V7802" s="19"/>
      <c r="W7802" s="19"/>
      <c r="X7802" s="19">
        <v>1</v>
      </c>
      <c r="Y7802" s="19"/>
      <c r="Z7802" s="19"/>
      <c r="AA7802" s="19"/>
    </row>
    <row r="7803" spans="1:27" s="1" customFormat="1" ht="14.1" customHeight="1" outlineLevel="1" x14ac:dyDescent="0.2">
      <c r="A7803" s="17"/>
      <c r="B7803" s="17"/>
      <c r="C7803" s="17"/>
      <c r="D7803" s="18"/>
      <c r="E7803" s="18"/>
      <c r="F7803" s="18"/>
      <c r="G7803" s="18"/>
      <c r="H7803" s="18"/>
      <c r="I7803" s="18"/>
      <c r="J7803" s="18"/>
      <c r="K7803" s="18"/>
      <c r="L7803" s="18"/>
      <c r="M7803" s="18"/>
      <c r="N7803" s="18"/>
      <c r="O7803" s="18"/>
      <c r="P7803" s="19"/>
      <c r="Q7803" s="19"/>
      <c r="R7803" s="19"/>
      <c r="S7803" s="19"/>
      <c r="T7803" s="19"/>
      <c r="U7803" s="19"/>
      <c r="V7803" s="19"/>
      <c r="W7803" s="19"/>
      <c r="X7803" s="19"/>
      <c r="Y7803" s="19"/>
      <c r="Z7803" s="19"/>
      <c r="AA7803" s="19"/>
    </row>
    <row r="7804" spans="1:27" s="1" customFormat="1" ht="14.1" customHeight="1" outlineLevel="1" x14ac:dyDescent="0.2">
      <c r="A7804" s="17">
        <v>6664</v>
      </c>
      <c r="B7804" s="17"/>
      <c r="C7804" s="17"/>
      <c r="D7804" s="18" t="s">
        <v>3861</v>
      </c>
      <c r="E7804" s="18"/>
      <c r="F7804" s="18"/>
      <c r="G7804" s="18"/>
      <c r="H7804" s="18"/>
      <c r="I7804" s="18"/>
      <c r="J7804" s="18"/>
      <c r="K7804" s="18"/>
      <c r="L7804" s="18"/>
      <c r="M7804" s="18"/>
      <c r="N7804" s="18"/>
      <c r="O7804" s="18"/>
      <c r="P7804" s="19">
        <v>190</v>
      </c>
      <c r="Q7804" s="19"/>
      <c r="R7804" s="19"/>
      <c r="S7804" s="19"/>
      <c r="T7804" s="19">
        <v>150</v>
      </c>
      <c r="U7804" s="19"/>
      <c r="V7804" s="19"/>
      <c r="W7804" s="19"/>
      <c r="X7804" s="19">
        <v>1</v>
      </c>
      <c r="Y7804" s="19"/>
      <c r="Z7804" s="19"/>
      <c r="AA7804" s="19"/>
    </row>
    <row r="7805" spans="1:27" s="1" customFormat="1" ht="14.1" customHeight="1" outlineLevel="1" x14ac:dyDescent="0.2">
      <c r="A7805" s="17"/>
      <c r="B7805" s="17"/>
      <c r="C7805" s="17"/>
      <c r="D7805" s="18"/>
      <c r="E7805" s="18"/>
      <c r="F7805" s="18"/>
      <c r="G7805" s="18"/>
      <c r="H7805" s="18"/>
      <c r="I7805" s="18"/>
      <c r="J7805" s="18"/>
      <c r="K7805" s="18"/>
      <c r="L7805" s="18"/>
      <c r="M7805" s="18"/>
      <c r="N7805" s="18"/>
      <c r="O7805" s="18"/>
      <c r="P7805" s="19"/>
      <c r="Q7805" s="19"/>
      <c r="R7805" s="19"/>
      <c r="S7805" s="19"/>
      <c r="T7805" s="19"/>
      <c r="U7805" s="19"/>
      <c r="V7805" s="19"/>
      <c r="W7805" s="19"/>
      <c r="X7805" s="19"/>
      <c r="Y7805" s="19"/>
      <c r="Z7805" s="19"/>
      <c r="AA7805" s="19"/>
    </row>
    <row r="7806" spans="1:27" s="1" customFormat="1" ht="14.1" customHeight="1" outlineLevel="1" x14ac:dyDescent="0.2">
      <c r="A7806" s="17">
        <v>11724</v>
      </c>
      <c r="B7806" s="17"/>
      <c r="C7806" s="17"/>
      <c r="D7806" s="18" t="s">
        <v>3862</v>
      </c>
      <c r="E7806" s="18"/>
      <c r="F7806" s="18"/>
      <c r="G7806" s="18"/>
      <c r="H7806" s="18"/>
      <c r="I7806" s="18"/>
      <c r="J7806" s="18"/>
      <c r="K7806" s="18"/>
      <c r="L7806" s="18"/>
      <c r="M7806" s="18"/>
      <c r="N7806" s="18"/>
      <c r="O7806" s="18"/>
      <c r="P7806" s="19">
        <v>210</v>
      </c>
      <c r="Q7806" s="19"/>
      <c r="R7806" s="19"/>
      <c r="S7806" s="19"/>
      <c r="T7806" s="19">
        <v>160</v>
      </c>
      <c r="U7806" s="19"/>
      <c r="V7806" s="19"/>
      <c r="W7806" s="19"/>
      <c r="X7806" s="19">
        <v>1</v>
      </c>
      <c r="Y7806" s="19"/>
      <c r="Z7806" s="19"/>
      <c r="AA7806" s="19"/>
    </row>
    <row r="7807" spans="1:27" s="1" customFormat="1" ht="14.1" customHeight="1" outlineLevel="1" x14ac:dyDescent="0.2">
      <c r="A7807" s="17"/>
      <c r="B7807" s="17"/>
      <c r="C7807" s="17"/>
      <c r="D7807" s="18"/>
      <c r="E7807" s="18"/>
      <c r="F7807" s="18"/>
      <c r="G7807" s="18"/>
      <c r="H7807" s="18"/>
      <c r="I7807" s="18"/>
      <c r="J7807" s="18"/>
      <c r="K7807" s="18"/>
      <c r="L7807" s="18"/>
      <c r="M7807" s="18"/>
      <c r="N7807" s="18"/>
      <c r="O7807" s="18"/>
      <c r="P7807" s="19"/>
      <c r="Q7807" s="19"/>
      <c r="R7807" s="19"/>
      <c r="S7807" s="19"/>
      <c r="T7807" s="19"/>
      <c r="U7807" s="19"/>
      <c r="V7807" s="19"/>
      <c r="W7807" s="19"/>
      <c r="X7807" s="19"/>
      <c r="Y7807" s="19"/>
      <c r="Z7807" s="19"/>
      <c r="AA7807" s="19"/>
    </row>
    <row r="7808" spans="1:27" s="1" customFormat="1" ht="14.1" customHeight="1" outlineLevel="1" x14ac:dyDescent="0.2">
      <c r="A7808" s="17">
        <v>11757</v>
      </c>
      <c r="B7808" s="17"/>
      <c r="C7808" s="17"/>
      <c r="D7808" s="18" t="s">
        <v>3863</v>
      </c>
      <c r="E7808" s="18"/>
      <c r="F7808" s="18"/>
      <c r="G7808" s="18"/>
      <c r="H7808" s="18"/>
      <c r="I7808" s="18"/>
      <c r="J7808" s="18"/>
      <c r="K7808" s="18"/>
      <c r="L7808" s="18"/>
      <c r="M7808" s="18"/>
      <c r="N7808" s="18"/>
      <c r="O7808" s="18"/>
      <c r="P7808" s="19">
        <v>250</v>
      </c>
      <c r="Q7808" s="19"/>
      <c r="R7808" s="19"/>
      <c r="S7808" s="19"/>
      <c r="T7808" s="19">
        <v>190</v>
      </c>
      <c r="U7808" s="19"/>
      <c r="V7808" s="19"/>
      <c r="W7808" s="19"/>
      <c r="X7808" s="19">
        <v>1</v>
      </c>
      <c r="Y7808" s="19"/>
      <c r="Z7808" s="19"/>
      <c r="AA7808" s="19"/>
    </row>
    <row r="7809" spans="1:27" s="1" customFormat="1" ht="14.1" customHeight="1" outlineLevel="1" x14ac:dyDescent="0.2">
      <c r="A7809" s="17"/>
      <c r="B7809" s="17"/>
      <c r="C7809" s="17"/>
      <c r="D7809" s="18"/>
      <c r="E7809" s="18"/>
      <c r="F7809" s="18"/>
      <c r="G7809" s="18"/>
      <c r="H7809" s="18"/>
      <c r="I7809" s="18"/>
      <c r="J7809" s="18"/>
      <c r="K7809" s="18"/>
      <c r="L7809" s="18"/>
      <c r="M7809" s="18"/>
      <c r="N7809" s="18"/>
      <c r="O7809" s="18"/>
      <c r="P7809" s="19"/>
      <c r="Q7809" s="19"/>
      <c r="R7809" s="19"/>
      <c r="S7809" s="19"/>
      <c r="T7809" s="19"/>
      <c r="U7809" s="19"/>
      <c r="V7809" s="19"/>
      <c r="W7809" s="19"/>
      <c r="X7809" s="19"/>
      <c r="Y7809" s="19"/>
      <c r="Z7809" s="19"/>
      <c r="AA7809" s="19"/>
    </row>
    <row r="7810" spans="1:27" s="1" customFormat="1" ht="14.1" customHeight="1" outlineLevel="1" x14ac:dyDescent="0.2">
      <c r="A7810" s="17">
        <v>6203</v>
      </c>
      <c r="B7810" s="17"/>
      <c r="C7810" s="17"/>
      <c r="D7810" s="18" t="s">
        <v>3864</v>
      </c>
      <c r="E7810" s="18"/>
      <c r="F7810" s="18"/>
      <c r="G7810" s="18"/>
      <c r="H7810" s="18"/>
      <c r="I7810" s="18"/>
      <c r="J7810" s="18"/>
      <c r="K7810" s="18"/>
      <c r="L7810" s="18"/>
      <c r="M7810" s="18"/>
      <c r="N7810" s="18"/>
      <c r="O7810" s="18"/>
      <c r="P7810" s="19">
        <v>150</v>
      </c>
      <c r="Q7810" s="19"/>
      <c r="R7810" s="19"/>
      <c r="S7810" s="19"/>
      <c r="T7810" s="19">
        <v>120</v>
      </c>
      <c r="U7810" s="19"/>
      <c r="V7810" s="19"/>
      <c r="W7810" s="19"/>
      <c r="X7810" s="19">
        <v>1</v>
      </c>
      <c r="Y7810" s="19"/>
      <c r="Z7810" s="19"/>
      <c r="AA7810" s="19"/>
    </row>
    <row r="7811" spans="1:27" s="1" customFormat="1" ht="14.1" customHeight="1" outlineLevel="1" x14ac:dyDescent="0.2">
      <c r="A7811" s="17"/>
      <c r="B7811" s="17"/>
      <c r="C7811" s="17"/>
      <c r="D7811" s="18"/>
      <c r="E7811" s="18"/>
      <c r="F7811" s="18"/>
      <c r="G7811" s="18"/>
      <c r="H7811" s="18"/>
      <c r="I7811" s="18"/>
      <c r="J7811" s="18"/>
      <c r="K7811" s="18"/>
      <c r="L7811" s="18"/>
      <c r="M7811" s="18"/>
      <c r="N7811" s="18"/>
      <c r="O7811" s="18"/>
      <c r="P7811" s="19"/>
      <c r="Q7811" s="19"/>
      <c r="R7811" s="19"/>
      <c r="S7811" s="19"/>
      <c r="T7811" s="19"/>
      <c r="U7811" s="19"/>
      <c r="V7811" s="19"/>
      <c r="W7811" s="19"/>
      <c r="X7811" s="19"/>
      <c r="Y7811" s="19"/>
      <c r="Z7811" s="19"/>
      <c r="AA7811" s="19"/>
    </row>
    <row r="7812" spans="1:27" s="1" customFormat="1" ht="14.1" customHeight="1" outlineLevel="1" x14ac:dyDescent="0.2">
      <c r="A7812" s="17">
        <v>11759</v>
      </c>
      <c r="B7812" s="17"/>
      <c r="C7812" s="17"/>
      <c r="D7812" s="18" t="s">
        <v>3865</v>
      </c>
      <c r="E7812" s="18"/>
      <c r="F7812" s="18"/>
      <c r="G7812" s="18"/>
      <c r="H7812" s="18"/>
      <c r="I7812" s="18"/>
      <c r="J7812" s="18"/>
      <c r="K7812" s="18"/>
      <c r="L7812" s="18"/>
      <c r="M7812" s="18"/>
      <c r="N7812" s="18"/>
      <c r="O7812" s="18"/>
      <c r="P7812" s="19">
        <v>250</v>
      </c>
      <c r="Q7812" s="19"/>
      <c r="R7812" s="19"/>
      <c r="S7812" s="19"/>
      <c r="T7812" s="19">
        <v>190</v>
      </c>
      <c r="U7812" s="19"/>
      <c r="V7812" s="19"/>
      <c r="W7812" s="19"/>
      <c r="X7812" s="19">
        <v>1</v>
      </c>
      <c r="Y7812" s="19"/>
      <c r="Z7812" s="19"/>
      <c r="AA7812" s="19"/>
    </row>
    <row r="7813" spans="1:27" s="1" customFormat="1" ht="14.1" customHeight="1" outlineLevel="1" x14ac:dyDescent="0.2">
      <c r="A7813" s="17"/>
      <c r="B7813" s="17"/>
      <c r="C7813" s="17"/>
      <c r="D7813" s="18"/>
      <c r="E7813" s="18"/>
      <c r="F7813" s="18"/>
      <c r="G7813" s="18"/>
      <c r="H7813" s="18"/>
      <c r="I7813" s="18"/>
      <c r="J7813" s="18"/>
      <c r="K7813" s="18"/>
      <c r="L7813" s="18"/>
      <c r="M7813" s="18"/>
      <c r="N7813" s="18"/>
      <c r="O7813" s="18"/>
      <c r="P7813" s="19"/>
      <c r="Q7813" s="19"/>
      <c r="R7813" s="19"/>
      <c r="S7813" s="19"/>
      <c r="T7813" s="19"/>
      <c r="U7813" s="19"/>
      <c r="V7813" s="19"/>
      <c r="W7813" s="19"/>
      <c r="X7813" s="19"/>
      <c r="Y7813" s="19"/>
      <c r="Z7813" s="19"/>
      <c r="AA7813" s="19"/>
    </row>
    <row r="7814" spans="1:27" s="1" customFormat="1" ht="14.1" customHeight="1" outlineLevel="1" x14ac:dyDescent="0.2">
      <c r="A7814" s="17">
        <v>11760</v>
      </c>
      <c r="B7814" s="17"/>
      <c r="C7814" s="17"/>
      <c r="D7814" s="18" t="s">
        <v>3866</v>
      </c>
      <c r="E7814" s="18"/>
      <c r="F7814" s="18"/>
      <c r="G7814" s="18"/>
      <c r="H7814" s="18"/>
      <c r="I7814" s="18"/>
      <c r="J7814" s="18"/>
      <c r="K7814" s="18"/>
      <c r="L7814" s="18"/>
      <c r="M7814" s="18"/>
      <c r="N7814" s="18"/>
      <c r="O7814" s="18"/>
      <c r="P7814" s="19">
        <v>250</v>
      </c>
      <c r="Q7814" s="19"/>
      <c r="R7814" s="19"/>
      <c r="S7814" s="19"/>
      <c r="T7814" s="19">
        <v>190</v>
      </c>
      <c r="U7814" s="19"/>
      <c r="V7814" s="19"/>
      <c r="W7814" s="19"/>
      <c r="X7814" s="19">
        <v>1</v>
      </c>
      <c r="Y7814" s="19"/>
      <c r="Z7814" s="19"/>
      <c r="AA7814" s="19"/>
    </row>
    <row r="7815" spans="1:27" s="1" customFormat="1" ht="14.1" customHeight="1" outlineLevel="1" x14ac:dyDescent="0.2">
      <c r="A7815" s="17"/>
      <c r="B7815" s="17"/>
      <c r="C7815" s="17"/>
      <c r="D7815" s="18"/>
      <c r="E7815" s="18"/>
      <c r="F7815" s="18"/>
      <c r="G7815" s="18"/>
      <c r="H7815" s="18"/>
      <c r="I7815" s="18"/>
      <c r="J7815" s="18"/>
      <c r="K7815" s="18"/>
      <c r="L7815" s="18"/>
      <c r="M7815" s="18"/>
      <c r="N7815" s="18"/>
      <c r="O7815" s="18"/>
      <c r="P7815" s="19"/>
      <c r="Q7815" s="19"/>
      <c r="R7815" s="19"/>
      <c r="S7815" s="19"/>
      <c r="T7815" s="19"/>
      <c r="U7815" s="19"/>
      <c r="V7815" s="19"/>
      <c r="W7815" s="19"/>
      <c r="X7815" s="19"/>
      <c r="Y7815" s="19"/>
      <c r="Z7815" s="19"/>
      <c r="AA7815" s="19"/>
    </row>
    <row r="7816" spans="1:27" s="1" customFormat="1" ht="14.1" customHeight="1" outlineLevel="1" x14ac:dyDescent="0.2">
      <c r="A7816" s="17">
        <v>11761</v>
      </c>
      <c r="B7816" s="17"/>
      <c r="C7816" s="17"/>
      <c r="D7816" s="18" t="s">
        <v>3867</v>
      </c>
      <c r="E7816" s="18"/>
      <c r="F7816" s="18"/>
      <c r="G7816" s="18"/>
      <c r="H7816" s="18"/>
      <c r="I7816" s="18"/>
      <c r="J7816" s="18"/>
      <c r="K7816" s="18"/>
      <c r="L7816" s="18"/>
      <c r="M7816" s="18"/>
      <c r="N7816" s="18"/>
      <c r="O7816" s="18"/>
      <c r="P7816" s="19">
        <v>240</v>
      </c>
      <c r="Q7816" s="19"/>
      <c r="R7816" s="19"/>
      <c r="S7816" s="19"/>
      <c r="T7816" s="19">
        <v>180</v>
      </c>
      <c r="U7816" s="19"/>
      <c r="V7816" s="19"/>
      <c r="W7816" s="19"/>
      <c r="X7816" s="19">
        <v>1</v>
      </c>
      <c r="Y7816" s="19"/>
      <c r="Z7816" s="19"/>
      <c r="AA7816" s="19"/>
    </row>
    <row r="7817" spans="1:27" s="1" customFormat="1" ht="14.1" customHeight="1" outlineLevel="1" x14ac:dyDescent="0.2">
      <c r="A7817" s="17"/>
      <c r="B7817" s="17"/>
      <c r="C7817" s="17"/>
      <c r="D7817" s="18"/>
      <c r="E7817" s="18"/>
      <c r="F7817" s="18"/>
      <c r="G7817" s="18"/>
      <c r="H7817" s="18"/>
      <c r="I7817" s="18"/>
      <c r="J7817" s="18"/>
      <c r="K7817" s="18"/>
      <c r="L7817" s="18"/>
      <c r="M7817" s="18"/>
      <c r="N7817" s="18"/>
      <c r="O7817" s="18"/>
      <c r="P7817" s="19"/>
      <c r="Q7817" s="19"/>
      <c r="R7817" s="19"/>
      <c r="S7817" s="19"/>
      <c r="T7817" s="19"/>
      <c r="U7817" s="19"/>
      <c r="V7817" s="19"/>
      <c r="W7817" s="19"/>
      <c r="X7817" s="19"/>
      <c r="Y7817" s="19"/>
      <c r="Z7817" s="19"/>
      <c r="AA7817" s="19"/>
    </row>
    <row r="7818" spans="1:27" s="1" customFormat="1" ht="14.1" customHeight="1" outlineLevel="1" x14ac:dyDescent="0.2">
      <c r="A7818" s="17">
        <v>15577</v>
      </c>
      <c r="B7818" s="17"/>
      <c r="C7818" s="17"/>
      <c r="D7818" s="18" t="s">
        <v>3868</v>
      </c>
      <c r="E7818" s="18"/>
      <c r="F7818" s="18"/>
      <c r="G7818" s="18"/>
      <c r="H7818" s="18"/>
      <c r="I7818" s="18"/>
      <c r="J7818" s="18"/>
      <c r="K7818" s="18"/>
      <c r="L7818" s="18"/>
      <c r="M7818" s="18"/>
      <c r="N7818" s="18"/>
      <c r="O7818" s="18"/>
      <c r="P7818" s="19">
        <v>570</v>
      </c>
      <c r="Q7818" s="19"/>
      <c r="R7818" s="19"/>
      <c r="S7818" s="19"/>
      <c r="T7818" s="19">
        <v>500</v>
      </c>
      <c r="U7818" s="19"/>
      <c r="V7818" s="19"/>
      <c r="W7818" s="19"/>
      <c r="X7818" s="19">
        <v>1</v>
      </c>
      <c r="Y7818" s="19"/>
      <c r="Z7818" s="19"/>
      <c r="AA7818" s="19"/>
    </row>
    <row r="7819" spans="1:27" s="1" customFormat="1" ht="14.1" customHeight="1" outlineLevel="1" x14ac:dyDescent="0.2">
      <c r="A7819" s="17"/>
      <c r="B7819" s="17"/>
      <c r="C7819" s="17"/>
      <c r="D7819" s="18"/>
      <c r="E7819" s="18"/>
      <c r="F7819" s="18"/>
      <c r="G7819" s="18"/>
      <c r="H7819" s="18"/>
      <c r="I7819" s="18"/>
      <c r="J7819" s="18"/>
      <c r="K7819" s="18"/>
      <c r="L7819" s="18"/>
      <c r="M7819" s="18"/>
      <c r="N7819" s="18"/>
      <c r="O7819" s="18"/>
      <c r="P7819" s="19"/>
      <c r="Q7819" s="19"/>
      <c r="R7819" s="19"/>
      <c r="S7819" s="19"/>
      <c r="T7819" s="19"/>
      <c r="U7819" s="19"/>
      <c r="V7819" s="19"/>
      <c r="W7819" s="19"/>
      <c r="X7819" s="19"/>
      <c r="Y7819" s="19"/>
      <c r="Z7819" s="19"/>
      <c r="AA7819" s="19"/>
    </row>
    <row r="7820" spans="1:27" s="1" customFormat="1" ht="14.1" customHeight="1" outlineLevel="1" x14ac:dyDescent="0.2">
      <c r="A7820" s="17">
        <v>11723</v>
      </c>
      <c r="B7820" s="17"/>
      <c r="C7820" s="17"/>
      <c r="D7820" s="18" t="s">
        <v>3869</v>
      </c>
      <c r="E7820" s="18"/>
      <c r="F7820" s="18"/>
      <c r="G7820" s="18"/>
      <c r="H7820" s="18"/>
      <c r="I7820" s="18"/>
      <c r="J7820" s="18"/>
      <c r="K7820" s="18"/>
      <c r="L7820" s="18"/>
      <c r="M7820" s="18"/>
      <c r="N7820" s="18"/>
      <c r="O7820" s="18"/>
      <c r="P7820" s="19">
        <v>90</v>
      </c>
      <c r="Q7820" s="19"/>
      <c r="R7820" s="19"/>
      <c r="S7820" s="19"/>
      <c r="T7820" s="19">
        <v>60</v>
      </c>
      <c r="U7820" s="19"/>
      <c r="V7820" s="19"/>
      <c r="W7820" s="19"/>
      <c r="X7820" s="19">
        <v>1</v>
      </c>
      <c r="Y7820" s="19"/>
      <c r="Z7820" s="19"/>
      <c r="AA7820" s="19"/>
    </row>
    <row r="7821" spans="1:27" s="1" customFormat="1" ht="14.1" customHeight="1" outlineLevel="1" x14ac:dyDescent="0.2">
      <c r="A7821" s="17"/>
      <c r="B7821" s="17"/>
      <c r="C7821" s="17"/>
      <c r="D7821" s="18"/>
      <c r="E7821" s="18"/>
      <c r="F7821" s="18"/>
      <c r="G7821" s="18"/>
      <c r="H7821" s="18"/>
      <c r="I7821" s="18"/>
      <c r="J7821" s="18"/>
      <c r="K7821" s="18"/>
      <c r="L7821" s="18"/>
      <c r="M7821" s="18"/>
      <c r="N7821" s="18"/>
      <c r="O7821" s="18"/>
      <c r="P7821" s="19"/>
      <c r="Q7821" s="19"/>
      <c r="R7821" s="19"/>
      <c r="S7821" s="19"/>
      <c r="T7821" s="19"/>
      <c r="U7821" s="19"/>
      <c r="V7821" s="19"/>
      <c r="W7821" s="19"/>
      <c r="X7821" s="19"/>
      <c r="Y7821" s="19"/>
      <c r="Z7821" s="19"/>
      <c r="AA7821" s="19"/>
    </row>
    <row r="7822" spans="1:27" s="1" customFormat="1" ht="11.1" customHeight="1" x14ac:dyDescent="0.2">
      <c r="A7822" s="16" t="s">
        <v>3870</v>
      </c>
      <c r="B7822" s="16"/>
      <c r="C7822" s="16"/>
      <c r="D7822" s="16"/>
      <c r="E7822" s="16"/>
      <c r="F7822" s="16"/>
      <c r="G7822" s="16"/>
      <c r="H7822" s="16"/>
      <c r="I7822" s="16"/>
      <c r="J7822" s="16"/>
      <c r="K7822" s="16"/>
      <c r="L7822" s="16"/>
      <c r="M7822" s="16"/>
      <c r="N7822" s="16"/>
      <c r="O7822" s="16"/>
      <c r="P7822" s="16"/>
      <c r="Q7822" s="16"/>
      <c r="R7822" s="16"/>
      <c r="S7822" s="16"/>
      <c r="T7822" s="16"/>
      <c r="U7822" s="16"/>
      <c r="V7822" s="16"/>
      <c r="W7822" s="16"/>
      <c r="X7822" s="16"/>
      <c r="Y7822" s="16"/>
      <c r="Z7822" s="16"/>
      <c r="AA7822" s="16"/>
    </row>
    <row r="7823" spans="1:27" s="1" customFormat="1" ht="11.1" customHeight="1" x14ac:dyDescent="0.2">
      <c r="A7823" s="16"/>
      <c r="B7823" s="16"/>
      <c r="C7823" s="16"/>
      <c r="D7823" s="16"/>
      <c r="E7823" s="16"/>
      <c r="F7823" s="16"/>
      <c r="G7823" s="16"/>
      <c r="H7823" s="16"/>
      <c r="I7823" s="16"/>
      <c r="J7823" s="16"/>
      <c r="K7823" s="16"/>
      <c r="L7823" s="16"/>
      <c r="M7823" s="16"/>
      <c r="N7823" s="16"/>
      <c r="O7823" s="16"/>
      <c r="P7823" s="16"/>
      <c r="Q7823" s="16"/>
      <c r="R7823" s="16"/>
      <c r="S7823" s="16"/>
      <c r="T7823" s="16"/>
      <c r="U7823" s="16"/>
      <c r="V7823" s="16"/>
      <c r="W7823" s="16"/>
      <c r="X7823" s="16"/>
      <c r="Y7823" s="16"/>
      <c r="Z7823" s="16"/>
      <c r="AA7823" s="16"/>
    </row>
    <row r="7824" spans="1:27" s="1" customFormat="1" ht="11.1" customHeight="1" outlineLevel="1" x14ac:dyDescent="0.2">
      <c r="A7824" s="17">
        <v>16971</v>
      </c>
      <c r="B7824" s="17"/>
      <c r="C7824" s="17"/>
      <c r="D7824" s="18" t="s">
        <v>3871</v>
      </c>
      <c r="E7824" s="18"/>
      <c r="F7824" s="18"/>
      <c r="G7824" s="18"/>
      <c r="H7824" s="18"/>
      <c r="I7824" s="18"/>
      <c r="J7824" s="18"/>
      <c r="K7824" s="18"/>
      <c r="L7824" s="18"/>
      <c r="M7824" s="18"/>
      <c r="N7824" s="18"/>
      <c r="O7824" s="18"/>
      <c r="P7824" s="19">
        <v>400</v>
      </c>
      <c r="Q7824" s="19"/>
      <c r="R7824" s="19"/>
      <c r="S7824" s="19"/>
      <c r="T7824" s="19">
        <v>300</v>
      </c>
      <c r="U7824" s="19"/>
      <c r="V7824" s="19"/>
      <c r="W7824" s="19"/>
      <c r="X7824" s="19">
        <v>1</v>
      </c>
      <c r="Y7824" s="19"/>
      <c r="Z7824" s="19"/>
      <c r="AA7824" s="19"/>
    </row>
    <row r="7825" spans="1:27" s="1" customFormat="1" ht="11.1" customHeight="1" outlineLevel="1" x14ac:dyDescent="0.2">
      <c r="A7825" s="17"/>
      <c r="B7825" s="17"/>
      <c r="C7825" s="17"/>
      <c r="D7825" s="18"/>
      <c r="E7825" s="18"/>
      <c r="F7825" s="18"/>
      <c r="G7825" s="18"/>
      <c r="H7825" s="18"/>
      <c r="I7825" s="18"/>
      <c r="J7825" s="18"/>
      <c r="K7825" s="18"/>
      <c r="L7825" s="18"/>
      <c r="M7825" s="18"/>
      <c r="N7825" s="18"/>
      <c r="O7825" s="18"/>
      <c r="P7825" s="19"/>
      <c r="Q7825" s="19"/>
      <c r="R7825" s="19"/>
      <c r="S7825" s="19"/>
      <c r="T7825" s="19"/>
      <c r="U7825" s="19"/>
      <c r="V7825" s="19"/>
      <c r="W7825" s="19"/>
      <c r="X7825" s="19"/>
      <c r="Y7825" s="19"/>
      <c r="Z7825" s="19"/>
      <c r="AA7825" s="19"/>
    </row>
    <row r="7826" spans="1:27" s="1" customFormat="1" ht="14.1" customHeight="1" outlineLevel="1" x14ac:dyDescent="0.2">
      <c r="A7826" s="17">
        <v>15037</v>
      </c>
      <c r="B7826" s="17"/>
      <c r="C7826" s="17"/>
      <c r="D7826" s="18" t="s">
        <v>3872</v>
      </c>
      <c r="E7826" s="18"/>
      <c r="F7826" s="18"/>
      <c r="G7826" s="18"/>
      <c r="H7826" s="18"/>
      <c r="I7826" s="18"/>
      <c r="J7826" s="18"/>
      <c r="K7826" s="18"/>
      <c r="L7826" s="18"/>
      <c r="M7826" s="18"/>
      <c r="N7826" s="18"/>
      <c r="O7826" s="18"/>
      <c r="P7826" s="19">
        <v>300</v>
      </c>
      <c r="Q7826" s="19"/>
      <c r="R7826" s="19"/>
      <c r="S7826" s="19"/>
      <c r="T7826" s="19">
        <v>250</v>
      </c>
      <c r="U7826" s="19"/>
      <c r="V7826" s="19"/>
      <c r="W7826" s="19"/>
      <c r="X7826" s="19">
        <v>1</v>
      </c>
      <c r="Y7826" s="19"/>
      <c r="Z7826" s="19"/>
      <c r="AA7826" s="19"/>
    </row>
    <row r="7827" spans="1:27" s="1" customFormat="1" ht="14.1" customHeight="1" outlineLevel="1" x14ac:dyDescent="0.2">
      <c r="A7827" s="17"/>
      <c r="B7827" s="17"/>
      <c r="C7827" s="17"/>
      <c r="D7827" s="18"/>
      <c r="E7827" s="18"/>
      <c r="F7827" s="18"/>
      <c r="G7827" s="18"/>
      <c r="H7827" s="18"/>
      <c r="I7827" s="18"/>
      <c r="J7827" s="18"/>
      <c r="K7827" s="18"/>
      <c r="L7827" s="18"/>
      <c r="M7827" s="18"/>
      <c r="N7827" s="18"/>
      <c r="O7827" s="18"/>
      <c r="P7827" s="19"/>
      <c r="Q7827" s="19"/>
      <c r="R7827" s="19"/>
      <c r="S7827" s="19"/>
      <c r="T7827" s="19"/>
      <c r="U7827" s="19"/>
      <c r="V7827" s="19"/>
      <c r="W7827" s="19"/>
      <c r="X7827" s="19"/>
      <c r="Y7827" s="19"/>
      <c r="Z7827" s="19"/>
      <c r="AA7827" s="19"/>
    </row>
    <row r="7828" spans="1:27" s="1" customFormat="1" ht="14.1" customHeight="1" outlineLevel="1" x14ac:dyDescent="0.2">
      <c r="A7828" s="17">
        <v>15038</v>
      </c>
      <c r="B7828" s="17"/>
      <c r="C7828" s="17"/>
      <c r="D7828" s="18" t="s">
        <v>3873</v>
      </c>
      <c r="E7828" s="18"/>
      <c r="F7828" s="18"/>
      <c r="G7828" s="18"/>
      <c r="H7828" s="18"/>
      <c r="I7828" s="18"/>
      <c r="J7828" s="18"/>
      <c r="K7828" s="18"/>
      <c r="L7828" s="18"/>
      <c r="M7828" s="18"/>
      <c r="N7828" s="18"/>
      <c r="O7828" s="18"/>
      <c r="P7828" s="19">
        <v>300</v>
      </c>
      <c r="Q7828" s="19"/>
      <c r="R7828" s="19"/>
      <c r="S7828" s="19"/>
      <c r="T7828" s="19">
        <v>250</v>
      </c>
      <c r="U7828" s="19"/>
      <c r="V7828" s="19"/>
      <c r="W7828" s="19"/>
      <c r="X7828" s="19">
        <v>1</v>
      </c>
      <c r="Y7828" s="19"/>
      <c r="Z7828" s="19"/>
      <c r="AA7828" s="19"/>
    </row>
    <row r="7829" spans="1:27" s="1" customFormat="1" ht="14.1" customHeight="1" outlineLevel="1" x14ac:dyDescent="0.2">
      <c r="A7829" s="17"/>
      <c r="B7829" s="17"/>
      <c r="C7829" s="17"/>
      <c r="D7829" s="18"/>
      <c r="E7829" s="18"/>
      <c r="F7829" s="18"/>
      <c r="G7829" s="18"/>
      <c r="H7829" s="18"/>
      <c r="I7829" s="18"/>
      <c r="J7829" s="18"/>
      <c r="K7829" s="18"/>
      <c r="L7829" s="18"/>
      <c r="M7829" s="18"/>
      <c r="N7829" s="18"/>
      <c r="O7829" s="18"/>
      <c r="P7829" s="19"/>
      <c r="Q7829" s="19"/>
      <c r="R7829" s="19"/>
      <c r="S7829" s="19"/>
      <c r="T7829" s="19"/>
      <c r="U7829" s="19"/>
      <c r="V7829" s="19"/>
      <c r="W7829" s="19"/>
      <c r="X7829" s="19"/>
      <c r="Y7829" s="19"/>
      <c r="Z7829" s="19"/>
      <c r="AA7829" s="19"/>
    </row>
    <row r="7830" spans="1:27" s="1" customFormat="1" ht="11.1" customHeight="1" x14ac:dyDescent="0.2">
      <c r="A7830" s="16" t="s">
        <v>3874</v>
      </c>
      <c r="B7830" s="16"/>
      <c r="C7830" s="16"/>
      <c r="D7830" s="16"/>
      <c r="E7830" s="16"/>
      <c r="F7830" s="16"/>
      <c r="G7830" s="16"/>
      <c r="H7830" s="16"/>
      <c r="I7830" s="16"/>
      <c r="J7830" s="16"/>
      <c r="K7830" s="16"/>
      <c r="L7830" s="16"/>
      <c r="M7830" s="16"/>
      <c r="N7830" s="16"/>
      <c r="O7830" s="16"/>
      <c r="P7830" s="16"/>
      <c r="Q7830" s="16"/>
      <c r="R7830" s="16"/>
      <c r="S7830" s="16"/>
      <c r="T7830" s="16"/>
      <c r="U7830" s="16"/>
      <c r="V7830" s="16"/>
      <c r="W7830" s="16"/>
      <c r="X7830" s="16"/>
      <c r="Y7830" s="16"/>
      <c r="Z7830" s="16"/>
      <c r="AA7830" s="16"/>
    </row>
    <row r="7831" spans="1:27" s="1" customFormat="1" ht="11.1" customHeight="1" x14ac:dyDescent="0.2">
      <c r="A7831" s="16"/>
      <c r="B7831" s="16"/>
      <c r="C7831" s="16"/>
      <c r="D7831" s="16"/>
      <c r="E7831" s="16"/>
      <c r="F7831" s="16"/>
      <c r="G7831" s="16"/>
      <c r="H7831" s="16"/>
      <c r="I7831" s="16"/>
      <c r="J7831" s="16"/>
      <c r="K7831" s="16"/>
      <c r="L7831" s="16"/>
      <c r="M7831" s="16"/>
      <c r="N7831" s="16"/>
      <c r="O7831" s="16"/>
      <c r="P7831" s="16"/>
      <c r="Q7831" s="16"/>
      <c r="R7831" s="16"/>
      <c r="S7831" s="16"/>
      <c r="T7831" s="16"/>
      <c r="U7831" s="16"/>
      <c r="V7831" s="16"/>
      <c r="W7831" s="16"/>
      <c r="X7831" s="16"/>
      <c r="Y7831" s="16"/>
      <c r="Z7831" s="16"/>
      <c r="AA7831" s="16"/>
    </row>
    <row r="7832" spans="1:27" s="1" customFormat="1" ht="14.1" customHeight="1" outlineLevel="1" x14ac:dyDescent="0.2">
      <c r="A7832" s="17">
        <v>17448</v>
      </c>
      <c r="B7832" s="17"/>
      <c r="C7832" s="17"/>
      <c r="D7832" s="18" t="s">
        <v>3875</v>
      </c>
      <c r="E7832" s="18"/>
      <c r="F7832" s="18"/>
      <c r="G7832" s="18"/>
      <c r="H7832" s="18"/>
      <c r="I7832" s="18"/>
      <c r="J7832" s="18"/>
      <c r="K7832" s="18"/>
      <c r="L7832" s="18"/>
      <c r="M7832" s="18"/>
      <c r="N7832" s="18"/>
      <c r="O7832" s="18"/>
      <c r="P7832" s="19">
        <v>150</v>
      </c>
      <c r="Q7832" s="19"/>
      <c r="R7832" s="19"/>
      <c r="S7832" s="19"/>
      <c r="T7832" s="19">
        <v>100</v>
      </c>
      <c r="U7832" s="19"/>
      <c r="V7832" s="19"/>
      <c r="W7832" s="19"/>
      <c r="X7832" s="19">
        <v>1</v>
      </c>
      <c r="Y7832" s="19"/>
      <c r="Z7832" s="19"/>
      <c r="AA7832" s="19"/>
    </row>
    <row r="7833" spans="1:27" s="1" customFormat="1" ht="14.1" customHeight="1" outlineLevel="1" x14ac:dyDescent="0.2">
      <c r="A7833" s="17"/>
      <c r="B7833" s="17"/>
      <c r="C7833" s="17"/>
      <c r="D7833" s="18"/>
      <c r="E7833" s="18"/>
      <c r="F7833" s="18"/>
      <c r="G7833" s="18"/>
      <c r="H7833" s="18"/>
      <c r="I7833" s="18"/>
      <c r="J7833" s="18"/>
      <c r="K7833" s="18"/>
      <c r="L7833" s="18"/>
      <c r="M7833" s="18"/>
      <c r="N7833" s="18"/>
      <c r="O7833" s="18"/>
      <c r="P7833" s="19"/>
      <c r="Q7833" s="19"/>
      <c r="R7833" s="19"/>
      <c r="S7833" s="19"/>
      <c r="T7833" s="19"/>
      <c r="U7833" s="19"/>
      <c r="V7833" s="19"/>
      <c r="W7833" s="19"/>
      <c r="X7833" s="19"/>
      <c r="Y7833" s="19"/>
      <c r="Z7833" s="19"/>
      <c r="AA7833" s="19"/>
    </row>
    <row r="7834" spans="1:27" s="1" customFormat="1" ht="11.1" customHeight="1" outlineLevel="1" x14ac:dyDescent="0.2">
      <c r="A7834" s="17">
        <v>8656</v>
      </c>
      <c r="B7834" s="17"/>
      <c r="C7834" s="17"/>
      <c r="D7834" s="18" t="s">
        <v>3876</v>
      </c>
      <c r="E7834" s="18"/>
      <c r="F7834" s="18"/>
      <c r="G7834" s="18"/>
      <c r="H7834" s="18"/>
      <c r="I7834" s="18"/>
      <c r="J7834" s="18"/>
      <c r="K7834" s="18"/>
      <c r="L7834" s="18"/>
      <c r="M7834" s="18"/>
      <c r="N7834" s="18"/>
      <c r="O7834" s="18"/>
      <c r="P7834" s="19">
        <v>200</v>
      </c>
      <c r="Q7834" s="19"/>
      <c r="R7834" s="19"/>
      <c r="S7834" s="19"/>
      <c r="T7834" s="19">
        <v>150</v>
      </c>
      <c r="U7834" s="19"/>
      <c r="V7834" s="19"/>
      <c r="W7834" s="19"/>
      <c r="X7834" s="19">
        <v>1</v>
      </c>
      <c r="Y7834" s="19"/>
      <c r="Z7834" s="19"/>
      <c r="AA7834" s="19"/>
    </row>
    <row r="7835" spans="1:27" s="1" customFormat="1" ht="11.1" customHeight="1" outlineLevel="1" x14ac:dyDescent="0.2">
      <c r="A7835" s="17"/>
      <c r="B7835" s="17"/>
      <c r="C7835" s="17"/>
      <c r="D7835" s="18"/>
      <c r="E7835" s="18"/>
      <c r="F7835" s="18"/>
      <c r="G7835" s="18"/>
      <c r="H7835" s="18"/>
      <c r="I7835" s="18"/>
      <c r="J7835" s="18"/>
      <c r="K7835" s="18"/>
      <c r="L7835" s="18"/>
      <c r="M7835" s="18"/>
      <c r="N7835" s="18"/>
      <c r="O7835" s="18"/>
      <c r="P7835" s="19"/>
      <c r="Q7835" s="19"/>
      <c r="R7835" s="19"/>
      <c r="S7835" s="19"/>
      <c r="T7835" s="19"/>
      <c r="U7835" s="19"/>
      <c r="V7835" s="19"/>
      <c r="W7835" s="19"/>
      <c r="X7835" s="19"/>
      <c r="Y7835" s="19"/>
      <c r="Z7835" s="19"/>
      <c r="AA7835" s="19"/>
    </row>
    <row r="7836" spans="1:27" s="1" customFormat="1" ht="11.1" customHeight="1" outlineLevel="1" x14ac:dyDescent="0.2">
      <c r="A7836" s="17">
        <v>15063</v>
      </c>
      <c r="B7836" s="17"/>
      <c r="C7836" s="17"/>
      <c r="D7836" s="18" t="s">
        <v>3877</v>
      </c>
      <c r="E7836" s="18"/>
      <c r="F7836" s="18"/>
      <c r="G7836" s="18"/>
      <c r="H7836" s="18"/>
      <c r="I7836" s="18"/>
      <c r="J7836" s="18"/>
      <c r="K7836" s="18"/>
      <c r="L7836" s="18"/>
      <c r="M7836" s="18"/>
      <c r="N7836" s="18"/>
      <c r="O7836" s="18"/>
      <c r="P7836" s="19">
        <v>370</v>
      </c>
      <c r="Q7836" s="19"/>
      <c r="R7836" s="19"/>
      <c r="S7836" s="19"/>
      <c r="T7836" s="19">
        <v>300</v>
      </c>
      <c r="U7836" s="19"/>
      <c r="V7836" s="19"/>
      <c r="W7836" s="19"/>
      <c r="X7836" s="19">
        <v>1</v>
      </c>
      <c r="Y7836" s="19"/>
      <c r="Z7836" s="19"/>
      <c r="AA7836" s="19"/>
    </row>
    <row r="7837" spans="1:27" s="1" customFormat="1" ht="11.1" customHeight="1" outlineLevel="1" x14ac:dyDescent="0.2">
      <c r="A7837" s="17"/>
      <c r="B7837" s="17"/>
      <c r="C7837" s="17"/>
      <c r="D7837" s="18"/>
      <c r="E7837" s="18"/>
      <c r="F7837" s="18"/>
      <c r="G7837" s="18"/>
      <c r="H7837" s="18"/>
      <c r="I7837" s="18"/>
      <c r="J7837" s="18"/>
      <c r="K7837" s="18"/>
      <c r="L7837" s="18"/>
      <c r="M7837" s="18"/>
      <c r="N7837" s="18"/>
      <c r="O7837" s="18"/>
      <c r="P7837" s="19"/>
      <c r="Q7837" s="19"/>
      <c r="R7837" s="19"/>
      <c r="S7837" s="19"/>
      <c r="T7837" s="19"/>
      <c r="U7837" s="19"/>
      <c r="V7837" s="19"/>
      <c r="W7837" s="19"/>
      <c r="X7837" s="19"/>
      <c r="Y7837" s="19"/>
      <c r="Z7837" s="19"/>
      <c r="AA7837" s="19"/>
    </row>
    <row r="7838" spans="1:27" s="1" customFormat="1" ht="14.1" customHeight="1" outlineLevel="1" x14ac:dyDescent="0.2">
      <c r="A7838" s="17">
        <v>17443</v>
      </c>
      <c r="B7838" s="17"/>
      <c r="C7838" s="17"/>
      <c r="D7838" s="18" t="s">
        <v>3878</v>
      </c>
      <c r="E7838" s="18"/>
      <c r="F7838" s="18"/>
      <c r="G7838" s="18"/>
      <c r="H7838" s="18"/>
      <c r="I7838" s="18"/>
      <c r="J7838" s="18"/>
      <c r="K7838" s="18"/>
      <c r="L7838" s="18"/>
      <c r="M7838" s="18"/>
      <c r="N7838" s="18"/>
      <c r="O7838" s="18"/>
      <c r="P7838" s="19">
        <v>500</v>
      </c>
      <c r="Q7838" s="19"/>
      <c r="R7838" s="19"/>
      <c r="S7838" s="19"/>
      <c r="T7838" s="19">
        <v>400</v>
      </c>
      <c r="U7838" s="19"/>
      <c r="V7838" s="19"/>
      <c r="W7838" s="19"/>
      <c r="X7838" s="19">
        <v>1</v>
      </c>
      <c r="Y7838" s="19"/>
      <c r="Z7838" s="19"/>
      <c r="AA7838" s="19"/>
    </row>
    <row r="7839" spans="1:27" s="1" customFormat="1" ht="14.1" customHeight="1" outlineLevel="1" x14ac:dyDescent="0.2">
      <c r="A7839" s="17"/>
      <c r="B7839" s="17"/>
      <c r="C7839" s="17"/>
      <c r="D7839" s="18"/>
      <c r="E7839" s="18"/>
      <c r="F7839" s="18"/>
      <c r="G7839" s="18"/>
      <c r="H7839" s="18"/>
      <c r="I7839" s="18"/>
      <c r="J7839" s="18"/>
      <c r="K7839" s="18"/>
      <c r="L7839" s="18"/>
      <c r="M7839" s="18"/>
      <c r="N7839" s="18"/>
      <c r="O7839" s="18"/>
      <c r="P7839" s="19"/>
      <c r="Q7839" s="19"/>
      <c r="R7839" s="19"/>
      <c r="S7839" s="19"/>
      <c r="T7839" s="19"/>
      <c r="U7839" s="19"/>
      <c r="V7839" s="19"/>
      <c r="W7839" s="19"/>
      <c r="X7839" s="19"/>
      <c r="Y7839" s="19"/>
      <c r="Z7839" s="19"/>
      <c r="AA7839" s="19"/>
    </row>
    <row r="7840" spans="1:27" s="1" customFormat="1" ht="14.1" customHeight="1" outlineLevel="1" x14ac:dyDescent="0.2">
      <c r="A7840" s="17">
        <v>12655</v>
      </c>
      <c r="B7840" s="17"/>
      <c r="C7840" s="17"/>
      <c r="D7840" s="18" t="s">
        <v>3879</v>
      </c>
      <c r="E7840" s="18"/>
      <c r="F7840" s="18"/>
      <c r="G7840" s="18"/>
      <c r="H7840" s="18"/>
      <c r="I7840" s="18"/>
      <c r="J7840" s="18"/>
      <c r="K7840" s="18"/>
      <c r="L7840" s="18"/>
      <c r="M7840" s="18"/>
      <c r="N7840" s="18"/>
      <c r="O7840" s="18"/>
      <c r="P7840" s="19">
        <v>300</v>
      </c>
      <c r="Q7840" s="19"/>
      <c r="R7840" s="19"/>
      <c r="S7840" s="19"/>
      <c r="T7840" s="19">
        <v>250</v>
      </c>
      <c r="U7840" s="19"/>
      <c r="V7840" s="19"/>
      <c r="W7840" s="19"/>
      <c r="X7840" s="19">
        <v>1</v>
      </c>
      <c r="Y7840" s="19"/>
      <c r="Z7840" s="19"/>
      <c r="AA7840" s="19"/>
    </row>
    <row r="7841" spans="1:27" s="1" customFormat="1" ht="14.1" customHeight="1" outlineLevel="1" x14ac:dyDescent="0.2">
      <c r="A7841" s="17"/>
      <c r="B7841" s="17"/>
      <c r="C7841" s="17"/>
      <c r="D7841" s="18"/>
      <c r="E7841" s="18"/>
      <c r="F7841" s="18"/>
      <c r="G7841" s="18"/>
      <c r="H7841" s="18"/>
      <c r="I7841" s="18"/>
      <c r="J7841" s="18"/>
      <c r="K7841" s="18"/>
      <c r="L7841" s="18"/>
      <c r="M7841" s="18"/>
      <c r="N7841" s="18"/>
      <c r="O7841" s="18"/>
      <c r="P7841" s="19"/>
      <c r="Q7841" s="19"/>
      <c r="R7841" s="19"/>
      <c r="S7841" s="19"/>
      <c r="T7841" s="19"/>
      <c r="U7841" s="19"/>
      <c r="V7841" s="19"/>
      <c r="W7841" s="19"/>
      <c r="X7841" s="19"/>
      <c r="Y7841" s="19"/>
      <c r="Z7841" s="19"/>
      <c r="AA7841" s="19"/>
    </row>
    <row r="7842" spans="1:27" s="1" customFormat="1" ht="11.1" customHeight="1" outlineLevel="1" x14ac:dyDescent="0.2">
      <c r="A7842" s="17">
        <v>15062</v>
      </c>
      <c r="B7842" s="17"/>
      <c r="C7842" s="17"/>
      <c r="D7842" s="18" t="s">
        <v>3880</v>
      </c>
      <c r="E7842" s="18"/>
      <c r="F7842" s="18"/>
      <c r="G7842" s="18"/>
      <c r="H7842" s="18"/>
      <c r="I7842" s="18"/>
      <c r="J7842" s="18"/>
      <c r="K7842" s="18"/>
      <c r="L7842" s="18"/>
      <c r="M7842" s="18"/>
      <c r="N7842" s="18"/>
      <c r="O7842" s="18"/>
      <c r="P7842" s="19">
        <v>80</v>
      </c>
      <c r="Q7842" s="19"/>
      <c r="R7842" s="19"/>
      <c r="S7842" s="19"/>
      <c r="T7842" s="19">
        <v>50</v>
      </c>
      <c r="U7842" s="19"/>
      <c r="V7842" s="19"/>
      <c r="W7842" s="19"/>
      <c r="X7842" s="19">
        <v>1</v>
      </c>
      <c r="Y7842" s="19"/>
      <c r="Z7842" s="19"/>
      <c r="AA7842" s="19"/>
    </row>
    <row r="7843" spans="1:27" s="1" customFormat="1" ht="11.1" customHeight="1" outlineLevel="1" x14ac:dyDescent="0.2">
      <c r="A7843" s="17"/>
      <c r="B7843" s="17"/>
      <c r="C7843" s="17"/>
      <c r="D7843" s="18"/>
      <c r="E7843" s="18"/>
      <c r="F7843" s="18"/>
      <c r="G7843" s="18"/>
      <c r="H7843" s="18"/>
      <c r="I7843" s="18"/>
      <c r="J7843" s="18"/>
      <c r="K7843" s="18"/>
      <c r="L7843" s="18"/>
      <c r="M7843" s="18"/>
      <c r="N7843" s="18"/>
      <c r="O7843" s="18"/>
      <c r="P7843" s="19"/>
      <c r="Q7843" s="19"/>
      <c r="R7843" s="19"/>
      <c r="S7843" s="19"/>
      <c r="T7843" s="19"/>
      <c r="U7843" s="19"/>
      <c r="V7843" s="19"/>
      <c r="W7843" s="19"/>
      <c r="X7843" s="19"/>
      <c r="Y7843" s="19"/>
      <c r="Z7843" s="19"/>
      <c r="AA7843" s="19"/>
    </row>
    <row r="7844" spans="1:27" s="1" customFormat="1" ht="14.1" customHeight="1" outlineLevel="1" x14ac:dyDescent="0.2">
      <c r="A7844" s="17">
        <v>17444</v>
      </c>
      <c r="B7844" s="17"/>
      <c r="C7844" s="17"/>
      <c r="D7844" s="18" t="s">
        <v>3881</v>
      </c>
      <c r="E7844" s="18"/>
      <c r="F7844" s="18"/>
      <c r="G7844" s="18"/>
      <c r="H7844" s="18"/>
      <c r="I7844" s="18"/>
      <c r="J7844" s="18"/>
      <c r="K7844" s="18"/>
      <c r="L7844" s="18"/>
      <c r="M7844" s="18"/>
      <c r="N7844" s="18"/>
      <c r="O7844" s="18"/>
      <c r="P7844" s="19">
        <v>150</v>
      </c>
      <c r="Q7844" s="19"/>
      <c r="R7844" s="19"/>
      <c r="S7844" s="19"/>
      <c r="T7844" s="19">
        <v>100</v>
      </c>
      <c r="U7844" s="19"/>
      <c r="V7844" s="19"/>
      <c r="W7844" s="19"/>
      <c r="X7844" s="19">
        <v>1</v>
      </c>
      <c r="Y7844" s="19"/>
      <c r="Z7844" s="19"/>
      <c r="AA7844" s="19"/>
    </row>
    <row r="7845" spans="1:27" s="1" customFormat="1" ht="14.1" customHeight="1" outlineLevel="1" x14ac:dyDescent="0.2">
      <c r="A7845" s="17"/>
      <c r="B7845" s="17"/>
      <c r="C7845" s="17"/>
      <c r="D7845" s="18"/>
      <c r="E7845" s="18"/>
      <c r="F7845" s="18"/>
      <c r="G7845" s="18"/>
      <c r="H7845" s="18"/>
      <c r="I7845" s="18"/>
      <c r="J7845" s="18"/>
      <c r="K7845" s="18"/>
      <c r="L7845" s="18"/>
      <c r="M7845" s="18"/>
      <c r="N7845" s="18"/>
      <c r="O7845" s="18"/>
      <c r="P7845" s="19"/>
      <c r="Q7845" s="19"/>
      <c r="R7845" s="19"/>
      <c r="S7845" s="19"/>
      <c r="T7845" s="19"/>
      <c r="U7845" s="19"/>
      <c r="V7845" s="19"/>
      <c r="W7845" s="19"/>
      <c r="X7845" s="19"/>
      <c r="Y7845" s="19"/>
      <c r="Z7845" s="19"/>
      <c r="AA7845" s="19"/>
    </row>
    <row r="7846" spans="1:27" s="1" customFormat="1" ht="11.1" customHeight="1" outlineLevel="1" x14ac:dyDescent="0.2">
      <c r="A7846" s="17">
        <v>12658</v>
      </c>
      <c r="B7846" s="17"/>
      <c r="C7846" s="17"/>
      <c r="D7846" s="18" t="s">
        <v>3882</v>
      </c>
      <c r="E7846" s="18"/>
      <c r="F7846" s="18"/>
      <c r="G7846" s="18"/>
      <c r="H7846" s="18"/>
      <c r="I7846" s="18"/>
      <c r="J7846" s="18"/>
      <c r="K7846" s="18"/>
      <c r="L7846" s="18"/>
      <c r="M7846" s="18"/>
      <c r="N7846" s="18"/>
      <c r="O7846" s="18"/>
      <c r="P7846" s="19">
        <v>80</v>
      </c>
      <c r="Q7846" s="19"/>
      <c r="R7846" s="19"/>
      <c r="S7846" s="19"/>
      <c r="T7846" s="19">
        <v>50</v>
      </c>
      <c r="U7846" s="19"/>
      <c r="V7846" s="19"/>
      <c r="W7846" s="19"/>
      <c r="X7846" s="19">
        <v>2</v>
      </c>
      <c r="Y7846" s="19"/>
      <c r="Z7846" s="19"/>
      <c r="AA7846" s="19"/>
    </row>
    <row r="7847" spans="1:27" s="1" customFormat="1" ht="11.1" customHeight="1" outlineLevel="1" x14ac:dyDescent="0.2">
      <c r="A7847" s="17"/>
      <c r="B7847" s="17"/>
      <c r="C7847" s="17"/>
      <c r="D7847" s="18"/>
      <c r="E7847" s="18"/>
      <c r="F7847" s="18"/>
      <c r="G7847" s="18"/>
      <c r="H7847" s="18"/>
      <c r="I7847" s="18"/>
      <c r="J7847" s="18"/>
      <c r="K7847" s="18"/>
      <c r="L7847" s="18"/>
      <c r="M7847" s="18"/>
      <c r="N7847" s="18"/>
      <c r="O7847" s="18"/>
      <c r="P7847" s="19"/>
      <c r="Q7847" s="19"/>
      <c r="R7847" s="19"/>
      <c r="S7847" s="19"/>
      <c r="T7847" s="19"/>
      <c r="U7847" s="19"/>
      <c r="V7847" s="19"/>
      <c r="W7847" s="19"/>
      <c r="X7847" s="19"/>
      <c r="Y7847" s="19"/>
      <c r="Z7847" s="19"/>
      <c r="AA7847" s="19"/>
    </row>
    <row r="7848" spans="1:27" s="1" customFormat="1" ht="14.1" customHeight="1" outlineLevel="1" x14ac:dyDescent="0.2">
      <c r="A7848" s="17">
        <v>17446</v>
      </c>
      <c r="B7848" s="17"/>
      <c r="C7848" s="17"/>
      <c r="D7848" s="18" t="s">
        <v>3883</v>
      </c>
      <c r="E7848" s="18"/>
      <c r="F7848" s="18"/>
      <c r="G7848" s="18"/>
      <c r="H7848" s="18"/>
      <c r="I7848" s="18"/>
      <c r="J7848" s="18"/>
      <c r="K7848" s="18"/>
      <c r="L7848" s="18"/>
      <c r="M7848" s="18"/>
      <c r="N7848" s="18"/>
      <c r="O7848" s="18"/>
      <c r="P7848" s="19">
        <v>250</v>
      </c>
      <c r="Q7848" s="19"/>
      <c r="R7848" s="19"/>
      <c r="S7848" s="19"/>
      <c r="T7848" s="19">
        <v>150</v>
      </c>
      <c r="U7848" s="19"/>
      <c r="V7848" s="19"/>
      <c r="W7848" s="19"/>
      <c r="X7848" s="19">
        <v>1</v>
      </c>
      <c r="Y7848" s="19"/>
      <c r="Z7848" s="19"/>
      <c r="AA7848" s="19"/>
    </row>
    <row r="7849" spans="1:27" s="1" customFormat="1" ht="14.1" customHeight="1" outlineLevel="1" x14ac:dyDescent="0.2">
      <c r="A7849" s="17"/>
      <c r="B7849" s="17"/>
      <c r="C7849" s="17"/>
      <c r="D7849" s="18"/>
      <c r="E7849" s="18"/>
      <c r="F7849" s="18"/>
      <c r="G7849" s="18"/>
      <c r="H7849" s="18"/>
      <c r="I7849" s="18"/>
      <c r="J7849" s="18"/>
      <c r="K7849" s="18"/>
      <c r="L7849" s="18"/>
      <c r="M7849" s="18"/>
      <c r="N7849" s="18"/>
      <c r="O7849" s="18"/>
      <c r="P7849" s="19"/>
      <c r="Q7849" s="19"/>
      <c r="R7849" s="19"/>
      <c r="S7849" s="19"/>
      <c r="T7849" s="19"/>
      <c r="U7849" s="19"/>
      <c r="V7849" s="19"/>
      <c r="W7849" s="19"/>
      <c r="X7849" s="19"/>
      <c r="Y7849" s="19"/>
      <c r="Z7849" s="19"/>
      <c r="AA7849" s="19"/>
    </row>
    <row r="7850" spans="1:27" s="1" customFormat="1" ht="14.1" customHeight="1" outlineLevel="1" x14ac:dyDescent="0.2">
      <c r="A7850" s="17">
        <v>15065</v>
      </c>
      <c r="B7850" s="17"/>
      <c r="C7850" s="17"/>
      <c r="D7850" s="18" t="s">
        <v>3884</v>
      </c>
      <c r="E7850" s="18"/>
      <c r="F7850" s="18"/>
      <c r="G7850" s="18"/>
      <c r="H7850" s="18"/>
      <c r="I7850" s="18"/>
      <c r="J7850" s="18"/>
      <c r="K7850" s="18"/>
      <c r="L7850" s="18"/>
      <c r="M7850" s="18"/>
      <c r="N7850" s="18"/>
      <c r="O7850" s="18"/>
      <c r="P7850" s="19">
        <v>320</v>
      </c>
      <c r="Q7850" s="19"/>
      <c r="R7850" s="19"/>
      <c r="S7850" s="19"/>
      <c r="T7850" s="19">
        <v>250</v>
      </c>
      <c r="U7850" s="19"/>
      <c r="V7850" s="19"/>
      <c r="W7850" s="19"/>
      <c r="X7850" s="19">
        <v>1</v>
      </c>
      <c r="Y7850" s="19"/>
      <c r="Z7850" s="19"/>
      <c r="AA7850" s="19"/>
    </row>
    <row r="7851" spans="1:27" s="1" customFormat="1" ht="14.1" customHeight="1" outlineLevel="1" x14ac:dyDescent="0.2">
      <c r="A7851" s="17"/>
      <c r="B7851" s="17"/>
      <c r="C7851" s="17"/>
      <c r="D7851" s="18"/>
      <c r="E7851" s="18"/>
      <c r="F7851" s="18"/>
      <c r="G7851" s="18"/>
      <c r="H7851" s="18"/>
      <c r="I7851" s="18"/>
      <c r="J7851" s="18"/>
      <c r="K7851" s="18"/>
      <c r="L7851" s="18"/>
      <c r="M7851" s="18"/>
      <c r="N7851" s="18"/>
      <c r="O7851" s="18"/>
      <c r="P7851" s="19"/>
      <c r="Q7851" s="19"/>
      <c r="R7851" s="19"/>
      <c r="S7851" s="19"/>
      <c r="T7851" s="19"/>
      <c r="U7851" s="19"/>
      <c r="V7851" s="19"/>
      <c r="W7851" s="19"/>
      <c r="X7851" s="19"/>
      <c r="Y7851" s="19"/>
      <c r="Z7851" s="19"/>
      <c r="AA7851" s="19"/>
    </row>
    <row r="7852" spans="1:27" s="1" customFormat="1" ht="14.1" customHeight="1" outlineLevel="1" x14ac:dyDescent="0.2">
      <c r="A7852" s="17">
        <v>12657</v>
      </c>
      <c r="B7852" s="17"/>
      <c r="C7852" s="17"/>
      <c r="D7852" s="18" t="s">
        <v>3885</v>
      </c>
      <c r="E7852" s="18"/>
      <c r="F7852" s="18"/>
      <c r="G7852" s="18"/>
      <c r="H7852" s="18"/>
      <c r="I7852" s="18"/>
      <c r="J7852" s="18"/>
      <c r="K7852" s="18"/>
      <c r="L7852" s="18"/>
      <c r="M7852" s="18"/>
      <c r="N7852" s="18"/>
      <c r="O7852" s="18"/>
      <c r="P7852" s="19">
        <v>280</v>
      </c>
      <c r="Q7852" s="19"/>
      <c r="R7852" s="19"/>
      <c r="S7852" s="19"/>
      <c r="T7852" s="19">
        <v>220</v>
      </c>
      <c r="U7852" s="19"/>
      <c r="V7852" s="19"/>
      <c r="W7852" s="19"/>
      <c r="X7852" s="19">
        <v>1</v>
      </c>
      <c r="Y7852" s="19"/>
      <c r="Z7852" s="19"/>
      <c r="AA7852" s="19"/>
    </row>
    <row r="7853" spans="1:27" s="1" customFormat="1" ht="14.1" customHeight="1" outlineLevel="1" x14ac:dyDescent="0.2">
      <c r="A7853" s="17"/>
      <c r="B7853" s="17"/>
      <c r="C7853" s="17"/>
      <c r="D7853" s="18"/>
      <c r="E7853" s="18"/>
      <c r="F7853" s="18"/>
      <c r="G7853" s="18"/>
      <c r="H7853" s="18"/>
      <c r="I7853" s="18"/>
      <c r="J7853" s="18"/>
      <c r="K7853" s="18"/>
      <c r="L7853" s="18"/>
      <c r="M7853" s="18"/>
      <c r="N7853" s="18"/>
      <c r="O7853" s="18"/>
      <c r="P7853" s="19"/>
      <c r="Q7853" s="19"/>
      <c r="R7853" s="19"/>
      <c r="S7853" s="19"/>
      <c r="T7853" s="19"/>
      <c r="U7853" s="19"/>
      <c r="V7853" s="19"/>
      <c r="W7853" s="19"/>
      <c r="X7853" s="19"/>
      <c r="Y7853" s="19"/>
      <c r="Z7853" s="19"/>
      <c r="AA7853" s="19"/>
    </row>
    <row r="7854" spans="1:27" s="1" customFormat="1" ht="11.1" customHeight="1" outlineLevel="1" x14ac:dyDescent="0.2">
      <c r="A7854" s="17">
        <v>8657</v>
      </c>
      <c r="B7854" s="17"/>
      <c r="C7854" s="17"/>
      <c r="D7854" s="18" t="s">
        <v>3886</v>
      </c>
      <c r="E7854" s="18"/>
      <c r="F7854" s="18"/>
      <c r="G7854" s="18"/>
      <c r="H7854" s="18"/>
      <c r="I7854" s="18"/>
      <c r="J7854" s="18"/>
      <c r="K7854" s="18"/>
      <c r="L7854" s="18"/>
      <c r="M7854" s="18"/>
      <c r="N7854" s="18"/>
      <c r="O7854" s="18"/>
      <c r="P7854" s="19">
        <v>150</v>
      </c>
      <c r="Q7854" s="19"/>
      <c r="R7854" s="19"/>
      <c r="S7854" s="19"/>
      <c r="T7854" s="19">
        <v>100</v>
      </c>
      <c r="U7854" s="19"/>
      <c r="V7854" s="19"/>
      <c r="W7854" s="19"/>
      <c r="X7854" s="19">
        <v>1</v>
      </c>
      <c r="Y7854" s="19"/>
      <c r="Z7854" s="19"/>
      <c r="AA7854" s="19"/>
    </row>
    <row r="7855" spans="1:27" s="1" customFormat="1" ht="11.1" customHeight="1" outlineLevel="1" x14ac:dyDescent="0.2">
      <c r="A7855" s="17"/>
      <c r="B7855" s="17"/>
      <c r="C7855" s="17"/>
      <c r="D7855" s="18"/>
      <c r="E7855" s="18"/>
      <c r="F7855" s="18"/>
      <c r="G7855" s="18"/>
      <c r="H7855" s="18"/>
      <c r="I7855" s="18"/>
      <c r="J7855" s="18"/>
      <c r="K7855" s="18"/>
      <c r="L7855" s="18"/>
      <c r="M7855" s="18"/>
      <c r="N7855" s="18"/>
      <c r="O7855" s="18"/>
      <c r="P7855" s="19"/>
      <c r="Q7855" s="19"/>
      <c r="R7855" s="19"/>
      <c r="S7855" s="19"/>
      <c r="T7855" s="19"/>
      <c r="U7855" s="19"/>
      <c r="V7855" s="19"/>
      <c r="W7855" s="19"/>
      <c r="X7855" s="19"/>
      <c r="Y7855" s="19"/>
      <c r="Z7855" s="19"/>
      <c r="AA7855" s="19"/>
    </row>
    <row r="7856" spans="1:27" s="1" customFormat="1" ht="11.1" customHeight="1" outlineLevel="1" x14ac:dyDescent="0.2">
      <c r="A7856" s="17">
        <v>15064</v>
      </c>
      <c r="B7856" s="17"/>
      <c r="C7856" s="17"/>
      <c r="D7856" s="18" t="s">
        <v>3887</v>
      </c>
      <c r="E7856" s="18"/>
      <c r="F7856" s="18"/>
      <c r="G7856" s="18"/>
      <c r="H7856" s="18"/>
      <c r="I7856" s="18"/>
      <c r="J7856" s="18"/>
      <c r="K7856" s="18"/>
      <c r="L7856" s="18"/>
      <c r="M7856" s="18"/>
      <c r="N7856" s="18"/>
      <c r="O7856" s="18"/>
      <c r="P7856" s="19">
        <v>320</v>
      </c>
      <c r="Q7856" s="19"/>
      <c r="R7856" s="19"/>
      <c r="S7856" s="19"/>
      <c r="T7856" s="19">
        <v>250</v>
      </c>
      <c r="U7856" s="19"/>
      <c r="V7856" s="19"/>
      <c r="W7856" s="19"/>
      <c r="X7856" s="19">
        <v>1</v>
      </c>
      <c r="Y7856" s="19"/>
      <c r="Z7856" s="19"/>
      <c r="AA7856" s="19"/>
    </row>
    <row r="7857" spans="1:27" s="1" customFormat="1" ht="11.1" customHeight="1" outlineLevel="1" x14ac:dyDescent="0.2">
      <c r="A7857" s="17"/>
      <c r="B7857" s="17"/>
      <c r="C7857" s="17"/>
      <c r="D7857" s="18"/>
      <c r="E7857" s="18"/>
      <c r="F7857" s="18"/>
      <c r="G7857" s="18"/>
      <c r="H7857" s="18"/>
      <c r="I7857" s="18"/>
      <c r="J7857" s="18"/>
      <c r="K7857" s="18"/>
      <c r="L7857" s="18"/>
      <c r="M7857" s="18"/>
      <c r="N7857" s="18"/>
      <c r="O7857" s="18"/>
      <c r="P7857" s="19"/>
      <c r="Q7857" s="19"/>
      <c r="R7857" s="19"/>
      <c r="S7857" s="19"/>
      <c r="T7857" s="19"/>
      <c r="U7857" s="19"/>
      <c r="V7857" s="19"/>
      <c r="W7857" s="19"/>
      <c r="X7857" s="19"/>
      <c r="Y7857" s="19"/>
      <c r="Z7857" s="19"/>
      <c r="AA7857" s="19"/>
    </row>
    <row r="7858" spans="1:27" s="1" customFormat="1" ht="14.1" customHeight="1" outlineLevel="1" x14ac:dyDescent="0.2">
      <c r="A7858" s="17">
        <v>17447</v>
      </c>
      <c r="B7858" s="17"/>
      <c r="C7858" s="17"/>
      <c r="D7858" s="18" t="s">
        <v>3888</v>
      </c>
      <c r="E7858" s="18"/>
      <c r="F7858" s="18"/>
      <c r="G7858" s="18"/>
      <c r="H7858" s="18"/>
      <c r="I7858" s="18"/>
      <c r="J7858" s="18"/>
      <c r="K7858" s="18"/>
      <c r="L7858" s="18"/>
      <c r="M7858" s="18"/>
      <c r="N7858" s="18"/>
      <c r="O7858" s="18"/>
      <c r="P7858" s="19">
        <v>400</v>
      </c>
      <c r="Q7858" s="19"/>
      <c r="R7858" s="19"/>
      <c r="S7858" s="19"/>
      <c r="T7858" s="19">
        <v>300</v>
      </c>
      <c r="U7858" s="19"/>
      <c r="V7858" s="19"/>
      <c r="W7858" s="19"/>
      <c r="X7858" s="19">
        <v>1</v>
      </c>
      <c r="Y7858" s="19"/>
      <c r="Z7858" s="19"/>
      <c r="AA7858" s="19"/>
    </row>
    <row r="7859" spans="1:27" s="1" customFormat="1" ht="14.1" customHeight="1" outlineLevel="1" x14ac:dyDescent="0.2">
      <c r="A7859" s="17"/>
      <c r="B7859" s="17"/>
      <c r="C7859" s="17"/>
      <c r="D7859" s="18"/>
      <c r="E7859" s="18"/>
      <c r="F7859" s="18"/>
      <c r="G7859" s="18"/>
      <c r="H7859" s="18"/>
      <c r="I7859" s="18"/>
      <c r="J7859" s="18"/>
      <c r="K7859" s="18"/>
      <c r="L7859" s="18"/>
      <c r="M7859" s="18"/>
      <c r="N7859" s="18"/>
      <c r="O7859" s="18"/>
      <c r="P7859" s="19"/>
      <c r="Q7859" s="19"/>
      <c r="R7859" s="19"/>
      <c r="S7859" s="19"/>
      <c r="T7859" s="19"/>
      <c r="U7859" s="19"/>
      <c r="V7859" s="19"/>
      <c r="W7859" s="19"/>
      <c r="X7859" s="19"/>
      <c r="Y7859" s="19"/>
      <c r="Z7859" s="19"/>
      <c r="AA7859" s="19"/>
    </row>
    <row r="7860" spans="1:27" s="1" customFormat="1" ht="14.1" customHeight="1" outlineLevel="1" x14ac:dyDescent="0.2">
      <c r="A7860" s="17">
        <v>12654</v>
      </c>
      <c r="B7860" s="17"/>
      <c r="C7860" s="17"/>
      <c r="D7860" s="18" t="s">
        <v>3889</v>
      </c>
      <c r="E7860" s="18"/>
      <c r="F7860" s="18"/>
      <c r="G7860" s="18"/>
      <c r="H7860" s="18"/>
      <c r="I7860" s="18"/>
      <c r="J7860" s="18"/>
      <c r="K7860" s="18"/>
      <c r="L7860" s="18"/>
      <c r="M7860" s="18"/>
      <c r="N7860" s="18"/>
      <c r="O7860" s="18"/>
      <c r="P7860" s="19">
        <v>250</v>
      </c>
      <c r="Q7860" s="19"/>
      <c r="R7860" s="19"/>
      <c r="S7860" s="19"/>
      <c r="T7860" s="19">
        <v>200</v>
      </c>
      <c r="U7860" s="19"/>
      <c r="V7860" s="19"/>
      <c r="W7860" s="19"/>
      <c r="X7860" s="19">
        <v>2</v>
      </c>
      <c r="Y7860" s="19"/>
      <c r="Z7860" s="19"/>
      <c r="AA7860" s="19"/>
    </row>
    <row r="7861" spans="1:27" s="1" customFormat="1" ht="14.1" customHeight="1" outlineLevel="1" x14ac:dyDescent="0.2">
      <c r="A7861" s="17"/>
      <c r="B7861" s="17"/>
      <c r="C7861" s="17"/>
      <c r="D7861" s="18"/>
      <c r="E7861" s="18"/>
      <c r="F7861" s="18"/>
      <c r="G7861" s="18"/>
      <c r="H7861" s="18"/>
      <c r="I7861" s="18"/>
      <c r="J7861" s="18"/>
      <c r="K7861" s="18"/>
      <c r="L7861" s="18"/>
      <c r="M7861" s="18"/>
      <c r="N7861" s="18"/>
      <c r="O7861" s="18"/>
      <c r="P7861" s="19"/>
      <c r="Q7861" s="19"/>
      <c r="R7861" s="19"/>
      <c r="S7861" s="19"/>
      <c r="T7861" s="19"/>
      <c r="U7861" s="19"/>
      <c r="V7861" s="19"/>
      <c r="W7861" s="19"/>
      <c r="X7861" s="19"/>
      <c r="Y7861" s="19"/>
      <c r="Z7861" s="19"/>
      <c r="AA7861" s="19"/>
    </row>
    <row r="7862" spans="1:27" s="1" customFormat="1" ht="21" customHeight="1" outlineLevel="1" x14ac:dyDescent="0.2">
      <c r="A7862" s="17">
        <v>17445</v>
      </c>
      <c r="B7862" s="17"/>
      <c r="C7862" s="17"/>
      <c r="D7862" s="18" t="s">
        <v>3890</v>
      </c>
      <c r="E7862" s="18"/>
      <c r="F7862" s="18"/>
      <c r="G7862" s="18"/>
      <c r="H7862" s="18"/>
      <c r="I7862" s="18"/>
      <c r="J7862" s="18"/>
      <c r="K7862" s="18"/>
      <c r="L7862" s="18"/>
      <c r="M7862" s="18"/>
      <c r="N7862" s="18"/>
      <c r="O7862" s="18"/>
      <c r="P7862" s="19">
        <v>400</v>
      </c>
      <c r="Q7862" s="19"/>
      <c r="R7862" s="19"/>
      <c r="S7862" s="19"/>
      <c r="T7862" s="19">
        <v>300</v>
      </c>
      <c r="U7862" s="19"/>
      <c r="V7862" s="19"/>
      <c r="W7862" s="19"/>
      <c r="X7862" s="19">
        <v>1</v>
      </c>
      <c r="Y7862" s="19"/>
      <c r="Z7862" s="19"/>
      <c r="AA7862" s="19"/>
    </row>
    <row r="7863" spans="1:27" s="1" customFormat="1" ht="21" customHeight="1" outlineLevel="1" x14ac:dyDescent="0.2">
      <c r="A7863" s="17"/>
      <c r="B7863" s="17"/>
      <c r="C7863" s="17"/>
      <c r="D7863" s="18"/>
      <c r="E7863" s="18"/>
      <c r="F7863" s="18"/>
      <c r="G7863" s="18"/>
      <c r="H7863" s="18"/>
      <c r="I7863" s="18"/>
      <c r="J7863" s="18"/>
      <c r="K7863" s="18"/>
      <c r="L7863" s="18"/>
      <c r="M7863" s="18"/>
      <c r="N7863" s="18"/>
      <c r="O7863" s="18"/>
      <c r="P7863" s="19"/>
      <c r="Q7863" s="19"/>
      <c r="R7863" s="19"/>
      <c r="S7863" s="19"/>
      <c r="T7863" s="19"/>
      <c r="U7863" s="19"/>
      <c r="V7863" s="19"/>
      <c r="W7863" s="19"/>
      <c r="X7863" s="19"/>
      <c r="Y7863" s="19"/>
      <c r="Z7863" s="19"/>
      <c r="AA7863" s="19"/>
    </row>
    <row r="7864" spans="1:27" s="1" customFormat="1" ht="14.1" customHeight="1" outlineLevel="1" x14ac:dyDescent="0.2">
      <c r="A7864" s="17">
        <v>8655</v>
      </c>
      <c r="B7864" s="17"/>
      <c r="C7864" s="17"/>
      <c r="D7864" s="18" t="s">
        <v>3891</v>
      </c>
      <c r="E7864" s="18"/>
      <c r="F7864" s="18"/>
      <c r="G7864" s="18"/>
      <c r="H7864" s="18"/>
      <c r="I7864" s="18"/>
      <c r="J7864" s="18"/>
      <c r="K7864" s="18"/>
      <c r="L7864" s="18"/>
      <c r="M7864" s="18"/>
      <c r="N7864" s="18"/>
      <c r="O7864" s="18"/>
      <c r="P7864" s="19">
        <v>150</v>
      </c>
      <c r="Q7864" s="19"/>
      <c r="R7864" s="19"/>
      <c r="S7864" s="19"/>
      <c r="T7864" s="19">
        <v>100</v>
      </c>
      <c r="U7864" s="19"/>
      <c r="V7864" s="19"/>
      <c r="W7864" s="19"/>
      <c r="X7864" s="19">
        <v>1</v>
      </c>
      <c r="Y7864" s="19"/>
      <c r="Z7864" s="19"/>
      <c r="AA7864" s="19"/>
    </row>
    <row r="7865" spans="1:27" s="1" customFormat="1" ht="14.1" customHeight="1" outlineLevel="1" x14ac:dyDescent="0.2">
      <c r="A7865" s="17"/>
      <c r="B7865" s="17"/>
      <c r="C7865" s="17"/>
      <c r="D7865" s="18"/>
      <c r="E7865" s="18"/>
      <c r="F7865" s="18"/>
      <c r="G7865" s="18"/>
      <c r="H7865" s="18"/>
      <c r="I7865" s="18"/>
      <c r="J7865" s="18"/>
      <c r="K7865" s="18"/>
      <c r="L7865" s="18"/>
      <c r="M7865" s="18"/>
      <c r="N7865" s="18"/>
      <c r="O7865" s="18"/>
      <c r="P7865" s="19"/>
      <c r="Q7865" s="19"/>
      <c r="R7865" s="19"/>
      <c r="S7865" s="19"/>
      <c r="T7865" s="19"/>
      <c r="U7865" s="19"/>
      <c r="V7865" s="19"/>
      <c r="W7865" s="19"/>
      <c r="X7865" s="19"/>
      <c r="Y7865" s="19"/>
      <c r="Z7865" s="19"/>
      <c r="AA7865" s="19"/>
    </row>
    <row r="7866" spans="1:27" s="1" customFormat="1" ht="14.1" customHeight="1" outlineLevel="1" x14ac:dyDescent="0.2">
      <c r="A7866" s="17">
        <v>17442</v>
      </c>
      <c r="B7866" s="17"/>
      <c r="C7866" s="17"/>
      <c r="D7866" s="18" t="s">
        <v>3892</v>
      </c>
      <c r="E7866" s="18"/>
      <c r="F7866" s="18"/>
      <c r="G7866" s="18"/>
      <c r="H7866" s="18"/>
      <c r="I7866" s="18"/>
      <c r="J7866" s="18"/>
      <c r="K7866" s="18"/>
      <c r="L7866" s="18"/>
      <c r="M7866" s="18"/>
      <c r="N7866" s="18"/>
      <c r="O7866" s="18"/>
      <c r="P7866" s="19">
        <v>150</v>
      </c>
      <c r="Q7866" s="19"/>
      <c r="R7866" s="19"/>
      <c r="S7866" s="19"/>
      <c r="T7866" s="19">
        <v>100</v>
      </c>
      <c r="U7866" s="19"/>
      <c r="V7866" s="19"/>
      <c r="W7866" s="19"/>
      <c r="X7866" s="19">
        <v>1</v>
      </c>
      <c r="Y7866" s="19"/>
      <c r="Z7866" s="19"/>
      <c r="AA7866" s="19"/>
    </row>
    <row r="7867" spans="1:27" s="1" customFormat="1" ht="14.1" customHeight="1" outlineLevel="1" x14ac:dyDescent="0.2">
      <c r="A7867" s="17"/>
      <c r="B7867" s="17"/>
      <c r="C7867" s="17"/>
      <c r="D7867" s="18"/>
      <c r="E7867" s="18"/>
      <c r="F7867" s="18"/>
      <c r="G7867" s="18"/>
      <c r="H7867" s="18"/>
      <c r="I7867" s="18"/>
      <c r="J7867" s="18"/>
      <c r="K7867" s="18"/>
      <c r="L7867" s="18"/>
      <c r="M7867" s="18"/>
      <c r="N7867" s="18"/>
      <c r="O7867" s="18"/>
      <c r="P7867" s="19"/>
      <c r="Q7867" s="19"/>
      <c r="R7867" s="19"/>
      <c r="S7867" s="19"/>
      <c r="T7867" s="19"/>
      <c r="U7867" s="19"/>
      <c r="V7867" s="19"/>
      <c r="W7867" s="19"/>
      <c r="X7867" s="19"/>
      <c r="Y7867" s="19"/>
      <c r="Z7867" s="19"/>
      <c r="AA7867" s="19"/>
    </row>
    <row r="7868" spans="1:27" s="1" customFormat="1" ht="11.1" customHeight="1" outlineLevel="1" x14ac:dyDescent="0.2">
      <c r="A7868" s="17">
        <v>8658</v>
      </c>
      <c r="B7868" s="17"/>
      <c r="C7868" s="17"/>
      <c r="D7868" s="18" t="s">
        <v>3893</v>
      </c>
      <c r="E7868" s="18"/>
      <c r="F7868" s="18"/>
      <c r="G7868" s="18"/>
      <c r="H7868" s="18"/>
      <c r="I7868" s="18"/>
      <c r="J7868" s="18"/>
      <c r="K7868" s="18"/>
      <c r="L7868" s="18"/>
      <c r="M7868" s="18"/>
      <c r="N7868" s="18"/>
      <c r="O7868" s="18"/>
      <c r="P7868" s="19">
        <v>170</v>
      </c>
      <c r="Q7868" s="19"/>
      <c r="R7868" s="19"/>
      <c r="S7868" s="19"/>
      <c r="T7868" s="19">
        <v>120</v>
      </c>
      <c r="U7868" s="19"/>
      <c r="V7868" s="19"/>
      <c r="W7868" s="19"/>
      <c r="X7868" s="19">
        <v>1</v>
      </c>
      <c r="Y7868" s="19"/>
      <c r="Z7868" s="19"/>
      <c r="AA7868" s="19"/>
    </row>
    <row r="7869" spans="1:27" s="1" customFormat="1" ht="11.1" customHeight="1" outlineLevel="1" x14ac:dyDescent="0.2">
      <c r="A7869" s="17"/>
      <c r="B7869" s="17"/>
      <c r="C7869" s="17"/>
      <c r="D7869" s="18"/>
      <c r="E7869" s="18"/>
      <c r="F7869" s="18"/>
      <c r="G7869" s="18"/>
      <c r="H7869" s="18"/>
      <c r="I7869" s="18"/>
      <c r="J7869" s="18"/>
      <c r="K7869" s="18"/>
      <c r="L7869" s="18"/>
      <c r="M7869" s="18"/>
      <c r="N7869" s="18"/>
      <c r="O7869" s="18"/>
      <c r="P7869" s="19"/>
      <c r="Q7869" s="19"/>
      <c r="R7869" s="19"/>
      <c r="S7869" s="19"/>
      <c r="T7869" s="19"/>
      <c r="U7869" s="19"/>
      <c r="V7869" s="19"/>
      <c r="W7869" s="19"/>
      <c r="X7869" s="19"/>
      <c r="Y7869" s="19"/>
      <c r="Z7869" s="19"/>
      <c r="AA7869" s="19"/>
    </row>
    <row r="7870" spans="1:27" s="1" customFormat="1" ht="14.1" customHeight="1" outlineLevel="1" x14ac:dyDescent="0.2">
      <c r="A7870" s="17">
        <v>15052</v>
      </c>
      <c r="B7870" s="17"/>
      <c r="C7870" s="17"/>
      <c r="D7870" s="18" t="s">
        <v>3894</v>
      </c>
      <c r="E7870" s="18"/>
      <c r="F7870" s="18"/>
      <c r="G7870" s="18"/>
      <c r="H7870" s="18"/>
      <c r="I7870" s="18"/>
      <c r="J7870" s="18"/>
      <c r="K7870" s="18"/>
      <c r="L7870" s="18"/>
      <c r="M7870" s="18"/>
      <c r="N7870" s="18"/>
      <c r="O7870" s="18"/>
      <c r="P7870" s="19">
        <v>250</v>
      </c>
      <c r="Q7870" s="19"/>
      <c r="R7870" s="19"/>
      <c r="S7870" s="19"/>
      <c r="T7870" s="19">
        <v>200</v>
      </c>
      <c r="U7870" s="19"/>
      <c r="V7870" s="19"/>
      <c r="W7870" s="19"/>
      <c r="X7870" s="19">
        <v>1</v>
      </c>
      <c r="Y7870" s="19"/>
      <c r="Z7870" s="19"/>
      <c r="AA7870" s="19"/>
    </row>
    <row r="7871" spans="1:27" s="1" customFormat="1" ht="14.1" customHeight="1" outlineLevel="1" x14ac:dyDescent="0.2">
      <c r="A7871" s="17"/>
      <c r="B7871" s="17"/>
      <c r="C7871" s="17"/>
      <c r="D7871" s="18"/>
      <c r="E7871" s="18"/>
      <c r="F7871" s="18"/>
      <c r="G7871" s="18"/>
      <c r="H7871" s="18"/>
      <c r="I7871" s="18"/>
      <c r="J7871" s="18"/>
      <c r="K7871" s="18"/>
      <c r="L7871" s="18"/>
      <c r="M7871" s="18"/>
      <c r="N7871" s="18"/>
      <c r="O7871" s="18"/>
      <c r="P7871" s="19"/>
      <c r="Q7871" s="19"/>
      <c r="R7871" s="19"/>
      <c r="S7871" s="19"/>
      <c r="T7871" s="19"/>
      <c r="U7871" s="19"/>
      <c r="V7871" s="19"/>
      <c r="W7871" s="19"/>
      <c r="X7871" s="19"/>
      <c r="Y7871" s="19"/>
      <c r="Z7871" s="19"/>
      <c r="AA7871" s="19"/>
    </row>
    <row r="7872" spans="1:27" s="1" customFormat="1" ht="11.1" customHeight="1" x14ac:dyDescent="0.2">
      <c r="A7872" s="16" t="s">
        <v>3895</v>
      </c>
      <c r="B7872" s="16"/>
      <c r="C7872" s="16"/>
      <c r="D7872" s="16"/>
      <c r="E7872" s="16"/>
      <c r="F7872" s="16"/>
      <c r="G7872" s="16"/>
      <c r="H7872" s="16"/>
      <c r="I7872" s="16"/>
      <c r="J7872" s="16"/>
      <c r="K7872" s="16"/>
      <c r="L7872" s="16"/>
      <c r="M7872" s="16"/>
      <c r="N7872" s="16"/>
      <c r="O7872" s="16"/>
      <c r="P7872" s="16"/>
      <c r="Q7872" s="16"/>
      <c r="R7872" s="16"/>
      <c r="S7872" s="16"/>
      <c r="T7872" s="16"/>
      <c r="U7872" s="16"/>
      <c r="V7872" s="16"/>
      <c r="W7872" s="16"/>
      <c r="X7872" s="16"/>
      <c r="Y7872" s="16"/>
      <c r="Z7872" s="16"/>
      <c r="AA7872" s="16"/>
    </row>
    <row r="7873" spans="1:27" s="1" customFormat="1" ht="11.1" customHeight="1" x14ac:dyDescent="0.2">
      <c r="A7873" s="16"/>
      <c r="B7873" s="16"/>
      <c r="C7873" s="16"/>
      <c r="D7873" s="16"/>
      <c r="E7873" s="16"/>
      <c r="F7873" s="16"/>
      <c r="G7873" s="16"/>
      <c r="H7873" s="16"/>
      <c r="I7873" s="16"/>
      <c r="J7873" s="16"/>
      <c r="K7873" s="16"/>
      <c r="L7873" s="16"/>
      <c r="M7873" s="16"/>
      <c r="N7873" s="16"/>
      <c r="O7873" s="16"/>
      <c r="P7873" s="16"/>
      <c r="Q7873" s="16"/>
      <c r="R7873" s="16"/>
      <c r="S7873" s="16"/>
      <c r="T7873" s="16"/>
      <c r="U7873" s="16"/>
      <c r="V7873" s="16"/>
      <c r="W7873" s="16"/>
      <c r="X7873" s="16"/>
      <c r="Y7873" s="16"/>
      <c r="Z7873" s="16"/>
      <c r="AA7873" s="16"/>
    </row>
    <row r="7874" spans="1:27" s="1" customFormat="1" ht="11.1" customHeight="1" outlineLevel="1" x14ac:dyDescent="0.2">
      <c r="A7874" s="17">
        <v>12144</v>
      </c>
      <c r="B7874" s="17"/>
      <c r="C7874" s="17"/>
      <c r="D7874" s="18" t="s">
        <v>3896</v>
      </c>
      <c r="E7874" s="18"/>
      <c r="F7874" s="18"/>
      <c r="G7874" s="18"/>
      <c r="H7874" s="18"/>
      <c r="I7874" s="18"/>
      <c r="J7874" s="18"/>
      <c r="K7874" s="18"/>
      <c r="L7874" s="18"/>
      <c r="M7874" s="18"/>
      <c r="N7874" s="18"/>
      <c r="O7874" s="18"/>
      <c r="P7874" s="19">
        <v>250</v>
      </c>
      <c r="Q7874" s="19"/>
      <c r="R7874" s="19"/>
      <c r="S7874" s="19"/>
      <c r="T7874" s="19">
        <v>200</v>
      </c>
      <c r="U7874" s="19"/>
      <c r="V7874" s="19"/>
      <c r="W7874" s="19"/>
      <c r="X7874" s="19">
        <v>1</v>
      </c>
      <c r="Y7874" s="19"/>
      <c r="Z7874" s="19"/>
      <c r="AA7874" s="19"/>
    </row>
    <row r="7875" spans="1:27" s="1" customFormat="1" ht="11.1" customHeight="1" outlineLevel="1" x14ac:dyDescent="0.2">
      <c r="A7875" s="17"/>
      <c r="B7875" s="17"/>
      <c r="C7875" s="17"/>
      <c r="D7875" s="18"/>
      <c r="E7875" s="18"/>
      <c r="F7875" s="18"/>
      <c r="G7875" s="18"/>
      <c r="H7875" s="18"/>
      <c r="I7875" s="18"/>
      <c r="J7875" s="18"/>
      <c r="K7875" s="18"/>
      <c r="L7875" s="18"/>
      <c r="M7875" s="18"/>
      <c r="N7875" s="18"/>
      <c r="O7875" s="18"/>
      <c r="P7875" s="19"/>
      <c r="Q7875" s="19"/>
      <c r="R7875" s="19"/>
      <c r="S7875" s="19"/>
      <c r="T7875" s="19"/>
      <c r="U7875" s="19"/>
      <c r="V7875" s="19"/>
      <c r="W7875" s="19"/>
      <c r="X7875" s="19"/>
      <c r="Y7875" s="19"/>
      <c r="Z7875" s="19"/>
      <c r="AA7875" s="19"/>
    </row>
    <row r="7876" spans="1:27" s="1" customFormat="1" ht="11.1" customHeight="1" outlineLevel="1" x14ac:dyDescent="0.2">
      <c r="A7876" s="17">
        <v>8600</v>
      </c>
      <c r="B7876" s="17"/>
      <c r="C7876" s="17"/>
      <c r="D7876" s="18" t="s">
        <v>3897</v>
      </c>
      <c r="E7876" s="18"/>
      <c r="F7876" s="18"/>
      <c r="G7876" s="18"/>
      <c r="H7876" s="18"/>
      <c r="I7876" s="18"/>
      <c r="J7876" s="18"/>
      <c r="K7876" s="18"/>
      <c r="L7876" s="18"/>
      <c r="M7876" s="18"/>
      <c r="N7876" s="18"/>
      <c r="O7876" s="18"/>
      <c r="P7876" s="19">
        <v>170</v>
      </c>
      <c r="Q7876" s="19"/>
      <c r="R7876" s="19"/>
      <c r="S7876" s="19"/>
      <c r="T7876" s="19">
        <v>120</v>
      </c>
      <c r="U7876" s="19"/>
      <c r="V7876" s="19"/>
      <c r="W7876" s="19"/>
      <c r="X7876" s="19">
        <v>1</v>
      </c>
      <c r="Y7876" s="19"/>
      <c r="Z7876" s="19"/>
      <c r="AA7876" s="19"/>
    </row>
    <row r="7877" spans="1:27" s="1" customFormat="1" ht="11.1" customHeight="1" outlineLevel="1" x14ac:dyDescent="0.2">
      <c r="A7877" s="17"/>
      <c r="B7877" s="17"/>
      <c r="C7877" s="17"/>
      <c r="D7877" s="18"/>
      <c r="E7877" s="18"/>
      <c r="F7877" s="18"/>
      <c r="G7877" s="18"/>
      <c r="H7877" s="18"/>
      <c r="I7877" s="18"/>
      <c r="J7877" s="18"/>
      <c r="K7877" s="18"/>
      <c r="L7877" s="18"/>
      <c r="M7877" s="18"/>
      <c r="N7877" s="18"/>
      <c r="O7877" s="18"/>
      <c r="P7877" s="19"/>
      <c r="Q7877" s="19"/>
      <c r="R7877" s="19"/>
      <c r="S7877" s="19"/>
      <c r="T7877" s="19"/>
      <c r="U7877" s="19"/>
      <c r="V7877" s="19"/>
      <c r="W7877" s="19"/>
      <c r="X7877" s="19"/>
      <c r="Y7877" s="19"/>
      <c r="Z7877" s="19"/>
      <c r="AA7877" s="19"/>
    </row>
    <row r="7878" spans="1:27" s="1" customFormat="1" ht="11.1" customHeight="1" outlineLevel="1" x14ac:dyDescent="0.2">
      <c r="A7878" s="17">
        <v>8599</v>
      </c>
      <c r="B7878" s="17"/>
      <c r="C7878" s="17"/>
      <c r="D7878" s="18" t="s">
        <v>3898</v>
      </c>
      <c r="E7878" s="18"/>
      <c r="F7878" s="18"/>
      <c r="G7878" s="18"/>
      <c r="H7878" s="18"/>
      <c r="I7878" s="18"/>
      <c r="J7878" s="18"/>
      <c r="K7878" s="18"/>
      <c r="L7878" s="18"/>
      <c r="M7878" s="18"/>
      <c r="N7878" s="18"/>
      <c r="O7878" s="18"/>
      <c r="P7878" s="19">
        <v>150</v>
      </c>
      <c r="Q7878" s="19"/>
      <c r="R7878" s="19"/>
      <c r="S7878" s="19"/>
      <c r="T7878" s="19">
        <v>100</v>
      </c>
      <c r="U7878" s="19"/>
      <c r="V7878" s="19"/>
      <c r="W7878" s="19"/>
      <c r="X7878" s="19">
        <v>1</v>
      </c>
      <c r="Y7878" s="19"/>
      <c r="Z7878" s="19"/>
      <c r="AA7878" s="19"/>
    </row>
    <row r="7879" spans="1:27" s="1" customFormat="1" ht="11.1" customHeight="1" outlineLevel="1" x14ac:dyDescent="0.2">
      <c r="A7879" s="17"/>
      <c r="B7879" s="17"/>
      <c r="C7879" s="17"/>
      <c r="D7879" s="18"/>
      <c r="E7879" s="18"/>
      <c r="F7879" s="18"/>
      <c r="G7879" s="18"/>
      <c r="H7879" s="18"/>
      <c r="I7879" s="18"/>
      <c r="J7879" s="18"/>
      <c r="K7879" s="18"/>
      <c r="L7879" s="18"/>
      <c r="M7879" s="18"/>
      <c r="N7879" s="18"/>
      <c r="O7879" s="18"/>
      <c r="P7879" s="19"/>
      <c r="Q7879" s="19"/>
      <c r="R7879" s="19"/>
      <c r="S7879" s="19"/>
      <c r="T7879" s="19"/>
      <c r="U7879" s="19"/>
      <c r="V7879" s="19"/>
      <c r="W7879" s="19"/>
      <c r="X7879" s="19"/>
      <c r="Y7879" s="19"/>
      <c r="Z7879" s="19"/>
      <c r="AA7879" s="19"/>
    </row>
    <row r="7880" spans="1:27" s="1" customFormat="1" ht="11.1" customHeight="1" outlineLevel="1" x14ac:dyDescent="0.2">
      <c r="A7880" s="17">
        <v>12148</v>
      </c>
      <c r="B7880" s="17"/>
      <c r="C7880" s="17"/>
      <c r="D7880" s="18" t="s">
        <v>3899</v>
      </c>
      <c r="E7880" s="18"/>
      <c r="F7880" s="18"/>
      <c r="G7880" s="18"/>
      <c r="H7880" s="18"/>
      <c r="I7880" s="18"/>
      <c r="J7880" s="18"/>
      <c r="K7880" s="18"/>
      <c r="L7880" s="18"/>
      <c r="M7880" s="18"/>
      <c r="N7880" s="18"/>
      <c r="O7880" s="18"/>
      <c r="P7880" s="19">
        <v>90</v>
      </c>
      <c r="Q7880" s="19"/>
      <c r="R7880" s="19"/>
      <c r="S7880" s="19"/>
      <c r="T7880" s="19">
        <v>50</v>
      </c>
      <c r="U7880" s="19"/>
      <c r="V7880" s="19"/>
      <c r="W7880" s="19"/>
      <c r="X7880" s="19">
        <v>1</v>
      </c>
      <c r="Y7880" s="19"/>
      <c r="Z7880" s="19"/>
      <c r="AA7880" s="19"/>
    </row>
    <row r="7881" spans="1:27" s="1" customFormat="1" ht="11.1" customHeight="1" outlineLevel="1" x14ac:dyDescent="0.2">
      <c r="A7881" s="17"/>
      <c r="B7881" s="17"/>
      <c r="C7881" s="17"/>
      <c r="D7881" s="18"/>
      <c r="E7881" s="18"/>
      <c r="F7881" s="18"/>
      <c r="G7881" s="18"/>
      <c r="H7881" s="18"/>
      <c r="I7881" s="18"/>
      <c r="J7881" s="18"/>
      <c r="K7881" s="18"/>
      <c r="L7881" s="18"/>
      <c r="M7881" s="18"/>
      <c r="N7881" s="18"/>
      <c r="O7881" s="18"/>
      <c r="P7881" s="19"/>
      <c r="Q7881" s="19"/>
      <c r="R7881" s="19"/>
      <c r="S7881" s="19"/>
      <c r="T7881" s="19"/>
      <c r="U7881" s="19"/>
      <c r="V7881" s="19"/>
      <c r="W7881" s="19"/>
      <c r="X7881" s="19"/>
      <c r="Y7881" s="19"/>
      <c r="Z7881" s="19"/>
      <c r="AA7881" s="19"/>
    </row>
    <row r="7882" spans="1:27" s="1" customFormat="1" ht="11.1" customHeight="1" outlineLevel="1" x14ac:dyDescent="0.2">
      <c r="A7882" s="17">
        <v>12142</v>
      </c>
      <c r="B7882" s="17"/>
      <c r="C7882" s="17"/>
      <c r="D7882" s="18" t="s">
        <v>3900</v>
      </c>
      <c r="E7882" s="18"/>
      <c r="F7882" s="18"/>
      <c r="G7882" s="18"/>
      <c r="H7882" s="18"/>
      <c r="I7882" s="18"/>
      <c r="J7882" s="18"/>
      <c r="K7882" s="18"/>
      <c r="L7882" s="18"/>
      <c r="M7882" s="18"/>
      <c r="N7882" s="18"/>
      <c r="O7882" s="18"/>
      <c r="P7882" s="20">
        <v>1600</v>
      </c>
      <c r="Q7882" s="20"/>
      <c r="R7882" s="20"/>
      <c r="S7882" s="20"/>
      <c r="T7882" s="20">
        <v>1500</v>
      </c>
      <c r="U7882" s="20"/>
      <c r="V7882" s="20"/>
      <c r="W7882" s="20"/>
      <c r="X7882" s="19">
        <v>1</v>
      </c>
      <c r="Y7882" s="19"/>
      <c r="Z7882" s="19"/>
      <c r="AA7882" s="19"/>
    </row>
    <row r="7883" spans="1:27" s="1" customFormat="1" ht="11.1" customHeight="1" outlineLevel="1" x14ac:dyDescent="0.2">
      <c r="A7883" s="17"/>
      <c r="B7883" s="17"/>
      <c r="C7883" s="17"/>
      <c r="D7883" s="18"/>
      <c r="E7883" s="18"/>
      <c r="F7883" s="18"/>
      <c r="G7883" s="18"/>
      <c r="H7883" s="18"/>
      <c r="I7883" s="18"/>
      <c r="J7883" s="18"/>
      <c r="K7883" s="18"/>
      <c r="L7883" s="18"/>
      <c r="M7883" s="18"/>
      <c r="N7883" s="18"/>
      <c r="O7883" s="18"/>
      <c r="P7883" s="20"/>
      <c r="Q7883" s="20"/>
      <c r="R7883" s="20"/>
      <c r="S7883" s="20"/>
      <c r="T7883" s="20"/>
      <c r="U7883" s="20"/>
      <c r="V7883" s="20"/>
      <c r="W7883" s="20"/>
      <c r="X7883" s="19"/>
      <c r="Y7883" s="19"/>
      <c r="Z7883" s="19"/>
      <c r="AA7883" s="19"/>
    </row>
    <row r="7884" spans="1:27" s="1" customFormat="1" ht="11.1" customHeight="1" outlineLevel="1" x14ac:dyDescent="0.2">
      <c r="A7884" s="17">
        <v>12147</v>
      </c>
      <c r="B7884" s="17"/>
      <c r="C7884" s="17"/>
      <c r="D7884" s="18" t="s">
        <v>3901</v>
      </c>
      <c r="E7884" s="18"/>
      <c r="F7884" s="18"/>
      <c r="G7884" s="18"/>
      <c r="H7884" s="18"/>
      <c r="I7884" s="18"/>
      <c r="J7884" s="18"/>
      <c r="K7884" s="18"/>
      <c r="L7884" s="18"/>
      <c r="M7884" s="18"/>
      <c r="N7884" s="18"/>
      <c r="O7884" s="18"/>
      <c r="P7884" s="19">
        <v>150</v>
      </c>
      <c r="Q7884" s="19"/>
      <c r="R7884" s="19"/>
      <c r="S7884" s="19"/>
      <c r="T7884" s="19">
        <v>100</v>
      </c>
      <c r="U7884" s="19"/>
      <c r="V7884" s="19"/>
      <c r="W7884" s="19"/>
      <c r="X7884" s="19">
        <v>1</v>
      </c>
      <c r="Y7884" s="19"/>
      <c r="Z7884" s="19"/>
      <c r="AA7884" s="19"/>
    </row>
    <row r="7885" spans="1:27" s="1" customFormat="1" ht="11.1" customHeight="1" outlineLevel="1" x14ac:dyDescent="0.2">
      <c r="A7885" s="17"/>
      <c r="B7885" s="17"/>
      <c r="C7885" s="17"/>
      <c r="D7885" s="18"/>
      <c r="E7885" s="18"/>
      <c r="F7885" s="18"/>
      <c r="G7885" s="18"/>
      <c r="H7885" s="18"/>
      <c r="I7885" s="18"/>
      <c r="J7885" s="18"/>
      <c r="K7885" s="18"/>
      <c r="L7885" s="18"/>
      <c r="M7885" s="18"/>
      <c r="N7885" s="18"/>
      <c r="O7885" s="18"/>
      <c r="P7885" s="19"/>
      <c r="Q7885" s="19"/>
      <c r="R7885" s="19"/>
      <c r="S7885" s="19"/>
      <c r="T7885" s="19"/>
      <c r="U7885" s="19"/>
      <c r="V7885" s="19"/>
      <c r="W7885" s="19"/>
      <c r="X7885" s="19"/>
      <c r="Y7885" s="19"/>
      <c r="Z7885" s="19"/>
      <c r="AA7885" s="19"/>
    </row>
    <row r="7886" spans="1:27" s="1" customFormat="1" ht="14.1" customHeight="1" outlineLevel="1" x14ac:dyDescent="0.2">
      <c r="A7886" s="17">
        <v>12145</v>
      </c>
      <c r="B7886" s="17"/>
      <c r="C7886" s="17"/>
      <c r="D7886" s="18" t="s">
        <v>3902</v>
      </c>
      <c r="E7886" s="18"/>
      <c r="F7886" s="18"/>
      <c r="G7886" s="18"/>
      <c r="H7886" s="18"/>
      <c r="I7886" s="18"/>
      <c r="J7886" s="18"/>
      <c r="K7886" s="18"/>
      <c r="L7886" s="18"/>
      <c r="M7886" s="18"/>
      <c r="N7886" s="18"/>
      <c r="O7886" s="18"/>
      <c r="P7886" s="19">
        <v>250</v>
      </c>
      <c r="Q7886" s="19"/>
      <c r="R7886" s="19"/>
      <c r="S7886" s="19"/>
      <c r="T7886" s="19">
        <v>200</v>
      </c>
      <c r="U7886" s="19"/>
      <c r="V7886" s="19"/>
      <c r="W7886" s="19"/>
      <c r="X7886" s="19">
        <v>1</v>
      </c>
      <c r="Y7886" s="19"/>
      <c r="Z7886" s="19"/>
      <c r="AA7886" s="19"/>
    </row>
    <row r="7887" spans="1:27" s="1" customFormat="1" ht="14.1" customHeight="1" outlineLevel="1" x14ac:dyDescent="0.2">
      <c r="A7887" s="17"/>
      <c r="B7887" s="17"/>
      <c r="C7887" s="17"/>
      <c r="D7887" s="18"/>
      <c r="E7887" s="18"/>
      <c r="F7887" s="18"/>
      <c r="G7887" s="18"/>
      <c r="H7887" s="18"/>
      <c r="I7887" s="18"/>
      <c r="J7887" s="18"/>
      <c r="K7887" s="18"/>
      <c r="L7887" s="18"/>
      <c r="M7887" s="18"/>
      <c r="N7887" s="18"/>
      <c r="O7887" s="18"/>
      <c r="P7887" s="19"/>
      <c r="Q7887" s="19"/>
      <c r="R7887" s="19"/>
      <c r="S7887" s="19"/>
      <c r="T7887" s="19"/>
      <c r="U7887" s="19"/>
      <c r="V7887" s="19"/>
      <c r="W7887" s="19"/>
      <c r="X7887" s="19"/>
      <c r="Y7887" s="19"/>
      <c r="Z7887" s="19"/>
      <c r="AA7887" s="19"/>
    </row>
    <row r="7888" spans="1:27" s="1" customFormat="1" ht="11.1" customHeight="1" outlineLevel="1" x14ac:dyDescent="0.2">
      <c r="A7888" s="17">
        <v>12143</v>
      </c>
      <c r="B7888" s="17"/>
      <c r="C7888" s="17"/>
      <c r="D7888" s="18" t="s">
        <v>3903</v>
      </c>
      <c r="E7888" s="18"/>
      <c r="F7888" s="18"/>
      <c r="G7888" s="18"/>
      <c r="H7888" s="18"/>
      <c r="I7888" s="18"/>
      <c r="J7888" s="18"/>
      <c r="K7888" s="18"/>
      <c r="L7888" s="18"/>
      <c r="M7888" s="18"/>
      <c r="N7888" s="18"/>
      <c r="O7888" s="18"/>
      <c r="P7888" s="19">
        <v>200</v>
      </c>
      <c r="Q7888" s="19"/>
      <c r="R7888" s="19"/>
      <c r="S7888" s="19"/>
      <c r="T7888" s="19">
        <v>150</v>
      </c>
      <c r="U7888" s="19"/>
      <c r="V7888" s="19"/>
      <c r="W7888" s="19"/>
      <c r="X7888" s="19">
        <v>1</v>
      </c>
      <c r="Y7888" s="19"/>
      <c r="Z7888" s="19"/>
      <c r="AA7888" s="19"/>
    </row>
    <row r="7889" spans="1:27" s="1" customFormat="1" ht="11.1" customHeight="1" outlineLevel="1" x14ac:dyDescent="0.2">
      <c r="A7889" s="17"/>
      <c r="B7889" s="17"/>
      <c r="C7889" s="17"/>
      <c r="D7889" s="18"/>
      <c r="E7889" s="18"/>
      <c r="F7889" s="18"/>
      <c r="G7889" s="18"/>
      <c r="H7889" s="18"/>
      <c r="I7889" s="18"/>
      <c r="J7889" s="18"/>
      <c r="K7889" s="18"/>
      <c r="L7889" s="18"/>
      <c r="M7889" s="18"/>
      <c r="N7889" s="18"/>
      <c r="O7889" s="18"/>
      <c r="P7889" s="19"/>
      <c r="Q7889" s="19"/>
      <c r="R7889" s="19"/>
      <c r="S7889" s="19"/>
      <c r="T7889" s="19"/>
      <c r="U7889" s="19"/>
      <c r="V7889" s="19"/>
      <c r="W7889" s="19"/>
      <c r="X7889" s="19"/>
      <c r="Y7889" s="19"/>
      <c r="Z7889" s="19"/>
      <c r="AA7889" s="19"/>
    </row>
    <row r="7890" spans="1:27" s="1" customFormat="1" ht="11.1" customHeight="1" x14ac:dyDescent="0.2">
      <c r="A7890" s="16" t="s">
        <v>3904</v>
      </c>
      <c r="B7890" s="16"/>
      <c r="C7890" s="16"/>
      <c r="D7890" s="16"/>
      <c r="E7890" s="16"/>
      <c r="F7890" s="16"/>
      <c r="G7890" s="16"/>
      <c r="H7890" s="16"/>
      <c r="I7890" s="16"/>
      <c r="J7890" s="16"/>
      <c r="K7890" s="16"/>
      <c r="L7890" s="16"/>
      <c r="M7890" s="16"/>
      <c r="N7890" s="16"/>
      <c r="O7890" s="16"/>
      <c r="P7890" s="16"/>
      <c r="Q7890" s="16"/>
      <c r="R7890" s="16"/>
      <c r="S7890" s="16"/>
      <c r="T7890" s="16"/>
      <c r="U7890" s="16"/>
      <c r="V7890" s="16"/>
      <c r="W7890" s="16"/>
      <c r="X7890" s="16"/>
      <c r="Y7890" s="16"/>
      <c r="Z7890" s="16"/>
      <c r="AA7890" s="16"/>
    </row>
    <row r="7891" spans="1:27" s="1" customFormat="1" ht="11.1" customHeight="1" x14ac:dyDescent="0.2">
      <c r="A7891" s="16"/>
      <c r="B7891" s="16"/>
      <c r="C7891" s="16"/>
      <c r="D7891" s="16"/>
      <c r="E7891" s="16"/>
      <c r="F7891" s="16"/>
      <c r="G7891" s="16"/>
      <c r="H7891" s="16"/>
      <c r="I7891" s="16"/>
      <c r="J7891" s="16"/>
      <c r="K7891" s="16"/>
      <c r="L7891" s="16"/>
      <c r="M7891" s="16"/>
      <c r="N7891" s="16"/>
      <c r="O7891" s="16"/>
      <c r="P7891" s="16"/>
      <c r="Q7891" s="16"/>
      <c r="R7891" s="16"/>
      <c r="S7891" s="16"/>
      <c r="T7891" s="16"/>
      <c r="U7891" s="16"/>
      <c r="V7891" s="16"/>
      <c r="W7891" s="16"/>
      <c r="X7891" s="16"/>
      <c r="Y7891" s="16"/>
      <c r="Z7891" s="16"/>
      <c r="AA7891" s="16"/>
    </row>
    <row r="7892" spans="1:27" s="1" customFormat="1" ht="11.1" customHeight="1" outlineLevel="1" x14ac:dyDescent="0.2">
      <c r="A7892" s="17">
        <v>1610</v>
      </c>
      <c r="B7892" s="17"/>
      <c r="C7892" s="17"/>
      <c r="D7892" s="18" t="s">
        <v>3905</v>
      </c>
      <c r="E7892" s="18"/>
      <c r="F7892" s="18"/>
      <c r="G7892" s="18"/>
      <c r="H7892" s="18"/>
      <c r="I7892" s="18"/>
      <c r="J7892" s="18"/>
      <c r="K7892" s="18"/>
      <c r="L7892" s="18"/>
      <c r="M7892" s="18"/>
      <c r="N7892" s="18"/>
      <c r="O7892" s="18"/>
      <c r="P7892" s="19">
        <v>600</v>
      </c>
      <c r="Q7892" s="19"/>
      <c r="R7892" s="19"/>
      <c r="S7892" s="19"/>
      <c r="T7892" s="19">
        <v>550</v>
      </c>
      <c r="U7892" s="19"/>
      <c r="V7892" s="19"/>
      <c r="W7892" s="19"/>
      <c r="X7892" s="19">
        <v>1</v>
      </c>
      <c r="Y7892" s="19"/>
      <c r="Z7892" s="19"/>
      <c r="AA7892" s="19"/>
    </row>
    <row r="7893" spans="1:27" s="1" customFormat="1" ht="11.1" customHeight="1" outlineLevel="1" x14ac:dyDescent="0.2">
      <c r="A7893" s="17"/>
      <c r="B7893" s="17"/>
      <c r="C7893" s="17"/>
      <c r="D7893" s="18"/>
      <c r="E7893" s="18"/>
      <c r="F7893" s="18"/>
      <c r="G7893" s="18"/>
      <c r="H7893" s="18"/>
      <c r="I7893" s="18"/>
      <c r="J7893" s="18"/>
      <c r="K7893" s="18"/>
      <c r="L7893" s="18"/>
      <c r="M7893" s="18"/>
      <c r="N7893" s="18"/>
      <c r="O7893" s="18"/>
      <c r="P7893" s="19"/>
      <c r="Q7893" s="19"/>
      <c r="R7893" s="19"/>
      <c r="S7893" s="19"/>
      <c r="T7893" s="19"/>
      <c r="U7893" s="19"/>
      <c r="V7893" s="19"/>
      <c r="W7893" s="19"/>
      <c r="X7893" s="19"/>
      <c r="Y7893" s="19"/>
      <c r="Z7893" s="19"/>
      <c r="AA7893" s="19"/>
    </row>
    <row r="7894" spans="1:27" s="1" customFormat="1" ht="11.1" customHeight="1" x14ac:dyDescent="0.2">
      <c r="A7894" s="16" t="s">
        <v>3906</v>
      </c>
      <c r="B7894" s="16"/>
      <c r="C7894" s="16"/>
      <c r="D7894" s="16"/>
      <c r="E7894" s="16"/>
      <c r="F7894" s="16"/>
      <c r="G7894" s="16"/>
      <c r="H7894" s="16"/>
      <c r="I7894" s="16"/>
      <c r="J7894" s="16"/>
      <c r="K7894" s="16"/>
      <c r="L7894" s="16"/>
      <c r="M7894" s="16"/>
      <c r="N7894" s="16"/>
      <c r="O7894" s="16"/>
      <c r="P7894" s="16"/>
      <c r="Q7894" s="16"/>
      <c r="R7894" s="16"/>
      <c r="S7894" s="16"/>
      <c r="T7894" s="16"/>
      <c r="U7894" s="16"/>
      <c r="V7894" s="16"/>
      <c r="W7894" s="16"/>
      <c r="X7894" s="16"/>
      <c r="Y7894" s="16"/>
      <c r="Z7894" s="16"/>
      <c r="AA7894" s="16"/>
    </row>
    <row r="7895" spans="1:27" s="1" customFormat="1" ht="11.1" customHeight="1" x14ac:dyDescent="0.2">
      <c r="A7895" s="16"/>
      <c r="B7895" s="16"/>
      <c r="C7895" s="16"/>
      <c r="D7895" s="16"/>
      <c r="E7895" s="16"/>
      <c r="F7895" s="16"/>
      <c r="G7895" s="16"/>
      <c r="H7895" s="16"/>
      <c r="I7895" s="16"/>
      <c r="J7895" s="16"/>
      <c r="K7895" s="16"/>
      <c r="L7895" s="16"/>
      <c r="M7895" s="16"/>
      <c r="N7895" s="16"/>
      <c r="O7895" s="16"/>
      <c r="P7895" s="16"/>
      <c r="Q7895" s="16"/>
      <c r="R7895" s="16"/>
      <c r="S7895" s="16"/>
      <c r="T7895" s="16"/>
      <c r="U7895" s="16"/>
      <c r="V7895" s="16"/>
      <c r="W7895" s="16"/>
      <c r="X7895" s="16"/>
      <c r="Y7895" s="16"/>
      <c r="Z7895" s="16"/>
      <c r="AA7895" s="16"/>
    </row>
    <row r="7896" spans="1:27" s="1" customFormat="1" ht="11.1" customHeight="1" outlineLevel="1" x14ac:dyDescent="0.2">
      <c r="A7896" s="17">
        <v>8603</v>
      </c>
      <c r="B7896" s="17"/>
      <c r="C7896" s="17"/>
      <c r="D7896" s="18" t="s">
        <v>3907</v>
      </c>
      <c r="E7896" s="18"/>
      <c r="F7896" s="18"/>
      <c r="G7896" s="18"/>
      <c r="H7896" s="18"/>
      <c r="I7896" s="18"/>
      <c r="J7896" s="18"/>
      <c r="K7896" s="18"/>
      <c r="L7896" s="18"/>
      <c r="M7896" s="18"/>
      <c r="N7896" s="18"/>
      <c r="O7896" s="18"/>
      <c r="P7896" s="19">
        <v>150</v>
      </c>
      <c r="Q7896" s="19"/>
      <c r="R7896" s="19"/>
      <c r="S7896" s="19"/>
      <c r="T7896" s="19">
        <v>100</v>
      </c>
      <c r="U7896" s="19"/>
      <c r="V7896" s="19"/>
      <c r="W7896" s="19"/>
      <c r="X7896" s="19">
        <v>1</v>
      </c>
      <c r="Y7896" s="19"/>
      <c r="Z7896" s="19"/>
      <c r="AA7896" s="19"/>
    </row>
    <row r="7897" spans="1:27" s="1" customFormat="1" ht="11.1" customHeight="1" outlineLevel="1" x14ac:dyDescent="0.2">
      <c r="A7897" s="17"/>
      <c r="B7897" s="17"/>
      <c r="C7897" s="17"/>
      <c r="D7897" s="18"/>
      <c r="E7897" s="18"/>
      <c r="F7897" s="18"/>
      <c r="G7897" s="18"/>
      <c r="H7897" s="18"/>
      <c r="I7897" s="18"/>
      <c r="J7897" s="18"/>
      <c r="K7897" s="18"/>
      <c r="L7897" s="18"/>
      <c r="M7897" s="18"/>
      <c r="N7897" s="18"/>
      <c r="O7897" s="18"/>
      <c r="P7897" s="19"/>
      <c r="Q7897" s="19"/>
      <c r="R7897" s="19"/>
      <c r="S7897" s="19"/>
      <c r="T7897" s="19"/>
      <c r="U7897" s="19"/>
      <c r="V7897" s="19"/>
      <c r="W7897" s="19"/>
      <c r="X7897" s="19"/>
      <c r="Y7897" s="19"/>
      <c r="Z7897" s="19"/>
      <c r="AA7897" s="19"/>
    </row>
    <row r="7898" spans="1:27" s="1" customFormat="1" ht="14.1" customHeight="1" outlineLevel="1" x14ac:dyDescent="0.2">
      <c r="A7898" s="17">
        <v>4649</v>
      </c>
      <c r="B7898" s="17"/>
      <c r="C7898" s="17"/>
      <c r="D7898" s="18" t="s">
        <v>3908</v>
      </c>
      <c r="E7898" s="18"/>
      <c r="F7898" s="18"/>
      <c r="G7898" s="18"/>
      <c r="H7898" s="18"/>
      <c r="I7898" s="18"/>
      <c r="J7898" s="18"/>
      <c r="K7898" s="18"/>
      <c r="L7898" s="18"/>
      <c r="M7898" s="18"/>
      <c r="N7898" s="18"/>
      <c r="O7898" s="18"/>
      <c r="P7898" s="20">
        <v>1000</v>
      </c>
      <c r="Q7898" s="20"/>
      <c r="R7898" s="20"/>
      <c r="S7898" s="20"/>
      <c r="T7898" s="19">
        <v>940</v>
      </c>
      <c r="U7898" s="19"/>
      <c r="V7898" s="19"/>
      <c r="W7898" s="19"/>
      <c r="X7898" s="19">
        <v>1</v>
      </c>
      <c r="Y7898" s="19"/>
      <c r="Z7898" s="19"/>
      <c r="AA7898" s="19"/>
    </row>
    <row r="7899" spans="1:27" s="1" customFormat="1" ht="14.1" customHeight="1" outlineLevel="1" x14ac:dyDescent="0.2">
      <c r="A7899" s="17"/>
      <c r="B7899" s="17"/>
      <c r="C7899" s="17"/>
      <c r="D7899" s="18"/>
      <c r="E7899" s="18"/>
      <c r="F7899" s="18"/>
      <c r="G7899" s="18"/>
      <c r="H7899" s="18"/>
      <c r="I7899" s="18"/>
      <c r="J7899" s="18"/>
      <c r="K7899" s="18"/>
      <c r="L7899" s="18"/>
      <c r="M7899" s="18"/>
      <c r="N7899" s="18"/>
      <c r="O7899" s="18"/>
      <c r="P7899" s="20"/>
      <c r="Q7899" s="20"/>
      <c r="R7899" s="20"/>
      <c r="S7899" s="20"/>
      <c r="T7899" s="19"/>
      <c r="U7899" s="19"/>
      <c r="V7899" s="19"/>
      <c r="W7899" s="19"/>
      <c r="X7899" s="19"/>
      <c r="Y7899" s="19"/>
      <c r="Z7899" s="19"/>
      <c r="AA7899" s="19"/>
    </row>
    <row r="7900" spans="1:27" s="1" customFormat="1" ht="11.1" customHeight="1" outlineLevel="1" x14ac:dyDescent="0.2">
      <c r="A7900" s="17">
        <v>8609</v>
      </c>
      <c r="B7900" s="17"/>
      <c r="C7900" s="17"/>
      <c r="D7900" s="18" t="s">
        <v>3909</v>
      </c>
      <c r="E7900" s="18"/>
      <c r="F7900" s="18"/>
      <c r="G7900" s="18"/>
      <c r="H7900" s="18"/>
      <c r="I7900" s="18"/>
      <c r="J7900" s="18"/>
      <c r="K7900" s="18"/>
      <c r="L7900" s="18"/>
      <c r="M7900" s="18"/>
      <c r="N7900" s="18"/>
      <c r="O7900" s="18"/>
      <c r="P7900" s="20">
        <v>1200</v>
      </c>
      <c r="Q7900" s="20"/>
      <c r="R7900" s="20"/>
      <c r="S7900" s="20"/>
      <c r="T7900" s="19">
        <v>800</v>
      </c>
      <c r="U7900" s="19"/>
      <c r="V7900" s="19"/>
      <c r="W7900" s="19"/>
      <c r="X7900" s="19">
        <v>1</v>
      </c>
      <c r="Y7900" s="19"/>
      <c r="Z7900" s="19"/>
      <c r="AA7900" s="19"/>
    </row>
    <row r="7901" spans="1:27" s="1" customFormat="1" ht="11.1" customHeight="1" outlineLevel="1" x14ac:dyDescent="0.2">
      <c r="A7901" s="17"/>
      <c r="B7901" s="17"/>
      <c r="C7901" s="17"/>
      <c r="D7901" s="18"/>
      <c r="E7901" s="18"/>
      <c r="F7901" s="18"/>
      <c r="G7901" s="18"/>
      <c r="H7901" s="18"/>
      <c r="I7901" s="18"/>
      <c r="J7901" s="18"/>
      <c r="K7901" s="18"/>
      <c r="L7901" s="18"/>
      <c r="M7901" s="18"/>
      <c r="N7901" s="18"/>
      <c r="O7901" s="18"/>
      <c r="P7901" s="20"/>
      <c r="Q7901" s="20"/>
      <c r="R7901" s="20"/>
      <c r="S7901" s="20"/>
      <c r="T7901" s="19"/>
      <c r="U7901" s="19"/>
      <c r="V7901" s="19"/>
      <c r="W7901" s="19"/>
      <c r="X7901" s="19"/>
      <c r="Y7901" s="19"/>
      <c r="Z7901" s="19"/>
      <c r="AA7901" s="19"/>
    </row>
    <row r="7902" spans="1:27" s="1" customFormat="1" ht="11.1" customHeight="1" outlineLevel="1" x14ac:dyDescent="0.2">
      <c r="A7902" s="17">
        <v>8604</v>
      </c>
      <c r="B7902" s="17"/>
      <c r="C7902" s="17"/>
      <c r="D7902" s="18" t="s">
        <v>3910</v>
      </c>
      <c r="E7902" s="18"/>
      <c r="F7902" s="18"/>
      <c r="G7902" s="18"/>
      <c r="H7902" s="18"/>
      <c r="I7902" s="18"/>
      <c r="J7902" s="18"/>
      <c r="K7902" s="18"/>
      <c r="L7902" s="18"/>
      <c r="M7902" s="18"/>
      <c r="N7902" s="18"/>
      <c r="O7902" s="18"/>
      <c r="P7902" s="19">
        <v>150</v>
      </c>
      <c r="Q7902" s="19"/>
      <c r="R7902" s="19"/>
      <c r="S7902" s="19"/>
      <c r="T7902" s="19">
        <v>100</v>
      </c>
      <c r="U7902" s="19"/>
      <c r="V7902" s="19"/>
      <c r="W7902" s="19"/>
      <c r="X7902" s="19">
        <v>1</v>
      </c>
      <c r="Y7902" s="19"/>
      <c r="Z7902" s="19"/>
      <c r="AA7902" s="19"/>
    </row>
    <row r="7903" spans="1:27" s="1" customFormat="1" ht="11.1" customHeight="1" outlineLevel="1" x14ac:dyDescent="0.2">
      <c r="A7903" s="17"/>
      <c r="B7903" s="17"/>
      <c r="C7903" s="17"/>
      <c r="D7903" s="18"/>
      <c r="E7903" s="18"/>
      <c r="F7903" s="18"/>
      <c r="G7903" s="18"/>
      <c r="H7903" s="18"/>
      <c r="I7903" s="18"/>
      <c r="J7903" s="18"/>
      <c r="K7903" s="18"/>
      <c r="L7903" s="18"/>
      <c r="M7903" s="18"/>
      <c r="N7903" s="18"/>
      <c r="O7903" s="18"/>
      <c r="P7903" s="19"/>
      <c r="Q7903" s="19"/>
      <c r="R7903" s="19"/>
      <c r="S7903" s="19"/>
      <c r="T7903" s="19"/>
      <c r="U7903" s="19"/>
      <c r="V7903" s="19"/>
      <c r="W7903" s="19"/>
      <c r="X7903" s="19"/>
      <c r="Y7903" s="19"/>
      <c r="Z7903" s="19"/>
      <c r="AA7903" s="19"/>
    </row>
    <row r="7904" spans="1:27" s="1" customFormat="1" ht="11.1" customHeight="1" outlineLevel="1" x14ac:dyDescent="0.2">
      <c r="A7904" s="17">
        <v>8607</v>
      </c>
      <c r="B7904" s="17"/>
      <c r="C7904" s="17"/>
      <c r="D7904" s="18" t="s">
        <v>3911</v>
      </c>
      <c r="E7904" s="18"/>
      <c r="F7904" s="18"/>
      <c r="G7904" s="18"/>
      <c r="H7904" s="18"/>
      <c r="I7904" s="18"/>
      <c r="J7904" s="18"/>
      <c r="K7904" s="18"/>
      <c r="L7904" s="18"/>
      <c r="M7904" s="18"/>
      <c r="N7904" s="18"/>
      <c r="O7904" s="18"/>
      <c r="P7904" s="19">
        <v>150</v>
      </c>
      <c r="Q7904" s="19"/>
      <c r="R7904" s="19"/>
      <c r="S7904" s="19"/>
      <c r="T7904" s="19">
        <v>100</v>
      </c>
      <c r="U7904" s="19"/>
      <c r="V7904" s="19"/>
      <c r="W7904" s="19"/>
      <c r="X7904" s="19">
        <v>1</v>
      </c>
      <c r="Y7904" s="19"/>
      <c r="Z7904" s="19"/>
      <c r="AA7904" s="19"/>
    </row>
    <row r="7905" spans="1:27" s="1" customFormat="1" ht="11.1" customHeight="1" outlineLevel="1" x14ac:dyDescent="0.2">
      <c r="A7905" s="17"/>
      <c r="B7905" s="17"/>
      <c r="C7905" s="17"/>
      <c r="D7905" s="18"/>
      <c r="E7905" s="18"/>
      <c r="F7905" s="18"/>
      <c r="G7905" s="18"/>
      <c r="H7905" s="18"/>
      <c r="I7905" s="18"/>
      <c r="J7905" s="18"/>
      <c r="K7905" s="18"/>
      <c r="L7905" s="18"/>
      <c r="M7905" s="18"/>
      <c r="N7905" s="18"/>
      <c r="O7905" s="18"/>
      <c r="P7905" s="19"/>
      <c r="Q7905" s="19"/>
      <c r="R7905" s="19"/>
      <c r="S7905" s="19"/>
      <c r="T7905" s="19"/>
      <c r="U7905" s="19"/>
      <c r="V7905" s="19"/>
      <c r="W7905" s="19"/>
      <c r="X7905" s="19"/>
      <c r="Y7905" s="19"/>
      <c r="Z7905" s="19"/>
      <c r="AA7905" s="19"/>
    </row>
    <row r="7906" spans="1:27" s="1" customFormat="1" ht="11.1" customHeight="1" outlineLevel="1" x14ac:dyDescent="0.2">
      <c r="A7906" s="17">
        <v>8605</v>
      </c>
      <c r="B7906" s="17"/>
      <c r="C7906" s="17"/>
      <c r="D7906" s="18" t="s">
        <v>3912</v>
      </c>
      <c r="E7906" s="18"/>
      <c r="F7906" s="18"/>
      <c r="G7906" s="18"/>
      <c r="H7906" s="18"/>
      <c r="I7906" s="18"/>
      <c r="J7906" s="18"/>
      <c r="K7906" s="18"/>
      <c r="L7906" s="18"/>
      <c r="M7906" s="18"/>
      <c r="N7906" s="18"/>
      <c r="O7906" s="18"/>
      <c r="P7906" s="19">
        <v>150</v>
      </c>
      <c r="Q7906" s="19"/>
      <c r="R7906" s="19"/>
      <c r="S7906" s="19"/>
      <c r="T7906" s="19">
        <v>100</v>
      </c>
      <c r="U7906" s="19"/>
      <c r="V7906" s="19"/>
      <c r="W7906" s="19"/>
      <c r="X7906" s="19">
        <v>1</v>
      </c>
      <c r="Y7906" s="19"/>
      <c r="Z7906" s="19"/>
      <c r="AA7906" s="19"/>
    </row>
    <row r="7907" spans="1:27" s="1" customFormat="1" ht="11.1" customHeight="1" outlineLevel="1" x14ac:dyDescent="0.2">
      <c r="A7907" s="17"/>
      <c r="B7907" s="17"/>
      <c r="C7907" s="17"/>
      <c r="D7907" s="18"/>
      <c r="E7907" s="18"/>
      <c r="F7907" s="18"/>
      <c r="G7907" s="18"/>
      <c r="H7907" s="18"/>
      <c r="I7907" s="18"/>
      <c r="J7907" s="18"/>
      <c r="K7907" s="18"/>
      <c r="L7907" s="18"/>
      <c r="M7907" s="18"/>
      <c r="N7907" s="18"/>
      <c r="O7907" s="18"/>
      <c r="P7907" s="19"/>
      <c r="Q7907" s="19"/>
      <c r="R7907" s="19"/>
      <c r="S7907" s="19"/>
      <c r="T7907" s="19"/>
      <c r="U7907" s="19"/>
      <c r="V7907" s="19"/>
      <c r="W7907" s="19"/>
      <c r="X7907" s="19"/>
      <c r="Y7907" s="19"/>
      <c r="Z7907" s="19"/>
      <c r="AA7907" s="19"/>
    </row>
    <row r="7908" spans="1:27" s="1" customFormat="1" ht="14.1" customHeight="1" outlineLevel="1" x14ac:dyDescent="0.2">
      <c r="A7908" s="17">
        <v>8608</v>
      </c>
      <c r="B7908" s="17"/>
      <c r="C7908" s="17"/>
      <c r="D7908" s="18" t="s">
        <v>3913</v>
      </c>
      <c r="E7908" s="18"/>
      <c r="F7908" s="18"/>
      <c r="G7908" s="18"/>
      <c r="H7908" s="18"/>
      <c r="I7908" s="18"/>
      <c r="J7908" s="18"/>
      <c r="K7908" s="18"/>
      <c r="L7908" s="18"/>
      <c r="M7908" s="18"/>
      <c r="N7908" s="18"/>
      <c r="O7908" s="18"/>
      <c r="P7908" s="19">
        <v>150</v>
      </c>
      <c r="Q7908" s="19"/>
      <c r="R7908" s="19"/>
      <c r="S7908" s="19"/>
      <c r="T7908" s="19">
        <v>100</v>
      </c>
      <c r="U7908" s="19"/>
      <c r="V7908" s="19"/>
      <c r="W7908" s="19"/>
      <c r="X7908" s="19">
        <v>1</v>
      </c>
      <c r="Y7908" s="19"/>
      <c r="Z7908" s="19"/>
      <c r="AA7908" s="19"/>
    </row>
    <row r="7909" spans="1:27" s="1" customFormat="1" ht="14.1" customHeight="1" outlineLevel="1" x14ac:dyDescent="0.2">
      <c r="A7909" s="17"/>
      <c r="B7909" s="17"/>
      <c r="C7909" s="17"/>
      <c r="D7909" s="18"/>
      <c r="E7909" s="18"/>
      <c r="F7909" s="18"/>
      <c r="G7909" s="18"/>
      <c r="H7909" s="18"/>
      <c r="I7909" s="18"/>
      <c r="J7909" s="18"/>
      <c r="K7909" s="18"/>
      <c r="L7909" s="18"/>
      <c r="M7909" s="18"/>
      <c r="N7909" s="18"/>
      <c r="O7909" s="18"/>
      <c r="P7909" s="19"/>
      <c r="Q7909" s="19"/>
      <c r="R7909" s="19"/>
      <c r="S7909" s="19"/>
      <c r="T7909" s="19"/>
      <c r="U7909" s="19"/>
      <c r="V7909" s="19"/>
      <c r="W7909" s="19"/>
      <c r="X7909" s="19"/>
      <c r="Y7909" s="19"/>
      <c r="Z7909" s="19"/>
      <c r="AA7909" s="19"/>
    </row>
    <row r="7910" spans="1:27" s="1" customFormat="1" ht="11.1" customHeight="1" x14ac:dyDescent="0.2">
      <c r="A7910" s="16" t="s">
        <v>3914</v>
      </c>
      <c r="B7910" s="16"/>
      <c r="C7910" s="16"/>
      <c r="D7910" s="16"/>
      <c r="E7910" s="16"/>
      <c r="F7910" s="16"/>
      <c r="G7910" s="16"/>
      <c r="H7910" s="16"/>
      <c r="I7910" s="16"/>
      <c r="J7910" s="16"/>
      <c r="K7910" s="16"/>
      <c r="L7910" s="16"/>
      <c r="M7910" s="16"/>
      <c r="N7910" s="16"/>
      <c r="O7910" s="16"/>
      <c r="P7910" s="16"/>
      <c r="Q7910" s="16"/>
      <c r="R7910" s="16"/>
      <c r="S7910" s="16"/>
      <c r="T7910" s="16"/>
      <c r="U7910" s="16"/>
      <c r="V7910" s="16"/>
      <c r="W7910" s="16"/>
      <c r="X7910" s="16"/>
      <c r="Y7910" s="16"/>
      <c r="Z7910" s="16"/>
      <c r="AA7910" s="16"/>
    </row>
    <row r="7911" spans="1:27" s="1" customFormat="1" ht="11.1" customHeight="1" x14ac:dyDescent="0.2">
      <c r="A7911" s="16"/>
      <c r="B7911" s="16"/>
      <c r="C7911" s="16"/>
      <c r="D7911" s="16"/>
      <c r="E7911" s="16"/>
      <c r="F7911" s="16"/>
      <c r="G7911" s="16"/>
      <c r="H7911" s="16"/>
      <c r="I7911" s="16"/>
      <c r="J7911" s="16"/>
      <c r="K7911" s="16"/>
      <c r="L7911" s="16"/>
      <c r="M7911" s="16"/>
      <c r="N7911" s="16"/>
      <c r="O7911" s="16"/>
      <c r="P7911" s="16"/>
      <c r="Q7911" s="16"/>
      <c r="R7911" s="16"/>
      <c r="S7911" s="16"/>
      <c r="T7911" s="16"/>
      <c r="U7911" s="16"/>
      <c r="V7911" s="16"/>
      <c r="W7911" s="16"/>
      <c r="X7911" s="16"/>
      <c r="Y7911" s="16"/>
      <c r="Z7911" s="16"/>
      <c r="AA7911" s="16"/>
    </row>
    <row r="7912" spans="1:27" s="1" customFormat="1" ht="14.1" customHeight="1" outlineLevel="1" x14ac:dyDescent="0.2">
      <c r="A7912" s="17">
        <v>16683</v>
      </c>
      <c r="B7912" s="17"/>
      <c r="C7912" s="17"/>
      <c r="D7912" s="18" t="s">
        <v>3915</v>
      </c>
      <c r="E7912" s="18"/>
      <c r="F7912" s="18"/>
      <c r="G7912" s="18"/>
      <c r="H7912" s="18"/>
      <c r="I7912" s="18"/>
      <c r="J7912" s="18"/>
      <c r="K7912" s="18"/>
      <c r="L7912" s="18"/>
      <c r="M7912" s="18"/>
      <c r="N7912" s="18"/>
      <c r="O7912" s="18"/>
      <c r="P7912" s="19">
        <v>600</v>
      </c>
      <c r="Q7912" s="19"/>
      <c r="R7912" s="19"/>
      <c r="S7912" s="19"/>
      <c r="T7912" s="19">
        <v>500</v>
      </c>
      <c r="U7912" s="19"/>
      <c r="V7912" s="19"/>
      <c r="W7912" s="19"/>
      <c r="X7912" s="19">
        <v>1</v>
      </c>
      <c r="Y7912" s="19"/>
      <c r="Z7912" s="19"/>
      <c r="AA7912" s="19"/>
    </row>
    <row r="7913" spans="1:27" s="1" customFormat="1" ht="14.1" customHeight="1" outlineLevel="1" x14ac:dyDescent="0.2">
      <c r="A7913" s="17"/>
      <c r="B7913" s="17"/>
      <c r="C7913" s="17"/>
      <c r="D7913" s="18"/>
      <c r="E7913" s="18"/>
      <c r="F7913" s="18"/>
      <c r="G7913" s="18"/>
      <c r="H7913" s="18"/>
      <c r="I7913" s="18"/>
      <c r="J7913" s="18"/>
      <c r="K7913" s="18"/>
      <c r="L7913" s="18"/>
      <c r="M7913" s="18"/>
      <c r="N7913" s="18"/>
      <c r="O7913" s="18"/>
      <c r="P7913" s="19"/>
      <c r="Q7913" s="19"/>
      <c r="R7913" s="19"/>
      <c r="S7913" s="19"/>
      <c r="T7913" s="19"/>
      <c r="U7913" s="19"/>
      <c r="V7913" s="19"/>
      <c r="W7913" s="19"/>
      <c r="X7913" s="19"/>
      <c r="Y7913" s="19"/>
      <c r="Z7913" s="19"/>
      <c r="AA7913" s="19"/>
    </row>
    <row r="7914" spans="1:27" s="1" customFormat="1" ht="14.1" customHeight="1" outlineLevel="1" x14ac:dyDescent="0.2">
      <c r="A7914" s="17">
        <v>16684</v>
      </c>
      <c r="B7914" s="17"/>
      <c r="C7914" s="17"/>
      <c r="D7914" s="18" t="s">
        <v>3916</v>
      </c>
      <c r="E7914" s="18"/>
      <c r="F7914" s="18"/>
      <c r="G7914" s="18"/>
      <c r="H7914" s="18"/>
      <c r="I7914" s="18"/>
      <c r="J7914" s="18"/>
      <c r="K7914" s="18"/>
      <c r="L7914" s="18"/>
      <c r="M7914" s="18"/>
      <c r="N7914" s="18"/>
      <c r="O7914" s="18"/>
      <c r="P7914" s="19">
        <v>150</v>
      </c>
      <c r="Q7914" s="19"/>
      <c r="R7914" s="19"/>
      <c r="S7914" s="19"/>
      <c r="T7914" s="19">
        <v>100</v>
      </c>
      <c r="U7914" s="19"/>
      <c r="V7914" s="19"/>
      <c r="W7914" s="19"/>
      <c r="X7914" s="19">
        <v>1</v>
      </c>
      <c r="Y7914" s="19"/>
      <c r="Z7914" s="19"/>
      <c r="AA7914" s="19"/>
    </row>
    <row r="7915" spans="1:27" s="1" customFormat="1" ht="14.1" customHeight="1" outlineLevel="1" x14ac:dyDescent="0.2">
      <c r="A7915" s="17"/>
      <c r="B7915" s="17"/>
      <c r="C7915" s="17"/>
      <c r="D7915" s="18"/>
      <c r="E7915" s="18"/>
      <c r="F7915" s="18"/>
      <c r="G7915" s="18"/>
      <c r="H7915" s="18"/>
      <c r="I7915" s="18"/>
      <c r="J7915" s="18"/>
      <c r="K7915" s="18"/>
      <c r="L7915" s="18"/>
      <c r="M7915" s="18"/>
      <c r="N7915" s="18"/>
      <c r="O7915" s="18"/>
      <c r="P7915" s="19"/>
      <c r="Q7915" s="19"/>
      <c r="R7915" s="19"/>
      <c r="S7915" s="19"/>
      <c r="T7915" s="19"/>
      <c r="U7915" s="19"/>
      <c r="V7915" s="19"/>
      <c r="W7915" s="19"/>
      <c r="X7915" s="19"/>
      <c r="Y7915" s="19"/>
      <c r="Z7915" s="19"/>
      <c r="AA7915" s="19"/>
    </row>
    <row r="7916" spans="1:27" s="1" customFormat="1" ht="11.1" customHeight="1" outlineLevel="1" x14ac:dyDescent="0.2">
      <c r="A7916" s="17">
        <v>16689</v>
      </c>
      <c r="B7916" s="17"/>
      <c r="C7916" s="17"/>
      <c r="D7916" s="18" t="s">
        <v>3917</v>
      </c>
      <c r="E7916" s="18"/>
      <c r="F7916" s="18"/>
      <c r="G7916" s="18"/>
      <c r="H7916" s="18"/>
      <c r="I7916" s="18"/>
      <c r="J7916" s="18"/>
      <c r="K7916" s="18"/>
      <c r="L7916" s="18"/>
      <c r="M7916" s="18"/>
      <c r="N7916" s="18"/>
      <c r="O7916" s="18"/>
      <c r="P7916" s="19">
        <v>700</v>
      </c>
      <c r="Q7916" s="19"/>
      <c r="R7916" s="19"/>
      <c r="S7916" s="19"/>
      <c r="T7916" s="19">
        <v>600</v>
      </c>
      <c r="U7916" s="19"/>
      <c r="V7916" s="19"/>
      <c r="W7916" s="19"/>
      <c r="X7916" s="19">
        <v>1</v>
      </c>
      <c r="Y7916" s="19"/>
      <c r="Z7916" s="19"/>
      <c r="AA7916" s="19"/>
    </row>
    <row r="7917" spans="1:27" s="1" customFormat="1" ht="11.1" customHeight="1" outlineLevel="1" x14ac:dyDescent="0.2">
      <c r="A7917" s="17"/>
      <c r="B7917" s="17"/>
      <c r="C7917" s="17"/>
      <c r="D7917" s="18"/>
      <c r="E7917" s="18"/>
      <c r="F7917" s="18"/>
      <c r="G7917" s="18"/>
      <c r="H7917" s="18"/>
      <c r="I7917" s="18"/>
      <c r="J7917" s="18"/>
      <c r="K7917" s="18"/>
      <c r="L7917" s="18"/>
      <c r="M7917" s="18"/>
      <c r="N7917" s="18"/>
      <c r="O7917" s="18"/>
      <c r="P7917" s="19"/>
      <c r="Q7917" s="19"/>
      <c r="R7917" s="19"/>
      <c r="S7917" s="19"/>
      <c r="T7917" s="19"/>
      <c r="U7917" s="19"/>
      <c r="V7917" s="19"/>
      <c r="W7917" s="19"/>
      <c r="X7917" s="19"/>
      <c r="Y7917" s="19"/>
      <c r="Z7917" s="19"/>
      <c r="AA7917" s="19"/>
    </row>
    <row r="7918" spans="1:27" s="1" customFormat="1" ht="14.1" customHeight="1" outlineLevel="1" x14ac:dyDescent="0.2">
      <c r="A7918" s="17">
        <v>16690</v>
      </c>
      <c r="B7918" s="17"/>
      <c r="C7918" s="17"/>
      <c r="D7918" s="18" t="s">
        <v>3918</v>
      </c>
      <c r="E7918" s="18"/>
      <c r="F7918" s="18"/>
      <c r="G7918" s="18"/>
      <c r="H7918" s="18"/>
      <c r="I7918" s="18"/>
      <c r="J7918" s="18"/>
      <c r="K7918" s="18"/>
      <c r="L7918" s="18"/>
      <c r="M7918" s="18"/>
      <c r="N7918" s="18"/>
      <c r="O7918" s="18"/>
      <c r="P7918" s="19">
        <v>300</v>
      </c>
      <c r="Q7918" s="19"/>
      <c r="R7918" s="19"/>
      <c r="S7918" s="19"/>
      <c r="T7918" s="19">
        <v>200</v>
      </c>
      <c r="U7918" s="19"/>
      <c r="V7918" s="19"/>
      <c r="W7918" s="19"/>
      <c r="X7918" s="19">
        <v>1</v>
      </c>
      <c r="Y7918" s="19"/>
      <c r="Z7918" s="19"/>
      <c r="AA7918" s="19"/>
    </row>
    <row r="7919" spans="1:27" s="1" customFormat="1" ht="14.1" customHeight="1" outlineLevel="1" x14ac:dyDescent="0.2">
      <c r="A7919" s="17"/>
      <c r="B7919" s="17"/>
      <c r="C7919" s="17"/>
      <c r="D7919" s="18"/>
      <c r="E7919" s="18"/>
      <c r="F7919" s="18"/>
      <c r="G7919" s="18"/>
      <c r="H7919" s="18"/>
      <c r="I7919" s="18"/>
      <c r="J7919" s="18"/>
      <c r="K7919" s="18"/>
      <c r="L7919" s="18"/>
      <c r="M7919" s="18"/>
      <c r="N7919" s="18"/>
      <c r="O7919" s="18"/>
      <c r="P7919" s="19"/>
      <c r="Q7919" s="19"/>
      <c r="R7919" s="19"/>
      <c r="S7919" s="19"/>
      <c r="T7919" s="19"/>
      <c r="U7919" s="19"/>
      <c r="V7919" s="19"/>
      <c r="W7919" s="19"/>
      <c r="X7919" s="19"/>
      <c r="Y7919" s="19"/>
      <c r="Z7919" s="19"/>
      <c r="AA7919" s="19"/>
    </row>
    <row r="7920" spans="1:27" s="1" customFormat="1" ht="14.1" customHeight="1" outlineLevel="1" x14ac:dyDescent="0.2">
      <c r="A7920" s="17">
        <v>16682</v>
      </c>
      <c r="B7920" s="17"/>
      <c r="C7920" s="17"/>
      <c r="D7920" s="18" t="s">
        <v>3919</v>
      </c>
      <c r="E7920" s="18"/>
      <c r="F7920" s="18"/>
      <c r="G7920" s="18"/>
      <c r="H7920" s="18"/>
      <c r="I7920" s="18"/>
      <c r="J7920" s="18"/>
      <c r="K7920" s="18"/>
      <c r="L7920" s="18"/>
      <c r="M7920" s="18"/>
      <c r="N7920" s="18"/>
      <c r="O7920" s="18"/>
      <c r="P7920" s="19">
        <v>400</v>
      </c>
      <c r="Q7920" s="19"/>
      <c r="R7920" s="19"/>
      <c r="S7920" s="19"/>
      <c r="T7920" s="19">
        <v>300</v>
      </c>
      <c r="U7920" s="19"/>
      <c r="V7920" s="19"/>
      <c r="W7920" s="19"/>
      <c r="X7920" s="19">
        <v>1</v>
      </c>
      <c r="Y7920" s="19"/>
      <c r="Z7920" s="19"/>
      <c r="AA7920" s="19"/>
    </row>
    <row r="7921" spans="1:27" s="1" customFormat="1" ht="14.1" customHeight="1" outlineLevel="1" x14ac:dyDescent="0.2">
      <c r="A7921" s="17"/>
      <c r="B7921" s="17"/>
      <c r="C7921" s="17"/>
      <c r="D7921" s="18"/>
      <c r="E7921" s="18"/>
      <c r="F7921" s="18"/>
      <c r="G7921" s="18"/>
      <c r="H7921" s="18"/>
      <c r="I7921" s="18"/>
      <c r="J7921" s="18"/>
      <c r="K7921" s="18"/>
      <c r="L7921" s="18"/>
      <c r="M7921" s="18"/>
      <c r="N7921" s="18"/>
      <c r="O7921" s="18"/>
      <c r="P7921" s="19"/>
      <c r="Q7921" s="19"/>
      <c r="R7921" s="19"/>
      <c r="S7921" s="19"/>
      <c r="T7921" s="19"/>
      <c r="U7921" s="19"/>
      <c r="V7921" s="19"/>
      <c r="W7921" s="19"/>
      <c r="X7921" s="19"/>
      <c r="Y7921" s="19"/>
      <c r="Z7921" s="19"/>
      <c r="AA7921" s="19"/>
    </row>
    <row r="7922" spans="1:27" s="1" customFormat="1" ht="14.1" customHeight="1" outlineLevel="1" x14ac:dyDescent="0.2">
      <c r="A7922" s="17">
        <v>16680</v>
      </c>
      <c r="B7922" s="17"/>
      <c r="C7922" s="17"/>
      <c r="D7922" s="18" t="s">
        <v>3920</v>
      </c>
      <c r="E7922" s="18"/>
      <c r="F7922" s="18"/>
      <c r="G7922" s="18"/>
      <c r="H7922" s="18"/>
      <c r="I7922" s="18"/>
      <c r="J7922" s="18"/>
      <c r="K7922" s="18"/>
      <c r="L7922" s="18"/>
      <c r="M7922" s="18"/>
      <c r="N7922" s="18"/>
      <c r="O7922" s="18"/>
      <c r="P7922" s="19">
        <v>800</v>
      </c>
      <c r="Q7922" s="19"/>
      <c r="R7922" s="19"/>
      <c r="S7922" s="19"/>
      <c r="T7922" s="19">
        <v>700</v>
      </c>
      <c r="U7922" s="19"/>
      <c r="V7922" s="19"/>
      <c r="W7922" s="19"/>
      <c r="X7922" s="19">
        <v>1</v>
      </c>
      <c r="Y7922" s="19"/>
      <c r="Z7922" s="19"/>
      <c r="AA7922" s="19"/>
    </row>
    <row r="7923" spans="1:27" s="1" customFormat="1" ht="14.1" customHeight="1" outlineLevel="1" x14ac:dyDescent="0.2">
      <c r="A7923" s="17"/>
      <c r="B7923" s="17"/>
      <c r="C7923" s="17"/>
      <c r="D7923" s="18"/>
      <c r="E7923" s="18"/>
      <c r="F7923" s="18"/>
      <c r="G7923" s="18"/>
      <c r="H7923" s="18"/>
      <c r="I7923" s="18"/>
      <c r="J7923" s="18"/>
      <c r="K7923" s="18"/>
      <c r="L7923" s="18"/>
      <c r="M7923" s="18"/>
      <c r="N7923" s="18"/>
      <c r="O7923" s="18"/>
      <c r="P7923" s="19"/>
      <c r="Q7923" s="19"/>
      <c r="R7923" s="19"/>
      <c r="S7923" s="19"/>
      <c r="T7923" s="19"/>
      <c r="U7923" s="19"/>
      <c r="V7923" s="19"/>
      <c r="W7923" s="19"/>
      <c r="X7923" s="19"/>
      <c r="Y7923" s="19"/>
      <c r="Z7923" s="19"/>
      <c r="AA7923" s="19"/>
    </row>
    <row r="7924" spans="1:27" s="1" customFormat="1" ht="14.1" customHeight="1" outlineLevel="1" x14ac:dyDescent="0.2">
      <c r="A7924" s="17">
        <v>16681</v>
      </c>
      <c r="B7924" s="17"/>
      <c r="C7924" s="17"/>
      <c r="D7924" s="18" t="s">
        <v>3921</v>
      </c>
      <c r="E7924" s="18"/>
      <c r="F7924" s="18"/>
      <c r="G7924" s="18"/>
      <c r="H7924" s="18"/>
      <c r="I7924" s="18"/>
      <c r="J7924" s="18"/>
      <c r="K7924" s="18"/>
      <c r="L7924" s="18"/>
      <c r="M7924" s="18"/>
      <c r="N7924" s="18"/>
      <c r="O7924" s="18"/>
      <c r="P7924" s="19">
        <v>200</v>
      </c>
      <c r="Q7924" s="19"/>
      <c r="R7924" s="19"/>
      <c r="S7924" s="19"/>
      <c r="T7924" s="19">
        <v>150</v>
      </c>
      <c r="U7924" s="19"/>
      <c r="V7924" s="19"/>
      <c r="W7924" s="19"/>
      <c r="X7924" s="19">
        <v>1</v>
      </c>
      <c r="Y7924" s="19"/>
      <c r="Z7924" s="19"/>
      <c r="AA7924" s="19"/>
    </row>
    <row r="7925" spans="1:27" s="1" customFormat="1" ht="14.1" customHeight="1" outlineLevel="1" x14ac:dyDescent="0.2">
      <c r="A7925" s="17"/>
      <c r="B7925" s="17"/>
      <c r="C7925" s="17"/>
      <c r="D7925" s="18"/>
      <c r="E7925" s="18"/>
      <c r="F7925" s="18"/>
      <c r="G7925" s="18"/>
      <c r="H7925" s="18"/>
      <c r="I7925" s="18"/>
      <c r="J7925" s="18"/>
      <c r="K7925" s="18"/>
      <c r="L7925" s="18"/>
      <c r="M7925" s="18"/>
      <c r="N7925" s="18"/>
      <c r="O7925" s="18"/>
      <c r="P7925" s="19"/>
      <c r="Q7925" s="19"/>
      <c r="R7925" s="19"/>
      <c r="S7925" s="19"/>
      <c r="T7925" s="19"/>
      <c r="U7925" s="19"/>
      <c r="V7925" s="19"/>
      <c r="W7925" s="19"/>
      <c r="X7925" s="19"/>
      <c r="Y7925" s="19"/>
      <c r="Z7925" s="19"/>
      <c r="AA7925" s="19"/>
    </row>
    <row r="7926" spans="1:27" s="1" customFormat="1" ht="11.1" customHeight="1" x14ac:dyDescent="0.2">
      <c r="A7926" s="16" t="s">
        <v>3922</v>
      </c>
      <c r="B7926" s="16"/>
      <c r="C7926" s="16"/>
      <c r="D7926" s="16"/>
      <c r="E7926" s="16"/>
      <c r="F7926" s="16"/>
      <c r="G7926" s="16"/>
      <c r="H7926" s="16"/>
      <c r="I7926" s="16"/>
      <c r="J7926" s="16"/>
      <c r="K7926" s="16"/>
      <c r="L7926" s="16"/>
      <c r="M7926" s="16"/>
      <c r="N7926" s="16"/>
      <c r="O7926" s="16"/>
      <c r="P7926" s="16"/>
      <c r="Q7926" s="16"/>
      <c r="R7926" s="16"/>
      <c r="S7926" s="16"/>
      <c r="T7926" s="16"/>
      <c r="U7926" s="16"/>
      <c r="V7926" s="16"/>
      <c r="W7926" s="16"/>
      <c r="X7926" s="16"/>
      <c r="Y7926" s="16"/>
      <c r="Z7926" s="16"/>
      <c r="AA7926" s="16"/>
    </row>
    <row r="7927" spans="1:27" s="1" customFormat="1" ht="11.1" customHeight="1" x14ac:dyDescent="0.2">
      <c r="A7927" s="16"/>
      <c r="B7927" s="16"/>
      <c r="C7927" s="16"/>
      <c r="D7927" s="16"/>
      <c r="E7927" s="16"/>
      <c r="F7927" s="16"/>
      <c r="G7927" s="16"/>
      <c r="H7927" s="16"/>
      <c r="I7927" s="16"/>
      <c r="J7927" s="16"/>
      <c r="K7927" s="16"/>
      <c r="L7927" s="16"/>
      <c r="M7927" s="16"/>
      <c r="N7927" s="16"/>
      <c r="O7927" s="16"/>
      <c r="P7927" s="16"/>
      <c r="Q7927" s="16"/>
      <c r="R7927" s="16"/>
      <c r="S7927" s="16"/>
      <c r="T7927" s="16"/>
      <c r="U7927" s="16"/>
      <c r="V7927" s="16"/>
      <c r="W7927" s="16"/>
      <c r="X7927" s="16"/>
      <c r="Y7927" s="16"/>
      <c r="Z7927" s="16"/>
      <c r="AA7927" s="16"/>
    </row>
    <row r="7928" spans="1:27" s="1" customFormat="1" ht="11.1" customHeight="1" outlineLevel="1" x14ac:dyDescent="0.2">
      <c r="A7928" s="17">
        <v>16275</v>
      </c>
      <c r="B7928" s="17"/>
      <c r="C7928" s="17"/>
      <c r="D7928" s="18" t="s">
        <v>3923</v>
      </c>
      <c r="E7928" s="18"/>
      <c r="F7928" s="18"/>
      <c r="G7928" s="18"/>
      <c r="H7928" s="18"/>
      <c r="I7928" s="18"/>
      <c r="J7928" s="18"/>
      <c r="K7928" s="18"/>
      <c r="L7928" s="18"/>
      <c r="M7928" s="18"/>
      <c r="N7928" s="18"/>
      <c r="O7928" s="18"/>
      <c r="P7928" s="20">
        <v>1200</v>
      </c>
      <c r="Q7928" s="20"/>
      <c r="R7928" s="20"/>
      <c r="S7928" s="20"/>
      <c r="T7928" s="20">
        <v>1000</v>
      </c>
      <c r="U7928" s="20"/>
      <c r="V7928" s="20"/>
      <c r="W7928" s="20"/>
      <c r="X7928" s="19">
        <v>1</v>
      </c>
      <c r="Y7928" s="19"/>
      <c r="Z7928" s="19"/>
      <c r="AA7928" s="19"/>
    </row>
    <row r="7929" spans="1:27" s="1" customFormat="1" ht="11.1" customHeight="1" outlineLevel="1" x14ac:dyDescent="0.2">
      <c r="A7929" s="17"/>
      <c r="B7929" s="17"/>
      <c r="C7929" s="17"/>
      <c r="D7929" s="18"/>
      <c r="E7929" s="18"/>
      <c r="F7929" s="18"/>
      <c r="G7929" s="18"/>
      <c r="H7929" s="18"/>
      <c r="I7929" s="18"/>
      <c r="J7929" s="18"/>
      <c r="K7929" s="18"/>
      <c r="L7929" s="18"/>
      <c r="M7929" s="18"/>
      <c r="N7929" s="18"/>
      <c r="O7929" s="18"/>
      <c r="P7929" s="20"/>
      <c r="Q7929" s="20"/>
      <c r="R7929" s="20"/>
      <c r="S7929" s="20"/>
      <c r="T7929" s="20"/>
      <c r="U7929" s="20"/>
      <c r="V7929" s="20"/>
      <c r="W7929" s="20"/>
      <c r="X7929" s="19"/>
      <c r="Y7929" s="19"/>
      <c r="Z7929" s="19"/>
      <c r="AA7929" s="19"/>
    </row>
    <row r="7930" spans="1:27" s="1" customFormat="1" ht="14.1" customHeight="1" outlineLevel="1" x14ac:dyDescent="0.2">
      <c r="A7930" s="17">
        <v>16276</v>
      </c>
      <c r="B7930" s="17"/>
      <c r="C7930" s="17"/>
      <c r="D7930" s="18" t="s">
        <v>3924</v>
      </c>
      <c r="E7930" s="18"/>
      <c r="F7930" s="18"/>
      <c r="G7930" s="18"/>
      <c r="H7930" s="18"/>
      <c r="I7930" s="18"/>
      <c r="J7930" s="18"/>
      <c r="K7930" s="18"/>
      <c r="L7930" s="18"/>
      <c r="M7930" s="18"/>
      <c r="N7930" s="18"/>
      <c r="O7930" s="18"/>
      <c r="P7930" s="19">
        <v>240</v>
      </c>
      <c r="Q7930" s="19"/>
      <c r="R7930" s="19"/>
      <c r="S7930" s="19"/>
      <c r="T7930" s="19">
        <v>140</v>
      </c>
      <c r="U7930" s="19"/>
      <c r="V7930" s="19"/>
      <c r="W7930" s="19"/>
      <c r="X7930" s="19">
        <v>1</v>
      </c>
      <c r="Y7930" s="19"/>
      <c r="Z7930" s="19"/>
      <c r="AA7930" s="19"/>
    </row>
    <row r="7931" spans="1:27" s="1" customFormat="1" ht="14.1" customHeight="1" outlineLevel="1" x14ac:dyDescent="0.2">
      <c r="A7931" s="17"/>
      <c r="B7931" s="17"/>
      <c r="C7931" s="17"/>
      <c r="D7931" s="18"/>
      <c r="E7931" s="18"/>
      <c r="F7931" s="18"/>
      <c r="G7931" s="18"/>
      <c r="H7931" s="18"/>
      <c r="I7931" s="18"/>
      <c r="J7931" s="18"/>
      <c r="K7931" s="18"/>
      <c r="L7931" s="18"/>
      <c r="M7931" s="18"/>
      <c r="N7931" s="18"/>
      <c r="O7931" s="18"/>
      <c r="P7931" s="19"/>
      <c r="Q7931" s="19"/>
      <c r="R7931" s="19"/>
      <c r="S7931" s="19"/>
      <c r="T7931" s="19"/>
      <c r="U7931" s="19"/>
      <c r="V7931" s="19"/>
      <c r="W7931" s="19"/>
      <c r="X7931" s="19"/>
      <c r="Y7931" s="19"/>
      <c r="Z7931" s="19"/>
      <c r="AA7931" s="19"/>
    </row>
    <row r="7932" spans="1:27" s="1" customFormat="1" ht="14.1" customHeight="1" outlineLevel="1" x14ac:dyDescent="0.2">
      <c r="A7932" s="17">
        <v>16274</v>
      </c>
      <c r="B7932" s="17"/>
      <c r="C7932" s="17"/>
      <c r="D7932" s="18" t="s">
        <v>3925</v>
      </c>
      <c r="E7932" s="18"/>
      <c r="F7932" s="18"/>
      <c r="G7932" s="18"/>
      <c r="H7932" s="18"/>
      <c r="I7932" s="18"/>
      <c r="J7932" s="18"/>
      <c r="K7932" s="18"/>
      <c r="L7932" s="18"/>
      <c r="M7932" s="18"/>
      <c r="N7932" s="18"/>
      <c r="O7932" s="18"/>
      <c r="P7932" s="19">
        <v>700</v>
      </c>
      <c r="Q7932" s="19"/>
      <c r="R7932" s="19"/>
      <c r="S7932" s="19"/>
      <c r="T7932" s="19">
        <v>600</v>
      </c>
      <c r="U7932" s="19"/>
      <c r="V7932" s="19"/>
      <c r="W7932" s="19"/>
      <c r="X7932" s="19">
        <v>1</v>
      </c>
      <c r="Y7932" s="19"/>
      <c r="Z7932" s="19"/>
      <c r="AA7932" s="19"/>
    </row>
    <row r="7933" spans="1:27" s="1" customFormat="1" ht="14.1" customHeight="1" outlineLevel="1" x14ac:dyDescent="0.2">
      <c r="A7933" s="17"/>
      <c r="B7933" s="17"/>
      <c r="C7933" s="17"/>
      <c r="D7933" s="18"/>
      <c r="E7933" s="18"/>
      <c r="F7933" s="18"/>
      <c r="G7933" s="18"/>
      <c r="H7933" s="18"/>
      <c r="I7933" s="18"/>
      <c r="J7933" s="18"/>
      <c r="K7933" s="18"/>
      <c r="L7933" s="18"/>
      <c r="M7933" s="18"/>
      <c r="N7933" s="18"/>
      <c r="O7933" s="18"/>
      <c r="P7933" s="19"/>
      <c r="Q7933" s="19"/>
      <c r="R7933" s="19"/>
      <c r="S7933" s="19"/>
      <c r="T7933" s="19"/>
      <c r="U7933" s="19"/>
      <c r="V7933" s="19"/>
      <c r="W7933" s="19"/>
      <c r="X7933" s="19"/>
      <c r="Y7933" s="19"/>
      <c r="Z7933" s="19"/>
      <c r="AA7933" s="19"/>
    </row>
    <row r="7934" spans="1:27" s="1" customFormat="1" ht="11.1" customHeight="1" outlineLevel="1" x14ac:dyDescent="0.2">
      <c r="A7934" s="17">
        <v>16705</v>
      </c>
      <c r="B7934" s="17"/>
      <c r="C7934" s="17"/>
      <c r="D7934" s="18" t="s">
        <v>3926</v>
      </c>
      <c r="E7934" s="18"/>
      <c r="F7934" s="18"/>
      <c r="G7934" s="18"/>
      <c r="H7934" s="18"/>
      <c r="I7934" s="18"/>
      <c r="J7934" s="18"/>
      <c r="K7934" s="18"/>
      <c r="L7934" s="18"/>
      <c r="M7934" s="18"/>
      <c r="N7934" s="18"/>
      <c r="O7934" s="18"/>
      <c r="P7934" s="19">
        <v>150</v>
      </c>
      <c r="Q7934" s="19"/>
      <c r="R7934" s="19"/>
      <c r="S7934" s="19"/>
      <c r="T7934" s="19">
        <v>100</v>
      </c>
      <c r="U7934" s="19"/>
      <c r="V7934" s="19"/>
      <c r="W7934" s="19"/>
      <c r="X7934" s="19">
        <v>1</v>
      </c>
      <c r="Y7934" s="19"/>
      <c r="Z7934" s="19"/>
      <c r="AA7934" s="19"/>
    </row>
    <row r="7935" spans="1:27" s="1" customFormat="1" ht="11.1" customHeight="1" outlineLevel="1" x14ac:dyDescent="0.2">
      <c r="A7935" s="17"/>
      <c r="B7935" s="17"/>
      <c r="C7935" s="17"/>
      <c r="D7935" s="18"/>
      <c r="E7935" s="18"/>
      <c r="F7935" s="18"/>
      <c r="G7935" s="18"/>
      <c r="H7935" s="18"/>
      <c r="I7935" s="18"/>
      <c r="J7935" s="18"/>
      <c r="K7935" s="18"/>
      <c r="L7935" s="18"/>
      <c r="M7935" s="18"/>
      <c r="N7935" s="18"/>
      <c r="O7935" s="18"/>
      <c r="P7935" s="19"/>
      <c r="Q7935" s="19"/>
      <c r="R7935" s="19"/>
      <c r="S7935" s="19"/>
      <c r="T7935" s="19"/>
      <c r="U7935" s="19"/>
      <c r="V7935" s="19"/>
      <c r="W7935" s="19"/>
      <c r="X7935" s="19"/>
      <c r="Y7935" s="19"/>
      <c r="Z7935" s="19"/>
      <c r="AA7935" s="19"/>
    </row>
    <row r="7936" spans="1:27" s="1" customFormat="1" ht="11.1" customHeight="1" outlineLevel="1" x14ac:dyDescent="0.2">
      <c r="A7936" s="17">
        <v>16835</v>
      </c>
      <c r="B7936" s="17"/>
      <c r="C7936" s="17"/>
      <c r="D7936" s="18" t="s">
        <v>3927</v>
      </c>
      <c r="E7936" s="18"/>
      <c r="F7936" s="18"/>
      <c r="G7936" s="18"/>
      <c r="H7936" s="18"/>
      <c r="I7936" s="18"/>
      <c r="J7936" s="18"/>
      <c r="K7936" s="18"/>
      <c r="L7936" s="18"/>
      <c r="M7936" s="18"/>
      <c r="N7936" s="18"/>
      <c r="O7936" s="18"/>
      <c r="P7936" s="19">
        <v>90</v>
      </c>
      <c r="Q7936" s="19"/>
      <c r="R7936" s="19"/>
      <c r="S7936" s="19"/>
      <c r="T7936" s="19">
        <v>50</v>
      </c>
      <c r="U7936" s="19"/>
      <c r="V7936" s="19"/>
      <c r="W7936" s="19"/>
      <c r="X7936" s="19">
        <v>1</v>
      </c>
      <c r="Y7936" s="19"/>
      <c r="Z7936" s="19"/>
      <c r="AA7936" s="19"/>
    </row>
    <row r="7937" spans="1:27" s="1" customFormat="1" ht="11.1" customHeight="1" outlineLevel="1" x14ac:dyDescent="0.2">
      <c r="A7937" s="17"/>
      <c r="B7937" s="17"/>
      <c r="C7937" s="17"/>
      <c r="D7937" s="18"/>
      <c r="E7937" s="18"/>
      <c r="F7937" s="18"/>
      <c r="G7937" s="18"/>
      <c r="H7937" s="18"/>
      <c r="I7937" s="18"/>
      <c r="J7937" s="18"/>
      <c r="K7937" s="18"/>
      <c r="L7937" s="18"/>
      <c r="M7937" s="18"/>
      <c r="N7937" s="18"/>
      <c r="O7937" s="18"/>
      <c r="P7937" s="19"/>
      <c r="Q7937" s="19"/>
      <c r="R7937" s="19"/>
      <c r="S7937" s="19"/>
      <c r="T7937" s="19"/>
      <c r="U7937" s="19"/>
      <c r="V7937" s="19"/>
      <c r="W7937" s="19"/>
      <c r="X7937" s="19"/>
      <c r="Y7937" s="19"/>
      <c r="Z7937" s="19"/>
      <c r="AA7937" s="19"/>
    </row>
    <row r="7938" spans="1:27" s="1" customFormat="1" ht="11.1" customHeight="1" outlineLevel="1" x14ac:dyDescent="0.2">
      <c r="A7938" s="17">
        <v>15522</v>
      </c>
      <c r="B7938" s="17"/>
      <c r="C7938" s="17"/>
      <c r="D7938" s="18" t="s">
        <v>3928</v>
      </c>
      <c r="E7938" s="18"/>
      <c r="F7938" s="18"/>
      <c r="G7938" s="18"/>
      <c r="H7938" s="18"/>
      <c r="I7938" s="18"/>
      <c r="J7938" s="18"/>
      <c r="K7938" s="18"/>
      <c r="L7938" s="18"/>
      <c r="M7938" s="18"/>
      <c r="N7938" s="18"/>
      <c r="O7938" s="18"/>
      <c r="P7938" s="19">
        <v>140</v>
      </c>
      <c r="Q7938" s="19"/>
      <c r="R7938" s="19"/>
      <c r="S7938" s="19"/>
      <c r="T7938" s="19">
        <v>100</v>
      </c>
      <c r="U7938" s="19"/>
      <c r="V7938" s="19"/>
      <c r="W7938" s="19"/>
      <c r="X7938" s="19">
        <v>2</v>
      </c>
      <c r="Y7938" s="19"/>
      <c r="Z7938" s="19"/>
      <c r="AA7938" s="19"/>
    </row>
    <row r="7939" spans="1:27" s="1" customFormat="1" ht="11.1" customHeight="1" outlineLevel="1" x14ac:dyDescent="0.2">
      <c r="A7939" s="17"/>
      <c r="B7939" s="17"/>
      <c r="C7939" s="17"/>
      <c r="D7939" s="18"/>
      <c r="E7939" s="18"/>
      <c r="F7939" s="18"/>
      <c r="G7939" s="18"/>
      <c r="H7939" s="18"/>
      <c r="I7939" s="18"/>
      <c r="J7939" s="18"/>
      <c r="K7939" s="18"/>
      <c r="L7939" s="18"/>
      <c r="M7939" s="18"/>
      <c r="N7939" s="18"/>
      <c r="O7939" s="18"/>
      <c r="P7939" s="19"/>
      <c r="Q7939" s="19"/>
      <c r="R7939" s="19"/>
      <c r="S7939" s="19"/>
      <c r="T7939" s="19"/>
      <c r="U7939" s="19"/>
      <c r="V7939" s="19"/>
      <c r="W7939" s="19"/>
      <c r="X7939" s="19"/>
      <c r="Y7939" s="19"/>
      <c r="Z7939" s="19"/>
      <c r="AA7939" s="19"/>
    </row>
    <row r="7940" spans="1:27" s="1" customFormat="1" ht="14.1" customHeight="1" outlineLevel="1" x14ac:dyDescent="0.2">
      <c r="A7940" s="17">
        <v>16930</v>
      </c>
      <c r="B7940" s="17"/>
      <c r="C7940" s="17"/>
      <c r="D7940" s="18" t="s">
        <v>3929</v>
      </c>
      <c r="E7940" s="18"/>
      <c r="F7940" s="18"/>
      <c r="G7940" s="18"/>
      <c r="H7940" s="18"/>
      <c r="I7940" s="18"/>
      <c r="J7940" s="18"/>
      <c r="K7940" s="18"/>
      <c r="L7940" s="18"/>
      <c r="M7940" s="18"/>
      <c r="N7940" s="18"/>
      <c r="O7940" s="18"/>
      <c r="P7940" s="19">
        <v>150</v>
      </c>
      <c r="Q7940" s="19"/>
      <c r="R7940" s="19"/>
      <c r="S7940" s="19"/>
      <c r="T7940" s="19">
        <v>100</v>
      </c>
      <c r="U7940" s="19"/>
      <c r="V7940" s="19"/>
      <c r="W7940" s="19"/>
      <c r="X7940" s="19">
        <v>6</v>
      </c>
      <c r="Y7940" s="19"/>
      <c r="Z7940" s="19"/>
      <c r="AA7940" s="19"/>
    </row>
    <row r="7941" spans="1:27" s="1" customFormat="1" ht="14.1" customHeight="1" outlineLevel="1" x14ac:dyDescent="0.2">
      <c r="A7941" s="17"/>
      <c r="B7941" s="17"/>
      <c r="C7941" s="17"/>
      <c r="D7941" s="18"/>
      <c r="E7941" s="18"/>
      <c r="F7941" s="18"/>
      <c r="G7941" s="18"/>
      <c r="H7941" s="18"/>
      <c r="I7941" s="18"/>
      <c r="J7941" s="18"/>
      <c r="K7941" s="18"/>
      <c r="L7941" s="18"/>
      <c r="M7941" s="18"/>
      <c r="N7941" s="18"/>
      <c r="O7941" s="18"/>
      <c r="P7941" s="19"/>
      <c r="Q7941" s="19"/>
      <c r="R7941" s="19"/>
      <c r="S7941" s="19"/>
      <c r="T7941" s="19"/>
      <c r="U7941" s="19"/>
      <c r="V7941" s="19"/>
      <c r="W7941" s="19"/>
      <c r="X7941" s="19"/>
      <c r="Y7941" s="19"/>
      <c r="Z7941" s="19"/>
      <c r="AA7941" s="19"/>
    </row>
    <row r="7942" spans="1:27" s="1" customFormat="1" ht="14.1" customHeight="1" outlineLevel="1" x14ac:dyDescent="0.2">
      <c r="A7942" s="17">
        <v>17011</v>
      </c>
      <c r="B7942" s="17"/>
      <c r="C7942" s="17"/>
      <c r="D7942" s="18" t="s">
        <v>3930</v>
      </c>
      <c r="E7942" s="18"/>
      <c r="F7942" s="18"/>
      <c r="G7942" s="18"/>
      <c r="H7942" s="18"/>
      <c r="I7942" s="18"/>
      <c r="J7942" s="18"/>
      <c r="K7942" s="18"/>
      <c r="L7942" s="18"/>
      <c r="M7942" s="18"/>
      <c r="N7942" s="18"/>
      <c r="O7942" s="18"/>
      <c r="P7942" s="19">
        <v>140</v>
      </c>
      <c r="Q7942" s="19"/>
      <c r="R7942" s="19"/>
      <c r="S7942" s="19"/>
      <c r="T7942" s="19">
        <v>90</v>
      </c>
      <c r="U7942" s="19"/>
      <c r="V7942" s="19"/>
      <c r="W7942" s="19"/>
      <c r="X7942" s="19">
        <v>2</v>
      </c>
      <c r="Y7942" s="19"/>
      <c r="Z7942" s="19"/>
      <c r="AA7942" s="19"/>
    </row>
    <row r="7943" spans="1:27" s="1" customFormat="1" ht="14.1" customHeight="1" outlineLevel="1" x14ac:dyDescent="0.2">
      <c r="A7943" s="17"/>
      <c r="B7943" s="17"/>
      <c r="C7943" s="17"/>
      <c r="D7943" s="18"/>
      <c r="E7943" s="18"/>
      <c r="F7943" s="18"/>
      <c r="G7943" s="18"/>
      <c r="H7943" s="18"/>
      <c r="I7943" s="18"/>
      <c r="J7943" s="18"/>
      <c r="K7943" s="18"/>
      <c r="L7943" s="18"/>
      <c r="M7943" s="18"/>
      <c r="N7943" s="18"/>
      <c r="O7943" s="18"/>
      <c r="P7943" s="19"/>
      <c r="Q7943" s="19"/>
      <c r="R7943" s="19"/>
      <c r="S7943" s="19"/>
      <c r="T7943" s="19"/>
      <c r="U7943" s="19"/>
      <c r="V7943" s="19"/>
      <c r="W7943" s="19"/>
      <c r="X7943" s="19"/>
      <c r="Y7943" s="19"/>
      <c r="Z7943" s="19"/>
      <c r="AA7943" s="19"/>
    </row>
    <row r="7944" spans="1:27" s="1" customFormat="1" ht="14.1" customHeight="1" outlineLevel="1" x14ac:dyDescent="0.2">
      <c r="A7944" s="17">
        <v>15523</v>
      </c>
      <c r="B7944" s="17"/>
      <c r="C7944" s="17"/>
      <c r="D7944" s="18" t="s">
        <v>3931</v>
      </c>
      <c r="E7944" s="18"/>
      <c r="F7944" s="18"/>
      <c r="G7944" s="18"/>
      <c r="H7944" s="18"/>
      <c r="I7944" s="18"/>
      <c r="J7944" s="18"/>
      <c r="K7944" s="18"/>
      <c r="L7944" s="18"/>
      <c r="M7944" s="18"/>
      <c r="N7944" s="18"/>
      <c r="O7944" s="18"/>
      <c r="P7944" s="19">
        <v>140</v>
      </c>
      <c r="Q7944" s="19"/>
      <c r="R7944" s="19"/>
      <c r="S7944" s="19"/>
      <c r="T7944" s="19">
        <v>100</v>
      </c>
      <c r="U7944" s="19"/>
      <c r="V7944" s="19"/>
      <c r="W7944" s="19"/>
      <c r="X7944" s="19">
        <v>1</v>
      </c>
      <c r="Y7944" s="19"/>
      <c r="Z7944" s="19"/>
      <c r="AA7944" s="19"/>
    </row>
    <row r="7945" spans="1:27" s="1" customFormat="1" ht="14.1" customHeight="1" outlineLevel="1" x14ac:dyDescent="0.2">
      <c r="A7945" s="17"/>
      <c r="B7945" s="17"/>
      <c r="C7945" s="17"/>
      <c r="D7945" s="18"/>
      <c r="E7945" s="18"/>
      <c r="F7945" s="18"/>
      <c r="G7945" s="18"/>
      <c r="H7945" s="18"/>
      <c r="I7945" s="18"/>
      <c r="J7945" s="18"/>
      <c r="K7945" s="18"/>
      <c r="L7945" s="18"/>
      <c r="M7945" s="18"/>
      <c r="N7945" s="18"/>
      <c r="O7945" s="18"/>
      <c r="P7945" s="19"/>
      <c r="Q7945" s="19"/>
      <c r="R7945" s="19"/>
      <c r="S7945" s="19"/>
      <c r="T7945" s="19"/>
      <c r="U7945" s="19"/>
      <c r="V7945" s="19"/>
      <c r="W7945" s="19"/>
      <c r="X7945" s="19"/>
      <c r="Y7945" s="19"/>
      <c r="Z7945" s="19"/>
      <c r="AA7945" s="19"/>
    </row>
    <row r="7946" spans="1:27" s="1" customFormat="1" ht="14.1" customHeight="1" outlineLevel="1" x14ac:dyDescent="0.2">
      <c r="A7946" s="17">
        <v>16260</v>
      </c>
      <c r="B7946" s="17"/>
      <c r="C7946" s="17"/>
      <c r="D7946" s="18" t="s">
        <v>3932</v>
      </c>
      <c r="E7946" s="18"/>
      <c r="F7946" s="18"/>
      <c r="G7946" s="18"/>
      <c r="H7946" s="18"/>
      <c r="I7946" s="18"/>
      <c r="J7946" s="18"/>
      <c r="K7946" s="18"/>
      <c r="L7946" s="18"/>
      <c r="M7946" s="18"/>
      <c r="N7946" s="18"/>
      <c r="O7946" s="18"/>
      <c r="P7946" s="19">
        <v>150</v>
      </c>
      <c r="Q7946" s="19"/>
      <c r="R7946" s="19"/>
      <c r="S7946" s="19"/>
      <c r="T7946" s="19">
        <v>100</v>
      </c>
      <c r="U7946" s="19"/>
      <c r="V7946" s="19"/>
      <c r="W7946" s="19"/>
      <c r="X7946" s="19">
        <v>1</v>
      </c>
      <c r="Y7946" s="19"/>
      <c r="Z7946" s="19"/>
      <c r="AA7946" s="19"/>
    </row>
    <row r="7947" spans="1:27" s="1" customFormat="1" ht="14.1" customHeight="1" outlineLevel="1" x14ac:dyDescent="0.2">
      <c r="A7947" s="17"/>
      <c r="B7947" s="17"/>
      <c r="C7947" s="17"/>
      <c r="D7947" s="18"/>
      <c r="E7947" s="18"/>
      <c r="F7947" s="18"/>
      <c r="G7947" s="18"/>
      <c r="H7947" s="18"/>
      <c r="I7947" s="18"/>
      <c r="J7947" s="18"/>
      <c r="K7947" s="18"/>
      <c r="L7947" s="18"/>
      <c r="M7947" s="18"/>
      <c r="N7947" s="18"/>
      <c r="O7947" s="18"/>
      <c r="P7947" s="19"/>
      <c r="Q7947" s="19"/>
      <c r="R7947" s="19"/>
      <c r="S7947" s="19"/>
      <c r="T7947" s="19"/>
      <c r="U7947" s="19"/>
      <c r="V7947" s="19"/>
      <c r="W7947" s="19"/>
      <c r="X7947" s="19"/>
      <c r="Y7947" s="19"/>
      <c r="Z7947" s="19"/>
      <c r="AA7947" s="19"/>
    </row>
    <row r="7948" spans="1:27" s="1" customFormat="1" ht="14.1" customHeight="1" outlineLevel="1" x14ac:dyDescent="0.2">
      <c r="A7948" s="17">
        <v>16277</v>
      </c>
      <c r="B7948" s="17"/>
      <c r="C7948" s="17"/>
      <c r="D7948" s="18" t="s">
        <v>3933</v>
      </c>
      <c r="E7948" s="18"/>
      <c r="F7948" s="18"/>
      <c r="G7948" s="18"/>
      <c r="H7948" s="18"/>
      <c r="I7948" s="18"/>
      <c r="J7948" s="18"/>
      <c r="K7948" s="18"/>
      <c r="L7948" s="18"/>
      <c r="M7948" s="18"/>
      <c r="N7948" s="18"/>
      <c r="O7948" s="18"/>
      <c r="P7948" s="19">
        <v>300</v>
      </c>
      <c r="Q7948" s="19"/>
      <c r="R7948" s="19"/>
      <c r="S7948" s="19"/>
      <c r="T7948" s="19">
        <v>200</v>
      </c>
      <c r="U7948" s="19"/>
      <c r="V7948" s="19"/>
      <c r="W7948" s="19"/>
      <c r="X7948" s="19">
        <v>1</v>
      </c>
      <c r="Y7948" s="19"/>
      <c r="Z7948" s="19"/>
      <c r="AA7948" s="19"/>
    </row>
    <row r="7949" spans="1:27" s="1" customFormat="1" ht="14.1" customHeight="1" outlineLevel="1" x14ac:dyDescent="0.2">
      <c r="A7949" s="17"/>
      <c r="B7949" s="17"/>
      <c r="C7949" s="17"/>
      <c r="D7949" s="18"/>
      <c r="E7949" s="18"/>
      <c r="F7949" s="18"/>
      <c r="G7949" s="18"/>
      <c r="H7949" s="18"/>
      <c r="I7949" s="18"/>
      <c r="J7949" s="18"/>
      <c r="K7949" s="18"/>
      <c r="L7949" s="18"/>
      <c r="M7949" s="18"/>
      <c r="N7949" s="18"/>
      <c r="O7949" s="18"/>
      <c r="P7949" s="19"/>
      <c r="Q7949" s="19"/>
      <c r="R7949" s="19"/>
      <c r="S7949" s="19"/>
      <c r="T7949" s="19"/>
      <c r="U7949" s="19"/>
      <c r="V7949" s="19"/>
      <c r="W7949" s="19"/>
      <c r="X7949" s="19"/>
      <c r="Y7949" s="19"/>
      <c r="Z7949" s="19"/>
      <c r="AA7949" s="19"/>
    </row>
    <row r="7950" spans="1:27" s="1" customFormat="1" ht="14.1" customHeight="1" outlineLevel="1" x14ac:dyDescent="0.2">
      <c r="A7950" s="17">
        <v>17421</v>
      </c>
      <c r="B7950" s="17"/>
      <c r="C7950" s="17"/>
      <c r="D7950" s="18" t="s">
        <v>3934</v>
      </c>
      <c r="E7950" s="18"/>
      <c r="F7950" s="18"/>
      <c r="G7950" s="18"/>
      <c r="H7950" s="18"/>
      <c r="I7950" s="18"/>
      <c r="J7950" s="18"/>
      <c r="K7950" s="18"/>
      <c r="L7950" s="18"/>
      <c r="M7950" s="18"/>
      <c r="N7950" s="18"/>
      <c r="O7950" s="18"/>
      <c r="P7950" s="19">
        <v>900</v>
      </c>
      <c r="Q7950" s="19"/>
      <c r="R7950" s="19"/>
      <c r="S7950" s="19"/>
      <c r="T7950" s="19">
        <v>800</v>
      </c>
      <c r="U7950" s="19"/>
      <c r="V7950" s="19"/>
      <c r="W7950" s="19"/>
      <c r="X7950" s="19">
        <v>1</v>
      </c>
      <c r="Y7950" s="19"/>
      <c r="Z7950" s="19"/>
      <c r="AA7950" s="19"/>
    </row>
    <row r="7951" spans="1:27" s="1" customFormat="1" ht="14.1" customHeight="1" outlineLevel="1" x14ac:dyDescent="0.2">
      <c r="A7951" s="17"/>
      <c r="B7951" s="17"/>
      <c r="C7951" s="17"/>
      <c r="D7951" s="18"/>
      <c r="E7951" s="18"/>
      <c r="F7951" s="18"/>
      <c r="G7951" s="18"/>
      <c r="H7951" s="18"/>
      <c r="I7951" s="18"/>
      <c r="J7951" s="18"/>
      <c r="K7951" s="18"/>
      <c r="L7951" s="18"/>
      <c r="M7951" s="18"/>
      <c r="N7951" s="18"/>
      <c r="O7951" s="18"/>
      <c r="P7951" s="19"/>
      <c r="Q7951" s="19"/>
      <c r="R7951" s="19"/>
      <c r="S7951" s="19"/>
      <c r="T7951" s="19"/>
      <c r="U7951" s="19"/>
      <c r="V7951" s="19"/>
      <c r="W7951" s="19"/>
      <c r="X7951" s="19"/>
      <c r="Y7951" s="19"/>
      <c r="Z7951" s="19"/>
      <c r="AA7951" s="19"/>
    </row>
    <row r="7952" spans="1:27" s="1" customFormat="1" ht="14.1" customHeight="1" outlineLevel="1" x14ac:dyDescent="0.2">
      <c r="A7952" s="17">
        <v>17435</v>
      </c>
      <c r="B7952" s="17"/>
      <c r="C7952" s="17"/>
      <c r="D7952" s="18" t="s">
        <v>3935</v>
      </c>
      <c r="E7952" s="18"/>
      <c r="F7952" s="18"/>
      <c r="G7952" s="18"/>
      <c r="H7952" s="18"/>
      <c r="I7952" s="18"/>
      <c r="J7952" s="18"/>
      <c r="K7952" s="18"/>
      <c r="L7952" s="18"/>
      <c r="M7952" s="18"/>
      <c r="N7952" s="18"/>
      <c r="O7952" s="18"/>
      <c r="P7952" s="20">
        <v>1200</v>
      </c>
      <c r="Q7952" s="20"/>
      <c r="R7952" s="20"/>
      <c r="S7952" s="20"/>
      <c r="T7952" s="20">
        <v>1000</v>
      </c>
      <c r="U7952" s="20"/>
      <c r="V7952" s="20"/>
      <c r="W7952" s="20"/>
      <c r="X7952" s="19">
        <v>1</v>
      </c>
      <c r="Y7952" s="19"/>
      <c r="Z7952" s="19"/>
      <c r="AA7952" s="19"/>
    </row>
    <row r="7953" spans="1:27" s="1" customFormat="1" ht="14.1" customHeight="1" outlineLevel="1" x14ac:dyDescent="0.2">
      <c r="A7953" s="17"/>
      <c r="B7953" s="17"/>
      <c r="C7953" s="17"/>
      <c r="D7953" s="18"/>
      <c r="E7953" s="18"/>
      <c r="F7953" s="18"/>
      <c r="G7953" s="18"/>
      <c r="H7953" s="18"/>
      <c r="I7953" s="18"/>
      <c r="J7953" s="18"/>
      <c r="K7953" s="18"/>
      <c r="L7953" s="18"/>
      <c r="M7953" s="18"/>
      <c r="N7953" s="18"/>
      <c r="O7953" s="18"/>
      <c r="P7953" s="20"/>
      <c r="Q7953" s="20"/>
      <c r="R7953" s="20"/>
      <c r="S7953" s="20"/>
      <c r="T7953" s="20"/>
      <c r="U7953" s="20"/>
      <c r="V7953" s="20"/>
      <c r="W7953" s="20"/>
      <c r="X7953" s="19"/>
      <c r="Y7953" s="19"/>
      <c r="Z7953" s="19"/>
      <c r="AA7953" s="19"/>
    </row>
    <row r="7954" spans="1:27" s="1" customFormat="1" ht="14.1" customHeight="1" outlineLevel="1" x14ac:dyDescent="0.2">
      <c r="A7954" s="17">
        <v>17939</v>
      </c>
      <c r="B7954" s="17"/>
      <c r="C7954" s="17"/>
      <c r="D7954" s="18" t="s">
        <v>3936</v>
      </c>
      <c r="E7954" s="18"/>
      <c r="F7954" s="18"/>
      <c r="G7954" s="18"/>
      <c r="H7954" s="18"/>
      <c r="I7954" s="18"/>
      <c r="J7954" s="18"/>
      <c r="K7954" s="18"/>
      <c r="L7954" s="18"/>
      <c r="M7954" s="18"/>
      <c r="N7954" s="18"/>
      <c r="O7954" s="18"/>
      <c r="P7954" s="20">
        <v>1100</v>
      </c>
      <c r="Q7954" s="20"/>
      <c r="R7954" s="20"/>
      <c r="S7954" s="20"/>
      <c r="T7954" s="20">
        <v>1000</v>
      </c>
      <c r="U7954" s="20"/>
      <c r="V7954" s="20"/>
      <c r="W7954" s="20"/>
      <c r="X7954" s="19">
        <v>1</v>
      </c>
      <c r="Y7954" s="19"/>
      <c r="Z7954" s="19"/>
      <c r="AA7954" s="19"/>
    </row>
    <row r="7955" spans="1:27" s="1" customFormat="1" ht="14.1" customHeight="1" outlineLevel="1" x14ac:dyDescent="0.2">
      <c r="A7955" s="17"/>
      <c r="B7955" s="17"/>
      <c r="C7955" s="17"/>
      <c r="D7955" s="18"/>
      <c r="E7955" s="18"/>
      <c r="F7955" s="18"/>
      <c r="G7955" s="18"/>
      <c r="H7955" s="18"/>
      <c r="I7955" s="18"/>
      <c r="J7955" s="18"/>
      <c r="K7955" s="18"/>
      <c r="L7955" s="18"/>
      <c r="M7955" s="18"/>
      <c r="N7955" s="18"/>
      <c r="O7955" s="18"/>
      <c r="P7955" s="20"/>
      <c r="Q7955" s="20"/>
      <c r="R7955" s="20"/>
      <c r="S7955" s="20"/>
      <c r="T7955" s="20"/>
      <c r="U7955" s="20"/>
      <c r="V7955" s="20"/>
      <c r="W7955" s="20"/>
      <c r="X7955" s="19"/>
      <c r="Y7955" s="19"/>
      <c r="Z7955" s="19"/>
      <c r="AA7955" s="19"/>
    </row>
    <row r="7956" spans="1:27" s="1" customFormat="1" ht="11.1" customHeight="1" outlineLevel="1" x14ac:dyDescent="0.2">
      <c r="A7956" s="17">
        <v>15521</v>
      </c>
      <c r="B7956" s="17"/>
      <c r="C7956" s="17"/>
      <c r="D7956" s="18" t="s">
        <v>3937</v>
      </c>
      <c r="E7956" s="18"/>
      <c r="F7956" s="18"/>
      <c r="G7956" s="18"/>
      <c r="H7956" s="18"/>
      <c r="I7956" s="18"/>
      <c r="J7956" s="18"/>
      <c r="K7956" s="18"/>
      <c r="L7956" s="18"/>
      <c r="M7956" s="18"/>
      <c r="N7956" s="18"/>
      <c r="O7956" s="18"/>
      <c r="P7956" s="19">
        <v>310</v>
      </c>
      <c r="Q7956" s="19"/>
      <c r="R7956" s="19"/>
      <c r="S7956" s="19"/>
      <c r="T7956" s="19">
        <v>250</v>
      </c>
      <c r="U7956" s="19"/>
      <c r="V7956" s="19"/>
      <c r="W7956" s="19"/>
      <c r="X7956" s="19">
        <v>1</v>
      </c>
      <c r="Y7956" s="19"/>
      <c r="Z7956" s="19"/>
      <c r="AA7956" s="19"/>
    </row>
    <row r="7957" spans="1:27" s="1" customFormat="1" ht="11.1" customHeight="1" outlineLevel="1" x14ac:dyDescent="0.2">
      <c r="A7957" s="17"/>
      <c r="B7957" s="17"/>
      <c r="C7957" s="17"/>
      <c r="D7957" s="18"/>
      <c r="E7957" s="18"/>
      <c r="F7957" s="18"/>
      <c r="G7957" s="18"/>
      <c r="H7957" s="18"/>
      <c r="I7957" s="18"/>
      <c r="J7957" s="18"/>
      <c r="K7957" s="18"/>
      <c r="L7957" s="18"/>
      <c r="M7957" s="18"/>
      <c r="N7957" s="18"/>
      <c r="O7957" s="18"/>
      <c r="P7957" s="19"/>
      <c r="Q7957" s="19"/>
      <c r="R7957" s="19"/>
      <c r="S7957" s="19"/>
      <c r="T7957" s="19"/>
      <c r="U7957" s="19"/>
      <c r="V7957" s="19"/>
      <c r="W7957" s="19"/>
      <c r="X7957" s="19"/>
      <c r="Y7957" s="19"/>
      <c r="Z7957" s="19"/>
      <c r="AA7957" s="19"/>
    </row>
    <row r="7958" spans="1:27" s="1" customFormat="1" ht="14.1" customHeight="1" outlineLevel="1" x14ac:dyDescent="0.2">
      <c r="A7958" s="17">
        <v>10313</v>
      </c>
      <c r="B7958" s="17"/>
      <c r="C7958" s="17"/>
      <c r="D7958" s="18" t="s">
        <v>3938</v>
      </c>
      <c r="E7958" s="18"/>
      <c r="F7958" s="18"/>
      <c r="G7958" s="18"/>
      <c r="H7958" s="18"/>
      <c r="I7958" s="18"/>
      <c r="J7958" s="18"/>
      <c r="K7958" s="18"/>
      <c r="L7958" s="18"/>
      <c r="M7958" s="18"/>
      <c r="N7958" s="18"/>
      <c r="O7958" s="18"/>
      <c r="P7958" s="19">
        <v>490</v>
      </c>
      <c r="Q7958" s="19"/>
      <c r="R7958" s="19"/>
      <c r="S7958" s="19"/>
      <c r="T7958" s="19">
        <v>350</v>
      </c>
      <c r="U7958" s="19"/>
      <c r="V7958" s="19"/>
      <c r="W7958" s="19"/>
      <c r="X7958" s="19">
        <v>3</v>
      </c>
      <c r="Y7958" s="19"/>
      <c r="Z7958" s="19"/>
      <c r="AA7958" s="19"/>
    </row>
    <row r="7959" spans="1:27" s="1" customFormat="1" ht="14.1" customHeight="1" outlineLevel="1" x14ac:dyDescent="0.2">
      <c r="A7959" s="17"/>
      <c r="B7959" s="17"/>
      <c r="C7959" s="17"/>
      <c r="D7959" s="18"/>
      <c r="E7959" s="18"/>
      <c r="F7959" s="18"/>
      <c r="G7959" s="18"/>
      <c r="H7959" s="18"/>
      <c r="I7959" s="18"/>
      <c r="J7959" s="18"/>
      <c r="K7959" s="18"/>
      <c r="L7959" s="18"/>
      <c r="M7959" s="18"/>
      <c r="N7959" s="18"/>
      <c r="O7959" s="18"/>
      <c r="P7959" s="19"/>
      <c r="Q7959" s="19"/>
      <c r="R7959" s="19"/>
      <c r="S7959" s="19"/>
      <c r="T7959" s="19"/>
      <c r="U7959" s="19"/>
      <c r="V7959" s="19"/>
      <c r="W7959" s="19"/>
      <c r="X7959" s="19"/>
      <c r="Y7959" s="19"/>
      <c r="Z7959" s="19"/>
      <c r="AA7959" s="19"/>
    </row>
    <row r="7960" spans="1:27" s="1" customFormat="1" ht="14.1" customHeight="1" outlineLevel="1" x14ac:dyDescent="0.2">
      <c r="A7960" s="17">
        <v>17057</v>
      </c>
      <c r="B7960" s="17"/>
      <c r="C7960" s="17"/>
      <c r="D7960" s="18" t="s">
        <v>3939</v>
      </c>
      <c r="E7960" s="18"/>
      <c r="F7960" s="18"/>
      <c r="G7960" s="18"/>
      <c r="H7960" s="18"/>
      <c r="I7960" s="18"/>
      <c r="J7960" s="18"/>
      <c r="K7960" s="18"/>
      <c r="L7960" s="18"/>
      <c r="M7960" s="18"/>
      <c r="N7960" s="18"/>
      <c r="O7960" s="18"/>
      <c r="P7960" s="19">
        <v>600</v>
      </c>
      <c r="Q7960" s="19"/>
      <c r="R7960" s="19"/>
      <c r="S7960" s="19"/>
      <c r="T7960" s="19">
        <v>500</v>
      </c>
      <c r="U7960" s="19"/>
      <c r="V7960" s="19"/>
      <c r="W7960" s="19"/>
      <c r="X7960" s="19">
        <v>2</v>
      </c>
      <c r="Y7960" s="19"/>
      <c r="Z7960" s="19"/>
      <c r="AA7960" s="19"/>
    </row>
    <row r="7961" spans="1:27" s="1" customFormat="1" ht="14.1" customHeight="1" outlineLevel="1" x14ac:dyDescent="0.2">
      <c r="A7961" s="17"/>
      <c r="B7961" s="17"/>
      <c r="C7961" s="17"/>
      <c r="D7961" s="18"/>
      <c r="E7961" s="18"/>
      <c r="F7961" s="18"/>
      <c r="G7961" s="18"/>
      <c r="H7961" s="18"/>
      <c r="I7961" s="18"/>
      <c r="J7961" s="18"/>
      <c r="K7961" s="18"/>
      <c r="L7961" s="18"/>
      <c r="M7961" s="18"/>
      <c r="N7961" s="18"/>
      <c r="O7961" s="18"/>
      <c r="P7961" s="19"/>
      <c r="Q7961" s="19"/>
      <c r="R7961" s="19"/>
      <c r="S7961" s="19"/>
      <c r="T7961" s="19"/>
      <c r="U7961" s="19"/>
      <c r="V7961" s="19"/>
      <c r="W7961" s="19"/>
      <c r="X7961" s="19"/>
      <c r="Y7961" s="19"/>
      <c r="Z7961" s="19"/>
      <c r="AA7961" s="19"/>
    </row>
    <row r="7962" spans="1:27" s="1" customFormat="1" ht="14.1" customHeight="1" outlineLevel="1" x14ac:dyDescent="0.2">
      <c r="A7962" s="17">
        <v>15046</v>
      </c>
      <c r="B7962" s="17"/>
      <c r="C7962" s="17"/>
      <c r="D7962" s="18" t="s">
        <v>3940</v>
      </c>
      <c r="E7962" s="18"/>
      <c r="F7962" s="18"/>
      <c r="G7962" s="18"/>
      <c r="H7962" s="18"/>
      <c r="I7962" s="18"/>
      <c r="J7962" s="18"/>
      <c r="K7962" s="18"/>
      <c r="L7962" s="18"/>
      <c r="M7962" s="18"/>
      <c r="N7962" s="18"/>
      <c r="O7962" s="18"/>
      <c r="P7962" s="19">
        <v>430</v>
      </c>
      <c r="Q7962" s="19"/>
      <c r="R7962" s="19"/>
      <c r="S7962" s="19"/>
      <c r="T7962" s="19">
        <v>350</v>
      </c>
      <c r="U7962" s="19"/>
      <c r="V7962" s="19"/>
      <c r="W7962" s="19"/>
      <c r="X7962" s="19">
        <v>1</v>
      </c>
      <c r="Y7962" s="19"/>
      <c r="Z7962" s="19"/>
      <c r="AA7962" s="19"/>
    </row>
    <row r="7963" spans="1:27" s="1" customFormat="1" ht="14.1" customHeight="1" outlineLevel="1" x14ac:dyDescent="0.2">
      <c r="A7963" s="17"/>
      <c r="B7963" s="17"/>
      <c r="C7963" s="17"/>
      <c r="D7963" s="18"/>
      <c r="E7963" s="18"/>
      <c r="F7963" s="18"/>
      <c r="G7963" s="18"/>
      <c r="H7963" s="18"/>
      <c r="I7963" s="18"/>
      <c r="J7963" s="18"/>
      <c r="K7963" s="18"/>
      <c r="L7963" s="18"/>
      <c r="M7963" s="18"/>
      <c r="N7963" s="18"/>
      <c r="O7963" s="18"/>
      <c r="P7963" s="19"/>
      <c r="Q7963" s="19"/>
      <c r="R7963" s="19"/>
      <c r="S7963" s="19"/>
      <c r="T7963" s="19"/>
      <c r="U7963" s="19"/>
      <c r="V7963" s="19"/>
      <c r="W7963" s="19"/>
      <c r="X7963" s="19"/>
      <c r="Y7963" s="19"/>
      <c r="Z7963" s="19"/>
      <c r="AA7963" s="19"/>
    </row>
    <row r="7964" spans="1:27" s="1" customFormat="1" ht="11.1" customHeight="1" outlineLevel="1" x14ac:dyDescent="0.2">
      <c r="A7964" s="17">
        <v>17010</v>
      </c>
      <c r="B7964" s="17"/>
      <c r="C7964" s="17"/>
      <c r="D7964" s="18" t="s">
        <v>3941</v>
      </c>
      <c r="E7964" s="18"/>
      <c r="F7964" s="18"/>
      <c r="G7964" s="18"/>
      <c r="H7964" s="18"/>
      <c r="I7964" s="18"/>
      <c r="J7964" s="18"/>
      <c r="K7964" s="18"/>
      <c r="L7964" s="18"/>
      <c r="M7964" s="18"/>
      <c r="N7964" s="18"/>
      <c r="O7964" s="18"/>
      <c r="P7964" s="19">
        <v>400</v>
      </c>
      <c r="Q7964" s="19"/>
      <c r="R7964" s="19"/>
      <c r="S7964" s="19"/>
      <c r="T7964" s="19">
        <v>350</v>
      </c>
      <c r="U7964" s="19"/>
      <c r="V7964" s="19"/>
      <c r="W7964" s="19"/>
      <c r="X7964" s="19">
        <v>3</v>
      </c>
      <c r="Y7964" s="19"/>
      <c r="Z7964" s="19"/>
      <c r="AA7964" s="19"/>
    </row>
    <row r="7965" spans="1:27" s="1" customFormat="1" ht="11.1" customHeight="1" outlineLevel="1" x14ac:dyDescent="0.2">
      <c r="A7965" s="17"/>
      <c r="B7965" s="17"/>
      <c r="C7965" s="17"/>
      <c r="D7965" s="18"/>
      <c r="E7965" s="18"/>
      <c r="F7965" s="18"/>
      <c r="G7965" s="18"/>
      <c r="H7965" s="18"/>
      <c r="I7965" s="18"/>
      <c r="J7965" s="18"/>
      <c r="K7965" s="18"/>
      <c r="L7965" s="18"/>
      <c r="M7965" s="18"/>
      <c r="N7965" s="18"/>
      <c r="O7965" s="18"/>
      <c r="P7965" s="19"/>
      <c r="Q7965" s="19"/>
      <c r="R7965" s="19"/>
      <c r="S7965" s="19"/>
      <c r="T7965" s="19"/>
      <c r="U7965" s="19"/>
      <c r="V7965" s="19"/>
      <c r="W7965" s="19"/>
      <c r="X7965" s="19"/>
      <c r="Y7965" s="19"/>
      <c r="Z7965" s="19"/>
      <c r="AA7965" s="19"/>
    </row>
    <row r="7966" spans="1:27" s="1" customFormat="1" ht="11.1" customHeight="1" outlineLevel="1" x14ac:dyDescent="0.2">
      <c r="A7966" s="17">
        <v>16256</v>
      </c>
      <c r="B7966" s="17"/>
      <c r="C7966" s="17"/>
      <c r="D7966" s="18" t="s">
        <v>3942</v>
      </c>
      <c r="E7966" s="18"/>
      <c r="F7966" s="18"/>
      <c r="G7966" s="18"/>
      <c r="H7966" s="18"/>
      <c r="I7966" s="18"/>
      <c r="J7966" s="18"/>
      <c r="K7966" s="18"/>
      <c r="L7966" s="18"/>
      <c r="M7966" s="18"/>
      <c r="N7966" s="18"/>
      <c r="O7966" s="18"/>
      <c r="P7966" s="19">
        <v>600</v>
      </c>
      <c r="Q7966" s="19"/>
      <c r="R7966" s="19"/>
      <c r="S7966" s="19"/>
      <c r="T7966" s="19">
        <v>500</v>
      </c>
      <c r="U7966" s="19"/>
      <c r="V7966" s="19"/>
      <c r="W7966" s="19"/>
      <c r="X7966" s="19">
        <v>1</v>
      </c>
      <c r="Y7966" s="19"/>
      <c r="Z7966" s="19"/>
      <c r="AA7966" s="19"/>
    </row>
    <row r="7967" spans="1:27" s="1" customFormat="1" ht="11.1" customHeight="1" outlineLevel="1" x14ac:dyDescent="0.2">
      <c r="A7967" s="17"/>
      <c r="B7967" s="17"/>
      <c r="C7967" s="17"/>
      <c r="D7967" s="18"/>
      <c r="E7967" s="18"/>
      <c r="F7967" s="18"/>
      <c r="G7967" s="18"/>
      <c r="H7967" s="18"/>
      <c r="I7967" s="18"/>
      <c r="J7967" s="18"/>
      <c r="K7967" s="18"/>
      <c r="L7967" s="18"/>
      <c r="M7967" s="18"/>
      <c r="N7967" s="18"/>
      <c r="O7967" s="18"/>
      <c r="P7967" s="19"/>
      <c r="Q7967" s="19"/>
      <c r="R7967" s="19"/>
      <c r="S7967" s="19"/>
      <c r="T7967" s="19"/>
      <c r="U7967" s="19"/>
      <c r="V7967" s="19"/>
      <c r="W7967" s="19"/>
      <c r="X7967" s="19"/>
      <c r="Y7967" s="19"/>
      <c r="Z7967" s="19"/>
      <c r="AA7967" s="19"/>
    </row>
    <row r="7968" spans="1:27" s="1" customFormat="1" ht="11.1" customHeight="1" outlineLevel="1" x14ac:dyDescent="0.2">
      <c r="A7968" s="17">
        <v>11592</v>
      </c>
      <c r="B7968" s="17"/>
      <c r="C7968" s="17"/>
      <c r="D7968" s="18" t="s">
        <v>3943</v>
      </c>
      <c r="E7968" s="18"/>
      <c r="F7968" s="18"/>
      <c r="G7968" s="18"/>
      <c r="H7968" s="18"/>
      <c r="I7968" s="18"/>
      <c r="J7968" s="18"/>
      <c r="K7968" s="18"/>
      <c r="L7968" s="18"/>
      <c r="M7968" s="18"/>
      <c r="N7968" s="18"/>
      <c r="O7968" s="18"/>
      <c r="P7968" s="19">
        <v>90</v>
      </c>
      <c r="Q7968" s="19"/>
      <c r="R7968" s="19"/>
      <c r="S7968" s="19"/>
      <c r="T7968" s="19">
        <v>60</v>
      </c>
      <c r="U7968" s="19"/>
      <c r="V7968" s="19"/>
      <c r="W7968" s="19"/>
      <c r="X7968" s="19">
        <v>1</v>
      </c>
      <c r="Y7968" s="19"/>
      <c r="Z7968" s="19"/>
      <c r="AA7968" s="19"/>
    </row>
    <row r="7969" spans="1:27" s="1" customFormat="1" ht="11.1" customHeight="1" outlineLevel="1" x14ac:dyDescent="0.2">
      <c r="A7969" s="17"/>
      <c r="B7969" s="17"/>
      <c r="C7969" s="17"/>
      <c r="D7969" s="18"/>
      <c r="E7969" s="18"/>
      <c r="F7969" s="18"/>
      <c r="G7969" s="18"/>
      <c r="H7969" s="18"/>
      <c r="I7969" s="18"/>
      <c r="J7969" s="18"/>
      <c r="K7969" s="18"/>
      <c r="L7969" s="18"/>
      <c r="M7969" s="18"/>
      <c r="N7969" s="18"/>
      <c r="O7969" s="18"/>
      <c r="P7969" s="19"/>
      <c r="Q7969" s="19"/>
      <c r="R7969" s="19"/>
      <c r="S7969" s="19"/>
      <c r="T7969" s="19"/>
      <c r="U7969" s="19"/>
      <c r="V7969" s="19"/>
      <c r="W7969" s="19"/>
      <c r="X7969" s="19"/>
      <c r="Y7969" s="19"/>
      <c r="Z7969" s="19"/>
      <c r="AA7969" s="19"/>
    </row>
    <row r="7970" spans="1:27" s="1" customFormat="1" ht="14.1" customHeight="1" outlineLevel="1" x14ac:dyDescent="0.2">
      <c r="A7970" s="17">
        <v>16271</v>
      </c>
      <c r="B7970" s="17"/>
      <c r="C7970" s="17"/>
      <c r="D7970" s="18" t="s">
        <v>3944</v>
      </c>
      <c r="E7970" s="18"/>
      <c r="F7970" s="18"/>
      <c r="G7970" s="18"/>
      <c r="H7970" s="18"/>
      <c r="I7970" s="18"/>
      <c r="J7970" s="18"/>
      <c r="K7970" s="18"/>
      <c r="L7970" s="18"/>
      <c r="M7970" s="18"/>
      <c r="N7970" s="18"/>
      <c r="O7970" s="18"/>
      <c r="P7970" s="19">
        <v>300</v>
      </c>
      <c r="Q7970" s="19"/>
      <c r="R7970" s="19"/>
      <c r="S7970" s="19"/>
      <c r="T7970" s="19">
        <v>180</v>
      </c>
      <c r="U7970" s="19"/>
      <c r="V7970" s="19"/>
      <c r="W7970" s="19"/>
      <c r="X7970" s="19">
        <v>2</v>
      </c>
      <c r="Y7970" s="19"/>
      <c r="Z7970" s="19"/>
      <c r="AA7970" s="19"/>
    </row>
    <row r="7971" spans="1:27" s="1" customFormat="1" ht="14.1" customHeight="1" outlineLevel="1" x14ac:dyDescent="0.2">
      <c r="A7971" s="17"/>
      <c r="B7971" s="17"/>
      <c r="C7971" s="17"/>
      <c r="D7971" s="18"/>
      <c r="E7971" s="18"/>
      <c r="F7971" s="18"/>
      <c r="G7971" s="18"/>
      <c r="H7971" s="18"/>
      <c r="I7971" s="18"/>
      <c r="J7971" s="18"/>
      <c r="K7971" s="18"/>
      <c r="L7971" s="18"/>
      <c r="M7971" s="18"/>
      <c r="N7971" s="18"/>
      <c r="O7971" s="18"/>
      <c r="P7971" s="19"/>
      <c r="Q7971" s="19"/>
      <c r="R7971" s="19"/>
      <c r="S7971" s="19"/>
      <c r="T7971" s="19"/>
      <c r="U7971" s="19"/>
      <c r="V7971" s="19"/>
      <c r="W7971" s="19"/>
      <c r="X7971" s="19"/>
      <c r="Y7971" s="19"/>
      <c r="Z7971" s="19"/>
      <c r="AA7971" s="19"/>
    </row>
    <row r="7972" spans="1:27" s="1" customFormat="1" ht="11.1" customHeight="1" outlineLevel="1" x14ac:dyDescent="0.2">
      <c r="A7972" s="17">
        <v>17396</v>
      </c>
      <c r="B7972" s="17"/>
      <c r="C7972" s="17"/>
      <c r="D7972" s="18" t="s">
        <v>3945</v>
      </c>
      <c r="E7972" s="18"/>
      <c r="F7972" s="18"/>
      <c r="G7972" s="18"/>
      <c r="H7972" s="18"/>
      <c r="I7972" s="18"/>
      <c r="J7972" s="18"/>
      <c r="K7972" s="18"/>
      <c r="L7972" s="18"/>
      <c r="M7972" s="18"/>
      <c r="N7972" s="18"/>
      <c r="O7972" s="18"/>
      <c r="P7972" s="19">
        <v>140</v>
      </c>
      <c r="Q7972" s="19"/>
      <c r="R7972" s="19"/>
      <c r="S7972" s="19"/>
      <c r="T7972" s="19">
        <v>90</v>
      </c>
      <c r="U7972" s="19"/>
      <c r="V7972" s="19"/>
      <c r="W7972" s="19"/>
      <c r="X7972" s="19">
        <v>1</v>
      </c>
      <c r="Y7972" s="19"/>
      <c r="Z7972" s="19"/>
      <c r="AA7972" s="19"/>
    </row>
    <row r="7973" spans="1:27" s="1" customFormat="1" ht="11.1" customHeight="1" outlineLevel="1" x14ac:dyDescent="0.2">
      <c r="A7973" s="17"/>
      <c r="B7973" s="17"/>
      <c r="C7973" s="17"/>
      <c r="D7973" s="18"/>
      <c r="E7973" s="18"/>
      <c r="F7973" s="18"/>
      <c r="G7973" s="18"/>
      <c r="H7973" s="18"/>
      <c r="I7973" s="18"/>
      <c r="J7973" s="18"/>
      <c r="K7973" s="18"/>
      <c r="L7973" s="18"/>
      <c r="M7973" s="18"/>
      <c r="N7973" s="18"/>
      <c r="O7973" s="18"/>
      <c r="P7973" s="19"/>
      <c r="Q7973" s="19"/>
      <c r="R7973" s="19"/>
      <c r="S7973" s="19"/>
      <c r="T7973" s="19"/>
      <c r="U7973" s="19"/>
      <c r="V7973" s="19"/>
      <c r="W7973" s="19"/>
      <c r="X7973" s="19"/>
      <c r="Y7973" s="19"/>
      <c r="Z7973" s="19"/>
      <c r="AA7973" s="19"/>
    </row>
    <row r="7974" spans="1:27" s="1" customFormat="1" ht="11.1" customHeight="1" outlineLevel="1" x14ac:dyDescent="0.2">
      <c r="A7974" s="17">
        <v>17964</v>
      </c>
      <c r="B7974" s="17"/>
      <c r="C7974" s="17"/>
      <c r="D7974" s="18" t="s">
        <v>3946</v>
      </c>
      <c r="E7974" s="18"/>
      <c r="F7974" s="18"/>
      <c r="G7974" s="18"/>
      <c r="H7974" s="18"/>
      <c r="I7974" s="18"/>
      <c r="J7974" s="18"/>
      <c r="K7974" s="18"/>
      <c r="L7974" s="18"/>
      <c r="M7974" s="18"/>
      <c r="N7974" s="18"/>
      <c r="O7974" s="18"/>
      <c r="P7974" s="19">
        <v>150</v>
      </c>
      <c r="Q7974" s="19"/>
      <c r="R7974" s="19"/>
      <c r="S7974" s="19"/>
      <c r="T7974" s="19">
        <v>100</v>
      </c>
      <c r="U7974" s="19"/>
      <c r="V7974" s="19"/>
      <c r="W7974" s="19"/>
      <c r="X7974" s="19">
        <v>1</v>
      </c>
      <c r="Y7974" s="19"/>
      <c r="Z7974" s="19"/>
      <c r="AA7974" s="19"/>
    </row>
    <row r="7975" spans="1:27" s="1" customFormat="1" ht="11.1" customHeight="1" outlineLevel="1" x14ac:dyDescent="0.2">
      <c r="A7975" s="17"/>
      <c r="B7975" s="17"/>
      <c r="C7975" s="17"/>
      <c r="D7975" s="18"/>
      <c r="E7975" s="18"/>
      <c r="F7975" s="18"/>
      <c r="G7975" s="18"/>
      <c r="H7975" s="18"/>
      <c r="I7975" s="18"/>
      <c r="J7975" s="18"/>
      <c r="K7975" s="18"/>
      <c r="L7975" s="18"/>
      <c r="M7975" s="18"/>
      <c r="N7975" s="18"/>
      <c r="O7975" s="18"/>
      <c r="P7975" s="19"/>
      <c r="Q7975" s="19"/>
      <c r="R7975" s="19"/>
      <c r="S7975" s="19"/>
      <c r="T7975" s="19"/>
      <c r="U7975" s="19"/>
      <c r="V7975" s="19"/>
      <c r="W7975" s="19"/>
      <c r="X7975" s="19"/>
      <c r="Y7975" s="19"/>
      <c r="Z7975" s="19"/>
      <c r="AA7975" s="19"/>
    </row>
    <row r="7976" spans="1:27" s="1" customFormat="1" ht="14.1" customHeight="1" outlineLevel="1" x14ac:dyDescent="0.2">
      <c r="A7976" s="17">
        <v>15048</v>
      </c>
      <c r="B7976" s="17"/>
      <c r="C7976" s="17"/>
      <c r="D7976" s="18" t="s">
        <v>3947</v>
      </c>
      <c r="E7976" s="18"/>
      <c r="F7976" s="18"/>
      <c r="G7976" s="18"/>
      <c r="H7976" s="18"/>
      <c r="I7976" s="18"/>
      <c r="J7976" s="18"/>
      <c r="K7976" s="18"/>
      <c r="L7976" s="18"/>
      <c r="M7976" s="18"/>
      <c r="N7976" s="18"/>
      <c r="O7976" s="18"/>
      <c r="P7976" s="19">
        <v>140</v>
      </c>
      <c r="Q7976" s="19"/>
      <c r="R7976" s="19"/>
      <c r="S7976" s="19"/>
      <c r="T7976" s="19">
        <v>100</v>
      </c>
      <c r="U7976" s="19"/>
      <c r="V7976" s="19"/>
      <c r="W7976" s="19"/>
      <c r="X7976" s="19">
        <v>1</v>
      </c>
      <c r="Y7976" s="19"/>
      <c r="Z7976" s="19"/>
      <c r="AA7976" s="19"/>
    </row>
    <row r="7977" spans="1:27" s="1" customFormat="1" ht="14.1" customHeight="1" outlineLevel="1" x14ac:dyDescent="0.2">
      <c r="A7977" s="17"/>
      <c r="B7977" s="17"/>
      <c r="C7977" s="17"/>
      <c r="D7977" s="18"/>
      <c r="E7977" s="18"/>
      <c r="F7977" s="18"/>
      <c r="G7977" s="18"/>
      <c r="H7977" s="18"/>
      <c r="I7977" s="18"/>
      <c r="J7977" s="18"/>
      <c r="K7977" s="18"/>
      <c r="L7977" s="18"/>
      <c r="M7977" s="18"/>
      <c r="N7977" s="18"/>
      <c r="O7977" s="18"/>
      <c r="P7977" s="19"/>
      <c r="Q7977" s="19"/>
      <c r="R7977" s="19"/>
      <c r="S7977" s="19"/>
      <c r="T7977" s="19"/>
      <c r="U7977" s="19"/>
      <c r="V7977" s="19"/>
      <c r="W7977" s="19"/>
      <c r="X7977" s="19"/>
      <c r="Y7977" s="19"/>
      <c r="Z7977" s="19"/>
      <c r="AA7977" s="19"/>
    </row>
    <row r="7978" spans="1:27" s="1" customFormat="1" ht="14.1" customHeight="1" outlineLevel="1" x14ac:dyDescent="0.2">
      <c r="A7978" s="17">
        <v>17500</v>
      </c>
      <c r="B7978" s="17"/>
      <c r="C7978" s="17"/>
      <c r="D7978" s="18" t="s">
        <v>3948</v>
      </c>
      <c r="E7978" s="18"/>
      <c r="F7978" s="18"/>
      <c r="G7978" s="18"/>
      <c r="H7978" s="18"/>
      <c r="I7978" s="18"/>
      <c r="J7978" s="18"/>
      <c r="K7978" s="18"/>
      <c r="L7978" s="18"/>
      <c r="M7978" s="18"/>
      <c r="N7978" s="18"/>
      <c r="O7978" s="18"/>
      <c r="P7978" s="19">
        <v>150</v>
      </c>
      <c r="Q7978" s="19"/>
      <c r="R7978" s="19"/>
      <c r="S7978" s="19"/>
      <c r="T7978" s="19">
        <v>90</v>
      </c>
      <c r="U7978" s="19"/>
      <c r="V7978" s="19"/>
      <c r="W7978" s="19"/>
      <c r="X7978" s="19">
        <v>1</v>
      </c>
      <c r="Y7978" s="19"/>
      <c r="Z7978" s="19"/>
      <c r="AA7978" s="19"/>
    </row>
    <row r="7979" spans="1:27" s="1" customFormat="1" ht="14.1" customHeight="1" outlineLevel="1" x14ac:dyDescent="0.2">
      <c r="A7979" s="17"/>
      <c r="B7979" s="17"/>
      <c r="C7979" s="17"/>
      <c r="D7979" s="18"/>
      <c r="E7979" s="18"/>
      <c r="F7979" s="18"/>
      <c r="G7979" s="18"/>
      <c r="H7979" s="18"/>
      <c r="I7979" s="18"/>
      <c r="J7979" s="18"/>
      <c r="K7979" s="18"/>
      <c r="L7979" s="18"/>
      <c r="M7979" s="18"/>
      <c r="N7979" s="18"/>
      <c r="O7979" s="18"/>
      <c r="P7979" s="19"/>
      <c r="Q7979" s="19"/>
      <c r="R7979" s="19"/>
      <c r="S7979" s="19"/>
      <c r="T7979" s="19"/>
      <c r="U7979" s="19"/>
      <c r="V7979" s="19"/>
      <c r="W7979" s="19"/>
      <c r="X7979" s="19"/>
      <c r="Y7979" s="19"/>
      <c r="Z7979" s="19"/>
      <c r="AA7979" s="19"/>
    </row>
    <row r="7980" spans="1:27" s="1" customFormat="1" ht="14.1" customHeight="1" outlineLevel="1" x14ac:dyDescent="0.2">
      <c r="A7980" s="17">
        <v>17434</v>
      </c>
      <c r="B7980" s="17"/>
      <c r="C7980" s="17"/>
      <c r="D7980" s="18" t="s">
        <v>3949</v>
      </c>
      <c r="E7980" s="18"/>
      <c r="F7980" s="18"/>
      <c r="G7980" s="18"/>
      <c r="H7980" s="18"/>
      <c r="I7980" s="18"/>
      <c r="J7980" s="18"/>
      <c r="K7980" s="18"/>
      <c r="L7980" s="18"/>
      <c r="M7980" s="18"/>
      <c r="N7980" s="18"/>
      <c r="O7980" s="18"/>
      <c r="P7980" s="19">
        <v>150</v>
      </c>
      <c r="Q7980" s="19"/>
      <c r="R7980" s="19"/>
      <c r="S7980" s="19"/>
      <c r="T7980" s="19">
        <v>90</v>
      </c>
      <c r="U7980" s="19"/>
      <c r="V7980" s="19"/>
      <c r="W7980" s="19"/>
      <c r="X7980" s="19">
        <v>1</v>
      </c>
      <c r="Y7980" s="19"/>
      <c r="Z7980" s="19"/>
      <c r="AA7980" s="19"/>
    </row>
    <row r="7981" spans="1:27" s="1" customFormat="1" ht="14.1" customHeight="1" outlineLevel="1" x14ac:dyDescent="0.2">
      <c r="A7981" s="17"/>
      <c r="B7981" s="17"/>
      <c r="C7981" s="17"/>
      <c r="D7981" s="18"/>
      <c r="E7981" s="18"/>
      <c r="F7981" s="18"/>
      <c r="G7981" s="18"/>
      <c r="H7981" s="18"/>
      <c r="I7981" s="18"/>
      <c r="J7981" s="18"/>
      <c r="K7981" s="18"/>
      <c r="L7981" s="18"/>
      <c r="M7981" s="18"/>
      <c r="N7981" s="18"/>
      <c r="O7981" s="18"/>
      <c r="P7981" s="19"/>
      <c r="Q7981" s="19"/>
      <c r="R7981" s="19"/>
      <c r="S7981" s="19"/>
      <c r="T7981" s="19"/>
      <c r="U7981" s="19"/>
      <c r="V7981" s="19"/>
      <c r="W7981" s="19"/>
      <c r="X7981" s="19"/>
      <c r="Y7981" s="19"/>
      <c r="Z7981" s="19"/>
      <c r="AA7981" s="19"/>
    </row>
    <row r="7982" spans="1:27" s="1" customFormat="1" ht="14.1" customHeight="1" outlineLevel="1" x14ac:dyDescent="0.2">
      <c r="A7982" s="17">
        <v>17941</v>
      </c>
      <c r="B7982" s="17"/>
      <c r="C7982" s="17"/>
      <c r="D7982" s="18" t="s">
        <v>3950</v>
      </c>
      <c r="E7982" s="18"/>
      <c r="F7982" s="18"/>
      <c r="G7982" s="18"/>
      <c r="H7982" s="18"/>
      <c r="I7982" s="18"/>
      <c r="J7982" s="18"/>
      <c r="K7982" s="18"/>
      <c r="L7982" s="18"/>
      <c r="M7982" s="18"/>
      <c r="N7982" s="18"/>
      <c r="O7982" s="18"/>
      <c r="P7982" s="19">
        <v>150</v>
      </c>
      <c r="Q7982" s="19"/>
      <c r="R7982" s="19"/>
      <c r="S7982" s="19"/>
      <c r="T7982" s="19">
        <v>100</v>
      </c>
      <c r="U7982" s="19"/>
      <c r="V7982" s="19"/>
      <c r="W7982" s="19"/>
      <c r="X7982" s="19">
        <v>1</v>
      </c>
      <c r="Y7982" s="19"/>
      <c r="Z7982" s="19"/>
      <c r="AA7982" s="19"/>
    </row>
    <row r="7983" spans="1:27" s="1" customFormat="1" ht="14.1" customHeight="1" outlineLevel="1" x14ac:dyDescent="0.2">
      <c r="A7983" s="17"/>
      <c r="B7983" s="17"/>
      <c r="C7983" s="17"/>
      <c r="D7983" s="18"/>
      <c r="E7983" s="18"/>
      <c r="F7983" s="18"/>
      <c r="G7983" s="18"/>
      <c r="H7983" s="18"/>
      <c r="I7983" s="18"/>
      <c r="J7983" s="18"/>
      <c r="K7983" s="18"/>
      <c r="L7983" s="18"/>
      <c r="M7983" s="18"/>
      <c r="N7983" s="18"/>
      <c r="O7983" s="18"/>
      <c r="P7983" s="19"/>
      <c r="Q7983" s="19"/>
      <c r="R7983" s="19"/>
      <c r="S7983" s="19"/>
      <c r="T7983" s="19"/>
      <c r="U7983" s="19"/>
      <c r="V7983" s="19"/>
      <c r="W7983" s="19"/>
      <c r="X7983" s="19"/>
      <c r="Y7983" s="19"/>
      <c r="Z7983" s="19"/>
      <c r="AA7983" s="19"/>
    </row>
    <row r="7984" spans="1:27" s="1" customFormat="1" ht="14.1" customHeight="1" outlineLevel="1" x14ac:dyDescent="0.2">
      <c r="A7984" s="17">
        <v>17012</v>
      </c>
      <c r="B7984" s="17"/>
      <c r="C7984" s="17"/>
      <c r="D7984" s="18" t="s">
        <v>3951</v>
      </c>
      <c r="E7984" s="18"/>
      <c r="F7984" s="18"/>
      <c r="G7984" s="18"/>
      <c r="H7984" s="18"/>
      <c r="I7984" s="18"/>
      <c r="J7984" s="18"/>
      <c r="K7984" s="18"/>
      <c r="L7984" s="18"/>
      <c r="M7984" s="18"/>
      <c r="N7984" s="18"/>
      <c r="O7984" s="18"/>
      <c r="P7984" s="19">
        <v>130</v>
      </c>
      <c r="Q7984" s="19"/>
      <c r="R7984" s="19"/>
      <c r="S7984" s="19"/>
      <c r="T7984" s="19">
        <v>90</v>
      </c>
      <c r="U7984" s="19"/>
      <c r="V7984" s="19"/>
      <c r="W7984" s="19"/>
      <c r="X7984" s="19">
        <v>3</v>
      </c>
      <c r="Y7984" s="19"/>
      <c r="Z7984" s="19"/>
      <c r="AA7984" s="19"/>
    </row>
    <row r="7985" spans="1:27" s="1" customFormat="1" ht="14.1" customHeight="1" outlineLevel="1" x14ac:dyDescent="0.2">
      <c r="A7985" s="17"/>
      <c r="B7985" s="17"/>
      <c r="C7985" s="17"/>
      <c r="D7985" s="18"/>
      <c r="E7985" s="18"/>
      <c r="F7985" s="18"/>
      <c r="G7985" s="18"/>
      <c r="H7985" s="18"/>
      <c r="I7985" s="18"/>
      <c r="J7985" s="18"/>
      <c r="K7985" s="18"/>
      <c r="L7985" s="18"/>
      <c r="M7985" s="18"/>
      <c r="N7985" s="18"/>
      <c r="O7985" s="18"/>
      <c r="P7985" s="19"/>
      <c r="Q7985" s="19"/>
      <c r="R7985" s="19"/>
      <c r="S7985" s="19"/>
      <c r="T7985" s="19"/>
      <c r="U7985" s="19"/>
      <c r="V7985" s="19"/>
      <c r="W7985" s="19"/>
      <c r="X7985" s="19"/>
      <c r="Y7985" s="19"/>
      <c r="Z7985" s="19"/>
      <c r="AA7985" s="19"/>
    </row>
    <row r="7986" spans="1:27" s="1" customFormat="1" ht="11.1" customHeight="1" outlineLevel="1" x14ac:dyDescent="0.2">
      <c r="A7986" s="17">
        <v>15520</v>
      </c>
      <c r="B7986" s="17"/>
      <c r="C7986" s="17"/>
      <c r="D7986" s="18" t="s">
        <v>3952</v>
      </c>
      <c r="E7986" s="18"/>
      <c r="F7986" s="18"/>
      <c r="G7986" s="18"/>
      <c r="H7986" s="18"/>
      <c r="I7986" s="18"/>
      <c r="J7986" s="18"/>
      <c r="K7986" s="18"/>
      <c r="L7986" s="18"/>
      <c r="M7986" s="18"/>
      <c r="N7986" s="18"/>
      <c r="O7986" s="18"/>
      <c r="P7986" s="19">
        <v>75</v>
      </c>
      <c r="Q7986" s="19"/>
      <c r="R7986" s="19"/>
      <c r="S7986" s="19"/>
      <c r="T7986" s="19">
        <v>50</v>
      </c>
      <c r="U7986" s="19"/>
      <c r="V7986" s="19"/>
      <c r="W7986" s="19"/>
      <c r="X7986" s="19">
        <v>1</v>
      </c>
      <c r="Y7986" s="19"/>
      <c r="Z7986" s="19"/>
      <c r="AA7986" s="19"/>
    </row>
    <row r="7987" spans="1:27" s="1" customFormat="1" ht="11.1" customHeight="1" outlineLevel="1" x14ac:dyDescent="0.2">
      <c r="A7987" s="17"/>
      <c r="B7987" s="17"/>
      <c r="C7987" s="17"/>
      <c r="D7987" s="18"/>
      <c r="E7987" s="18"/>
      <c r="F7987" s="18"/>
      <c r="G7987" s="18"/>
      <c r="H7987" s="18"/>
      <c r="I7987" s="18"/>
      <c r="J7987" s="18"/>
      <c r="K7987" s="18"/>
      <c r="L7987" s="18"/>
      <c r="M7987" s="18"/>
      <c r="N7987" s="18"/>
      <c r="O7987" s="18"/>
      <c r="P7987" s="19"/>
      <c r="Q7987" s="19"/>
      <c r="R7987" s="19"/>
      <c r="S7987" s="19"/>
      <c r="T7987" s="19"/>
      <c r="U7987" s="19"/>
      <c r="V7987" s="19"/>
      <c r="W7987" s="19"/>
      <c r="X7987" s="19"/>
      <c r="Y7987" s="19"/>
      <c r="Z7987" s="19"/>
      <c r="AA7987" s="19"/>
    </row>
    <row r="7988" spans="1:27" s="1" customFormat="1" ht="14.1" customHeight="1" outlineLevel="1" x14ac:dyDescent="0.2">
      <c r="A7988" s="17">
        <v>16828</v>
      </c>
      <c r="B7988" s="17"/>
      <c r="C7988" s="17"/>
      <c r="D7988" s="18" t="s">
        <v>3953</v>
      </c>
      <c r="E7988" s="18"/>
      <c r="F7988" s="18"/>
      <c r="G7988" s="18"/>
      <c r="H7988" s="18"/>
      <c r="I7988" s="18"/>
      <c r="J7988" s="18"/>
      <c r="K7988" s="18"/>
      <c r="L7988" s="18"/>
      <c r="M7988" s="18"/>
      <c r="N7988" s="18"/>
      <c r="O7988" s="18"/>
      <c r="P7988" s="19">
        <v>150</v>
      </c>
      <c r="Q7988" s="19"/>
      <c r="R7988" s="19"/>
      <c r="S7988" s="19"/>
      <c r="T7988" s="19">
        <v>100</v>
      </c>
      <c r="U7988" s="19"/>
      <c r="V7988" s="19"/>
      <c r="W7988" s="19"/>
      <c r="X7988" s="19">
        <v>1</v>
      </c>
      <c r="Y7988" s="19"/>
      <c r="Z7988" s="19"/>
      <c r="AA7988" s="19"/>
    </row>
    <row r="7989" spans="1:27" s="1" customFormat="1" ht="14.1" customHeight="1" outlineLevel="1" x14ac:dyDescent="0.2">
      <c r="A7989" s="17"/>
      <c r="B7989" s="17"/>
      <c r="C7989" s="17"/>
      <c r="D7989" s="18"/>
      <c r="E7989" s="18"/>
      <c r="F7989" s="18"/>
      <c r="G7989" s="18"/>
      <c r="H7989" s="18"/>
      <c r="I7989" s="18"/>
      <c r="J7989" s="18"/>
      <c r="K7989" s="18"/>
      <c r="L7989" s="18"/>
      <c r="M7989" s="18"/>
      <c r="N7989" s="18"/>
      <c r="O7989" s="18"/>
      <c r="P7989" s="19"/>
      <c r="Q7989" s="19"/>
      <c r="R7989" s="19"/>
      <c r="S7989" s="19"/>
      <c r="T7989" s="19"/>
      <c r="U7989" s="19"/>
      <c r="V7989" s="19"/>
      <c r="W7989" s="19"/>
      <c r="X7989" s="19"/>
      <c r="Y7989" s="19"/>
      <c r="Z7989" s="19"/>
      <c r="AA7989" s="19"/>
    </row>
    <row r="7990" spans="1:27" s="1" customFormat="1" ht="14.1" customHeight="1" outlineLevel="1" x14ac:dyDescent="0.2">
      <c r="A7990" s="17">
        <v>16253</v>
      </c>
      <c r="B7990" s="17"/>
      <c r="C7990" s="17"/>
      <c r="D7990" s="18" t="s">
        <v>3954</v>
      </c>
      <c r="E7990" s="18"/>
      <c r="F7990" s="18"/>
      <c r="G7990" s="18"/>
      <c r="H7990" s="18"/>
      <c r="I7990" s="18"/>
      <c r="J7990" s="18"/>
      <c r="K7990" s="18"/>
      <c r="L7990" s="18"/>
      <c r="M7990" s="18"/>
      <c r="N7990" s="18"/>
      <c r="O7990" s="18"/>
      <c r="P7990" s="19">
        <v>200</v>
      </c>
      <c r="Q7990" s="19"/>
      <c r="R7990" s="19"/>
      <c r="S7990" s="19"/>
      <c r="T7990" s="19">
        <v>150</v>
      </c>
      <c r="U7990" s="19"/>
      <c r="V7990" s="19"/>
      <c r="W7990" s="19"/>
      <c r="X7990" s="19">
        <v>1</v>
      </c>
      <c r="Y7990" s="19"/>
      <c r="Z7990" s="19"/>
      <c r="AA7990" s="19"/>
    </row>
    <row r="7991" spans="1:27" s="1" customFormat="1" ht="14.1" customHeight="1" outlineLevel="1" x14ac:dyDescent="0.2">
      <c r="A7991" s="17"/>
      <c r="B7991" s="17"/>
      <c r="C7991" s="17"/>
      <c r="D7991" s="18"/>
      <c r="E7991" s="18"/>
      <c r="F7991" s="18"/>
      <c r="G7991" s="18"/>
      <c r="H7991" s="18"/>
      <c r="I7991" s="18"/>
      <c r="J7991" s="18"/>
      <c r="K7991" s="18"/>
      <c r="L7991" s="18"/>
      <c r="M7991" s="18"/>
      <c r="N7991" s="18"/>
      <c r="O7991" s="18"/>
      <c r="P7991" s="19"/>
      <c r="Q7991" s="19"/>
      <c r="R7991" s="19"/>
      <c r="S7991" s="19"/>
      <c r="T7991" s="19"/>
      <c r="U7991" s="19"/>
      <c r="V7991" s="19"/>
      <c r="W7991" s="19"/>
      <c r="X7991" s="19"/>
      <c r="Y7991" s="19"/>
      <c r="Z7991" s="19"/>
      <c r="AA7991" s="19"/>
    </row>
    <row r="7992" spans="1:27" s="1" customFormat="1" ht="11.1" customHeight="1" outlineLevel="1" x14ac:dyDescent="0.2">
      <c r="A7992" s="17">
        <v>17965</v>
      </c>
      <c r="B7992" s="17"/>
      <c r="C7992" s="17"/>
      <c r="D7992" s="18" t="s">
        <v>3955</v>
      </c>
      <c r="E7992" s="18"/>
      <c r="F7992" s="18"/>
      <c r="G7992" s="18"/>
      <c r="H7992" s="18"/>
      <c r="I7992" s="18"/>
      <c r="J7992" s="18"/>
      <c r="K7992" s="18"/>
      <c r="L7992" s="18"/>
      <c r="M7992" s="18"/>
      <c r="N7992" s="18"/>
      <c r="O7992" s="18"/>
      <c r="P7992" s="19">
        <v>700</v>
      </c>
      <c r="Q7992" s="19"/>
      <c r="R7992" s="19"/>
      <c r="S7992" s="19"/>
      <c r="T7992" s="19">
        <v>500</v>
      </c>
      <c r="U7992" s="19"/>
      <c r="V7992" s="19"/>
      <c r="W7992" s="19"/>
      <c r="X7992" s="19">
        <v>1</v>
      </c>
      <c r="Y7992" s="19"/>
      <c r="Z7992" s="19"/>
      <c r="AA7992" s="19"/>
    </row>
    <row r="7993" spans="1:27" s="1" customFormat="1" ht="11.1" customHeight="1" outlineLevel="1" x14ac:dyDescent="0.2">
      <c r="A7993" s="17"/>
      <c r="B7993" s="17"/>
      <c r="C7993" s="17"/>
      <c r="D7993" s="18"/>
      <c r="E7993" s="18"/>
      <c r="F7993" s="18"/>
      <c r="G7993" s="18"/>
      <c r="H7993" s="18"/>
      <c r="I7993" s="18"/>
      <c r="J7993" s="18"/>
      <c r="K7993" s="18"/>
      <c r="L7993" s="18"/>
      <c r="M7993" s="18"/>
      <c r="N7993" s="18"/>
      <c r="O7993" s="18"/>
      <c r="P7993" s="19"/>
      <c r="Q7993" s="19"/>
      <c r="R7993" s="19"/>
      <c r="S7993" s="19"/>
      <c r="T7993" s="19"/>
      <c r="U7993" s="19"/>
      <c r="V7993" s="19"/>
      <c r="W7993" s="19"/>
      <c r="X7993" s="19"/>
      <c r="Y7993" s="19"/>
      <c r="Z7993" s="19"/>
      <c r="AA7993" s="19"/>
    </row>
    <row r="7994" spans="1:27" s="1" customFormat="1" ht="14.1" customHeight="1" outlineLevel="1" x14ac:dyDescent="0.2">
      <c r="A7994" s="17">
        <v>13912</v>
      </c>
      <c r="B7994" s="17"/>
      <c r="C7994" s="17"/>
      <c r="D7994" s="18" t="s">
        <v>3956</v>
      </c>
      <c r="E7994" s="18"/>
      <c r="F7994" s="18"/>
      <c r="G7994" s="18"/>
      <c r="H7994" s="18"/>
      <c r="I7994" s="18"/>
      <c r="J7994" s="18"/>
      <c r="K7994" s="18"/>
      <c r="L7994" s="18"/>
      <c r="M7994" s="18"/>
      <c r="N7994" s="18"/>
      <c r="O7994" s="18"/>
      <c r="P7994" s="19">
        <v>120</v>
      </c>
      <c r="Q7994" s="19"/>
      <c r="R7994" s="19"/>
      <c r="S7994" s="19"/>
      <c r="T7994" s="19">
        <v>90</v>
      </c>
      <c r="U7994" s="19"/>
      <c r="V7994" s="19"/>
      <c r="W7994" s="19"/>
      <c r="X7994" s="19">
        <v>40</v>
      </c>
      <c r="Y7994" s="19"/>
      <c r="Z7994" s="19"/>
      <c r="AA7994" s="19"/>
    </row>
    <row r="7995" spans="1:27" s="1" customFormat="1" ht="14.1" customHeight="1" outlineLevel="1" x14ac:dyDescent="0.2">
      <c r="A7995" s="17"/>
      <c r="B7995" s="17"/>
      <c r="C7995" s="17"/>
      <c r="D7995" s="18"/>
      <c r="E7995" s="18"/>
      <c r="F7995" s="18"/>
      <c r="G7995" s="18"/>
      <c r="H7995" s="18"/>
      <c r="I7995" s="18"/>
      <c r="J7995" s="18"/>
      <c r="K7995" s="18"/>
      <c r="L7995" s="18"/>
      <c r="M7995" s="18"/>
      <c r="N7995" s="18"/>
      <c r="O7995" s="18"/>
      <c r="P7995" s="19"/>
      <c r="Q7995" s="19"/>
      <c r="R7995" s="19"/>
      <c r="S7995" s="19"/>
      <c r="T7995" s="19"/>
      <c r="U7995" s="19"/>
      <c r="V7995" s="19"/>
      <c r="W7995" s="19"/>
      <c r="X7995" s="19"/>
      <c r="Y7995" s="19"/>
      <c r="Z7995" s="19"/>
      <c r="AA7995" s="19"/>
    </row>
    <row r="7996" spans="1:27" s="1" customFormat="1" ht="11.1" customHeight="1" outlineLevel="1" x14ac:dyDescent="0.2">
      <c r="A7996" s="17">
        <v>15507</v>
      </c>
      <c r="B7996" s="17"/>
      <c r="C7996" s="17"/>
      <c r="D7996" s="18" t="s">
        <v>3957</v>
      </c>
      <c r="E7996" s="18"/>
      <c r="F7996" s="18"/>
      <c r="G7996" s="18"/>
      <c r="H7996" s="18"/>
      <c r="I7996" s="18"/>
      <c r="J7996" s="18"/>
      <c r="K7996" s="18"/>
      <c r="L7996" s="18"/>
      <c r="M7996" s="18"/>
      <c r="N7996" s="18"/>
      <c r="O7996" s="18"/>
      <c r="P7996" s="19">
        <v>200</v>
      </c>
      <c r="Q7996" s="19"/>
      <c r="R7996" s="19"/>
      <c r="S7996" s="19"/>
      <c r="T7996" s="19">
        <v>150</v>
      </c>
      <c r="U7996" s="19"/>
      <c r="V7996" s="19"/>
      <c r="W7996" s="19"/>
      <c r="X7996" s="19">
        <v>1</v>
      </c>
      <c r="Y7996" s="19"/>
      <c r="Z7996" s="19"/>
      <c r="AA7996" s="19"/>
    </row>
    <row r="7997" spans="1:27" s="1" customFormat="1" ht="11.1" customHeight="1" outlineLevel="1" x14ac:dyDescent="0.2">
      <c r="A7997" s="17"/>
      <c r="B7997" s="17"/>
      <c r="C7997" s="17"/>
      <c r="D7997" s="18"/>
      <c r="E7997" s="18"/>
      <c r="F7997" s="18"/>
      <c r="G7997" s="18"/>
      <c r="H7997" s="18"/>
      <c r="I7997" s="18"/>
      <c r="J7997" s="18"/>
      <c r="K7997" s="18"/>
      <c r="L7997" s="18"/>
      <c r="M7997" s="18"/>
      <c r="N7997" s="18"/>
      <c r="O7997" s="18"/>
      <c r="P7997" s="19"/>
      <c r="Q7997" s="19"/>
      <c r="R7997" s="19"/>
      <c r="S7997" s="19"/>
      <c r="T7997" s="19"/>
      <c r="U7997" s="19"/>
      <c r="V7997" s="19"/>
      <c r="W7997" s="19"/>
      <c r="X7997" s="19"/>
      <c r="Y7997" s="19"/>
      <c r="Z7997" s="19"/>
      <c r="AA7997" s="19"/>
    </row>
    <row r="7998" spans="1:27" s="1" customFormat="1" ht="11.1" customHeight="1" outlineLevel="1" x14ac:dyDescent="0.2">
      <c r="A7998" s="17">
        <v>14252</v>
      </c>
      <c r="B7998" s="17"/>
      <c r="C7998" s="17"/>
      <c r="D7998" s="18" t="s">
        <v>3958</v>
      </c>
      <c r="E7998" s="18"/>
      <c r="F7998" s="18"/>
      <c r="G7998" s="18"/>
      <c r="H7998" s="18"/>
      <c r="I7998" s="18"/>
      <c r="J7998" s="18"/>
      <c r="K7998" s="18"/>
      <c r="L7998" s="18"/>
      <c r="M7998" s="18"/>
      <c r="N7998" s="18"/>
      <c r="O7998" s="18"/>
      <c r="P7998" s="19">
        <v>120</v>
      </c>
      <c r="Q7998" s="19"/>
      <c r="R7998" s="19"/>
      <c r="S7998" s="19"/>
      <c r="T7998" s="19">
        <v>90</v>
      </c>
      <c r="U7998" s="19"/>
      <c r="V7998" s="19"/>
      <c r="W7998" s="19"/>
      <c r="X7998" s="19">
        <v>10</v>
      </c>
      <c r="Y7998" s="19"/>
      <c r="Z7998" s="19"/>
      <c r="AA7998" s="19"/>
    </row>
    <row r="7999" spans="1:27" s="1" customFormat="1" ht="11.1" customHeight="1" outlineLevel="1" x14ac:dyDescent="0.2">
      <c r="A7999" s="17"/>
      <c r="B7999" s="17"/>
      <c r="C7999" s="17"/>
      <c r="D7999" s="18"/>
      <c r="E7999" s="18"/>
      <c r="F7999" s="18"/>
      <c r="G7999" s="18"/>
      <c r="H7999" s="18"/>
      <c r="I7999" s="18"/>
      <c r="J7999" s="18"/>
      <c r="K7999" s="18"/>
      <c r="L7999" s="18"/>
      <c r="M7999" s="18"/>
      <c r="N7999" s="18"/>
      <c r="O7999" s="18"/>
      <c r="P7999" s="19"/>
      <c r="Q7999" s="19"/>
      <c r="R7999" s="19"/>
      <c r="S7999" s="19"/>
      <c r="T7999" s="19"/>
      <c r="U7999" s="19"/>
      <c r="V7999" s="19"/>
      <c r="W7999" s="19"/>
      <c r="X7999" s="19"/>
      <c r="Y7999" s="19"/>
      <c r="Z7999" s="19"/>
      <c r="AA7999" s="19"/>
    </row>
    <row r="8000" spans="1:27" s="1" customFormat="1" ht="11.1" customHeight="1" outlineLevel="1" x14ac:dyDescent="0.2">
      <c r="A8000" s="17">
        <v>14254</v>
      </c>
      <c r="B8000" s="17"/>
      <c r="C8000" s="17"/>
      <c r="D8000" s="18" t="s">
        <v>3959</v>
      </c>
      <c r="E8000" s="18"/>
      <c r="F8000" s="18"/>
      <c r="G8000" s="18"/>
      <c r="H8000" s="18"/>
      <c r="I8000" s="18"/>
      <c r="J8000" s="18"/>
      <c r="K8000" s="18"/>
      <c r="L8000" s="18"/>
      <c r="M8000" s="18"/>
      <c r="N8000" s="18"/>
      <c r="O8000" s="18"/>
      <c r="P8000" s="19">
        <v>130</v>
      </c>
      <c r="Q8000" s="19"/>
      <c r="R8000" s="19"/>
      <c r="S8000" s="19"/>
      <c r="T8000" s="19">
        <v>100</v>
      </c>
      <c r="U8000" s="19"/>
      <c r="V8000" s="19"/>
      <c r="W8000" s="19"/>
      <c r="X8000" s="19">
        <v>7</v>
      </c>
      <c r="Y8000" s="19"/>
      <c r="Z8000" s="19"/>
      <c r="AA8000" s="19"/>
    </row>
    <row r="8001" spans="1:27" s="1" customFormat="1" ht="11.1" customHeight="1" outlineLevel="1" x14ac:dyDescent="0.2">
      <c r="A8001" s="17"/>
      <c r="B8001" s="17"/>
      <c r="C8001" s="17"/>
      <c r="D8001" s="18"/>
      <c r="E8001" s="18"/>
      <c r="F8001" s="18"/>
      <c r="G8001" s="18"/>
      <c r="H8001" s="18"/>
      <c r="I8001" s="18"/>
      <c r="J8001" s="18"/>
      <c r="K8001" s="18"/>
      <c r="L8001" s="18"/>
      <c r="M8001" s="18"/>
      <c r="N8001" s="18"/>
      <c r="O8001" s="18"/>
      <c r="P8001" s="19"/>
      <c r="Q8001" s="19"/>
      <c r="R8001" s="19"/>
      <c r="S8001" s="19"/>
      <c r="T8001" s="19"/>
      <c r="U8001" s="19"/>
      <c r="V8001" s="19"/>
      <c r="W8001" s="19"/>
      <c r="X8001" s="19"/>
      <c r="Y8001" s="19"/>
      <c r="Z8001" s="19"/>
      <c r="AA8001" s="19"/>
    </row>
    <row r="8002" spans="1:27" s="1" customFormat="1" ht="11.1" customHeight="1" outlineLevel="1" x14ac:dyDescent="0.2">
      <c r="A8002" s="17">
        <v>13734</v>
      </c>
      <c r="B8002" s="17"/>
      <c r="C8002" s="17"/>
      <c r="D8002" s="18" t="s">
        <v>3960</v>
      </c>
      <c r="E8002" s="18"/>
      <c r="F8002" s="18"/>
      <c r="G8002" s="18"/>
      <c r="H8002" s="18"/>
      <c r="I8002" s="18"/>
      <c r="J8002" s="18"/>
      <c r="K8002" s="18"/>
      <c r="L8002" s="18"/>
      <c r="M8002" s="18"/>
      <c r="N8002" s="18"/>
      <c r="O8002" s="18"/>
      <c r="P8002" s="19">
        <v>150</v>
      </c>
      <c r="Q8002" s="19"/>
      <c r="R8002" s="19"/>
      <c r="S8002" s="19"/>
      <c r="T8002" s="19">
        <v>110</v>
      </c>
      <c r="U8002" s="19"/>
      <c r="V8002" s="19"/>
      <c r="W8002" s="19"/>
      <c r="X8002" s="19">
        <v>19</v>
      </c>
      <c r="Y8002" s="19"/>
      <c r="Z8002" s="19"/>
      <c r="AA8002" s="19"/>
    </row>
    <row r="8003" spans="1:27" s="1" customFormat="1" ht="11.1" customHeight="1" outlineLevel="1" x14ac:dyDescent="0.2">
      <c r="A8003" s="17"/>
      <c r="B8003" s="17"/>
      <c r="C8003" s="17"/>
      <c r="D8003" s="18"/>
      <c r="E8003" s="18"/>
      <c r="F8003" s="18"/>
      <c r="G8003" s="18"/>
      <c r="H8003" s="18"/>
      <c r="I8003" s="18"/>
      <c r="J8003" s="18"/>
      <c r="K8003" s="18"/>
      <c r="L8003" s="18"/>
      <c r="M8003" s="18"/>
      <c r="N8003" s="18"/>
      <c r="O8003" s="18"/>
      <c r="P8003" s="19"/>
      <c r="Q8003" s="19"/>
      <c r="R8003" s="19"/>
      <c r="S8003" s="19"/>
      <c r="T8003" s="19"/>
      <c r="U8003" s="19"/>
      <c r="V8003" s="19"/>
      <c r="W8003" s="19"/>
      <c r="X8003" s="19"/>
      <c r="Y8003" s="19"/>
      <c r="Z8003" s="19"/>
      <c r="AA8003" s="19"/>
    </row>
    <row r="8004" spans="1:27" s="1" customFormat="1" ht="14.1" customHeight="1" outlineLevel="1" x14ac:dyDescent="0.2">
      <c r="A8004" s="17">
        <v>16270</v>
      </c>
      <c r="B8004" s="17"/>
      <c r="C8004" s="17"/>
      <c r="D8004" s="18" t="s">
        <v>3961</v>
      </c>
      <c r="E8004" s="18"/>
      <c r="F8004" s="18"/>
      <c r="G8004" s="18"/>
      <c r="H8004" s="18"/>
      <c r="I8004" s="18"/>
      <c r="J8004" s="18"/>
      <c r="K8004" s="18"/>
      <c r="L8004" s="18"/>
      <c r="M8004" s="18"/>
      <c r="N8004" s="18"/>
      <c r="O8004" s="18"/>
      <c r="P8004" s="19">
        <v>300</v>
      </c>
      <c r="Q8004" s="19"/>
      <c r="R8004" s="19"/>
      <c r="S8004" s="19"/>
      <c r="T8004" s="19">
        <v>200</v>
      </c>
      <c r="U8004" s="19"/>
      <c r="V8004" s="19"/>
      <c r="W8004" s="19"/>
      <c r="X8004" s="19">
        <v>1</v>
      </c>
      <c r="Y8004" s="19"/>
      <c r="Z8004" s="19"/>
      <c r="AA8004" s="19"/>
    </row>
    <row r="8005" spans="1:27" s="1" customFormat="1" ht="14.1" customHeight="1" outlineLevel="1" x14ac:dyDescent="0.2">
      <c r="A8005" s="17"/>
      <c r="B8005" s="17"/>
      <c r="C8005" s="17"/>
      <c r="D8005" s="18"/>
      <c r="E8005" s="18"/>
      <c r="F8005" s="18"/>
      <c r="G8005" s="18"/>
      <c r="H8005" s="18"/>
      <c r="I8005" s="18"/>
      <c r="J8005" s="18"/>
      <c r="K8005" s="18"/>
      <c r="L8005" s="18"/>
      <c r="M8005" s="18"/>
      <c r="N8005" s="18"/>
      <c r="O8005" s="18"/>
      <c r="P8005" s="19"/>
      <c r="Q8005" s="19"/>
      <c r="R8005" s="19"/>
      <c r="S8005" s="19"/>
      <c r="T8005" s="19"/>
      <c r="U8005" s="19"/>
      <c r="V8005" s="19"/>
      <c r="W8005" s="19"/>
      <c r="X8005" s="19"/>
      <c r="Y8005" s="19"/>
      <c r="Z8005" s="19"/>
      <c r="AA8005" s="19"/>
    </row>
    <row r="8006" spans="1:27" s="1" customFormat="1" ht="11.1" customHeight="1" outlineLevel="1" x14ac:dyDescent="0.2">
      <c r="A8006" s="17">
        <v>14253</v>
      </c>
      <c r="B8006" s="17"/>
      <c r="C8006" s="17"/>
      <c r="D8006" s="18" t="s">
        <v>3962</v>
      </c>
      <c r="E8006" s="18"/>
      <c r="F8006" s="18"/>
      <c r="G8006" s="18"/>
      <c r="H8006" s="18"/>
      <c r="I8006" s="18"/>
      <c r="J8006" s="18"/>
      <c r="K8006" s="18"/>
      <c r="L8006" s="18"/>
      <c r="M8006" s="18"/>
      <c r="N8006" s="18"/>
      <c r="O8006" s="18"/>
      <c r="P8006" s="19">
        <v>130</v>
      </c>
      <c r="Q8006" s="19"/>
      <c r="R8006" s="19"/>
      <c r="S8006" s="19"/>
      <c r="T8006" s="19">
        <v>100</v>
      </c>
      <c r="U8006" s="19"/>
      <c r="V8006" s="19"/>
      <c r="W8006" s="19"/>
      <c r="X8006" s="19">
        <v>9</v>
      </c>
      <c r="Y8006" s="19"/>
      <c r="Z8006" s="19"/>
      <c r="AA8006" s="19"/>
    </row>
    <row r="8007" spans="1:27" s="1" customFormat="1" ht="11.1" customHeight="1" outlineLevel="1" x14ac:dyDescent="0.2">
      <c r="A8007" s="17"/>
      <c r="B8007" s="17"/>
      <c r="C8007" s="17"/>
      <c r="D8007" s="18"/>
      <c r="E8007" s="18"/>
      <c r="F8007" s="18"/>
      <c r="G8007" s="18"/>
      <c r="H8007" s="18"/>
      <c r="I8007" s="18"/>
      <c r="J8007" s="18"/>
      <c r="K8007" s="18"/>
      <c r="L8007" s="18"/>
      <c r="M8007" s="18"/>
      <c r="N8007" s="18"/>
      <c r="O8007" s="18"/>
      <c r="P8007" s="19"/>
      <c r="Q8007" s="19"/>
      <c r="R8007" s="19"/>
      <c r="S8007" s="19"/>
      <c r="T8007" s="19"/>
      <c r="U8007" s="19"/>
      <c r="V8007" s="19"/>
      <c r="W8007" s="19"/>
      <c r="X8007" s="19"/>
      <c r="Y8007" s="19"/>
      <c r="Z8007" s="19"/>
      <c r="AA8007" s="19"/>
    </row>
    <row r="8008" spans="1:27" s="1" customFormat="1" ht="11.1" customHeight="1" outlineLevel="1" x14ac:dyDescent="0.2">
      <c r="A8008" s="17">
        <v>12803</v>
      </c>
      <c r="B8008" s="17"/>
      <c r="C8008" s="17"/>
      <c r="D8008" s="18" t="s">
        <v>3963</v>
      </c>
      <c r="E8008" s="18"/>
      <c r="F8008" s="18"/>
      <c r="G8008" s="18"/>
      <c r="H8008" s="18"/>
      <c r="I8008" s="18"/>
      <c r="J8008" s="18"/>
      <c r="K8008" s="18"/>
      <c r="L8008" s="18"/>
      <c r="M8008" s="18"/>
      <c r="N8008" s="18"/>
      <c r="O8008" s="18"/>
      <c r="P8008" s="19">
        <v>150</v>
      </c>
      <c r="Q8008" s="19"/>
      <c r="R8008" s="19"/>
      <c r="S8008" s="19"/>
      <c r="T8008" s="19">
        <v>120</v>
      </c>
      <c r="U8008" s="19"/>
      <c r="V8008" s="19"/>
      <c r="W8008" s="19"/>
      <c r="X8008" s="19">
        <v>1</v>
      </c>
      <c r="Y8008" s="19"/>
      <c r="Z8008" s="19"/>
      <c r="AA8008" s="19"/>
    </row>
    <row r="8009" spans="1:27" s="1" customFormat="1" ht="11.1" customHeight="1" outlineLevel="1" x14ac:dyDescent="0.2">
      <c r="A8009" s="17"/>
      <c r="B8009" s="17"/>
      <c r="C8009" s="17"/>
      <c r="D8009" s="18"/>
      <c r="E8009" s="18"/>
      <c r="F8009" s="18"/>
      <c r="G8009" s="18"/>
      <c r="H8009" s="18"/>
      <c r="I8009" s="18"/>
      <c r="J8009" s="18"/>
      <c r="K8009" s="18"/>
      <c r="L8009" s="18"/>
      <c r="M8009" s="18"/>
      <c r="N8009" s="18"/>
      <c r="O8009" s="18"/>
      <c r="P8009" s="19"/>
      <c r="Q8009" s="19"/>
      <c r="R8009" s="19"/>
      <c r="S8009" s="19"/>
      <c r="T8009" s="19"/>
      <c r="U8009" s="19"/>
      <c r="V8009" s="19"/>
      <c r="W8009" s="19"/>
      <c r="X8009" s="19"/>
      <c r="Y8009" s="19"/>
      <c r="Z8009" s="19"/>
      <c r="AA8009" s="19"/>
    </row>
    <row r="8010" spans="1:27" s="1" customFormat="1" ht="11.1" customHeight="1" outlineLevel="1" x14ac:dyDescent="0.2">
      <c r="A8010" s="17">
        <v>13214</v>
      </c>
      <c r="B8010" s="17"/>
      <c r="C8010" s="17"/>
      <c r="D8010" s="18" t="s">
        <v>3964</v>
      </c>
      <c r="E8010" s="18"/>
      <c r="F8010" s="18"/>
      <c r="G8010" s="18"/>
      <c r="H8010" s="18"/>
      <c r="I8010" s="18"/>
      <c r="J8010" s="18"/>
      <c r="K8010" s="18"/>
      <c r="L8010" s="18"/>
      <c r="M8010" s="18"/>
      <c r="N8010" s="18"/>
      <c r="O8010" s="18"/>
      <c r="P8010" s="19">
        <v>120</v>
      </c>
      <c r="Q8010" s="19"/>
      <c r="R8010" s="19"/>
      <c r="S8010" s="19"/>
      <c r="T8010" s="19">
        <v>90</v>
      </c>
      <c r="U8010" s="19"/>
      <c r="V8010" s="19"/>
      <c r="W8010" s="19"/>
      <c r="X8010" s="19">
        <v>26</v>
      </c>
      <c r="Y8010" s="19"/>
      <c r="Z8010" s="19"/>
      <c r="AA8010" s="19"/>
    </row>
    <row r="8011" spans="1:27" s="1" customFormat="1" ht="11.1" customHeight="1" outlineLevel="1" x14ac:dyDescent="0.2">
      <c r="A8011" s="17"/>
      <c r="B8011" s="17"/>
      <c r="C8011" s="17"/>
      <c r="D8011" s="18"/>
      <c r="E8011" s="18"/>
      <c r="F8011" s="18"/>
      <c r="G8011" s="18"/>
      <c r="H8011" s="18"/>
      <c r="I8011" s="18"/>
      <c r="J8011" s="18"/>
      <c r="K8011" s="18"/>
      <c r="L8011" s="18"/>
      <c r="M8011" s="18"/>
      <c r="N8011" s="18"/>
      <c r="O8011" s="18"/>
      <c r="P8011" s="19"/>
      <c r="Q8011" s="19"/>
      <c r="R8011" s="19"/>
      <c r="S8011" s="19"/>
      <c r="T8011" s="19"/>
      <c r="U8011" s="19"/>
      <c r="V8011" s="19"/>
      <c r="W8011" s="19"/>
      <c r="X8011" s="19"/>
      <c r="Y8011" s="19"/>
      <c r="Z8011" s="19"/>
      <c r="AA8011" s="19"/>
    </row>
    <row r="8012" spans="1:27" s="1" customFormat="1" ht="14.1" customHeight="1" outlineLevel="1" x14ac:dyDescent="0.2">
      <c r="A8012" s="17">
        <v>16808</v>
      </c>
      <c r="B8012" s="17"/>
      <c r="C8012" s="17"/>
      <c r="D8012" s="18" t="s">
        <v>3965</v>
      </c>
      <c r="E8012" s="18"/>
      <c r="F8012" s="18"/>
      <c r="G8012" s="18"/>
      <c r="H8012" s="18"/>
      <c r="I8012" s="18"/>
      <c r="J8012" s="18"/>
      <c r="K8012" s="18"/>
      <c r="L8012" s="18"/>
      <c r="M8012" s="18"/>
      <c r="N8012" s="18"/>
      <c r="O8012" s="18"/>
      <c r="P8012" s="19">
        <v>300</v>
      </c>
      <c r="Q8012" s="19"/>
      <c r="R8012" s="19"/>
      <c r="S8012" s="19"/>
      <c r="T8012" s="19">
        <v>200</v>
      </c>
      <c r="U8012" s="19"/>
      <c r="V8012" s="19"/>
      <c r="W8012" s="19"/>
      <c r="X8012" s="19">
        <v>1</v>
      </c>
      <c r="Y8012" s="19"/>
      <c r="Z8012" s="19"/>
      <c r="AA8012" s="19"/>
    </row>
    <row r="8013" spans="1:27" s="1" customFormat="1" ht="14.1" customHeight="1" outlineLevel="1" x14ac:dyDescent="0.2">
      <c r="A8013" s="17"/>
      <c r="B8013" s="17"/>
      <c r="C8013" s="17"/>
      <c r="D8013" s="18"/>
      <c r="E8013" s="18"/>
      <c r="F8013" s="18"/>
      <c r="G8013" s="18"/>
      <c r="H8013" s="18"/>
      <c r="I8013" s="18"/>
      <c r="J8013" s="18"/>
      <c r="K8013" s="18"/>
      <c r="L8013" s="18"/>
      <c r="M8013" s="18"/>
      <c r="N8013" s="18"/>
      <c r="O8013" s="18"/>
      <c r="P8013" s="19"/>
      <c r="Q8013" s="19"/>
      <c r="R8013" s="19"/>
      <c r="S8013" s="19"/>
      <c r="T8013" s="19"/>
      <c r="U8013" s="19"/>
      <c r="V8013" s="19"/>
      <c r="W8013" s="19"/>
      <c r="X8013" s="19"/>
      <c r="Y8013" s="19"/>
      <c r="Z8013" s="19"/>
      <c r="AA8013" s="19"/>
    </row>
    <row r="8014" spans="1:27" s="1" customFormat="1" ht="14.1" customHeight="1" outlineLevel="1" x14ac:dyDescent="0.2">
      <c r="A8014" s="17">
        <v>14275</v>
      </c>
      <c r="B8014" s="17"/>
      <c r="C8014" s="17"/>
      <c r="D8014" s="18" t="s">
        <v>3966</v>
      </c>
      <c r="E8014" s="18"/>
      <c r="F8014" s="18"/>
      <c r="G8014" s="18"/>
      <c r="H8014" s="18"/>
      <c r="I8014" s="18"/>
      <c r="J8014" s="18"/>
      <c r="K8014" s="18"/>
      <c r="L8014" s="18"/>
      <c r="M8014" s="18"/>
      <c r="N8014" s="18"/>
      <c r="O8014" s="18"/>
      <c r="P8014" s="19">
        <v>150</v>
      </c>
      <c r="Q8014" s="19"/>
      <c r="R8014" s="19"/>
      <c r="S8014" s="19"/>
      <c r="T8014" s="19">
        <v>110</v>
      </c>
      <c r="U8014" s="19"/>
      <c r="V8014" s="19"/>
      <c r="W8014" s="19"/>
      <c r="X8014" s="19">
        <v>10</v>
      </c>
      <c r="Y8014" s="19"/>
      <c r="Z8014" s="19"/>
      <c r="AA8014" s="19"/>
    </row>
    <row r="8015" spans="1:27" s="1" customFormat="1" ht="14.1" customHeight="1" outlineLevel="1" x14ac:dyDescent="0.2">
      <c r="A8015" s="17"/>
      <c r="B8015" s="17"/>
      <c r="C8015" s="17"/>
      <c r="D8015" s="18"/>
      <c r="E8015" s="18"/>
      <c r="F8015" s="18"/>
      <c r="G8015" s="18"/>
      <c r="H8015" s="18"/>
      <c r="I8015" s="18"/>
      <c r="J8015" s="18"/>
      <c r="K8015" s="18"/>
      <c r="L8015" s="18"/>
      <c r="M8015" s="18"/>
      <c r="N8015" s="18"/>
      <c r="O8015" s="18"/>
      <c r="P8015" s="19"/>
      <c r="Q8015" s="19"/>
      <c r="R8015" s="19"/>
      <c r="S8015" s="19"/>
      <c r="T8015" s="19"/>
      <c r="U8015" s="19"/>
      <c r="V8015" s="19"/>
      <c r="W8015" s="19"/>
      <c r="X8015" s="19"/>
      <c r="Y8015" s="19"/>
      <c r="Z8015" s="19"/>
      <c r="AA8015" s="19"/>
    </row>
    <row r="8016" spans="1:27" s="1" customFormat="1" ht="14.1" customHeight="1" outlineLevel="1" x14ac:dyDescent="0.2">
      <c r="A8016" s="17">
        <v>17418</v>
      </c>
      <c r="B8016" s="17"/>
      <c r="C8016" s="17"/>
      <c r="D8016" s="18" t="s">
        <v>3967</v>
      </c>
      <c r="E8016" s="18"/>
      <c r="F8016" s="18"/>
      <c r="G8016" s="18"/>
      <c r="H8016" s="18"/>
      <c r="I8016" s="18"/>
      <c r="J8016" s="18"/>
      <c r="K8016" s="18"/>
      <c r="L8016" s="18"/>
      <c r="M8016" s="18"/>
      <c r="N8016" s="18"/>
      <c r="O8016" s="18"/>
      <c r="P8016" s="19">
        <v>150</v>
      </c>
      <c r="Q8016" s="19"/>
      <c r="R8016" s="19"/>
      <c r="S8016" s="19"/>
      <c r="T8016" s="19">
        <v>100</v>
      </c>
      <c r="U8016" s="19"/>
      <c r="V8016" s="19"/>
      <c r="W8016" s="19"/>
      <c r="X8016" s="19">
        <v>1</v>
      </c>
      <c r="Y8016" s="19"/>
      <c r="Z8016" s="19"/>
      <c r="AA8016" s="19"/>
    </row>
    <row r="8017" spans="1:27" s="1" customFormat="1" ht="14.1" customHeight="1" outlineLevel="1" x14ac:dyDescent="0.2">
      <c r="A8017" s="17"/>
      <c r="B8017" s="17"/>
      <c r="C8017" s="17"/>
      <c r="D8017" s="18"/>
      <c r="E8017" s="18"/>
      <c r="F8017" s="18"/>
      <c r="G8017" s="18"/>
      <c r="H8017" s="18"/>
      <c r="I8017" s="18"/>
      <c r="J8017" s="18"/>
      <c r="K8017" s="18"/>
      <c r="L8017" s="18"/>
      <c r="M8017" s="18"/>
      <c r="N8017" s="18"/>
      <c r="O8017" s="18"/>
      <c r="P8017" s="19"/>
      <c r="Q8017" s="19"/>
      <c r="R8017" s="19"/>
      <c r="S8017" s="19"/>
      <c r="T8017" s="19"/>
      <c r="U8017" s="19"/>
      <c r="V8017" s="19"/>
      <c r="W8017" s="19"/>
      <c r="X8017" s="19"/>
      <c r="Y8017" s="19"/>
      <c r="Z8017" s="19"/>
      <c r="AA8017" s="19"/>
    </row>
    <row r="8018" spans="1:27" s="1" customFormat="1" ht="11.1" customHeight="1" outlineLevel="1" x14ac:dyDescent="0.2">
      <c r="A8018" s="17">
        <v>13216</v>
      </c>
      <c r="B8018" s="17"/>
      <c r="C8018" s="17"/>
      <c r="D8018" s="18" t="s">
        <v>3968</v>
      </c>
      <c r="E8018" s="18"/>
      <c r="F8018" s="18"/>
      <c r="G8018" s="18"/>
      <c r="H8018" s="18"/>
      <c r="I8018" s="18"/>
      <c r="J8018" s="18"/>
      <c r="K8018" s="18"/>
      <c r="L8018" s="18"/>
      <c r="M8018" s="18"/>
      <c r="N8018" s="18"/>
      <c r="O8018" s="18"/>
      <c r="P8018" s="19">
        <v>120</v>
      </c>
      <c r="Q8018" s="19"/>
      <c r="R8018" s="19"/>
      <c r="S8018" s="19"/>
      <c r="T8018" s="19">
        <v>90</v>
      </c>
      <c r="U8018" s="19"/>
      <c r="V8018" s="19"/>
      <c r="W8018" s="19"/>
      <c r="X8018" s="19">
        <v>20</v>
      </c>
      <c r="Y8018" s="19"/>
      <c r="Z8018" s="19"/>
      <c r="AA8018" s="19"/>
    </row>
    <row r="8019" spans="1:27" s="1" customFormat="1" ht="11.1" customHeight="1" outlineLevel="1" x14ac:dyDescent="0.2">
      <c r="A8019" s="17"/>
      <c r="B8019" s="17"/>
      <c r="C8019" s="17"/>
      <c r="D8019" s="18"/>
      <c r="E8019" s="18"/>
      <c r="F8019" s="18"/>
      <c r="G8019" s="18"/>
      <c r="H8019" s="18"/>
      <c r="I8019" s="18"/>
      <c r="J8019" s="18"/>
      <c r="K8019" s="18"/>
      <c r="L8019" s="18"/>
      <c r="M8019" s="18"/>
      <c r="N8019" s="18"/>
      <c r="O8019" s="18"/>
      <c r="P8019" s="19"/>
      <c r="Q8019" s="19"/>
      <c r="R8019" s="19"/>
      <c r="S8019" s="19"/>
      <c r="T8019" s="19"/>
      <c r="U8019" s="19"/>
      <c r="V8019" s="19"/>
      <c r="W8019" s="19"/>
      <c r="X8019" s="19"/>
      <c r="Y8019" s="19"/>
      <c r="Z8019" s="19"/>
      <c r="AA8019" s="19"/>
    </row>
    <row r="8020" spans="1:27" s="1" customFormat="1" ht="11.1" customHeight="1" outlineLevel="1" x14ac:dyDescent="0.2">
      <c r="A8020" s="17">
        <v>14587</v>
      </c>
      <c r="B8020" s="17"/>
      <c r="C8020" s="17"/>
      <c r="D8020" s="18" t="s">
        <v>3969</v>
      </c>
      <c r="E8020" s="18"/>
      <c r="F8020" s="18"/>
      <c r="G8020" s="18"/>
      <c r="H8020" s="18"/>
      <c r="I8020" s="18"/>
      <c r="J8020" s="18"/>
      <c r="K8020" s="18"/>
      <c r="L8020" s="18"/>
      <c r="M8020" s="18"/>
      <c r="N8020" s="18"/>
      <c r="O8020" s="18"/>
      <c r="P8020" s="19">
        <v>130</v>
      </c>
      <c r="Q8020" s="19"/>
      <c r="R8020" s="19"/>
      <c r="S8020" s="19"/>
      <c r="T8020" s="19">
        <v>90</v>
      </c>
      <c r="U8020" s="19"/>
      <c r="V8020" s="19"/>
      <c r="W8020" s="19"/>
      <c r="X8020" s="19">
        <v>2</v>
      </c>
      <c r="Y8020" s="19"/>
      <c r="Z8020" s="19"/>
      <c r="AA8020" s="19"/>
    </row>
    <row r="8021" spans="1:27" s="1" customFormat="1" ht="11.1" customHeight="1" outlineLevel="1" x14ac:dyDescent="0.2">
      <c r="A8021" s="17"/>
      <c r="B8021" s="17"/>
      <c r="C8021" s="17"/>
      <c r="D8021" s="18"/>
      <c r="E8021" s="18"/>
      <c r="F8021" s="18"/>
      <c r="G8021" s="18"/>
      <c r="H8021" s="18"/>
      <c r="I8021" s="18"/>
      <c r="J8021" s="18"/>
      <c r="K8021" s="18"/>
      <c r="L8021" s="18"/>
      <c r="M8021" s="18"/>
      <c r="N8021" s="18"/>
      <c r="O8021" s="18"/>
      <c r="P8021" s="19"/>
      <c r="Q8021" s="19"/>
      <c r="R8021" s="19"/>
      <c r="S8021" s="19"/>
      <c r="T8021" s="19"/>
      <c r="U8021" s="19"/>
      <c r="V8021" s="19"/>
      <c r="W8021" s="19"/>
      <c r="X8021" s="19"/>
      <c r="Y8021" s="19"/>
      <c r="Z8021" s="19"/>
      <c r="AA8021" s="19"/>
    </row>
    <row r="8022" spans="1:27" s="1" customFormat="1" ht="14.1" customHeight="1" outlineLevel="1" x14ac:dyDescent="0.2">
      <c r="A8022" s="17">
        <v>7699</v>
      </c>
      <c r="B8022" s="17"/>
      <c r="C8022" s="17"/>
      <c r="D8022" s="18" t="s">
        <v>3970</v>
      </c>
      <c r="E8022" s="18"/>
      <c r="F8022" s="18"/>
      <c r="G8022" s="18"/>
      <c r="H8022" s="18"/>
      <c r="I8022" s="18"/>
      <c r="J8022" s="18"/>
      <c r="K8022" s="18"/>
      <c r="L8022" s="18"/>
      <c r="M8022" s="18"/>
      <c r="N8022" s="18"/>
      <c r="O8022" s="18"/>
      <c r="P8022" s="19">
        <v>200</v>
      </c>
      <c r="Q8022" s="19"/>
      <c r="R8022" s="19"/>
      <c r="S8022" s="19"/>
      <c r="T8022" s="19">
        <v>130</v>
      </c>
      <c r="U8022" s="19"/>
      <c r="V8022" s="19"/>
      <c r="W8022" s="19"/>
      <c r="X8022" s="19">
        <v>15</v>
      </c>
      <c r="Y8022" s="19"/>
      <c r="Z8022" s="19"/>
      <c r="AA8022" s="19"/>
    </row>
    <row r="8023" spans="1:27" s="1" customFormat="1" ht="14.1" customHeight="1" outlineLevel="1" x14ac:dyDescent="0.2">
      <c r="A8023" s="17"/>
      <c r="B8023" s="17"/>
      <c r="C8023" s="17"/>
      <c r="D8023" s="18"/>
      <c r="E8023" s="18"/>
      <c r="F8023" s="18"/>
      <c r="G8023" s="18"/>
      <c r="H8023" s="18"/>
      <c r="I8023" s="18"/>
      <c r="J8023" s="18"/>
      <c r="K8023" s="18"/>
      <c r="L8023" s="18"/>
      <c r="M8023" s="18"/>
      <c r="N8023" s="18"/>
      <c r="O8023" s="18"/>
      <c r="P8023" s="19"/>
      <c r="Q8023" s="19"/>
      <c r="R8023" s="19"/>
      <c r="S8023" s="19"/>
      <c r="T8023" s="19"/>
      <c r="U8023" s="19"/>
      <c r="V8023" s="19"/>
      <c r="W8023" s="19"/>
      <c r="X8023" s="19"/>
      <c r="Y8023" s="19"/>
      <c r="Z8023" s="19"/>
      <c r="AA8023" s="19"/>
    </row>
    <row r="8024" spans="1:27" s="1" customFormat="1" ht="14.1" customHeight="1" outlineLevel="1" x14ac:dyDescent="0.2">
      <c r="A8024" s="17">
        <v>17960</v>
      </c>
      <c r="B8024" s="17"/>
      <c r="C8024" s="17"/>
      <c r="D8024" s="18" t="s">
        <v>3971</v>
      </c>
      <c r="E8024" s="18"/>
      <c r="F8024" s="18"/>
      <c r="G8024" s="18"/>
      <c r="H8024" s="18"/>
      <c r="I8024" s="18"/>
      <c r="J8024" s="18"/>
      <c r="K8024" s="18"/>
      <c r="L8024" s="18"/>
      <c r="M8024" s="18"/>
      <c r="N8024" s="18"/>
      <c r="O8024" s="18"/>
      <c r="P8024" s="19">
        <v>150</v>
      </c>
      <c r="Q8024" s="19"/>
      <c r="R8024" s="19"/>
      <c r="S8024" s="19"/>
      <c r="T8024" s="19">
        <v>100</v>
      </c>
      <c r="U8024" s="19"/>
      <c r="V8024" s="19"/>
      <c r="W8024" s="19"/>
      <c r="X8024" s="19">
        <v>1</v>
      </c>
      <c r="Y8024" s="19"/>
      <c r="Z8024" s="19"/>
      <c r="AA8024" s="19"/>
    </row>
    <row r="8025" spans="1:27" s="1" customFormat="1" ht="14.1" customHeight="1" outlineLevel="1" x14ac:dyDescent="0.2">
      <c r="A8025" s="17"/>
      <c r="B8025" s="17"/>
      <c r="C8025" s="17"/>
      <c r="D8025" s="18"/>
      <c r="E8025" s="18"/>
      <c r="F8025" s="18"/>
      <c r="G8025" s="18"/>
      <c r="H8025" s="18"/>
      <c r="I8025" s="18"/>
      <c r="J8025" s="18"/>
      <c r="K8025" s="18"/>
      <c r="L8025" s="18"/>
      <c r="M8025" s="18"/>
      <c r="N8025" s="18"/>
      <c r="O8025" s="18"/>
      <c r="P8025" s="19"/>
      <c r="Q8025" s="19"/>
      <c r="R8025" s="19"/>
      <c r="S8025" s="19"/>
      <c r="T8025" s="19"/>
      <c r="U8025" s="19"/>
      <c r="V8025" s="19"/>
      <c r="W8025" s="19"/>
      <c r="X8025" s="19"/>
      <c r="Y8025" s="19"/>
      <c r="Z8025" s="19"/>
      <c r="AA8025" s="19"/>
    </row>
    <row r="8026" spans="1:27" s="1" customFormat="1" ht="11.1" customHeight="1" outlineLevel="1" x14ac:dyDescent="0.2">
      <c r="A8026" s="17">
        <v>13217</v>
      </c>
      <c r="B8026" s="17"/>
      <c r="C8026" s="17"/>
      <c r="D8026" s="18" t="s">
        <v>3972</v>
      </c>
      <c r="E8026" s="18"/>
      <c r="F8026" s="18"/>
      <c r="G8026" s="18"/>
      <c r="H8026" s="18"/>
      <c r="I8026" s="18"/>
      <c r="J8026" s="18"/>
      <c r="K8026" s="18"/>
      <c r="L8026" s="18"/>
      <c r="M8026" s="18"/>
      <c r="N8026" s="18"/>
      <c r="O8026" s="18"/>
      <c r="P8026" s="19">
        <v>120</v>
      </c>
      <c r="Q8026" s="19"/>
      <c r="R8026" s="19"/>
      <c r="S8026" s="19"/>
      <c r="T8026" s="19">
        <v>90</v>
      </c>
      <c r="U8026" s="19"/>
      <c r="V8026" s="19"/>
      <c r="W8026" s="19"/>
      <c r="X8026" s="19">
        <v>19</v>
      </c>
      <c r="Y8026" s="19"/>
      <c r="Z8026" s="19"/>
      <c r="AA8026" s="19"/>
    </row>
    <row r="8027" spans="1:27" s="1" customFormat="1" ht="11.1" customHeight="1" outlineLevel="1" x14ac:dyDescent="0.2">
      <c r="A8027" s="17"/>
      <c r="B8027" s="17"/>
      <c r="C8027" s="17"/>
      <c r="D8027" s="18"/>
      <c r="E8027" s="18"/>
      <c r="F8027" s="18"/>
      <c r="G8027" s="18"/>
      <c r="H8027" s="18"/>
      <c r="I8027" s="18"/>
      <c r="J8027" s="18"/>
      <c r="K8027" s="18"/>
      <c r="L8027" s="18"/>
      <c r="M8027" s="18"/>
      <c r="N8027" s="18"/>
      <c r="O8027" s="18"/>
      <c r="P8027" s="19"/>
      <c r="Q8027" s="19"/>
      <c r="R8027" s="19"/>
      <c r="S8027" s="19"/>
      <c r="T8027" s="19"/>
      <c r="U8027" s="19"/>
      <c r="V8027" s="19"/>
      <c r="W8027" s="19"/>
      <c r="X8027" s="19"/>
      <c r="Y8027" s="19"/>
      <c r="Z8027" s="19"/>
      <c r="AA8027" s="19"/>
    </row>
    <row r="8028" spans="1:27" s="1" customFormat="1" ht="11.1" customHeight="1" outlineLevel="1" x14ac:dyDescent="0.2">
      <c r="A8028" s="17">
        <v>10315</v>
      </c>
      <c r="B8028" s="17"/>
      <c r="C8028" s="17"/>
      <c r="D8028" s="18" t="s">
        <v>3973</v>
      </c>
      <c r="E8028" s="18"/>
      <c r="F8028" s="18"/>
      <c r="G8028" s="18"/>
      <c r="H8028" s="18"/>
      <c r="I8028" s="18"/>
      <c r="J8028" s="18"/>
      <c r="K8028" s="18"/>
      <c r="L8028" s="18"/>
      <c r="M8028" s="18"/>
      <c r="N8028" s="18"/>
      <c r="O8028" s="18"/>
      <c r="P8028" s="19">
        <v>120</v>
      </c>
      <c r="Q8028" s="19"/>
      <c r="R8028" s="19"/>
      <c r="S8028" s="19"/>
      <c r="T8028" s="19">
        <v>90</v>
      </c>
      <c r="U8028" s="19"/>
      <c r="V8028" s="19"/>
      <c r="W8028" s="19"/>
      <c r="X8028" s="19">
        <v>23</v>
      </c>
      <c r="Y8028" s="19"/>
      <c r="Z8028" s="19"/>
      <c r="AA8028" s="19"/>
    </row>
    <row r="8029" spans="1:27" s="1" customFormat="1" ht="11.1" customHeight="1" outlineLevel="1" x14ac:dyDescent="0.2">
      <c r="A8029" s="17"/>
      <c r="B8029" s="17"/>
      <c r="C8029" s="17"/>
      <c r="D8029" s="18"/>
      <c r="E8029" s="18"/>
      <c r="F8029" s="18"/>
      <c r="G8029" s="18"/>
      <c r="H8029" s="18"/>
      <c r="I8029" s="18"/>
      <c r="J8029" s="18"/>
      <c r="K8029" s="18"/>
      <c r="L8029" s="18"/>
      <c r="M8029" s="18"/>
      <c r="N8029" s="18"/>
      <c r="O8029" s="18"/>
      <c r="P8029" s="19"/>
      <c r="Q8029" s="19"/>
      <c r="R8029" s="19"/>
      <c r="S8029" s="19"/>
      <c r="T8029" s="19"/>
      <c r="U8029" s="19"/>
      <c r="V8029" s="19"/>
      <c r="W8029" s="19"/>
      <c r="X8029" s="19"/>
      <c r="Y8029" s="19"/>
      <c r="Z8029" s="19"/>
      <c r="AA8029" s="19"/>
    </row>
    <row r="8030" spans="1:27" s="1" customFormat="1" ht="14.1" customHeight="1" outlineLevel="1" x14ac:dyDescent="0.2">
      <c r="A8030" s="17">
        <v>16924</v>
      </c>
      <c r="B8030" s="17"/>
      <c r="C8030" s="17"/>
      <c r="D8030" s="18" t="s">
        <v>3974</v>
      </c>
      <c r="E8030" s="18"/>
      <c r="F8030" s="18"/>
      <c r="G8030" s="18"/>
      <c r="H8030" s="18"/>
      <c r="I8030" s="18"/>
      <c r="J8030" s="18"/>
      <c r="K8030" s="18"/>
      <c r="L8030" s="18"/>
      <c r="M8030" s="18"/>
      <c r="N8030" s="18"/>
      <c r="O8030" s="18"/>
      <c r="P8030" s="19">
        <v>150</v>
      </c>
      <c r="Q8030" s="19"/>
      <c r="R8030" s="19"/>
      <c r="S8030" s="19"/>
      <c r="T8030" s="19">
        <v>100</v>
      </c>
      <c r="U8030" s="19"/>
      <c r="V8030" s="19"/>
      <c r="W8030" s="19"/>
      <c r="X8030" s="19">
        <v>5</v>
      </c>
      <c r="Y8030" s="19"/>
      <c r="Z8030" s="19"/>
      <c r="AA8030" s="19"/>
    </row>
    <row r="8031" spans="1:27" s="1" customFormat="1" ht="14.1" customHeight="1" outlineLevel="1" x14ac:dyDescent="0.2">
      <c r="A8031" s="17"/>
      <c r="B8031" s="17"/>
      <c r="C8031" s="17"/>
      <c r="D8031" s="18"/>
      <c r="E8031" s="18"/>
      <c r="F8031" s="18"/>
      <c r="G8031" s="18"/>
      <c r="H8031" s="18"/>
      <c r="I8031" s="18"/>
      <c r="J8031" s="18"/>
      <c r="K8031" s="18"/>
      <c r="L8031" s="18"/>
      <c r="M8031" s="18"/>
      <c r="N8031" s="18"/>
      <c r="O8031" s="18"/>
      <c r="P8031" s="19"/>
      <c r="Q8031" s="19"/>
      <c r="R8031" s="19"/>
      <c r="S8031" s="19"/>
      <c r="T8031" s="19"/>
      <c r="U8031" s="19"/>
      <c r="V8031" s="19"/>
      <c r="W8031" s="19"/>
      <c r="X8031" s="19"/>
      <c r="Y8031" s="19"/>
      <c r="Z8031" s="19"/>
      <c r="AA8031" s="19"/>
    </row>
    <row r="8032" spans="1:27" s="1" customFormat="1" ht="14.1" customHeight="1" outlineLevel="1" x14ac:dyDescent="0.2">
      <c r="A8032" s="17">
        <v>13218</v>
      </c>
      <c r="B8032" s="17"/>
      <c r="C8032" s="17"/>
      <c r="D8032" s="18" t="s">
        <v>3975</v>
      </c>
      <c r="E8032" s="18"/>
      <c r="F8032" s="18"/>
      <c r="G8032" s="18"/>
      <c r="H8032" s="18"/>
      <c r="I8032" s="18"/>
      <c r="J8032" s="18"/>
      <c r="K8032" s="18"/>
      <c r="L8032" s="18"/>
      <c r="M8032" s="18"/>
      <c r="N8032" s="18"/>
      <c r="O8032" s="18"/>
      <c r="P8032" s="19">
        <v>120</v>
      </c>
      <c r="Q8032" s="19"/>
      <c r="R8032" s="19"/>
      <c r="S8032" s="19"/>
      <c r="T8032" s="19">
        <v>90</v>
      </c>
      <c r="U8032" s="19"/>
      <c r="V8032" s="19"/>
      <c r="W8032" s="19"/>
      <c r="X8032" s="19">
        <v>58</v>
      </c>
      <c r="Y8032" s="19"/>
      <c r="Z8032" s="19"/>
      <c r="AA8032" s="19"/>
    </row>
    <row r="8033" spans="1:27" s="1" customFormat="1" ht="14.1" customHeight="1" outlineLevel="1" x14ac:dyDescent="0.2">
      <c r="A8033" s="17"/>
      <c r="B8033" s="17"/>
      <c r="C8033" s="17"/>
      <c r="D8033" s="18"/>
      <c r="E8033" s="18"/>
      <c r="F8033" s="18"/>
      <c r="G8033" s="18"/>
      <c r="H8033" s="18"/>
      <c r="I8033" s="18"/>
      <c r="J8033" s="18"/>
      <c r="K8033" s="18"/>
      <c r="L8033" s="18"/>
      <c r="M8033" s="18"/>
      <c r="N8033" s="18"/>
      <c r="O8033" s="18"/>
      <c r="P8033" s="19"/>
      <c r="Q8033" s="19"/>
      <c r="R8033" s="19"/>
      <c r="S8033" s="19"/>
      <c r="T8033" s="19"/>
      <c r="U8033" s="19"/>
      <c r="V8033" s="19"/>
      <c r="W8033" s="19"/>
      <c r="X8033" s="19"/>
      <c r="Y8033" s="19"/>
      <c r="Z8033" s="19"/>
      <c r="AA8033" s="19"/>
    </row>
    <row r="8034" spans="1:27" s="1" customFormat="1" ht="11.1" customHeight="1" outlineLevel="1" x14ac:dyDescent="0.2">
      <c r="A8034" s="17">
        <v>13219</v>
      </c>
      <c r="B8034" s="17"/>
      <c r="C8034" s="17"/>
      <c r="D8034" s="18" t="s">
        <v>3976</v>
      </c>
      <c r="E8034" s="18"/>
      <c r="F8034" s="18"/>
      <c r="G8034" s="18"/>
      <c r="H8034" s="18"/>
      <c r="I8034" s="18"/>
      <c r="J8034" s="18"/>
      <c r="K8034" s="18"/>
      <c r="L8034" s="18"/>
      <c r="M8034" s="18"/>
      <c r="N8034" s="18"/>
      <c r="O8034" s="18"/>
      <c r="P8034" s="19">
        <v>325</v>
      </c>
      <c r="Q8034" s="19"/>
      <c r="R8034" s="19"/>
      <c r="S8034" s="19"/>
      <c r="T8034" s="19">
        <v>220</v>
      </c>
      <c r="U8034" s="19"/>
      <c r="V8034" s="19"/>
      <c r="W8034" s="19"/>
      <c r="X8034" s="19">
        <v>10</v>
      </c>
      <c r="Y8034" s="19"/>
      <c r="Z8034" s="19"/>
      <c r="AA8034" s="19"/>
    </row>
    <row r="8035" spans="1:27" s="1" customFormat="1" ht="11.1" customHeight="1" outlineLevel="1" x14ac:dyDescent="0.2">
      <c r="A8035" s="17"/>
      <c r="B8035" s="17"/>
      <c r="C8035" s="17"/>
      <c r="D8035" s="18"/>
      <c r="E8035" s="18"/>
      <c r="F8035" s="18"/>
      <c r="G8035" s="18"/>
      <c r="H8035" s="18"/>
      <c r="I8035" s="18"/>
      <c r="J8035" s="18"/>
      <c r="K8035" s="18"/>
      <c r="L8035" s="18"/>
      <c r="M8035" s="18"/>
      <c r="N8035" s="18"/>
      <c r="O8035" s="18"/>
      <c r="P8035" s="19"/>
      <c r="Q8035" s="19"/>
      <c r="R8035" s="19"/>
      <c r="S8035" s="19"/>
      <c r="T8035" s="19"/>
      <c r="U8035" s="19"/>
      <c r="V8035" s="19"/>
      <c r="W8035" s="19"/>
      <c r="X8035" s="19"/>
      <c r="Y8035" s="19"/>
      <c r="Z8035" s="19"/>
      <c r="AA8035" s="19"/>
    </row>
    <row r="8036" spans="1:27" s="1" customFormat="1" ht="11.1" customHeight="1" outlineLevel="1" x14ac:dyDescent="0.2">
      <c r="A8036" s="17">
        <v>13220</v>
      </c>
      <c r="B8036" s="17"/>
      <c r="C8036" s="17"/>
      <c r="D8036" s="18" t="s">
        <v>3977</v>
      </c>
      <c r="E8036" s="18"/>
      <c r="F8036" s="18"/>
      <c r="G8036" s="18"/>
      <c r="H8036" s="18"/>
      <c r="I8036" s="18"/>
      <c r="J8036" s="18"/>
      <c r="K8036" s="18"/>
      <c r="L8036" s="18"/>
      <c r="M8036" s="18"/>
      <c r="N8036" s="18"/>
      <c r="O8036" s="18"/>
      <c r="P8036" s="19">
        <v>150</v>
      </c>
      <c r="Q8036" s="19"/>
      <c r="R8036" s="19"/>
      <c r="S8036" s="19"/>
      <c r="T8036" s="19">
        <v>110</v>
      </c>
      <c r="U8036" s="19"/>
      <c r="V8036" s="19"/>
      <c r="W8036" s="19"/>
      <c r="X8036" s="19">
        <v>20</v>
      </c>
      <c r="Y8036" s="19"/>
      <c r="Z8036" s="19"/>
      <c r="AA8036" s="19"/>
    </row>
    <row r="8037" spans="1:27" s="1" customFormat="1" ht="11.1" customHeight="1" outlineLevel="1" x14ac:dyDescent="0.2">
      <c r="A8037" s="17"/>
      <c r="B8037" s="17"/>
      <c r="C8037" s="17"/>
      <c r="D8037" s="18"/>
      <c r="E8037" s="18"/>
      <c r="F8037" s="18"/>
      <c r="G8037" s="18"/>
      <c r="H8037" s="18"/>
      <c r="I8037" s="18"/>
      <c r="J8037" s="18"/>
      <c r="K8037" s="18"/>
      <c r="L8037" s="18"/>
      <c r="M8037" s="18"/>
      <c r="N8037" s="18"/>
      <c r="O8037" s="18"/>
      <c r="P8037" s="19"/>
      <c r="Q8037" s="19"/>
      <c r="R8037" s="19"/>
      <c r="S8037" s="19"/>
      <c r="T8037" s="19"/>
      <c r="U8037" s="19"/>
      <c r="V8037" s="19"/>
      <c r="W8037" s="19"/>
      <c r="X8037" s="19"/>
      <c r="Y8037" s="19"/>
      <c r="Z8037" s="19"/>
      <c r="AA8037" s="19"/>
    </row>
    <row r="8038" spans="1:27" s="1" customFormat="1" ht="11.1" customHeight="1" outlineLevel="1" x14ac:dyDescent="0.2">
      <c r="A8038" s="17">
        <v>16460</v>
      </c>
      <c r="B8038" s="17"/>
      <c r="C8038" s="17"/>
      <c r="D8038" s="18" t="s">
        <v>3978</v>
      </c>
      <c r="E8038" s="18"/>
      <c r="F8038" s="18"/>
      <c r="G8038" s="18"/>
      <c r="H8038" s="18"/>
      <c r="I8038" s="18"/>
      <c r="J8038" s="18"/>
      <c r="K8038" s="18"/>
      <c r="L8038" s="18"/>
      <c r="M8038" s="18"/>
      <c r="N8038" s="18"/>
      <c r="O8038" s="18"/>
      <c r="P8038" s="19">
        <v>250</v>
      </c>
      <c r="Q8038" s="19"/>
      <c r="R8038" s="19"/>
      <c r="S8038" s="19"/>
      <c r="T8038" s="19">
        <v>190</v>
      </c>
      <c r="U8038" s="19"/>
      <c r="V8038" s="19"/>
      <c r="W8038" s="19"/>
      <c r="X8038" s="19">
        <v>10</v>
      </c>
      <c r="Y8038" s="19"/>
      <c r="Z8038" s="19"/>
      <c r="AA8038" s="19"/>
    </row>
    <row r="8039" spans="1:27" s="1" customFormat="1" ht="11.1" customHeight="1" outlineLevel="1" x14ac:dyDescent="0.2">
      <c r="A8039" s="17"/>
      <c r="B8039" s="17"/>
      <c r="C8039" s="17"/>
      <c r="D8039" s="18"/>
      <c r="E8039" s="18"/>
      <c r="F8039" s="18"/>
      <c r="G8039" s="18"/>
      <c r="H8039" s="18"/>
      <c r="I8039" s="18"/>
      <c r="J8039" s="18"/>
      <c r="K8039" s="18"/>
      <c r="L8039" s="18"/>
      <c r="M8039" s="18"/>
      <c r="N8039" s="18"/>
      <c r="O8039" s="18"/>
      <c r="P8039" s="19"/>
      <c r="Q8039" s="19"/>
      <c r="R8039" s="19"/>
      <c r="S8039" s="19"/>
      <c r="T8039" s="19"/>
      <c r="U8039" s="19"/>
      <c r="V8039" s="19"/>
      <c r="W8039" s="19"/>
      <c r="X8039" s="19"/>
      <c r="Y8039" s="19"/>
      <c r="Z8039" s="19"/>
      <c r="AA8039" s="19"/>
    </row>
    <row r="8040" spans="1:27" s="1" customFormat="1" ht="11.1" customHeight="1" outlineLevel="1" x14ac:dyDescent="0.2">
      <c r="A8040" s="17">
        <v>14255</v>
      </c>
      <c r="B8040" s="17"/>
      <c r="C8040" s="17"/>
      <c r="D8040" s="18" t="s">
        <v>3979</v>
      </c>
      <c r="E8040" s="18"/>
      <c r="F8040" s="18"/>
      <c r="G8040" s="18"/>
      <c r="H8040" s="18"/>
      <c r="I8040" s="18"/>
      <c r="J8040" s="18"/>
      <c r="K8040" s="18"/>
      <c r="L8040" s="18"/>
      <c r="M8040" s="18"/>
      <c r="N8040" s="18"/>
      <c r="O8040" s="18"/>
      <c r="P8040" s="19">
        <v>130</v>
      </c>
      <c r="Q8040" s="19"/>
      <c r="R8040" s="19"/>
      <c r="S8040" s="19"/>
      <c r="T8040" s="19">
        <v>100</v>
      </c>
      <c r="U8040" s="19"/>
      <c r="V8040" s="19"/>
      <c r="W8040" s="19"/>
      <c r="X8040" s="19">
        <v>10</v>
      </c>
      <c r="Y8040" s="19"/>
      <c r="Z8040" s="19"/>
      <c r="AA8040" s="19"/>
    </row>
    <row r="8041" spans="1:27" s="1" customFormat="1" ht="11.1" customHeight="1" outlineLevel="1" x14ac:dyDescent="0.2">
      <c r="A8041" s="17"/>
      <c r="B8041" s="17"/>
      <c r="C8041" s="17"/>
      <c r="D8041" s="18"/>
      <c r="E8041" s="18"/>
      <c r="F8041" s="18"/>
      <c r="G8041" s="18"/>
      <c r="H8041" s="18"/>
      <c r="I8041" s="18"/>
      <c r="J8041" s="18"/>
      <c r="K8041" s="18"/>
      <c r="L8041" s="18"/>
      <c r="M8041" s="18"/>
      <c r="N8041" s="18"/>
      <c r="O8041" s="18"/>
      <c r="P8041" s="19"/>
      <c r="Q8041" s="19"/>
      <c r="R8041" s="19"/>
      <c r="S8041" s="19"/>
      <c r="T8041" s="19"/>
      <c r="U8041" s="19"/>
      <c r="V8041" s="19"/>
      <c r="W8041" s="19"/>
      <c r="X8041" s="19"/>
      <c r="Y8041" s="19"/>
      <c r="Z8041" s="19"/>
      <c r="AA8041" s="19"/>
    </row>
    <row r="8042" spans="1:27" s="1" customFormat="1" ht="14.1" customHeight="1" outlineLevel="1" x14ac:dyDescent="0.2">
      <c r="A8042" s="17">
        <v>15050</v>
      </c>
      <c r="B8042" s="17"/>
      <c r="C8042" s="17"/>
      <c r="D8042" s="18" t="s">
        <v>3980</v>
      </c>
      <c r="E8042" s="18"/>
      <c r="F8042" s="18"/>
      <c r="G8042" s="18"/>
      <c r="H8042" s="18"/>
      <c r="I8042" s="18"/>
      <c r="J8042" s="18"/>
      <c r="K8042" s="18"/>
      <c r="L8042" s="18"/>
      <c r="M8042" s="18"/>
      <c r="N8042" s="18"/>
      <c r="O8042" s="18"/>
      <c r="P8042" s="19">
        <v>200</v>
      </c>
      <c r="Q8042" s="19"/>
      <c r="R8042" s="19"/>
      <c r="S8042" s="19"/>
      <c r="T8042" s="19">
        <v>150</v>
      </c>
      <c r="U8042" s="19"/>
      <c r="V8042" s="19"/>
      <c r="W8042" s="19"/>
      <c r="X8042" s="19">
        <v>1</v>
      </c>
      <c r="Y8042" s="19"/>
      <c r="Z8042" s="19"/>
      <c r="AA8042" s="19"/>
    </row>
    <row r="8043" spans="1:27" s="1" customFormat="1" ht="14.1" customHeight="1" outlineLevel="1" x14ac:dyDescent="0.2">
      <c r="A8043" s="17"/>
      <c r="B8043" s="17"/>
      <c r="C8043" s="17"/>
      <c r="D8043" s="18"/>
      <c r="E8043" s="18"/>
      <c r="F8043" s="18"/>
      <c r="G8043" s="18"/>
      <c r="H8043" s="18"/>
      <c r="I8043" s="18"/>
      <c r="J8043" s="18"/>
      <c r="K8043" s="18"/>
      <c r="L8043" s="18"/>
      <c r="M8043" s="18"/>
      <c r="N8043" s="18"/>
      <c r="O8043" s="18"/>
      <c r="P8043" s="19"/>
      <c r="Q8043" s="19"/>
      <c r="R8043" s="19"/>
      <c r="S8043" s="19"/>
      <c r="T8043" s="19"/>
      <c r="U8043" s="19"/>
      <c r="V8043" s="19"/>
      <c r="W8043" s="19"/>
      <c r="X8043" s="19"/>
      <c r="Y8043" s="19"/>
      <c r="Z8043" s="19"/>
      <c r="AA8043" s="19"/>
    </row>
    <row r="8044" spans="1:27" s="1" customFormat="1" ht="14.1" customHeight="1" outlineLevel="1" x14ac:dyDescent="0.2">
      <c r="A8044" s="17">
        <v>17499</v>
      </c>
      <c r="B8044" s="17"/>
      <c r="C8044" s="17"/>
      <c r="D8044" s="18" t="s">
        <v>3981</v>
      </c>
      <c r="E8044" s="18"/>
      <c r="F8044" s="18"/>
      <c r="G8044" s="18"/>
      <c r="H8044" s="18"/>
      <c r="I8044" s="18"/>
      <c r="J8044" s="18"/>
      <c r="K8044" s="18"/>
      <c r="L8044" s="18"/>
      <c r="M8044" s="18"/>
      <c r="N8044" s="18"/>
      <c r="O8044" s="18"/>
      <c r="P8044" s="19">
        <v>250</v>
      </c>
      <c r="Q8044" s="19"/>
      <c r="R8044" s="19"/>
      <c r="S8044" s="19"/>
      <c r="T8044" s="19">
        <v>150</v>
      </c>
      <c r="U8044" s="19"/>
      <c r="V8044" s="19"/>
      <c r="W8044" s="19"/>
      <c r="X8044" s="19">
        <v>1</v>
      </c>
      <c r="Y8044" s="19"/>
      <c r="Z8044" s="19"/>
      <c r="AA8044" s="19"/>
    </row>
    <row r="8045" spans="1:27" s="1" customFormat="1" ht="14.1" customHeight="1" outlineLevel="1" x14ac:dyDescent="0.2">
      <c r="A8045" s="17"/>
      <c r="B8045" s="17"/>
      <c r="C8045" s="17"/>
      <c r="D8045" s="18"/>
      <c r="E8045" s="18"/>
      <c r="F8045" s="18"/>
      <c r="G8045" s="18"/>
      <c r="H8045" s="18"/>
      <c r="I8045" s="18"/>
      <c r="J8045" s="18"/>
      <c r="K8045" s="18"/>
      <c r="L8045" s="18"/>
      <c r="M8045" s="18"/>
      <c r="N8045" s="18"/>
      <c r="O8045" s="18"/>
      <c r="P8045" s="19"/>
      <c r="Q8045" s="19"/>
      <c r="R8045" s="19"/>
      <c r="S8045" s="19"/>
      <c r="T8045" s="19"/>
      <c r="U8045" s="19"/>
      <c r="V8045" s="19"/>
      <c r="W8045" s="19"/>
      <c r="X8045" s="19"/>
      <c r="Y8045" s="19"/>
      <c r="Z8045" s="19"/>
      <c r="AA8045" s="19"/>
    </row>
    <row r="8046" spans="1:27" s="1" customFormat="1" ht="11.1" customHeight="1" outlineLevel="1" x14ac:dyDescent="0.2">
      <c r="A8046" s="17">
        <v>13222</v>
      </c>
      <c r="B8046" s="17"/>
      <c r="C8046" s="17"/>
      <c r="D8046" s="18" t="s">
        <v>3982</v>
      </c>
      <c r="E8046" s="18"/>
      <c r="F8046" s="18"/>
      <c r="G8046" s="18"/>
      <c r="H8046" s="18"/>
      <c r="I8046" s="18"/>
      <c r="J8046" s="18"/>
      <c r="K8046" s="18"/>
      <c r="L8046" s="18"/>
      <c r="M8046" s="18"/>
      <c r="N8046" s="18"/>
      <c r="O8046" s="18"/>
      <c r="P8046" s="19">
        <v>120</v>
      </c>
      <c r="Q8046" s="19"/>
      <c r="R8046" s="19"/>
      <c r="S8046" s="19"/>
      <c r="T8046" s="19">
        <v>90</v>
      </c>
      <c r="U8046" s="19"/>
      <c r="V8046" s="19"/>
      <c r="W8046" s="19"/>
      <c r="X8046" s="19">
        <v>20</v>
      </c>
      <c r="Y8046" s="19"/>
      <c r="Z8046" s="19"/>
      <c r="AA8046" s="19"/>
    </row>
    <row r="8047" spans="1:27" s="1" customFormat="1" ht="11.1" customHeight="1" outlineLevel="1" x14ac:dyDescent="0.2">
      <c r="A8047" s="17"/>
      <c r="B8047" s="17"/>
      <c r="C8047" s="17"/>
      <c r="D8047" s="18"/>
      <c r="E8047" s="18"/>
      <c r="F8047" s="18"/>
      <c r="G8047" s="18"/>
      <c r="H8047" s="18"/>
      <c r="I8047" s="18"/>
      <c r="J8047" s="18"/>
      <c r="K8047" s="18"/>
      <c r="L8047" s="18"/>
      <c r="M8047" s="18"/>
      <c r="N8047" s="18"/>
      <c r="O8047" s="18"/>
      <c r="P8047" s="19"/>
      <c r="Q8047" s="19"/>
      <c r="R8047" s="19"/>
      <c r="S8047" s="19"/>
      <c r="T8047" s="19"/>
      <c r="U8047" s="19"/>
      <c r="V8047" s="19"/>
      <c r="W8047" s="19"/>
      <c r="X8047" s="19"/>
      <c r="Y8047" s="19"/>
      <c r="Z8047" s="19"/>
      <c r="AA8047" s="19"/>
    </row>
    <row r="8048" spans="1:27" s="1" customFormat="1" ht="11.1" customHeight="1" outlineLevel="1" x14ac:dyDescent="0.2">
      <c r="A8048" s="17">
        <v>13223</v>
      </c>
      <c r="B8048" s="17"/>
      <c r="C8048" s="17"/>
      <c r="D8048" s="18" t="s">
        <v>3983</v>
      </c>
      <c r="E8048" s="18"/>
      <c r="F8048" s="18"/>
      <c r="G8048" s="18"/>
      <c r="H8048" s="18"/>
      <c r="I8048" s="18"/>
      <c r="J8048" s="18"/>
      <c r="K8048" s="18"/>
      <c r="L8048" s="18"/>
      <c r="M8048" s="18"/>
      <c r="N8048" s="18"/>
      <c r="O8048" s="18"/>
      <c r="P8048" s="19">
        <v>355</v>
      </c>
      <c r="Q8048" s="19"/>
      <c r="R8048" s="19"/>
      <c r="S8048" s="19"/>
      <c r="T8048" s="19">
        <v>240</v>
      </c>
      <c r="U8048" s="19"/>
      <c r="V8048" s="19"/>
      <c r="W8048" s="19"/>
      <c r="X8048" s="19">
        <v>4</v>
      </c>
      <c r="Y8048" s="19"/>
      <c r="Z8048" s="19"/>
      <c r="AA8048" s="19"/>
    </row>
    <row r="8049" spans="1:27" s="1" customFormat="1" ht="11.1" customHeight="1" outlineLevel="1" x14ac:dyDescent="0.2">
      <c r="A8049" s="17"/>
      <c r="B8049" s="17"/>
      <c r="C8049" s="17"/>
      <c r="D8049" s="18"/>
      <c r="E8049" s="18"/>
      <c r="F8049" s="18"/>
      <c r="G8049" s="18"/>
      <c r="H8049" s="18"/>
      <c r="I8049" s="18"/>
      <c r="J8049" s="18"/>
      <c r="K8049" s="18"/>
      <c r="L8049" s="18"/>
      <c r="M8049" s="18"/>
      <c r="N8049" s="18"/>
      <c r="O8049" s="18"/>
      <c r="P8049" s="19"/>
      <c r="Q8049" s="19"/>
      <c r="R8049" s="19"/>
      <c r="S8049" s="19"/>
      <c r="T8049" s="19"/>
      <c r="U8049" s="19"/>
      <c r="V8049" s="19"/>
      <c r="W8049" s="19"/>
      <c r="X8049" s="19"/>
      <c r="Y8049" s="19"/>
      <c r="Z8049" s="19"/>
      <c r="AA8049" s="19"/>
    </row>
    <row r="8050" spans="1:27" s="1" customFormat="1" ht="11.1" customHeight="1" outlineLevel="1" x14ac:dyDescent="0.2">
      <c r="A8050" s="17">
        <v>13224</v>
      </c>
      <c r="B8050" s="17"/>
      <c r="C8050" s="17"/>
      <c r="D8050" s="18" t="s">
        <v>3984</v>
      </c>
      <c r="E8050" s="18"/>
      <c r="F8050" s="18"/>
      <c r="G8050" s="18"/>
      <c r="H8050" s="18"/>
      <c r="I8050" s="18"/>
      <c r="J8050" s="18"/>
      <c r="K8050" s="18"/>
      <c r="L8050" s="18"/>
      <c r="M8050" s="18"/>
      <c r="N8050" s="18"/>
      <c r="O8050" s="18"/>
      <c r="P8050" s="19">
        <v>355</v>
      </c>
      <c r="Q8050" s="19"/>
      <c r="R8050" s="19"/>
      <c r="S8050" s="19"/>
      <c r="T8050" s="19">
        <v>240</v>
      </c>
      <c r="U8050" s="19"/>
      <c r="V8050" s="19"/>
      <c r="W8050" s="19"/>
      <c r="X8050" s="19">
        <v>10</v>
      </c>
      <c r="Y8050" s="19"/>
      <c r="Z8050" s="19"/>
      <c r="AA8050" s="19"/>
    </row>
    <row r="8051" spans="1:27" s="1" customFormat="1" ht="11.1" customHeight="1" outlineLevel="1" x14ac:dyDescent="0.2">
      <c r="A8051" s="17"/>
      <c r="B8051" s="17"/>
      <c r="C8051" s="17"/>
      <c r="D8051" s="18"/>
      <c r="E8051" s="18"/>
      <c r="F8051" s="18"/>
      <c r="G8051" s="18"/>
      <c r="H8051" s="18"/>
      <c r="I8051" s="18"/>
      <c r="J8051" s="18"/>
      <c r="K8051" s="18"/>
      <c r="L8051" s="18"/>
      <c r="M8051" s="18"/>
      <c r="N8051" s="18"/>
      <c r="O8051" s="18"/>
      <c r="P8051" s="19"/>
      <c r="Q8051" s="19"/>
      <c r="R8051" s="19"/>
      <c r="S8051" s="19"/>
      <c r="T8051" s="19"/>
      <c r="U8051" s="19"/>
      <c r="V8051" s="19"/>
      <c r="W8051" s="19"/>
      <c r="X8051" s="19"/>
      <c r="Y8051" s="19"/>
      <c r="Z8051" s="19"/>
      <c r="AA8051" s="19"/>
    </row>
    <row r="8052" spans="1:27" s="1" customFormat="1" ht="11.1" customHeight="1" outlineLevel="1" x14ac:dyDescent="0.2">
      <c r="A8052" s="17">
        <v>13221</v>
      </c>
      <c r="B8052" s="17"/>
      <c r="C8052" s="17"/>
      <c r="D8052" s="18" t="s">
        <v>3985</v>
      </c>
      <c r="E8052" s="18"/>
      <c r="F8052" s="18"/>
      <c r="G8052" s="18"/>
      <c r="H8052" s="18"/>
      <c r="I8052" s="18"/>
      <c r="J8052" s="18"/>
      <c r="K8052" s="18"/>
      <c r="L8052" s="18"/>
      <c r="M8052" s="18"/>
      <c r="N8052" s="18"/>
      <c r="O8052" s="18"/>
      <c r="P8052" s="19">
        <v>120</v>
      </c>
      <c r="Q8052" s="19"/>
      <c r="R8052" s="19"/>
      <c r="S8052" s="19"/>
      <c r="T8052" s="19">
        <v>90</v>
      </c>
      <c r="U8052" s="19"/>
      <c r="V8052" s="19"/>
      <c r="W8052" s="19"/>
      <c r="X8052" s="19">
        <v>20</v>
      </c>
      <c r="Y8052" s="19"/>
      <c r="Z8052" s="19"/>
      <c r="AA8052" s="19"/>
    </row>
    <row r="8053" spans="1:27" s="1" customFormat="1" ht="11.1" customHeight="1" outlineLevel="1" x14ac:dyDescent="0.2">
      <c r="A8053" s="17"/>
      <c r="B8053" s="17"/>
      <c r="C8053" s="17"/>
      <c r="D8053" s="18"/>
      <c r="E8053" s="18"/>
      <c r="F8053" s="18"/>
      <c r="G8053" s="18"/>
      <c r="H8053" s="18"/>
      <c r="I8053" s="18"/>
      <c r="J8053" s="18"/>
      <c r="K8053" s="18"/>
      <c r="L8053" s="18"/>
      <c r="M8053" s="18"/>
      <c r="N8053" s="18"/>
      <c r="O8053" s="18"/>
      <c r="P8053" s="19"/>
      <c r="Q8053" s="19"/>
      <c r="R8053" s="19"/>
      <c r="S8053" s="19"/>
      <c r="T8053" s="19"/>
      <c r="U8053" s="19"/>
      <c r="V8053" s="19"/>
      <c r="W8053" s="19"/>
      <c r="X8053" s="19"/>
      <c r="Y8053" s="19"/>
      <c r="Z8053" s="19"/>
      <c r="AA8053" s="19"/>
    </row>
    <row r="8054" spans="1:27" s="1" customFormat="1" ht="11.1" customHeight="1" outlineLevel="1" x14ac:dyDescent="0.2">
      <c r="A8054" s="17">
        <v>14256</v>
      </c>
      <c r="B8054" s="17"/>
      <c r="C8054" s="17"/>
      <c r="D8054" s="18" t="s">
        <v>3986</v>
      </c>
      <c r="E8054" s="18"/>
      <c r="F8054" s="18"/>
      <c r="G8054" s="18"/>
      <c r="H8054" s="18"/>
      <c r="I8054" s="18"/>
      <c r="J8054" s="18"/>
      <c r="K8054" s="18"/>
      <c r="L8054" s="18"/>
      <c r="M8054" s="18"/>
      <c r="N8054" s="18"/>
      <c r="O8054" s="18"/>
      <c r="P8054" s="19">
        <v>130</v>
      </c>
      <c r="Q8054" s="19"/>
      <c r="R8054" s="19"/>
      <c r="S8054" s="19"/>
      <c r="T8054" s="19">
        <v>100</v>
      </c>
      <c r="U8054" s="19"/>
      <c r="V8054" s="19"/>
      <c r="W8054" s="19"/>
      <c r="X8054" s="19">
        <v>10</v>
      </c>
      <c r="Y8054" s="19"/>
      <c r="Z8054" s="19"/>
      <c r="AA8054" s="19"/>
    </row>
    <row r="8055" spans="1:27" s="1" customFormat="1" ht="11.1" customHeight="1" outlineLevel="1" x14ac:dyDescent="0.2">
      <c r="A8055" s="17"/>
      <c r="B8055" s="17"/>
      <c r="C8055" s="17"/>
      <c r="D8055" s="18"/>
      <c r="E8055" s="18"/>
      <c r="F8055" s="18"/>
      <c r="G8055" s="18"/>
      <c r="H8055" s="18"/>
      <c r="I8055" s="18"/>
      <c r="J8055" s="18"/>
      <c r="K8055" s="18"/>
      <c r="L8055" s="18"/>
      <c r="M8055" s="18"/>
      <c r="N8055" s="18"/>
      <c r="O8055" s="18"/>
      <c r="P8055" s="19"/>
      <c r="Q8055" s="19"/>
      <c r="R8055" s="19"/>
      <c r="S8055" s="19"/>
      <c r="T8055" s="19"/>
      <c r="U8055" s="19"/>
      <c r="V8055" s="19"/>
      <c r="W8055" s="19"/>
      <c r="X8055" s="19"/>
      <c r="Y8055" s="19"/>
      <c r="Z8055" s="19"/>
      <c r="AA8055" s="19"/>
    </row>
    <row r="8056" spans="1:27" s="1" customFormat="1" ht="11.1" customHeight="1" outlineLevel="1" x14ac:dyDescent="0.2">
      <c r="A8056" s="17">
        <v>14258</v>
      </c>
      <c r="B8056" s="17"/>
      <c r="C8056" s="17"/>
      <c r="D8056" s="18" t="s">
        <v>3987</v>
      </c>
      <c r="E8056" s="18"/>
      <c r="F8056" s="18"/>
      <c r="G8056" s="18"/>
      <c r="H8056" s="18"/>
      <c r="I8056" s="18"/>
      <c r="J8056" s="18"/>
      <c r="K8056" s="18"/>
      <c r="L8056" s="18"/>
      <c r="M8056" s="18"/>
      <c r="N8056" s="18"/>
      <c r="O8056" s="18"/>
      <c r="P8056" s="19">
        <v>120</v>
      </c>
      <c r="Q8056" s="19"/>
      <c r="R8056" s="19"/>
      <c r="S8056" s="19"/>
      <c r="T8056" s="19">
        <v>90</v>
      </c>
      <c r="U8056" s="19"/>
      <c r="V8056" s="19"/>
      <c r="W8056" s="19"/>
      <c r="X8056" s="19">
        <v>19</v>
      </c>
      <c r="Y8056" s="19"/>
      <c r="Z8056" s="19"/>
      <c r="AA8056" s="19"/>
    </row>
    <row r="8057" spans="1:27" s="1" customFormat="1" ht="11.1" customHeight="1" outlineLevel="1" x14ac:dyDescent="0.2">
      <c r="A8057" s="17"/>
      <c r="B8057" s="17"/>
      <c r="C8057" s="17"/>
      <c r="D8057" s="18"/>
      <c r="E8057" s="18"/>
      <c r="F8057" s="18"/>
      <c r="G8057" s="18"/>
      <c r="H8057" s="18"/>
      <c r="I8057" s="18"/>
      <c r="J8057" s="18"/>
      <c r="K8057" s="18"/>
      <c r="L8057" s="18"/>
      <c r="M8057" s="18"/>
      <c r="N8057" s="18"/>
      <c r="O8057" s="18"/>
      <c r="P8057" s="19"/>
      <c r="Q8057" s="19"/>
      <c r="R8057" s="19"/>
      <c r="S8057" s="19"/>
      <c r="T8057" s="19"/>
      <c r="U8057" s="19"/>
      <c r="V8057" s="19"/>
      <c r="W8057" s="19"/>
      <c r="X8057" s="19"/>
      <c r="Y8057" s="19"/>
      <c r="Z8057" s="19"/>
      <c r="AA8057" s="19"/>
    </row>
    <row r="8058" spans="1:27" s="1" customFormat="1" ht="11.1" customHeight="1" outlineLevel="1" x14ac:dyDescent="0.2">
      <c r="A8058" s="17">
        <v>14257</v>
      </c>
      <c r="B8058" s="17"/>
      <c r="C8058" s="17"/>
      <c r="D8058" s="18" t="s">
        <v>3988</v>
      </c>
      <c r="E8058" s="18"/>
      <c r="F8058" s="18"/>
      <c r="G8058" s="18"/>
      <c r="H8058" s="18"/>
      <c r="I8058" s="18"/>
      <c r="J8058" s="18"/>
      <c r="K8058" s="18"/>
      <c r="L8058" s="18"/>
      <c r="M8058" s="18"/>
      <c r="N8058" s="18"/>
      <c r="O8058" s="18"/>
      <c r="P8058" s="19">
        <v>120</v>
      </c>
      <c r="Q8058" s="19"/>
      <c r="R8058" s="19"/>
      <c r="S8058" s="19"/>
      <c r="T8058" s="19">
        <v>90</v>
      </c>
      <c r="U8058" s="19"/>
      <c r="V8058" s="19"/>
      <c r="W8058" s="19"/>
      <c r="X8058" s="19">
        <v>8</v>
      </c>
      <c r="Y8058" s="19"/>
      <c r="Z8058" s="19"/>
      <c r="AA8058" s="19"/>
    </row>
    <row r="8059" spans="1:27" s="1" customFormat="1" ht="11.1" customHeight="1" outlineLevel="1" x14ac:dyDescent="0.2">
      <c r="A8059" s="17"/>
      <c r="B8059" s="17"/>
      <c r="C8059" s="17"/>
      <c r="D8059" s="18"/>
      <c r="E8059" s="18"/>
      <c r="F8059" s="18"/>
      <c r="G8059" s="18"/>
      <c r="H8059" s="18"/>
      <c r="I8059" s="18"/>
      <c r="J8059" s="18"/>
      <c r="K8059" s="18"/>
      <c r="L8059" s="18"/>
      <c r="M8059" s="18"/>
      <c r="N8059" s="18"/>
      <c r="O8059" s="18"/>
      <c r="P8059" s="19"/>
      <c r="Q8059" s="19"/>
      <c r="R8059" s="19"/>
      <c r="S8059" s="19"/>
      <c r="T8059" s="19"/>
      <c r="U8059" s="19"/>
      <c r="V8059" s="19"/>
      <c r="W8059" s="19"/>
      <c r="X8059" s="19"/>
      <c r="Y8059" s="19"/>
      <c r="Z8059" s="19"/>
      <c r="AA8059" s="19"/>
    </row>
    <row r="8060" spans="1:27" s="1" customFormat="1" ht="11.1" customHeight="1" outlineLevel="1" x14ac:dyDescent="0.2">
      <c r="A8060" s="17">
        <v>13226</v>
      </c>
      <c r="B8060" s="17"/>
      <c r="C8060" s="17"/>
      <c r="D8060" s="18" t="s">
        <v>3989</v>
      </c>
      <c r="E8060" s="18"/>
      <c r="F8060" s="18"/>
      <c r="G8060" s="18"/>
      <c r="H8060" s="18"/>
      <c r="I8060" s="18"/>
      <c r="J8060" s="18"/>
      <c r="K8060" s="18"/>
      <c r="L8060" s="18"/>
      <c r="M8060" s="18"/>
      <c r="N8060" s="18"/>
      <c r="O8060" s="18"/>
      <c r="P8060" s="19">
        <v>150</v>
      </c>
      <c r="Q8060" s="19"/>
      <c r="R8060" s="19"/>
      <c r="S8060" s="19"/>
      <c r="T8060" s="19">
        <v>90</v>
      </c>
      <c r="U8060" s="19"/>
      <c r="V8060" s="19"/>
      <c r="W8060" s="19"/>
      <c r="X8060" s="19">
        <v>20</v>
      </c>
      <c r="Y8060" s="19"/>
      <c r="Z8060" s="19"/>
      <c r="AA8060" s="19"/>
    </row>
    <row r="8061" spans="1:27" s="1" customFormat="1" ht="11.1" customHeight="1" outlineLevel="1" x14ac:dyDescent="0.2">
      <c r="A8061" s="17"/>
      <c r="B8061" s="17"/>
      <c r="C8061" s="17"/>
      <c r="D8061" s="18"/>
      <c r="E8061" s="18"/>
      <c r="F8061" s="18"/>
      <c r="G8061" s="18"/>
      <c r="H8061" s="18"/>
      <c r="I8061" s="18"/>
      <c r="J8061" s="18"/>
      <c r="K8061" s="18"/>
      <c r="L8061" s="18"/>
      <c r="M8061" s="18"/>
      <c r="N8061" s="18"/>
      <c r="O8061" s="18"/>
      <c r="P8061" s="19"/>
      <c r="Q8061" s="19"/>
      <c r="R8061" s="19"/>
      <c r="S8061" s="19"/>
      <c r="T8061" s="19"/>
      <c r="U8061" s="19"/>
      <c r="V8061" s="19"/>
      <c r="W8061" s="19"/>
      <c r="X8061" s="19"/>
      <c r="Y8061" s="19"/>
      <c r="Z8061" s="19"/>
      <c r="AA8061" s="19"/>
    </row>
    <row r="8062" spans="1:27" s="1" customFormat="1" ht="14.1" customHeight="1" outlineLevel="1" x14ac:dyDescent="0.2">
      <c r="A8062" s="17">
        <v>17494</v>
      </c>
      <c r="B8062" s="17"/>
      <c r="C8062" s="17"/>
      <c r="D8062" s="18" t="s">
        <v>3990</v>
      </c>
      <c r="E8062" s="18"/>
      <c r="F8062" s="18"/>
      <c r="G8062" s="18"/>
      <c r="H8062" s="18"/>
      <c r="I8062" s="18"/>
      <c r="J8062" s="18"/>
      <c r="K8062" s="18"/>
      <c r="L8062" s="18"/>
      <c r="M8062" s="18"/>
      <c r="N8062" s="18"/>
      <c r="O8062" s="18"/>
      <c r="P8062" s="19">
        <v>250</v>
      </c>
      <c r="Q8062" s="19"/>
      <c r="R8062" s="19"/>
      <c r="S8062" s="19"/>
      <c r="T8062" s="19">
        <v>150</v>
      </c>
      <c r="U8062" s="19"/>
      <c r="V8062" s="19"/>
      <c r="W8062" s="19"/>
      <c r="X8062" s="19">
        <v>1</v>
      </c>
      <c r="Y8062" s="19"/>
      <c r="Z8062" s="19"/>
      <c r="AA8062" s="19"/>
    </row>
    <row r="8063" spans="1:27" s="1" customFormat="1" ht="14.1" customHeight="1" outlineLevel="1" x14ac:dyDescent="0.2">
      <c r="A8063" s="17"/>
      <c r="B8063" s="17"/>
      <c r="C8063" s="17"/>
      <c r="D8063" s="18"/>
      <c r="E8063" s="18"/>
      <c r="F8063" s="18"/>
      <c r="G8063" s="18"/>
      <c r="H8063" s="18"/>
      <c r="I8063" s="18"/>
      <c r="J8063" s="18"/>
      <c r="K8063" s="18"/>
      <c r="L8063" s="18"/>
      <c r="M8063" s="18"/>
      <c r="N8063" s="18"/>
      <c r="O8063" s="18"/>
      <c r="P8063" s="19"/>
      <c r="Q8063" s="19"/>
      <c r="R8063" s="19"/>
      <c r="S8063" s="19"/>
      <c r="T8063" s="19"/>
      <c r="U8063" s="19"/>
      <c r="V8063" s="19"/>
      <c r="W8063" s="19"/>
      <c r="X8063" s="19"/>
      <c r="Y8063" s="19"/>
      <c r="Z8063" s="19"/>
      <c r="AA8063" s="19"/>
    </row>
    <row r="8064" spans="1:27" s="1" customFormat="1" ht="11.1" customHeight="1" outlineLevel="1" x14ac:dyDescent="0.2">
      <c r="A8064" s="17">
        <v>14259</v>
      </c>
      <c r="B8064" s="17"/>
      <c r="C8064" s="17"/>
      <c r="D8064" s="18" t="s">
        <v>3991</v>
      </c>
      <c r="E8064" s="18"/>
      <c r="F8064" s="18"/>
      <c r="G8064" s="18"/>
      <c r="H8064" s="18"/>
      <c r="I8064" s="18"/>
      <c r="J8064" s="18"/>
      <c r="K8064" s="18"/>
      <c r="L8064" s="18"/>
      <c r="M8064" s="18"/>
      <c r="N8064" s="18"/>
      <c r="O8064" s="18"/>
      <c r="P8064" s="19">
        <v>150</v>
      </c>
      <c r="Q8064" s="19"/>
      <c r="R8064" s="19"/>
      <c r="S8064" s="19"/>
      <c r="T8064" s="19">
        <v>110</v>
      </c>
      <c r="U8064" s="19"/>
      <c r="V8064" s="19"/>
      <c r="W8064" s="19"/>
      <c r="X8064" s="19">
        <v>9</v>
      </c>
      <c r="Y8064" s="19"/>
      <c r="Z8064" s="19"/>
      <c r="AA8064" s="19"/>
    </row>
    <row r="8065" spans="1:27" s="1" customFormat="1" ht="11.1" customHeight="1" outlineLevel="1" x14ac:dyDescent="0.2">
      <c r="A8065" s="17"/>
      <c r="B8065" s="17"/>
      <c r="C8065" s="17"/>
      <c r="D8065" s="18"/>
      <c r="E8065" s="18"/>
      <c r="F8065" s="18"/>
      <c r="G8065" s="18"/>
      <c r="H8065" s="18"/>
      <c r="I8065" s="18"/>
      <c r="J8065" s="18"/>
      <c r="K8065" s="18"/>
      <c r="L8065" s="18"/>
      <c r="M8065" s="18"/>
      <c r="N8065" s="18"/>
      <c r="O8065" s="18"/>
      <c r="P8065" s="19"/>
      <c r="Q8065" s="19"/>
      <c r="R8065" s="19"/>
      <c r="S8065" s="19"/>
      <c r="T8065" s="19"/>
      <c r="U8065" s="19"/>
      <c r="V8065" s="19"/>
      <c r="W8065" s="19"/>
      <c r="X8065" s="19"/>
      <c r="Y8065" s="19"/>
      <c r="Z8065" s="19"/>
      <c r="AA8065" s="19"/>
    </row>
    <row r="8066" spans="1:27" s="1" customFormat="1" ht="14.1" customHeight="1" outlineLevel="1" x14ac:dyDescent="0.2">
      <c r="A8066" s="17">
        <v>13225</v>
      </c>
      <c r="B8066" s="17"/>
      <c r="C8066" s="17"/>
      <c r="D8066" s="18" t="s">
        <v>3992</v>
      </c>
      <c r="E8066" s="18"/>
      <c r="F8066" s="18"/>
      <c r="G8066" s="18"/>
      <c r="H8066" s="18"/>
      <c r="I8066" s="18"/>
      <c r="J8066" s="18"/>
      <c r="K8066" s="18"/>
      <c r="L8066" s="18"/>
      <c r="M8066" s="18"/>
      <c r="N8066" s="18"/>
      <c r="O8066" s="18"/>
      <c r="P8066" s="19">
        <v>120</v>
      </c>
      <c r="Q8066" s="19"/>
      <c r="R8066" s="19"/>
      <c r="S8066" s="19"/>
      <c r="T8066" s="19">
        <v>90</v>
      </c>
      <c r="U8066" s="19"/>
      <c r="V8066" s="19"/>
      <c r="W8066" s="19"/>
      <c r="X8066" s="19">
        <v>7</v>
      </c>
      <c r="Y8066" s="19"/>
      <c r="Z8066" s="19"/>
      <c r="AA8066" s="19"/>
    </row>
    <row r="8067" spans="1:27" s="1" customFormat="1" ht="14.1" customHeight="1" outlineLevel="1" x14ac:dyDescent="0.2">
      <c r="A8067" s="17"/>
      <c r="B8067" s="17"/>
      <c r="C8067" s="17"/>
      <c r="D8067" s="18"/>
      <c r="E8067" s="18"/>
      <c r="F8067" s="18"/>
      <c r="G8067" s="18"/>
      <c r="H8067" s="18"/>
      <c r="I8067" s="18"/>
      <c r="J8067" s="18"/>
      <c r="K8067" s="18"/>
      <c r="L8067" s="18"/>
      <c r="M8067" s="18"/>
      <c r="N8067" s="18"/>
      <c r="O8067" s="18"/>
      <c r="P8067" s="19"/>
      <c r="Q8067" s="19"/>
      <c r="R8067" s="19"/>
      <c r="S8067" s="19"/>
      <c r="T8067" s="19"/>
      <c r="U8067" s="19"/>
      <c r="V8067" s="19"/>
      <c r="W8067" s="19"/>
      <c r="X8067" s="19"/>
      <c r="Y8067" s="19"/>
      <c r="Z8067" s="19"/>
      <c r="AA8067" s="19"/>
    </row>
    <row r="8068" spans="1:27" s="1" customFormat="1" ht="11.1" customHeight="1" outlineLevel="1" x14ac:dyDescent="0.2">
      <c r="A8068" s="17">
        <v>14261</v>
      </c>
      <c r="B8068" s="17"/>
      <c r="C8068" s="17"/>
      <c r="D8068" s="18" t="s">
        <v>3993</v>
      </c>
      <c r="E8068" s="18"/>
      <c r="F8068" s="18"/>
      <c r="G8068" s="18"/>
      <c r="H8068" s="18"/>
      <c r="I8068" s="18"/>
      <c r="J8068" s="18"/>
      <c r="K8068" s="18"/>
      <c r="L8068" s="18"/>
      <c r="M8068" s="18"/>
      <c r="N8068" s="18"/>
      <c r="O8068" s="18"/>
      <c r="P8068" s="19">
        <v>120</v>
      </c>
      <c r="Q8068" s="19"/>
      <c r="R8068" s="19"/>
      <c r="S8068" s="19"/>
      <c r="T8068" s="19">
        <v>90</v>
      </c>
      <c r="U8068" s="19"/>
      <c r="V8068" s="19"/>
      <c r="W8068" s="19"/>
      <c r="X8068" s="19">
        <v>10</v>
      </c>
      <c r="Y8068" s="19"/>
      <c r="Z8068" s="19"/>
      <c r="AA8068" s="19"/>
    </row>
    <row r="8069" spans="1:27" s="1" customFormat="1" ht="11.1" customHeight="1" outlineLevel="1" x14ac:dyDescent="0.2">
      <c r="A8069" s="17"/>
      <c r="B8069" s="17"/>
      <c r="C8069" s="17"/>
      <c r="D8069" s="18"/>
      <c r="E8069" s="18"/>
      <c r="F8069" s="18"/>
      <c r="G8069" s="18"/>
      <c r="H8069" s="18"/>
      <c r="I8069" s="18"/>
      <c r="J8069" s="18"/>
      <c r="K8069" s="18"/>
      <c r="L8069" s="18"/>
      <c r="M8069" s="18"/>
      <c r="N8069" s="18"/>
      <c r="O8069" s="18"/>
      <c r="P8069" s="19"/>
      <c r="Q8069" s="19"/>
      <c r="R8069" s="19"/>
      <c r="S8069" s="19"/>
      <c r="T8069" s="19"/>
      <c r="U8069" s="19"/>
      <c r="V8069" s="19"/>
      <c r="W8069" s="19"/>
      <c r="X8069" s="19"/>
      <c r="Y8069" s="19"/>
      <c r="Z8069" s="19"/>
      <c r="AA8069" s="19"/>
    </row>
    <row r="8070" spans="1:27" s="1" customFormat="1" ht="11.1" customHeight="1" outlineLevel="1" x14ac:dyDescent="0.2">
      <c r="A8070" s="17">
        <v>14262</v>
      </c>
      <c r="B8070" s="17"/>
      <c r="C8070" s="17"/>
      <c r="D8070" s="18" t="s">
        <v>3994</v>
      </c>
      <c r="E8070" s="18"/>
      <c r="F8070" s="18"/>
      <c r="G8070" s="18"/>
      <c r="H8070" s="18"/>
      <c r="I8070" s="18"/>
      <c r="J8070" s="18"/>
      <c r="K8070" s="18"/>
      <c r="L8070" s="18"/>
      <c r="M8070" s="18"/>
      <c r="N8070" s="18"/>
      <c r="O8070" s="18"/>
      <c r="P8070" s="19">
        <v>120</v>
      </c>
      <c r="Q8070" s="19"/>
      <c r="R8070" s="19"/>
      <c r="S8070" s="19"/>
      <c r="T8070" s="19">
        <v>90</v>
      </c>
      <c r="U8070" s="19"/>
      <c r="V8070" s="19"/>
      <c r="W8070" s="19"/>
      <c r="X8070" s="19">
        <v>20</v>
      </c>
      <c r="Y8070" s="19"/>
      <c r="Z8070" s="19"/>
      <c r="AA8070" s="19"/>
    </row>
    <row r="8071" spans="1:27" s="1" customFormat="1" ht="11.1" customHeight="1" outlineLevel="1" x14ac:dyDescent="0.2">
      <c r="A8071" s="17"/>
      <c r="B8071" s="17"/>
      <c r="C8071" s="17"/>
      <c r="D8071" s="18"/>
      <c r="E8071" s="18"/>
      <c r="F8071" s="18"/>
      <c r="G8071" s="18"/>
      <c r="H8071" s="18"/>
      <c r="I8071" s="18"/>
      <c r="J8071" s="18"/>
      <c r="K8071" s="18"/>
      <c r="L8071" s="18"/>
      <c r="M8071" s="18"/>
      <c r="N8071" s="18"/>
      <c r="O8071" s="18"/>
      <c r="P8071" s="19"/>
      <c r="Q8071" s="19"/>
      <c r="R8071" s="19"/>
      <c r="S8071" s="19"/>
      <c r="T8071" s="19"/>
      <c r="U8071" s="19"/>
      <c r="V8071" s="19"/>
      <c r="W8071" s="19"/>
      <c r="X8071" s="19"/>
      <c r="Y8071" s="19"/>
      <c r="Z8071" s="19"/>
      <c r="AA8071" s="19"/>
    </row>
    <row r="8072" spans="1:27" s="1" customFormat="1" ht="14.1" customHeight="1" outlineLevel="1" x14ac:dyDescent="0.2">
      <c r="A8072" s="17">
        <v>13215</v>
      </c>
      <c r="B8072" s="17"/>
      <c r="C8072" s="17"/>
      <c r="D8072" s="18" t="s">
        <v>3995</v>
      </c>
      <c r="E8072" s="18"/>
      <c r="F8072" s="18"/>
      <c r="G8072" s="18"/>
      <c r="H8072" s="18"/>
      <c r="I8072" s="18"/>
      <c r="J8072" s="18"/>
      <c r="K8072" s="18"/>
      <c r="L8072" s="18"/>
      <c r="M8072" s="18"/>
      <c r="N8072" s="18"/>
      <c r="O8072" s="18"/>
      <c r="P8072" s="19">
        <v>120</v>
      </c>
      <c r="Q8072" s="19"/>
      <c r="R8072" s="19"/>
      <c r="S8072" s="19"/>
      <c r="T8072" s="19">
        <v>90</v>
      </c>
      <c r="U8072" s="19"/>
      <c r="V8072" s="19"/>
      <c r="W8072" s="19"/>
      <c r="X8072" s="19">
        <v>19</v>
      </c>
      <c r="Y8072" s="19"/>
      <c r="Z8072" s="19"/>
      <c r="AA8072" s="19"/>
    </row>
    <row r="8073" spans="1:27" s="1" customFormat="1" ht="14.1" customHeight="1" outlineLevel="1" x14ac:dyDescent="0.2">
      <c r="A8073" s="17"/>
      <c r="B8073" s="17"/>
      <c r="C8073" s="17"/>
      <c r="D8073" s="18"/>
      <c r="E8073" s="18"/>
      <c r="F8073" s="18"/>
      <c r="G8073" s="18"/>
      <c r="H8073" s="18"/>
      <c r="I8073" s="18"/>
      <c r="J8073" s="18"/>
      <c r="K8073" s="18"/>
      <c r="L8073" s="18"/>
      <c r="M8073" s="18"/>
      <c r="N8073" s="18"/>
      <c r="O8073" s="18"/>
      <c r="P8073" s="19"/>
      <c r="Q8073" s="19"/>
      <c r="R8073" s="19"/>
      <c r="S8073" s="19"/>
      <c r="T8073" s="19"/>
      <c r="U8073" s="19"/>
      <c r="V8073" s="19"/>
      <c r="W8073" s="19"/>
      <c r="X8073" s="19"/>
      <c r="Y8073" s="19"/>
      <c r="Z8073" s="19"/>
      <c r="AA8073" s="19"/>
    </row>
    <row r="8074" spans="1:27" s="1" customFormat="1" ht="11.1" customHeight="1" outlineLevel="1" x14ac:dyDescent="0.2">
      <c r="A8074" s="17">
        <v>14263</v>
      </c>
      <c r="B8074" s="17"/>
      <c r="C8074" s="17"/>
      <c r="D8074" s="18" t="s">
        <v>3996</v>
      </c>
      <c r="E8074" s="18"/>
      <c r="F8074" s="18"/>
      <c r="G8074" s="18"/>
      <c r="H8074" s="18"/>
      <c r="I8074" s="18"/>
      <c r="J8074" s="18"/>
      <c r="K8074" s="18"/>
      <c r="L8074" s="18"/>
      <c r="M8074" s="18"/>
      <c r="N8074" s="18"/>
      <c r="O8074" s="18"/>
      <c r="P8074" s="19">
        <v>120</v>
      </c>
      <c r="Q8074" s="19"/>
      <c r="R8074" s="19"/>
      <c r="S8074" s="19"/>
      <c r="T8074" s="19">
        <v>90</v>
      </c>
      <c r="U8074" s="19"/>
      <c r="V8074" s="19"/>
      <c r="W8074" s="19"/>
      <c r="X8074" s="19">
        <v>8</v>
      </c>
      <c r="Y8074" s="19"/>
      <c r="Z8074" s="19"/>
      <c r="AA8074" s="19"/>
    </row>
    <row r="8075" spans="1:27" s="1" customFormat="1" ht="11.1" customHeight="1" outlineLevel="1" x14ac:dyDescent="0.2">
      <c r="A8075" s="17"/>
      <c r="B8075" s="17"/>
      <c r="C8075" s="17"/>
      <c r="D8075" s="18"/>
      <c r="E8075" s="18"/>
      <c r="F8075" s="18"/>
      <c r="G8075" s="18"/>
      <c r="H8075" s="18"/>
      <c r="I8075" s="18"/>
      <c r="J8075" s="18"/>
      <c r="K8075" s="18"/>
      <c r="L8075" s="18"/>
      <c r="M8075" s="18"/>
      <c r="N8075" s="18"/>
      <c r="O8075" s="18"/>
      <c r="P8075" s="19"/>
      <c r="Q8075" s="19"/>
      <c r="R8075" s="19"/>
      <c r="S8075" s="19"/>
      <c r="T8075" s="19"/>
      <c r="U8075" s="19"/>
      <c r="V8075" s="19"/>
      <c r="W8075" s="19"/>
      <c r="X8075" s="19"/>
      <c r="Y8075" s="19"/>
      <c r="Z8075" s="19"/>
      <c r="AA8075" s="19"/>
    </row>
    <row r="8076" spans="1:27" s="1" customFormat="1" ht="11.1" customHeight="1" outlineLevel="1" x14ac:dyDescent="0.2">
      <c r="A8076" s="17">
        <v>14264</v>
      </c>
      <c r="B8076" s="17"/>
      <c r="C8076" s="17"/>
      <c r="D8076" s="18" t="s">
        <v>3997</v>
      </c>
      <c r="E8076" s="18"/>
      <c r="F8076" s="18"/>
      <c r="G8076" s="18"/>
      <c r="H8076" s="18"/>
      <c r="I8076" s="18"/>
      <c r="J8076" s="18"/>
      <c r="K8076" s="18"/>
      <c r="L8076" s="18"/>
      <c r="M8076" s="18"/>
      <c r="N8076" s="18"/>
      <c r="O8076" s="18"/>
      <c r="P8076" s="19">
        <v>130</v>
      </c>
      <c r="Q8076" s="19"/>
      <c r="R8076" s="19"/>
      <c r="S8076" s="19"/>
      <c r="T8076" s="19">
        <v>100</v>
      </c>
      <c r="U8076" s="19"/>
      <c r="V8076" s="19"/>
      <c r="W8076" s="19"/>
      <c r="X8076" s="19">
        <v>20</v>
      </c>
      <c r="Y8076" s="19"/>
      <c r="Z8076" s="19"/>
      <c r="AA8076" s="19"/>
    </row>
    <row r="8077" spans="1:27" s="1" customFormat="1" ht="11.1" customHeight="1" outlineLevel="1" x14ac:dyDescent="0.2">
      <c r="A8077" s="17"/>
      <c r="B8077" s="17"/>
      <c r="C8077" s="17"/>
      <c r="D8077" s="18"/>
      <c r="E8077" s="18"/>
      <c r="F8077" s="18"/>
      <c r="G8077" s="18"/>
      <c r="H8077" s="18"/>
      <c r="I8077" s="18"/>
      <c r="J8077" s="18"/>
      <c r="K8077" s="18"/>
      <c r="L8077" s="18"/>
      <c r="M8077" s="18"/>
      <c r="N8077" s="18"/>
      <c r="O8077" s="18"/>
      <c r="P8077" s="19"/>
      <c r="Q8077" s="19"/>
      <c r="R8077" s="19"/>
      <c r="S8077" s="19"/>
      <c r="T8077" s="19"/>
      <c r="U8077" s="19"/>
      <c r="V8077" s="19"/>
      <c r="W8077" s="19"/>
      <c r="X8077" s="19"/>
      <c r="Y8077" s="19"/>
      <c r="Z8077" s="19"/>
      <c r="AA8077" s="19"/>
    </row>
    <row r="8078" spans="1:27" s="1" customFormat="1" ht="11.1" customHeight="1" outlineLevel="1" x14ac:dyDescent="0.2">
      <c r="A8078" s="17">
        <v>14265</v>
      </c>
      <c r="B8078" s="17"/>
      <c r="C8078" s="17"/>
      <c r="D8078" s="18" t="s">
        <v>3998</v>
      </c>
      <c r="E8078" s="18"/>
      <c r="F8078" s="18"/>
      <c r="G8078" s="18"/>
      <c r="H8078" s="18"/>
      <c r="I8078" s="18"/>
      <c r="J8078" s="18"/>
      <c r="K8078" s="18"/>
      <c r="L8078" s="18"/>
      <c r="M8078" s="18"/>
      <c r="N8078" s="18"/>
      <c r="O8078" s="18"/>
      <c r="P8078" s="19">
        <v>120</v>
      </c>
      <c r="Q8078" s="19"/>
      <c r="R8078" s="19"/>
      <c r="S8078" s="19"/>
      <c r="T8078" s="19">
        <v>90</v>
      </c>
      <c r="U8078" s="19"/>
      <c r="V8078" s="19"/>
      <c r="W8078" s="19"/>
      <c r="X8078" s="19">
        <v>20</v>
      </c>
      <c r="Y8078" s="19"/>
      <c r="Z8078" s="19"/>
      <c r="AA8078" s="19"/>
    </row>
    <row r="8079" spans="1:27" s="1" customFormat="1" ht="11.1" customHeight="1" outlineLevel="1" x14ac:dyDescent="0.2">
      <c r="A8079" s="17"/>
      <c r="B8079" s="17"/>
      <c r="C8079" s="17"/>
      <c r="D8079" s="18"/>
      <c r="E8079" s="18"/>
      <c r="F8079" s="18"/>
      <c r="G8079" s="18"/>
      <c r="H8079" s="18"/>
      <c r="I8079" s="18"/>
      <c r="J8079" s="18"/>
      <c r="K8079" s="18"/>
      <c r="L8079" s="18"/>
      <c r="M8079" s="18"/>
      <c r="N8079" s="18"/>
      <c r="O8079" s="18"/>
      <c r="P8079" s="19"/>
      <c r="Q8079" s="19"/>
      <c r="R8079" s="19"/>
      <c r="S8079" s="19"/>
      <c r="T8079" s="19"/>
      <c r="U8079" s="19"/>
      <c r="V8079" s="19"/>
      <c r="W8079" s="19"/>
      <c r="X8079" s="19"/>
      <c r="Y8079" s="19"/>
      <c r="Z8079" s="19"/>
      <c r="AA8079" s="19"/>
    </row>
    <row r="8080" spans="1:27" s="1" customFormat="1" ht="11.1" customHeight="1" outlineLevel="1" x14ac:dyDescent="0.2">
      <c r="A8080" s="17">
        <v>14266</v>
      </c>
      <c r="B8080" s="17"/>
      <c r="C8080" s="17"/>
      <c r="D8080" s="18" t="s">
        <v>3999</v>
      </c>
      <c r="E8080" s="18"/>
      <c r="F8080" s="18"/>
      <c r="G8080" s="18"/>
      <c r="H8080" s="18"/>
      <c r="I8080" s="18"/>
      <c r="J8080" s="18"/>
      <c r="K8080" s="18"/>
      <c r="L8080" s="18"/>
      <c r="M8080" s="18"/>
      <c r="N8080" s="18"/>
      <c r="O8080" s="18"/>
      <c r="P8080" s="19">
        <v>150</v>
      </c>
      <c r="Q8080" s="19"/>
      <c r="R8080" s="19"/>
      <c r="S8080" s="19"/>
      <c r="T8080" s="19">
        <v>110</v>
      </c>
      <c r="U8080" s="19"/>
      <c r="V8080" s="19"/>
      <c r="W8080" s="19"/>
      <c r="X8080" s="19">
        <v>20</v>
      </c>
      <c r="Y8080" s="19"/>
      <c r="Z8080" s="19"/>
      <c r="AA8080" s="19"/>
    </row>
    <row r="8081" spans="1:27" s="1" customFormat="1" ht="11.1" customHeight="1" outlineLevel="1" x14ac:dyDescent="0.2">
      <c r="A8081" s="17"/>
      <c r="B8081" s="17"/>
      <c r="C8081" s="17"/>
      <c r="D8081" s="18"/>
      <c r="E8081" s="18"/>
      <c r="F8081" s="18"/>
      <c r="G8081" s="18"/>
      <c r="H8081" s="18"/>
      <c r="I8081" s="18"/>
      <c r="J8081" s="18"/>
      <c r="K8081" s="18"/>
      <c r="L8081" s="18"/>
      <c r="M8081" s="18"/>
      <c r="N8081" s="18"/>
      <c r="O8081" s="18"/>
      <c r="P8081" s="19"/>
      <c r="Q8081" s="19"/>
      <c r="R8081" s="19"/>
      <c r="S8081" s="19"/>
      <c r="T8081" s="19"/>
      <c r="U8081" s="19"/>
      <c r="V8081" s="19"/>
      <c r="W8081" s="19"/>
      <c r="X8081" s="19"/>
      <c r="Y8081" s="19"/>
      <c r="Z8081" s="19"/>
      <c r="AA8081" s="19"/>
    </row>
    <row r="8082" spans="1:27" s="1" customFormat="1" ht="14.1" customHeight="1" outlineLevel="1" x14ac:dyDescent="0.2">
      <c r="A8082" s="17">
        <v>16263</v>
      </c>
      <c r="B8082" s="17"/>
      <c r="C8082" s="17"/>
      <c r="D8082" s="18" t="s">
        <v>4000</v>
      </c>
      <c r="E8082" s="18"/>
      <c r="F8082" s="18"/>
      <c r="G8082" s="18"/>
      <c r="H8082" s="18"/>
      <c r="I8082" s="18"/>
      <c r="J8082" s="18"/>
      <c r="K8082" s="18"/>
      <c r="L8082" s="18"/>
      <c r="M8082" s="18"/>
      <c r="N8082" s="18"/>
      <c r="O8082" s="18"/>
      <c r="P8082" s="19">
        <v>250</v>
      </c>
      <c r="Q8082" s="19"/>
      <c r="R8082" s="19"/>
      <c r="S8082" s="19"/>
      <c r="T8082" s="19">
        <v>200</v>
      </c>
      <c r="U8082" s="19"/>
      <c r="V8082" s="19"/>
      <c r="W8082" s="19"/>
      <c r="X8082" s="19">
        <v>1</v>
      </c>
      <c r="Y8082" s="19"/>
      <c r="Z8082" s="19"/>
      <c r="AA8082" s="19"/>
    </row>
    <row r="8083" spans="1:27" s="1" customFormat="1" ht="14.1" customHeight="1" outlineLevel="1" x14ac:dyDescent="0.2">
      <c r="A8083" s="17"/>
      <c r="B8083" s="17"/>
      <c r="C8083" s="17"/>
      <c r="D8083" s="18"/>
      <c r="E8083" s="18"/>
      <c r="F8083" s="18"/>
      <c r="G8083" s="18"/>
      <c r="H8083" s="18"/>
      <c r="I8083" s="18"/>
      <c r="J8083" s="18"/>
      <c r="K8083" s="18"/>
      <c r="L8083" s="18"/>
      <c r="M8083" s="18"/>
      <c r="N8083" s="18"/>
      <c r="O8083" s="18"/>
      <c r="P8083" s="19"/>
      <c r="Q8083" s="19"/>
      <c r="R8083" s="19"/>
      <c r="S8083" s="19"/>
      <c r="T8083" s="19"/>
      <c r="U8083" s="19"/>
      <c r="V8083" s="19"/>
      <c r="W8083" s="19"/>
      <c r="X8083" s="19"/>
      <c r="Y8083" s="19"/>
      <c r="Z8083" s="19"/>
      <c r="AA8083" s="19"/>
    </row>
    <row r="8084" spans="1:27" s="1" customFormat="1" ht="11.1" customHeight="1" outlineLevel="1" x14ac:dyDescent="0.2">
      <c r="A8084" s="17">
        <v>13213</v>
      </c>
      <c r="B8084" s="17"/>
      <c r="C8084" s="17"/>
      <c r="D8084" s="18" t="s">
        <v>4001</v>
      </c>
      <c r="E8084" s="18"/>
      <c r="F8084" s="18"/>
      <c r="G8084" s="18"/>
      <c r="H8084" s="18"/>
      <c r="I8084" s="18"/>
      <c r="J8084" s="18"/>
      <c r="K8084" s="18"/>
      <c r="L8084" s="18"/>
      <c r="M8084" s="18"/>
      <c r="N8084" s="18"/>
      <c r="O8084" s="18"/>
      <c r="P8084" s="19">
        <v>120</v>
      </c>
      <c r="Q8084" s="19"/>
      <c r="R8084" s="19"/>
      <c r="S8084" s="19"/>
      <c r="T8084" s="19">
        <v>90</v>
      </c>
      <c r="U8084" s="19"/>
      <c r="V8084" s="19"/>
      <c r="W8084" s="19"/>
      <c r="X8084" s="19">
        <v>19</v>
      </c>
      <c r="Y8084" s="19"/>
      <c r="Z8084" s="19"/>
      <c r="AA8084" s="19"/>
    </row>
    <row r="8085" spans="1:27" s="1" customFormat="1" ht="11.1" customHeight="1" outlineLevel="1" x14ac:dyDescent="0.2">
      <c r="A8085" s="17"/>
      <c r="B8085" s="17"/>
      <c r="C8085" s="17"/>
      <c r="D8085" s="18"/>
      <c r="E8085" s="18"/>
      <c r="F8085" s="18"/>
      <c r="G8085" s="18"/>
      <c r="H8085" s="18"/>
      <c r="I8085" s="18"/>
      <c r="J8085" s="18"/>
      <c r="K8085" s="18"/>
      <c r="L8085" s="18"/>
      <c r="M8085" s="18"/>
      <c r="N8085" s="18"/>
      <c r="O8085" s="18"/>
      <c r="P8085" s="19"/>
      <c r="Q8085" s="19"/>
      <c r="R8085" s="19"/>
      <c r="S8085" s="19"/>
      <c r="T8085" s="19"/>
      <c r="U8085" s="19"/>
      <c r="V8085" s="19"/>
      <c r="W8085" s="19"/>
      <c r="X8085" s="19"/>
      <c r="Y8085" s="19"/>
      <c r="Z8085" s="19"/>
      <c r="AA8085" s="19"/>
    </row>
    <row r="8086" spans="1:27" s="1" customFormat="1" ht="14.1" customHeight="1" outlineLevel="1" x14ac:dyDescent="0.2">
      <c r="A8086" s="17">
        <v>17018</v>
      </c>
      <c r="B8086" s="17"/>
      <c r="C8086" s="17"/>
      <c r="D8086" s="18" t="s">
        <v>4002</v>
      </c>
      <c r="E8086" s="18"/>
      <c r="F8086" s="18"/>
      <c r="G8086" s="18"/>
      <c r="H8086" s="18"/>
      <c r="I8086" s="18"/>
      <c r="J8086" s="18"/>
      <c r="K8086" s="18"/>
      <c r="L8086" s="18"/>
      <c r="M8086" s="18"/>
      <c r="N8086" s="18"/>
      <c r="O8086" s="18"/>
      <c r="P8086" s="19">
        <v>190</v>
      </c>
      <c r="Q8086" s="19"/>
      <c r="R8086" s="19"/>
      <c r="S8086" s="19"/>
      <c r="T8086" s="19">
        <v>100</v>
      </c>
      <c r="U8086" s="19"/>
      <c r="V8086" s="19"/>
      <c r="W8086" s="19"/>
      <c r="X8086" s="19">
        <v>2</v>
      </c>
      <c r="Y8086" s="19"/>
      <c r="Z8086" s="19"/>
      <c r="AA8086" s="19"/>
    </row>
    <row r="8087" spans="1:27" s="1" customFormat="1" ht="14.1" customHeight="1" outlineLevel="1" x14ac:dyDescent="0.2">
      <c r="A8087" s="17"/>
      <c r="B8087" s="17"/>
      <c r="C8087" s="17"/>
      <c r="D8087" s="18"/>
      <c r="E8087" s="18"/>
      <c r="F8087" s="18"/>
      <c r="G8087" s="18"/>
      <c r="H8087" s="18"/>
      <c r="I8087" s="18"/>
      <c r="J8087" s="18"/>
      <c r="K8087" s="18"/>
      <c r="L8087" s="18"/>
      <c r="M8087" s="18"/>
      <c r="N8087" s="18"/>
      <c r="O8087" s="18"/>
      <c r="P8087" s="19"/>
      <c r="Q8087" s="19"/>
      <c r="R8087" s="19"/>
      <c r="S8087" s="19"/>
      <c r="T8087" s="19"/>
      <c r="U8087" s="19"/>
      <c r="V8087" s="19"/>
      <c r="W8087" s="19"/>
      <c r="X8087" s="19"/>
      <c r="Y8087" s="19"/>
      <c r="Z8087" s="19"/>
      <c r="AA8087" s="19"/>
    </row>
    <row r="8088" spans="1:27" s="1" customFormat="1" ht="14.1" customHeight="1" outlineLevel="1" x14ac:dyDescent="0.2">
      <c r="A8088" s="17">
        <v>17501</v>
      </c>
      <c r="B8088" s="17"/>
      <c r="C8088" s="17"/>
      <c r="D8088" s="18" t="s">
        <v>4003</v>
      </c>
      <c r="E8088" s="18"/>
      <c r="F8088" s="18"/>
      <c r="G8088" s="18"/>
      <c r="H8088" s="18"/>
      <c r="I8088" s="18"/>
      <c r="J8088" s="18"/>
      <c r="K8088" s="18"/>
      <c r="L8088" s="18"/>
      <c r="M8088" s="18"/>
      <c r="N8088" s="18"/>
      <c r="O8088" s="18"/>
      <c r="P8088" s="19">
        <v>250</v>
      </c>
      <c r="Q8088" s="19"/>
      <c r="R8088" s="19"/>
      <c r="S8088" s="19"/>
      <c r="T8088" s="19">
        <v>150</v>
      </c>
      <c r="U8088" s="19"/>
      <c r="V8088" s="19"/>
      <c r="W8088" s="19"/>
      <c r="X8088" s="19">
        <v>1</v>
      </c>
      <c r="Y8088" s="19"/>
      <c r="Z8088" s="19"/>
      <c r="AA8088" s="19"/>
    </row>
    <row r="8089" spans="1:27" s="1" customFormat="1" ht="14.1" customHeight="1" outlineLevel="1" x14ac:dyDescent="0.2">
      <c r="A8089" s="17"/>
      <c r="B8089" s="17"/>
      <c r="C8089" s="17"/>
      <c r="D8089" s="18"/>
      <c r="E8089" s="18"/>
      <c r="F8089" s="18"/>
      <c r="G8089" s="18"/>
      <c r="H8089" s="18"/>
      <c r="I8089" s="18"/>
      <c r="J8089" s="18"/>
      <c r="K8089" s="18"/>
      <c r="L8089" s="18"/>
      <c r="M8089" s="18"/>
      <c r="N8089" s="18"/>
      <c r="O8089" s="18"/>
      <c r="P8089" s="19"/>
      <c r="Q8089" s="19"/>
      <c r="R8089" s="19"/>
      <c r="S8089" s="19"/>
      <c r="T8089" s="19"/>
      <c r="U8089" s="19"/>
      <c r="V8089" s="19"/>
      <c r="W8089" s="19"/>
      <c r="X8089" s="19"/>
      <c r="Y8089" s="19"/>
      <c r="Z8089" s="19"/>
      <c r="AA8089" s="19"/>
    </row>
    <row r="8090" spans="1:27" s="1" customFormat="1" ht="14.1" customHeight="1" outlineLevel="1" x14ac:dyDescent="0.2">
      <c r="A8090" s="17">
        <v>16273</v>
      </c>
      <c r="B8090" s="17"/>
      <c r="C8090" s="17"/>
      <c r="D8090" s="18" t="s">
        <v>4004</v>
      </c>
      <c r="E8090" s="18"/>
      <c r="F8090" s="18"/>
      <c r="G8090" s="18"/>
      <c r="H8090" s="18"/>
      <c r="I8090" s="18"/>
      <c r="J8090" s="18"/>
      <c r="K8090" s="18"/>
      <c r="L8090" s="18"/>
      <c r="M8090" s="18"/>
      <c r="N8090" s="18"/>
      <c r="O8090" s="18"/>
      <c r="P8090" s="19">
        <v>700</v>
      </c>
      <c r="Q8090" s="19"/>
      <c r="R8090" s="19"/>
      <c r="S8090" s="19"/>
      <c r="T8090" s="19">
        <v>500</v>
      </c>
      <c r="U8090" s="19"/>
      <c r="V8090" s="19"/>
      <c r="W8090" s="19"/>
      <c r="X8090" s="19">
        <v>1</v>
      </c>
      <c r="Y8090" s="19"/>
      <c r="Z8090" s="19"/>
      <c r="AA8090" s="19"/>
    </row>
    <row r="8091" spans="1:27" s="1" customFormat="1" ht="14.1" customHeight="1" outlineLevel="1" x14ac:dyDescent="0.2">
      <c r="A8091" s="17"/>
      <c r="B8091" s="17"/>
      <c r="C8091" s="17"/>
      <c r="D8091" s="18"/>
      <c r="E8091" s="18"/>
      <c r="F8091" s="18"/>
      <c r="G8091" s="18"/>
      <c r="H8091" s="18"/>
      <c r="I8091" s="18"/>
      <c r="J8091" s="18"/>
      <c r="K8091" s="18"/>
      <c r="L8091" s="18"/>
      <c r="M8091" s="18"/>
      <c r="N8091" s="18"/>
      <c r="O8091" s="18"/>
      <c r="P8091" s="19"/>
      <c r="Q8091" s="19"/>
      <c r="R8091" s="19"/>
      <c r="S8091" s="19"/>
      <c r="T8091" s="19"/>
      <c r="U8091" s="19"/>
      <c r="V8091" s="19"/>
      <c r="W8091" s="19"/>
      <c r="X8091" s="19"/>
      <c r="Y8091" s="19"/>
      <c r="Z8091" s="19"/>
      <c r="AA8091" s="19"/>
    </row>
    <row r="8092" spans="1:27" s="1" customFormat="1" ht="14.1" customHeight="1" outlineLevel="1" x14ac:dyDescent="0.2">
      <c r="A8092" s="17">
        <v>14589</v>
      </c>
      <c r="B8092" s="17"/>
      <c r="C8092" s="17"/>
      <c r="D8092" s="18" t="s">
        <v>4005</v>
      </c>
      <c r="E8092" s="18"/>
      <c r="F8092" s="18"/>
      <c r="G8092" s="18"/>
      <c r="H8092" s="18"/>
      <c r="I8092" s="18"/>
      <c r="J8092" s="18"/>
      <c r="K8092" s="18"/>
      <c r="L8092" s="18"/>
      <c r="M8092" s="18"/>
      <c r="N8092" s="18"/>
      <c r="O8092" s="18"/>
      <c r="P8092" s="19">
        <v>140</v>
      </c>
      <c r="Q8092" s="19"/>
      <c r="R8092" s="19"/>
      <c r="S8092" s="19"/>
      <c r="T8092" s="19">
        <v>100</v>
      </c>
      <c r="U8092" s="19"/>
      <c r="V8092" s="19"/>
      <c r="W8092" s="19"/>
      <c r="X8092" s="19">
        <v>1</v>
      </c>
      <c r="Y8092" s="19"/>
      <c r="Z8092" s="19"/>
      <c r="AA8092" s="19"/>
    </row>
    <row r="8093" spans="1:27" s="1" customFormat="1" ht="14.1" customHeight="1" outlineLevel="1" x14ac:dyDescent="0.2">
      <c r="A8093" s="17"/>
      <c r="B8093" s="17"/>
      <c r="C8093" s="17"/>
      <c r="D8093" s="18"/>
      <c r="E8093" s="18"/>
      <c r="F8093" s="18"/>
      <c r="G8093" s="18"/>
      <c r="H8093" s="18"/>
      <c r="I8093" s="18"/>
      <c r="J8093" s="18"/>
      <c r="K8093" s="18"/>
      <c r="L8093" s="18"/>
      <c r="M8093" s="18"/>
      <c r="N8093" s="18"/>
      <c r="O8093" s="18"/>
      <c r="P8093" s="19"/>
      <c r="Q8093" s="19"/>
      <c r="R8093" s="19"/>
      <c r="S8093" s="19"/>
      <c r="T8093" s="19"/>
      <c r="U8093" s="19"/>
      <c r="V8093" s="19"/>
      <c r="W8093" s="19"/>
      <c r="X8093" s="19"/>
      <c r="Y8093" s="19"/>
      <c r="Z8093" s="19"/>
      <c r="AA8093" s="19"/>
    </row>
    <row r="8094" spans="1:27" s="1" customFormat="1" ht="14.1" customHeight="1" outlineLevel="1" x14ac:dyDescent="0.2">
      <c r="A8094" s="17">
        <v>16810</v>
      </c>
      <c r="B8094" s="17"/>
      <c r="C8094" s="17"/>
      <c r="D8094" s="18" t="s">
        <v>4006</v>
      </c>
      <c r="E8094" s="18"/>
      <c r="F8094" s="18"/>
      <c r="G8094" s="18"/>
      <c r="H8094" s="18"/>
      <c r="I8094" s="18"/>
      <c r="J8094" s="18"/>
      <c r="K8094" s="18"/>
      <c r="L8094" s="18"/>
      <c r="M8094" s="18"/>
      <c r="N8094" s="18"/>
      <c r="O8094" s="18"/>
      <c r="P8094" s="19">
        <v>190</v>
      </c>
      <c r="Q8094" s="19"/>
      <c r="R8094" s="19"/>
      <c r="S8094" s="19"/>
      <c r="T8094" s="19">
        <v>100</v>
      </c>
      <c r="U8094" s="19"/>
      <c r="V8094" s="19"/>
      <c r="W8094" s="19"/>
      <c r="X8094" s="19">
        <v>1</v>
      </c>
      <c r="Y8094" s="19"/>
      <c r="Z8094" s="19"/>
      <c r="AA8094" s="19"/>
    </row>
    <row r="8095" spans="1:27" s="1" customFormat="1" ht="14.1" customHeight="1" outlineLevel="1" x14ac:dyDescent="0.2">
      <c r="A8095" s="17"/>
      <c r="B8095" s="17"/>
      <c r="C8095" s="17"/>
      <c r="D8095" s="18"/>
      <c r="E8095" s="18"/>
      <c r="F8095" s="18"/>
      <c r="G8095" s="18"/>
      <c r="H8095" s="18"/>
      <c r="I8095" s="18"/>
      <c r="J8095" s="18"/>
      <c r="K8095" s="18"/>
      <c r="L8095" s="18"/>
      <c r="M8095" s="18"/>
      <c r="N8095" s="18"/>
      <c r="O8095" s="18"/>
      <c r="P8095" s="19"/>
      <c r="Q8095" s="19"/>
      <c r="R8095" s="19"/>
      <c r="S8095" s="19"/>
      <c r="T8095" s="19"/>
      <c r="U8095" s="19"/>
      <c r="V8095" s="19"/>
      <c r="W8095" s="19"/>
      <c r="X8095" s="19"/>
      <c r="Y8095" s="19"/>
      <c r="Z8095" s="19"/>
      <c r="AA8095" s="19"/>
    </row>
    <row r="8096" spans="1:27" s="1" customFormat="1" ht="14.1" customHeight="1" outlineLevel="1" x14ac:dyDescent="0.2">
      <c r="A8096" s="17">
        <v>17015</v>
      </c>
      <c r="B8096" s="17"/>
      <c r="C8096" s="17"/>
      <c r="D8096" s="18" t="s">
        <v>4007</v>
      </c>
      <c r="E8096" s="18"/>
      <c r="F8096" s="18"/>
      <c r="G8096" s="18"/>
      <c r="H8096" s="18"/>
      <c r="I8096" s="18"/>
      <c r="J8096" s="18"/>
      <c r="K8096" s="18"/>
      <c r="L8096" s="18"/>
      <c r="M8096" s="18"/>
      <c r="N8096" s="18"/>
      <c r="O8096" s="18"/>
      <c r="P8096" s="19">
        <v>250</v>
      </c>
      <c r="Q8096" s="19"/>
      <c r="R8096" s="19"/>
      <c r="S8096" s="19"/>
      <c r="T8096" s="19">
        <v>200</v>
      </c>
      <c r="U8096" s="19"/>
      <c r="V8096" s="19"/>
      <c r="W8096" s="19"/>
      <c r="X8096" s="19">
        <v>2</v>
      </c>
      <c r="Y8096" s="19"/>
      <c r="Z8096" s="19"/>
      <c r="AA8096" s="19"/>
    </row>
    <row r="8097" spans="1:27" s="1" customFormat="1" ht="14.1" customHeight="1" outlineLevel="1" x14ac:dyDescent="0.2">
      <c r="A8097" s="17"/>
      <c r="B8097" s="17"/>
      <c r="C8097" s="17"/>
      <c r="D8097" s="18"/>
      <c r="E8097" s="18"/>
      <c r="F8097" s="18"/>
      <c r="G8097" s="18"/>
      <c r="H8097" s="18"/>
      <c r="I8097" s="18"/>
      <c r="J8097" s="18"/>
      <c r="K8097" s="18"/>
      <c r="L8097" s="18"/>
      <c r="M8097" s="18"/>
      <c r="N8097" s="18"/>
      <c r="O8097" s="18"/>
      <c r="P8097" s="19"/>
      <c r="Q8097" s="19"/>
      <c r="R8097" s="19"/>
      <c r="S8097" s="19"/>
      <c r="T8097" s="19"/>
      <c r="U8097" s="19"/>
      <c r="V8097" s="19"/>
      <c r="W8097" s="19"/>
      <c r="X8097" s="19"/>
      <c r="Y8097" s="19"/>
      <c r="Z8097" s="19"/>
      <c r="AA8097" s="19"/>
    </row>
    <row r="8098" spans="1:27" s="1" customFormat="1" ht="11.1" customHeight="1" outlineLevel="1" x14ac:dyDescent="0.2">
      <c r="A8098" s="17">
        <v>16704</v>
      </c>
      <c r="B8098" s="17"/>
      <c r="C8098" s="17"/>
      <c r="D8098" s="18" t="s">
        <v>4008</v>
      </c>
      <c r="E8098" s="18"/>
      <c r="F8098" s="18"/>
      <c r="G8098" s="18"/>
      <c r="H8098" s="18"/>
      <c r="I8098" s="18"/>
      <c r="J8098" s="18"/>
      <c r="K8098" s="18"/>
      <c r="L8098" s="18"/>
      <c r="M8098" s="18"/>
      <c r="N8098" s="18"/>
      <c r="O8098" s="18"/>
      <c r="P8098" s="19">
        <v>100</v>
      </c>
      <c r="Q8098" s="19"/>
      <c r="R8098" s="19"/>
      <c r="S8098" s="19"/>
      <c r="T8098" s="19">
        <v>50</v>
      </c>
      <c r="U8098" s="19"/>
      <c r="V8098" s="19"/>
      <c r="W8098" s="19"/>
      <c r="X8098" s="19">
        <v>1</v>
      </c>
      <c r="Y8098" s="19"/>
      <c r="Z8098" s="19"/>
      <c r="AA8098" s="19"/>
    </row>
    <row r="8099" spans="1:27" s="1" customFormat="1" ht="11.1" customHeight="1" outlineLevel="1" x14ac:dyDescent="0.2">
      <c r="A8099" s="17"/>
      <c r="B8099" s="17"/>
      <c r="C8099" s="17"/>
      <c r="D8099" s="18"/>
      <c r="E8099" s="18"/>
      <c r="F8099" s="18"/>
      <c r="G8099" s="18"/>
      <c r="H8099" s="18"/>
      <c r="I8099" s="18"/>
      <c r="J8099" s="18"/>
      <c r="K8099" s="18"/>
      <c r="L8099" s="18"/>
      <c r="M8099" s="18"/>
      <c r="N8099" s="18"/>
      <c r="O8099" s="18"/>
      <c r="P8099" s="19"/>
      <c r="Q8099" s="19"/>
      <c r="R8099" s="19"/>
      <c r="S8099" s="19"/>
      <c r="T8099" s="19"/>
      <c r="U8099" s="19"/>
      <c r="V8099" s="19"/>
      <c r="W8099" s="19"/>
      <c r="X8099" s="19"/>
      <c r="Y8099" s="19"/>
      <c r="Z8099" s="19"/>
      <c r="AA8099" s="19"/>
    </row>
    <row r="8100" spans="1:27" s="1" customFormat="1" ht="11.1" customHeight="1" outlineLevel="1" x14ac:dyDescent="0.2">
      <c r="A8100" s="17">
        <v>12066</v>
      </c>
      <c r="B8100" s="17"/>
      <c r="C8100" s="17"/>
      <c r="D8100" s="18" t="s">
        <v>4009</v>
      </c>
      <c r="E8100" s="18"/>
      <c r="F8100" s="18"/>
      <c r="G8100" s="18"/>
      <c r="H8100" s="18"/>
      <c r="I8100" s="18"/>
      <c r="J8100" s="18"/>
      <c r="K8100" s="18"/>
      <c r="L8100" s="18"/>
      <c r="M8100" s="18"/>
      <c r="N8100" s="18"/>
      <c r="O8100" s="18"/>
      <c r="P8100" s="19">
        <v>250</v>
      </c>
      <c r="Q8100" s="19"/>
      <c r="R8100" s="19"/>
      <c r="S8100" s="19"/>
      <c r="T8100" s="19">
        <v>200</v>
      </c>
      <c r="U8100" s="19"/>
      <c r="V8100" s="19"/>
      <c r="W8100" s="19"/>
      <c r="X8100" s="19">
        <v>1</v>
      </c>
      <c r="Y8100" s="19"/>
      <c r="Z8100" s="19"/>
      <c r="AA8100" s="19"/>
    </row>
    <row r="8101" spans="1:27" s="1" customFormat="1" ht="11.1" customHeight="1" outlineLevel="1" x14ac:dyDescent="0.2">
      <c r="A8101" s="17"/>
      <c r="B8101" s="17"/>
      <c r="C8101" s="17"/>
      <c r="D8101" s="18"/>
      <c r="E8101" s="18"/>
      <c r="F8101" s="18"/>
      <c r="G8101" s="18"/>
      <c r="H8101" s="18"/>
      <c r="I8101" s="18"/>
      <c r="J8101" s="18"/>
      <c r="K8101" s="18"/>
      <c r="L8101" s="18"/>
      <c r="M8101" s="18"/>
      <c r="N8101" s="18"/>
      <c r="O8101" s="18"/>
      <c r="P8101" s="19"/>
      <c r="Q8101" s="19"/>
      <c r="R8101" s="19"/>
      <c r="S8101" s="19"/>
      <c r="T8101" s="19"/>
      <c r="U8101" s="19"/>
      <c r="V8101" s="19"/>
      <c r="W8101" s="19"/>
      <c r="X8101" s="19"/>
      <c r="Y8101" s="19"/>
      <c r="Z8101" s="19"/>
      <c r="AA8101" s="19"/>
    </row>
    <row r="8102" spans="1:27" s="1" customFormat="1" ht="14.1" customHeight="1" outlineLevel="1" x14ac:dyDescent="0.2">
      <c r="A8102" s="17">
        <v>17422</v>
      </c>
      <c r="B8102" s="17"/>
      <c r="C8102" s="17"/>
      <c r="D8102" s="18" t="s">
        <v>4010</v>
      </c>
      <c r="E8102" s="18"/>
      <c r="F8102" s="18"/>
      <c r="G8102" s="18"/>
      <c r="H8102" s="18"/>
      <c r="I8102" s="18"/>
      <c r="J8102" s="18"/>
      <c r="K8102" s="18"/>
      <c r="L8102" s="18"/>
      <c r="M8102" s="18"/>
      <c r="N8102" s="18"/>
      <c r="O8102" s="18"/>
      <c r="P8102" s="19">
        <v>250</v>
      </c>
      <c r="Q8102" s="19"/>
      <c r="R8102" s="19"/>
      <c r="S8102" s="19"/>
      <c r="T8102" s="19">
        <v>200</v>
      </c>
      <c r="U8102" s="19"/>
      <c r="V8102" s="19"/>
      <c r="W8102" s="19"/>
      <c r="X8102" s="19">
        <v>1</v>
      </c>
      <c r="Y8102" s="19"/>
      <c r="Z8102" s="19"/>
      <c r="AA8102" s="19"/>
    </row>
    <row r="8103" spans="1:27" s="1" customFormat="1" ht="14.1" customHeight="1" outlineLevel="1" x14ac:dyDescent="0.2">
      <c r="A8103" s="17"/>
      <c r="B8103" s="17"/>
      <c r="C8103" s="17"/>
      <c r="D8103" s="18"/>
      <c r="E8103" s="18"/>
      <c r="F8103" s="18"/>
      <c r="G8103" s="18"/>
      <c r="H8103" s="18"/>
      <c r="I8103" s="18"/>
      <c r="J8103" s="18"/>
      <c r="K8103" s="18"/>
      <c r="L8103" s="18"/>
      <c r="M8103" s="18"/>
      <c r="N8103" s="18"/>
      <c r="O8103" s="18"/>
      <c r="P8103" s="19"/>
      <c r="Q8103" s="19"/>
      <c r="R8103" s="19"/>
      <c r="S8103" s="19"/>
      <c r="T8103" s="19"/>
      <c r="U8103" s="19"/>
      <c r="V8103" s="19"/>
      <c r="W8103" s="19"/>
      <c r="X8103" s="19"/>
      <c r="Y8103" s="19"/>
      <c r="Z8103" s="19"/>
      <c r="AA8103" s="19"/>
    </row>
    <row r="8104" spans="1:27" s="1" customFormat="1" ht="11.1" customHeight="1" outlineLevel="1" x14ac:dyDescent="0.2">
      <c r="A8104" s="17">
        <v>10314</v>
      </c>
      <c r="B8104" s="17"/>
      <c r="C8104" s="17"/>
      <c r="D8104" s="18" t="s">
        <v>4011</v>
      </c>
      <c r="E8104" s="18"/>
      <c r="F8104" s="18"/>
      <c r="G8104" s="18"/>
      <c r="H8104" s="18"/>
      <c r="I8104" s="18"/>
      <c r="J8104" s="18"/>
      <c r="K8104" s="18"/>
      <c r="L8104" s="18"/>
      <c r="M8104" s="18"/>
      <c r="N8104" s="18"/>
      <c r="O8104" s="18"/>
      <c r="P8104" s="19">
        <v>450</v>
      </c>
      <c r="Q8104" s="19"/>
      <c r="R8104" s="19"/>
      <c r="S8104" s="19"/>
      <c r="T8104" s="19">
        <v>410</v>
      </c>
      <c r="U8104" s="19"/>
      <c r="V8104" s="19"/>
      <c r="W8104" s="19"/>
      <c r="X8104" s="19">
        <v>2</v>
      </c>
      <c r="Y8104" s="19"/>
      <c r="Z8104" s="19"/>
      <c r="AA8104" s="19"/>
    </row>
    <row r="8105" spans="1:27" s="1" customFormat="1" ht="11.1" customHeight="1" outlineLevel="1" x14ac:dyDescent="0.2">
      <c r="A8105" s="17"/>
      <c r="B8105" s="17"/>
      <c r="C8105" s="17"/>
      <c r="D8105" s="18"/>
      <c r="E8105" s="18"/>
      <c r="F8105" s="18"/>
      <c r="G8105" s="18"/>
      <c r="H8105" s="18"/>
      <c r="I8105" s="18"/>
      <c r="J8105" s="18"/>
      <c r="K8105" s="18"/>
      <c r="L8105" s="18"/>
      <c r="M8105" s="18"/>
      <c r="N8105" s="18"/>
      <c r="O8105" s="18"/>
      <c r="P8105" s="19"/>
      <c r="Q8105" s="19"/>
      <c r="R8105" s="19"/>
      <c r="S8105" s="19"/>
      <c r="T8105" s="19"/>
      <c r="U8105" s="19"/>
      <c r="V8105" s="19"/>
      <c r="W8105" s="19"/>
      <c r="X8105" s="19"/>
      <c r="Y8105" s="19"/>
      <c r="Z8105" s="19"/>
      <c r="AA8105" s="19"/>
    </row>
    <row r="8106" spans="1:27" s="1" customFormat="1" ht="11.1" customHeight="1" outlineLevel="1" x14ac:dyDescent="0.2">
      <c r="A8106" s="17">
        <v>17962</v>
      </c>
      <c r="B8106" s="17"/>
      <c r="C8106" s="17"/>
      <c r="D8106" s="18" t="s">
        <v>4012</v>
      </c>
      <c r="E8106" s="18"/>
      <c r="F8106" s="18"/>
      <c r="G8106" s="18"/>
      <c r="H8106" s="18"/>
      <c r="I8106" s="18"/>
      <c r="J8106" s="18"/>
      <c r="K8106" s="18"/>
      <c r="L8106" s="18"/>
      <c r="M8106" s="18"/>
      <c r="N8106" s="18"/>
      <c r="O8106" s="18"/>
      <c r="P8106" s="19">
        <v>300</v>
      </c>
      <c r="Q8106" s="19"/>
      <c r="R8106" s="19"/>
      <c r="S8106" s="19"/>
      <c r="T8106" s="19">
        <v>200</v>
      </c>
      <c r="U8106" s="19"/>
      <c r="V8106" s="19"/>
      <c r="W8106" s="19"/>
      <c r="X8106" s="19">
        <v>1</v>
      </c>
      <c r="Y8106" s="19"/>
      <c r="Z8106" s="19"/>
      <c r="AA8106" s="19"/>
    </row>
    <row r="8107" spans="1:27" s="1" customFormat="1" ht="11.1" customHeight="1" outlineLevel="1" x14ac:dyDescent="0.2">
      <c r="A8107" s="17"/>
      <c r="B8107" s="17"/>
      <c r="C8107" s="17"/>
      <c r="D8107" s="18"/>
      <c r="E8107" s="18"/>
      <c r="F8107" s="18"/>
      <c r="G8107" s="18"/>
      <c r="H8107" s="18"/>
      <c r="I8107" s="18"/>
      <c r="J8107" s="18"/>
      <c r="K8107" s="18"/>
      <c r="L8107" s="18"/>
      <c r="M8107" s="18"/>
      <c r="N8107" s="18"/>
      <c r="O8107" s="18"/>
      <c r="P8107" s="19"/>
      <c r="Q8107" s="19"/>
      <c r="R8107" s="19"/>
      <c r="S8107" s="19"/>
      <c r="T8107" s="19"/>
      <c r="U8107" s="19"/>
      <c r="V8107" s="19"/>
      <c r="W8107" s="19"/>
      <c r="X8107" s="19"/>
      <c r="Y8107" s="19"/>
      <c r="Z8107" s="19"/>
      <c r="AA8107" s="19"/>
    </row>
    <row r="8108" spans="1:27" s="1" customFormat="1" ht="14.1" customHeight="1" outlineLevel="1" x14ac:dyDescent="0.2">
      <c r="A8108" s="17">
        <v>12801</v>
      </c>
      <c r="B8108" s="17"/>
      <c r="C8108" s="17"/>
      <c r="D8108" s="18" t="s">
        <v>4013</v>
      </c>
      <c r="E8108" s="18"/>
      <c r="F8108" s="18"/>
      <c r="G8108" s="18"/>
      <c r="H8108" s="18"/>
      <c r="I8108" s="18"/>
      <c r="J8108" s="18"/>
      <c r="K8108" s="18"/>
      <c r="L8108" s="18"/>
      <c r="M8108" s="18"/>
      <c r="N8108" s="18"/>
      <c r="O8108" s="18"/>
      <c r="P8108" s="19">
        <v>350</v>
      </c>
      <c r="Q8108" s="19"/>
      <c r="R8108" s="19"/>
      <c r="S8108" s="19"/>
      <c r="T8108" s="19">
        <v>300</v>
      </c>
      <c r="U8108" s="19"/>
      <c r="V8108" s="19"/>
      <c r="W8108" s="19"/>
      <c r="X8108" s="19">
        <v>1</v>
      </c>
      <c r="Y8108" s="19"/>
      <c r="Z8108" s="19"/>
      <c r="AA8108" s="19"/>
    </row>
    <row r="8109" spans="1:27" s="1" customFormat="1" ht="14.1" customHeight="1" outlineLevel="1" x14ac:dyDescent="0.2">
      <c r="A8109" s="17"/>
      <c r="B8109" s="17"/>
      <c r="C8109" s="17"/>
      <c r="D8109" s="18"/>
      <c r="E8109" s="18"/>
      <c r="F8109" s="18"/>
      <c r="G8109" s="18"/>
      <c r="H8109" s="18"/>
      <c r="I8109" s="18"/>
      <c r="J8109" s="18"/>
      <c r="K8109" s="18"/>
      <c r="L8109" s="18"/>
      <c r="M8109" s="18"/>
      <c r="N8109" s="18"/>
      <c r="O8109" s="18"/>
      <c r="P8109" s="19"/>
      <c r="Q8109" s="19"/>
      <c r="R8109" s="19"/>
      <c r="S8109" s="19"/>
      <c r="T8109" s="19"/>
      <c r="U8109" s="19"/>
      <c r="V8109" s="19"/>
      <c r="W8109" s="19"/>
      <c r="X8109" s="19"/>
      <c r="Y8109" s="19"/>
      <c r="Z8109" s="19"/>
      <c r="AA8109" s="19"/>
    </row>
    <row r="8110" spans="1:27" s="1" customFormat="1" ht="14.1" customHeight="1" outlineLevel="1" x14ac:dyDescent="0.2">
      <c r="A8110" s="17">
        <v>15047</v>
      </c>
      <c r="B8110" s="17"/>
      <c r="C8110" s="17"/>
      <c r="D8110" s="18" t="s">
        <v>4014</v>
      </c>
      <c r="E8110" s="18"/>
      <c r="F8110" s="18"/>
      <c r="G8110" s="18"/>
      <c r="H8110" s="18"/>
      <c r="I8110" s="18"/>
      <c r="J8110" s="18"/>
      <c r="K8110" s="18"/>
      <c r="L8110" s="18"/>
      <c r="M8110" s="18"/>
      <c r="N8110" s="18"/>
      <c r="O8110" s="18"/>
      <c r="P8110" s="19">
        <v>320</v>
      </c>
      <c r="Q8110" s="19"/>
      <c r="R8110" s="19"/>
      <c r="S8110" s="19"/>
      <c r="T8110" s="19">
        <v>250</v>
      </c>
      <c r="U8110" s="19"/>
      <c r="V8110" s="19"/>
      <c r="W8110" s="19"/>
      <c r="X8110" s="19">
        <v>1</v>
      </c>
      <c r="Y8110" s="19"/>
      <c r="Z8110" s="19"/>
      <c r="AA8110" s="19"/>
    </row>
    <row r="8111" spans="1:27" s="1" customFormat="1" ht="14.1" customHeight="1" outlineLevel="1" x14ac:dyDescent="0.2">
      <c r="A8111" s="17"/>
      <c r="B8111" s="17"/>
      <c r="C8111" s="17"/>
      <c r="D8111" s="18"/>
      <c r="E8111" s="18"/>
      <c r="F8111" s="18"/>
      <c r="G8111" s="18"/>
      <c r="H8111" s="18"/>
      <c r="I8111" s="18"/>
      <c r="J8111" s="18"/>
      <c r="K8111" s="18"/>
      <c r="L8111" s="18"/>
      <c r="M8111" s="18"/>
      <c r="N8111" s="18"/>
      <c r="O8111" s="18"/>
      <c r="P8111" s="19"/>
      <c r="Q8111" s="19"/>
      <c r="R8111" s="19"/>
      <c r="S8111" s="19"/>
      <c r="T8111" s="19"/>
      <c r="U8111" s="19"/>
      <c r="V8111" s="19"/>
      <c r="W8111" s="19"/>
      <c r="X8111" s="19"/>
      <c r="Y8111" s="19"/>
      <c r="Z8111" s="19"/>
      <c r="AA8111" s="19"/>
    </row>
    <row r="8112" spans="1:27" s="1" customFormat="1" ht="14.1" customHeight="1" outlineLevel="1" x14ac:dyDescent="0.2">
      <c r="A8112" s="17">
        <v>17504</v>
      </c>
      <c r="B8112" s="17"/>
      <c r="C8112" s="17"/>
      <c r="D8112" s="18" t="s">
        <v>4015</v>
      </c>
      <c r="E8112" s="18"/>
      <c r="F8112" s="18"/>
      <c r="G8112" s="18"/>
      <c r="H8112" s="18"/>
      <c r="I8112" s="18"/>
      <c r="J8112" s="18"/>
      <c r="K8112" s="18"/>
      <c r="L8112" s="18"/>
      <c r="M8112" s="18"/>
      <c r="N8112" s="18"/>
      <c r="O8112" s="18"/>
      <c r="P8112" s="19">
        <v>600</v>
      </c>
      <c r="Q8112" s="19"/>
      <c r="R8112" s="19"/>
      <c r="S8112" s="19"/>
      <c r="T8112" s="19">
        <v>500</v>
      </c>
      <c r="U8112" s="19"/>
      <c r="V8112" s="19"/>
      <c r="W8112" s="19"/>
      <c r="X8112" s="19">
        <v>1</v>
      </c>
      <c r="Y8112" s="19"/>
      <c r="Z8112" s="19"/>
      <c r="AA8112" s="19"/>
    </row>
    <row r="8113" spans="1:27" s="1" customFormat="1" ht="14.1" customHeight="1" outlineLevel="1" x14ac:dyDescent="0.2">
      <c r="A8113" s="17"/>
      <c r="B8113" s="17"/>
      <c r="C8113" s="17"/>
      <c r="D8113" s="18"/>
      <c r="E8113" s="18"/>
      <c r="F8113" s="18"/>
      <c r="G8113" s="18"/>
      <c r="H8113" s="18"/>
      <c r="I8113" s="18"/>
      <c r="J8113" s="18"/>
      <c r="K8113" s="18"/>
      <c r="L8113" s="18"/>
      <c r="M8113" s="18"/>
      <c r="N8113" s="18"/>
      <c r="O8113" s="18"/>
      <c r="P8113" s="19"/>
      <c r="Q8113" s="19"/>
      <c r="R8113" s="19"/>
      <c r="S8113" s="19"/>
      <c r="T8113" s="19"/>
      <c r="U8113" s="19"/>
      <c r="V8113" s="19"/>
      <c r="W8113" s="19"/>
      <c r="X8113" s="19"/>
      <c r="Y8113" s="19"/>
      <c r="Z8113" s="19"/>
      <c r="AA8113" s="19"/>
    </row>
    <row r="8114" spans="1:27" s="1" customFormat="1" ht="14.1" customHeight="1" outlineLevel="1" x14ac:dyDescent="0.2">
      <c r="A8114" s="17">
        <v>13979</v>
      </c>
      <c r="B8114" s="17"/>
      <c r="C8114" s="17"/>
      <c r="D8114" s="18" t="s">
        <v>4016</v>
      </c>
      <c r="E8114" s="18"/>
      <c r="F8114" s="18"/>
      <c r="G8114" s="18"/>
      <c r="H8114" s="18"/>
      <c r="I8114" s="18"/>
      <c r="J8114" s="18"/>
      <c r="K8114" s="18"/>
      <c r="L8114" s="18"/>
      <c r="M8114" s="18"/>
      <c r="N8114" s="18"/>
      <c r="O8114" s="18"/>
      <c r="P8114" s="19">
        <v>540</v>
      </c>
      <c r="Q8114" s="19"/>
      <c r="R8114" s="19"/>
      <c r="S8114" s="19"/>
      <c r="T8114" s="19">
        <v>450</v>
      </c>
      <c r="U8114" s="19"/>
      <c r="V8114" s="19"/>
      <c r="W8114" s="19"/>
      <c r="X8114" s="19">
        <v>1</v>
      </c>
      <c r="Y8114" s="19"/>
      <c r="Z8114" s="19"/>
      <c r="AA8114" s="19"/>
    </row>
    <row r="8115" spans="1:27" s="1" customFormat="1" ht="14.1" customHeight="1" outlineLevel="1" x14ac:dyDescent="0.2">
      <c r="A8115" s="17"/>
      <c r="B8115" s="17"/>
      <c r="C8115" s="17"/>
      <c r="D8115" s="18"/>
      <c r="E8115" s="18"/>
      <c r="F8115" s="18"/>
      <c r="G8115" s="18"/>
      <c r="H8115" s="18"/>
      <c r="I8115" s="18"/>
      <c r="J8115" s="18"/>
      <c r="K8115" s="18"/>
      <c r="L8115" s="18"/>
      <c r="M8115" s="18"/>
      <c r="N8115" s="18"/>
      <c r="O8115" s="18"/>
      <c r="P8115" s="19"/>
      <c r="Q8115" s="19"/>
      <c r="R8115" s="19"/>
      <c r="S8115" s="19"/>
      <c r="T8115" s="19"/>
      <c r="U8115" s="19"/>
      <c r="V8115" s="19"/>
      <c r="W8115" s="19"/>
      <c r="X8115" s="19"/>
      <c r="Y8115" s="19"/>
      <c r="Z8115" s="19"/>
      <c r="AA8115" s="19"/>
    </row>
    <row r="8116" spans="1:27" s="1" customFormat="1" ht="14.1" customHeight="1" outlineLevel="1" x14ac:dyDescent="0.2">
      <c r="A8116" s="17">
        <v>17436</v>
      </c>
      <c r="B8116" s="17"/>
      <c r="C8116" s="17"/>
      <c r="D8116" s="18" t="s">
        <v>4017</v>
      </c>
      <c r="E8116" s="18"/>
      <c r="F8116" s="18"/>
      <c r="G8116" s="18"/>
      <c r="H8116" s="18"/>
      <c r="I8116" s="18"/>
      <c r="J8116" s="18"/>
      <c r="K8116" s="18"/>
      <c r="L8116" s="18"/>
      <c r="M8116" s="18"/>
      <c r="N8116" s="18"/>
      <c r="O8116" s="18"/>
      <c r="P8116" s="19">
        <v>600</v>
      </c>
      <c r="Q8116" s="19"/>
      <c r="R8116" s="19"/>
      <c r="S8116" s="19"/>
      <c r="T8116" s="19">
        <v>500</v>
      </c>
      <c r="U8116" s="19"/>
      <c r="V8116" s="19"/>
      <c r="W8116" s="19"/>
      <c r="X8116" s="19">
        <v>1</v>
      </c>
      <c r="Y8116" s="19"/>
      <c r="Z8116" s="19"/>
      <c r="AA8116" s="19"/>
    </row>
    <row r="8117" spans="1:27" s="1" customFormat="1" ht="14.1" customHeight="1" outlineLevel="1" x14ac:dyDescent="0.2">
      <c r="A8117" s="17"/>
      <c r="B8117" s="17"/>
      <c r="C8117" s="17"/>
      <c r="D8117" s="18"/>
      <c r="E8117" s="18"/>
      <c r="F8117" s="18"/>
      <c r="G8117" s="18"/>
      <c r="H8117" s="18"/>
      <c r="I8117" s="18"/>
      <c r="J8117" s="18"/>
      <c r="K8117" s="18"/>
      <c r="L8117" s="18"/>
      <c r="M8117" s="18"/>
      <c r="N8117" s="18"/>
      <c r="O8117" s="18"/>
      <c r="P8117" s="19"/>
      <c r="Q8117" s="19"/>
      <c r="R8117" s="19"/>
      <c r="S8117" s="19"/>
      <c r="T8117" s="19"/>
      <c r="U8117" s="19"/>
      <c r="V8117" s="19"/>
      <c r="W8117" s="19"/>
      <c r="X8117" s="19"/>
      <c r="Y8117" s="19"/>
      <c r="Z8117" s="19"/>
      <c r="AA8117" s="19"/>
    </row>
    <row r="8118" spans="1:27" s="1" customFormat="1" ht="14.1" customHeight="1" outlineLevel="1" x14ac:dyDescent="0.2">
      <c r="A8118" s="17">
        <v>17940</v>
      </c>
      <c r="B8118" s="17"/>
      <c r="C8118" s="17"/>
      <c r="D8118" s="18" t="s">
        <v>4018</v>
      </c>
      <c r="E8118" s="18"/>
      <c r="F8118" s="18"/>
      <c r="G8118" s="18"/>
      <c r="H8118" s="18"/>
      <c r="I8118" s="18"/>
      <c r="J8118" s="18"/>
      <c r="K8118" s="18"/>
      <c r="L8118" s="18"/>
      <c r="M8118" s="18"/>
      <c r="N8118" s="18"/>
      <c r="O8118" s="18"/>
      <c r="P8118" s="19">
        <v>600</v>
      </c>
      <c r="Q8118" s="19"/>
      <c r="R8118" s="19"/>
      <c r="S8118" s="19"/>
      <c r="T8118" s="19">
        <v>500</v>
      </c>
      <c r="U8118" s="19"/>
      <c r="V8118" s="19"/>
      <c r="W8118" s="19"/>
      <c r="X8118" s="19">
        <v>1</v>
      </c>
      <c r="Y8118" s="19"/>
      <c r="Z8118" s="19"/>
      <c r="AA8118" s="19"/>
    </row>
    <row r="8119" spans="1:27" s="1" customFormat="1" ht="14.1" customHeight="1" outlineLevel="1" x14ac:dyDescent="0.2">
      <c r="A8119" s="17"/>
      <c r="B8119" s="17"/>
      <c r="C8119" s="17"/>
      <c r="D8119" s="18"/>
      <c r="E8119" s="18"/>
      <c r="F8119" s="18"/>
      <c r="G8119" s="18"/>
      <c r="H8119" s="18"/>
      <c r="I8119" s="18"/>
      <c r="J8119" s="18"/>
      <c r="K8119" s="18"/>
      <c r="L8119" s="18"/>
      <c r="M8119" s="18"/>
      <c r="N8119" s="18"/>
      <c r="O8119" s="18"/>
      <c r="P8119" s="19"/>
      <c r="Q8119" s="19"/>
      <c r="R8119" s="19"/>
      <c r="S8119" s="19"/>
      <c r="T8119" s="19"/>
      <c r="U8119" s="19"/>
      <c r="V8119" s="19"/>
      <c r="W8119" s="19"/>
      <c r="X8119" s="19"/>
      <c r="Y8119" s="19"/>
      <c r="Z8119" s="19"/>
      <c r="AA8119" s="19"/>
    </row>
    <row r="8120" spans="1:27" s="1" customFormat="1" ht="14.1" customHeight="1" outlineLevel="1" x14ac:dyDescent="0.2">
      <c r="A8120" s="17">
        <v>17013</v>
      </c>
      <c r="B8120" s="17"/>
      <c r="C8120" s="17"/>
      <c r="D8120" s="18" t="s">
        <v>4019</v>
      </c>
      <c r="E8120" s="18"/>
      <c r="F8120" s="18"/>
      <c r="G8120" s="18"/>
      <c r="H8120" s="18"/>
      <c r="I8120" s="18"/>
      <c r="J8120" s="18"/>
      <c r="K8120" s="18"/>
      <c r="L8120" s="18"/>
      <c r="M8120" s="18"/>
      <c r="N8120" s="18"/>
      <c r="O8120" s="18"/>
      <c r="P8120" s="19">
        <v>250</v>
      </c>
      <c r="Q8120" s="19"/>
      <c r="R8120" s="19"/>
      <c r="S8120" s="19"/>
      <c r="T8120" s="19">
        <v>200</v>
      </c>
      <c r="U8120" s="19"/>
      <c r="V8120" s="19"/>
      <c r="W8120" s="19"/>
      <c r="X8120" s="19">
        <v>3</v>
      </c>
      <c r="Y8120" s="19"/>
      <c r="Z8120" s="19"/>
      <c r="AA8120" s="19"/>
    </row>
    <row r="8121" spans="1:27" s="1" customFormat="1" ht="14.1" customHeight="1" outlineLevel="1" x14ac:dyDescent="0.2">
      <c r="A8121" s="17"/>
      <c r="B8121" s="17"/>
      <c r="C8121" s="17"/>
      <c r="D8121" s="18"/>
      <c r="E8121" s="18"/>
      <c r="F8121" s="18"/>
      <c r="G8121" s="18"/>
      <c r="H8121" s="18"/>
      <c r="I8121" s="18"/>
      <c r="J8121" s="18"/>
      <c r="K8121" s="18"/>
      <c r="L8121" s="18"/>
      <c r="M8121" s="18"/>
      <c r="N8121" s="18"/>
      <c r="O8121" s="18"/>
      <c r="P8121" s="19"/>
      <c r="Q8121" s="19"/>
      <c r="R8121" s="19"/>
      <c r="S8121" s="19"/>
      <c r="T8121" s="19"/>
      <c r="U8121" s="19"/>
      <c r="V8121" s="19"/>
      <c r="W8121" s="19"/>
      <c r="X8121" s="19"/>
      <c r="Y8121" s="19"/>
      <c r="Z8121" s="19"/>
      <c r="AA8121" s="19"/>
    </row>
    <row r="8122" spans="1:27" s="1" customFormat="1" ht="14.1" customHeight="1" outlineLevel="1" x14ac:dyDescent="0.2">
      <c r="A8122" s="17">
        <v>16257</v>
      </c>
      <c r="B8122" s="17"/>
      <c r="C8122" s="17"/>
      <c r="D8122" s="18" t="s">
        <v>4020</v>
      </c>
      <c r="E8122" s="18"/>
      <c r="F8122" s="18"/>
      <c r="G8122" s="18"/>
      <c r="H8122" s="18"/>
      <c r="I8122" s="18"/>
      <c r="J8122" s="18"/>
      <c r="K8122" s="18"/>
      <c r="L8122" s="18"/>
      <c r="M8122" s="18"/>
      <c r="N8122" s="18"/>
      <c r="O8122" s="18"/>
      <c r="P8122" s="19">
        <v>300</v>
      </c>
      <c r="Q8122" s="19"/>
      <c r="R8122" s="19"/>
      <c r="S8122" s="19"/>
      <c r="T8122" s="19">
        <v>200</v>
      </c>
      <c r="U8122" s="19"/>
      <c r="V8122" s="19"/>
      <c r="W8122" s="19"/>
      <c r="X8122" s="19">
        <v>1</v>
      </c>
      <c r="Y8122" s="19"/>
      <c r="Z8122" s="19"/>
      <c r="AA8122" s="19"/>
    </row>
    <row r="8123" spans="1:27" s="1" customFormat="1" ht="14.1" customHeight="1" outlineLevel="1" x14ac:dyDescent="0.2">
      <c r="A8123" s="17"/>
      <c r="B8123" s="17"/>
      <c r="C8123" s="17"/>
      <c r="D8123" s="18"/>
      <c r="E8123" s="18"/>
      <c r="F8123" s="18"/>
      <c r="G8123" s="18"/>
      <c r="H8123" s="18"/>
      <c r="I8123" s="18"/>
      <c r="J8123" s="18"/>
      <c r="K8123" s="18"/>
      <c r="L8123" s="18"/>
      <c r="M8123" s="18"/>
      <c r="N8123" s="18"/>
      <c r="O8123" s="18"/>
      <c r="P8123" s="19"/>
      <c r="Q8123" s="19"/>
      <c r="R8123" s="19"/>
      <c r="S8123" s="19"/>
      <c r="T8123" s="19"/>
      <c r="U8123" s="19"/>
      <c r="V8123" s="19"/>
      <c r="W8123" s="19"/>
      <c r="X8123" s="19"/>
      <c r="Y8123" s="19"/>
      <c r="Z8123" s="19"/>
      <c r="AA8123" s="19"/>
    </row>
    <row r="8124" spans="1:27" s="1" customFormat="1" ht="11.1" customHeight="1" outlineLevel="1" x14ac:dyDescent="0.2">
      <c r="A8124" s="17">
        <v>14289</v>
      </c>
      <c r="B8124" s="17"/>
      <c r="C8124" s="17"/>
      <c r="D8124" s="18" t="s">
        <v>4021</v>
      </c>
      <c r="E8124" s="18"/>
      <c r="F8124" s="18"/>
      <c r="G8124" s="18"/>
      <c r="H8124" s="18"/>
      <c r="I8124" s="18"/>
      <c r="J8124" s="18"/>
      <c r="K8124" s="18"/>
      <c r="L8124" s="18"/>
      <c r="M8124" s="18"/>
      <c r="N8124" s="18"/>
      <c r="O8124" s="18"/>
      <c r="P8124" s="19">
        <v>240</v>
      </c>
      <c r="Q8124" s="19"/>
      <c r="R8124" s="19"/>
      <c r="S8124" s="19"/>
      <c r="T8124" s="19">
        <v>180</v>
      </c>
      <c r="U8124" s="19"/>
      <c r="V8124" s="19"/>
      <c r="W8124" s="19"/>
      <c r="X8124" s="19">
        <v>10</v>
      </c>
      <c r="Y8124" s="19"/>
      <c r="Z8124" s="19"/>
      <c r="AA8124" s="19"/>
    </row>
    <row r="8125" spans="1:27" s="1" customFormat="1" ht="11.1" customHeight="1" outlineLevel="1" x14ac:dyDescent="0.2">
      <c r="A8125" s="17"/>
      <c r="B8125" s="17"/>
      <c r="C8125" s="17"/>
      <c r="D8125" s="18"/>
      <c r="E8125" s="18"/>
      <c r="F8125" s="18"/>
      <c r="G8125" s="18"/>
      <c r="H8125" s="18"/>
      <c r="I8125" s="18"/>
      <c r="J8125" s="18"/>
      <c r="K8125" s="18"/>
      <c r="L8125" s="18"/>
      <c r="M8125" s="18"/>
      <c r="N8125" s="18"/>
      <c r="O8125" s="18"/>
      <c r="P8125" s="19"/>
      <c r="Q8125" s="19"/>
      <c r="R8125" s="19"/>
      <c r="S8125" s="19"/>
      <c r="T8125" s="19"/>
      <c r="U8125" s="19"/>
      <c r="V8125" s="19"/>
      <c r="W8125" s="19"/>
      <c r="X8125" s="19"/>
      <c r="Y8125" s="19"/>
      <c r="Z8125" s="19"/>
      <c r="AA8125" s="19"/>
    </row>
    <row r="8126" spans="1:27" s="1" customFormat="1" ht="11.1" customHeight="1" outlineLevel="1" x14ac:dyDescent="0.2">
      <c r="A8126" s="17">
        <v>14290</v>
      </c>
      <c r="B8126" s="17"/>
      <c r="C8126" s="17"/>
      <c r="D8126" s="18" t="s">
        <v>4022</v>
      </c>
      <c r="E8126" s="18"/>
      <c r="F8126" s="18"/>
      <c r="G8126" s="18"/>
      <c r="H8126" s="18"/>
      <c r="I8126" s="18"/>
      <c r="J8126" s="18"/>
      <c r="K8126" s="18"/>
      <c r="L8126" s="18"/>
      <c r="M8126" s="18"/>
      <c r="N8126" s="18"/>
      <c r="O8126" s="18"/>
      <c r="P8126" s="19">
        <v>300</v>
      </c>
      <c r="Q8126" s="19"/>
      <c r="R8126" s="19"/>
      <c r="S8126" s="19"/>
      <c r="T8126" s="19">
        <v>230</v>
      </c>
      <c r="U8126" s="19"/>
      <c r="V8126" s="19"/>
      <c r="W8126" s="19"/>
      <c r="X8126" s="19">
        <v>2</v>
      </c>
      <c r="Y8126" s="19"/>
      <c r="Z8126" s="19"/>
      <c r="AA8126" s="19"/>
    </row>
    <row r="8127" spans="1:27" s="1" customFormat="1" ht="11.1" customHeight="1" outlineLevel="1" x14ac:dyDescent="0.2">
      <c r="A8127" s="17"/>
      <c r="B8127" s="17"/>
      <c r="C8127" s="17"/>
      <c r="D8127" s="18"/>
      <c r="E8127" s="18"/>
      <c r="F8127" s="18"/>
      <c r="G8127" s="18"/>
      <c r="H8127" s="18"/>
      <c r="I8127" s="18"/>
      <c r="J8127" s="18"/>
      <c r="K8127" s="18"/>
      <c r="L8127" s="18"/>
      <c r="M8127" s="18"/>
      <c r="N8127" s="18"/>
      <c r="O8127" s="18"/>
      <c r="P8127" s="19"/>
      <c r="Q8127" s="19"/>
      <c r="R8127" s="19"/>
      <c r="S8127" s="19"/>
      <c r="T8127" s="19"/>
      <c r="U8127" s="19"/>
      <c r="V8127" s="19"/>
      <c r="W8127" s="19"/>
      <c r="X8127" s="19"/>
      <c r="Y8127" s="19"/>
      <c r="Z8127" s="19"/>
      <c r="AA8127" s="19"/>
    </row>
    <row r="8128" spans="1:27" s="1" customFormat="1" ht="14.1" customHeight="1" outlineLevel="1" x14ac:dyDescent="0.2">
      <c r="A8128" s="17">
        <v>13736</v>
      </c>
      <c r="B8128" s="17"/>
      <c r="C8128" s="17"/>
      <c r="D8128" s="18" t="s">
        <v>4023</v>
      </c>
      <c r="E8128" s="18"/>
      <c r="F8128" s="18"/>
      <c r="G8128" s="18"/>
      <c r="H8128" s="18"/>
      <c r="I8128" s="18"/>
      <c r="J8128" s="18"/>
      <c r="K8128" s="18"/>
      <c r="L8128" s="18"/>
      <c r="M8128" s="18"/>
      <c r="N8128" s="18"/>
      <c r="O8128" s="18"/>
      <c r="P8128" s="19">
        <v>300</v>
      </c>
      <c r="Q8128" s="19"/>
      <c r="R8128" s="19"/>
      <c r="S8128" s="19"/>
      <c r="T8128" s="19">
        <v>240</v>
      </c>
      <c r="U8128" s="19"/>
      <c r="V8128" s="19"/>
      <c r="W8128" s="19"/>
      <c r="X8128" s="19">
        <v>9</v>
      </c>
      <c r="Y8128" s="19"/>
      <c r="Z8128" s="19"/>
      <c r="AA8128" s="19"/>
    </row>
    <row r="8129" spans="1:27" s="1" customFormat="1" ht="14.1" customHeight="1" outlineLevel="1" x14ac:dyDescent="0.2">
      <c r="A8129" s="17"/>
      <c r="B8129" s="17"/>
      <c r="C8129" s="17"/>
      <c r="D8129" s="18"/>
      <c r="E8129" s="18"/>
      <c r="F8129" s="18"/>
      <c r="G8129" s="18"/>
      <c r="H8129" s="18"/>
      <c r="I8129" s="18"/>
      <c r="J8129" s="18"/>
      <c r="K8129" s="18"/>
      <c r="L8129" s="18"/>
      <c r="M8129" s="18"/>
      <c r="N8129" s="18"/>
      <c r="O8129" s="18"/>
      <c r="P8129" s="19"/>
      <c r="Q8129" s="19"/>
      <c r="R8129" s="19"/>
      <c r="S8129" s="19"/>
      <c r="T8129" s="19"/>
      <c r="U8129" s="19"/>
      <c r="V8129" s="19"/>
      <c r="W8129" s="19"/>
      <c r="X8129" s="19"/>
      <c r="Y8129" s="19"/>
      <c r="Z8129" s="19"/>
      <c r="AA8129" s="19"/>
    </row>
    <row r="8130" spans="1:27" s="1" customFormat="1" ht="14.1" customHeight="1" outlineLevel="1" x14ac:dyDescent="0.2">
      <c r="A8130" s="17">
        <v>16272</v>
      </c>
      <c r="B8130" s="17"/>
      <c r="C8130" s="17"/>
      <c r="D8130" s="18" t="s">
        <v>4024</v>
      </c>
      <c r="E8130" s="18"/>
      <c r="F8130" s="18"/>
      <c r="G8130" s="18"/>
      <c r="H8130" s="18"/>
      <c r="I8130" s="18"/>
      <c r="J8130" s="18"/>
      <c r="K8130" s="18"/>
      <c r="L8130" s="18"/>
      <c r="M8130" s="18"/>
      <c r="N8130" s="18"/>
      <c r="O8130" s="18"/>
      <c r="P8130" s="19">
        <v>700</v>
      </c>
      <c r="Q8130" s="19"/>
      <c r="R8130" s="19"/>
      <c r="S8130" s="19"/>
      <c r="T8130" s="19">
        <v>500</v>
      </c>
      <c r="U8130" s="19"/>
      <c r="V8130" s="19"/>
      <c r="W8130" s="19"/>
      <c r="X8130" s="19">
        <v>1</v>
      </c>
      <c r="Y8130" s="19"/>
      <c r="Z8130" s="19"/>
      <c r="AA8130" s="19"/>
    </row>
    <row r="8131" spans="1:27" s="1" customFormat="1" ht="14.1" customHeight="1" outlineLevel="1" x14ac:dyDescent="0.2">
      <c r="A8131" s="17"/>
      <c r="B8131" s="17"/>
      <c r="C8131" s="17"/>
      <c r="D8131" s="18"/>
      <c r="E8131" s="18"/>
      <c r="F8131" s="18"/>
      <c r="G8131" s="18"/>
      <c r="H8131" s="18"/>
      <c r="I8131" s="18"/>
      <c r="J8131" s="18"/>
      <c r="K8131" s="18"/>
      <c r="L8131" s="18"/>
      <c r="M8131" s="18"/>
      <c r="N8131" s="18"/>
      <c r="O8131" s="18"/>
      <c r="P8131" s="19"/>
      <c r="Q8131" s="19"/>
      <c r="R8131" s="19"/>
      <c r="S8131" s="19"/>
      <c r="T8131" s="19"/>
      <c r="U8131" s="19"/>
      <c r="V8131" s="19"/>
      <c r="W8131" s="19"/>
      <c r="X8131" s="19"/>
      <c r="Y8131" s="19"/>
      <c r="Z8131" s="19"/>
      <c r="AA8131" s="19"/>
    </row>
    <row r="8132" spans="1:27" s="1" customFormat="1" ht="14.1" customHeight="1" outlineLevel="1" x14ac:dyDescent="0.2">
      <c r="A8132" s="17">
        <v>13737</v>
      </c>
      <c r="B8132" s="17"/>
      <c r="C8132" s="17"/>
      <c r="D8132" s="18" t="s">
        <v>4025</v>
      </c>
      <c r="E8132" s="18"/>
      <c r="F8132" s="18"/>
      <c r="G8132" s="18"/>
      <c r="H8132" s="18"/>
      <c r="I8132" s="18"/>
      <c r="J8132" s="18"/>
      <c r="K8132" s="18"/>
      <c r="L8132" s="18"/>
      <c r="M8132" s="18"/>
      <c r="N8132" s="18"/>
      <c r="O8132" s="18"/>
      <c r="P8132" s="19">
        <v>290</v>
      </c>
      <c r="Q8132" s="19"/>
      <c r="R8132" s="19"/>
      <c r="S8132" s="19"/>
      <c r="T8132" s="19">
        <v>230</v>
      </c>
      <c r="U8132" s="19"/>
      <c r="V8132" s="19"/>
      <c r="W8132" s="19"/>
      <c r="X8132" s="19">
        <v>10</v>
      </c>
      <c r="Y8132" s="19"/>
      <c r="Z8132" s="19"/>
      <c r="AA8132" s="19"/>
    </row>
    <row r="8133" spans="1:27" s="1" customFormat="1" ht="14.1" customHeight="1" outlineLevel="1" x14ac:dyDescent="0.2">
      <c r="A8133" s="17"/>
      <c r="B8133" s="17"/>
      <c r="C8133" s="17"/>
      <c r="D8133" s="18"/>
      <c r="E8133" s="18"/>
      <c r="F8133" s="18"/>
      <c r="G8133" s="18"/>
      <c r="H8133" s="18"/>
      <c r="I8133" s="18"/>
      <c r="J8133" s="18"/>
      <c r="K8133" s="18"/>
      <c r="L8133" s="18"/>
      <c r="M8133" s="18"/>
      <c r="N8133" s="18"/>
      <c r="O8133" s="18"/>
      <c r="P8133" s="19"/>
      <c r="Q8133" s="19"/>
      <c r="R8133" s="19"/>
      <c r="S8133" s="19"/>
      <c r="T8133" s="19"/>
      <c r="U8133" s="19"/>
      <c r="V8133" s="19"/>
      <c r="W8133" s="19"/>
      <c r="X8133" s="19"/>
      <c r="Y8133" s="19"/>
      <c r="Z8133" s="19"/>
      <c r="AA8133" s="19"/>
    </row>
    <row r="8134" spans="1:27" s="1" customFormat="1" ht="14.1" customHeight="1" outlineLevel="1" x14ac:dyDescent="0.2">
      <c r="A8134" s="17">
        <v>10298</v>
      </c>
      <c r="B8134" s="17"/>
      <c r="C8134" s="17"/>
      <c r="D8134" s="18" t="s">
        <v>4026</v>
      </c>
      <c r="E8134" s="18"/>
      <c r="F8134" s="18"/>
      <c r="G8134" s="18"/>
      <c r="H8134" s="18"/>
      <c r="I8134" s="18"/>
      <c r="J8134" s="18"/>
      <c r="K8134" s="18"/>
      <c r="L8134" s="18"/>
      <c r="M8134" s="18"/>
      <c r="N8134" s="18"/>
      <c r="O8134" s="18"/>
      <c r="P8134" s="19">
        <v>180</v>
      </c>
      <c r="Q8134" s="19"/>
      <c r="R8134" s="19"/>
      <c r="S8134" s="19"/>
      <c r="T8134" s="19">
        <v>140</v>
      </c>
      <c r="U8134" s="19"/>
      <c r="V8134" s="19"/>
      <c r="W8134" s="19"/>
      <c r="X8134" s="19">
        <v>3</v>
      </c>
      <c r="Y8134" s="19"/>
      <c r="Z8134" s="19"/>
      <c r="AA8134" s="19"/>
    </row>
    <row r="8135" spans="1:27" s="1" customFormat="1" ht="14.1" customHeight="1" outlineLevel="1" x14ac:dyDescent="0.2">
      <c r="A8135" s="17"/>
      <c r="B8135" s="17"/>
      <c r="C8135" s="17"/>
      <c r="D8135" s="18"/>
      <c r="E8135" s="18"/>
      <c r="F8135" s="18"/>
      <c r="G8135" s="18"/>
      <c r="H8135" s="18"/>
      <c r="I8135" s="18"/>
      <c r="J8135" s="18"/>
      <c r="K8135" s="18"/>
      <c r="L8135" s="18"/>
      <c r="M8135" s="18"/>
      <c r="N8135" s="18"/>
      <c r="O8135" s="18"/>
      <c r="P8135" s="19"/>
      <c r="Q8135" s="19"/>
      <c r="R8135" s="19"/>
      <c r="S8135" s="19"/>
      <c r="T8135" s="19"/>
      <c r="U8135" s="19"/>
      <c r="V8135" s="19"/>
      <c r="W8135" s="19"/>
      <c r="X8135" s="19"/>
      <c r="Y8135" s="19"/>
      <c r="Z8135" s="19"/>
      <c r="AA8135" s="19"/>
    </row>
    <row r="8136" spans="1:27" s="1" customFormat="1" ht="14.1" customHeight="1" outlineLevel="1" x14ac:dyDescent="0.2">
      <c r="A8136" s="17">
        <v>8333</v>
      </c>
      <c r="B8136" s="17"/>
      <c r="C8136" s="17"/>
      <c r="D8136" s="18" t="s">
        <v>4027</v>
      </c>
      <c r="E8136" s="18"/>
      <c r="F8136" s="18"/>
      <c r="G8136" s="18"/>
      <c r="H8136" s="18"/>
      <c r="I8136" s="18"/>
      <c r="J8136" s="18"/>
      <c r="K8136" s="18"/>
      <c r="L8136" s="18"/>
      <c r="M8136" s="18"/>
      <c r="N8136" s="18"/>
      <c r="O8136" s="18"/>
      <c r="P8136" s="19">
        <v>160</v>
      </c>
      <c r="Q8136" s="19"/>
      <c r="R8136" s="19"/>
      <c r="S8136" s="19"/>
      <c r="T8136" s="19">
        <v>120</v>
      </c>
      <c r="U8136" s="19"/>
      <c r="V8136" s="19"/>
      <c r="W8136" s="19"/>
      <c r="X8136" s="19">
        <v>53</v>
      </c>
      <c r="Y8136" s="19"/>
      <c r="Z8136" s="19"/>
      <c r="AA8136" s="19"/>
    </row>
    <row r="8137" spans="1:27" s="1" customFormat="1" ht="14.1" customHeight="1" outlineLevel="1" x14ac:dyDescent="0.2">
      <c r="A8137" s="17"/>
      <c r="B8137" s="17"/>
      <c r="C8137" s="17"/>
      <c r="D8137" s="18"/>
      <c r="E8137" s="18"/>
      <c r="F8137" s="18"/>
      <c r="G8137" s="18"/>
      <c r="H8137" s="18"/>
      <c r="I8137" s="18"/>
      <c r="J8137" s="18"/>
      <c r="K8137" s="18"/>
      <c r="L8137" s="18"/>
      <c r="M8137" s="18"/>
      <c r="N8137" s="18"/>
      <c r="O8137" s="18"/>
      <c r="P8137" s="19"/>
      <c r="Q8137" s="19"/>
      <c r="R8137" s="19"/>
      <c r="S8137" s="19"/>
      <c r="T8137" s="19"/>
      <c r="U8137" s="19"/>
      <c r="V8137" s="19"/>
      <c r="W8137" s="19"/>
      <c r="X8137" s="19"/>
      <c r="Y8137" s="19"/>
      <c r="Z8137" s="19"/>
      <c r="AA8137" s="19"/>
    </row>
    <row r="8138" spans="1:27" s="1" customFormat="1" ht="14.1" customHeight="1" outlineLevel="1" x14ac:dyDescent="0.2">
      <c r="A8138" s="17">
        <v>17426</v>
      </c>
      <c r="B8138" s="17"/>
      <c r="C8138" s="17"/>
      <c r="D8138" s="18" t="s">
        <v>4028</v>
      </c>
      <c r="E8138" s="18"/>
      <c r="F8138" s="18"/>
      <c r="G8138" s="18"/>
      <c r="H8138" s="18"/>
      <c r="I8138" s="18"/>
      <c r="J8138" s="18"/>
      <c r="K8138" s="18"/>
      <c r="L8138" s="18"/>
      <c r="M8138" s="18"/>
      <c r="N8138" s="18"/>
      <c r="O8138" s="18"/>
      <c r="P8138" s="19">
        <v>450</v>
      </c>
      <c r="Q8138" s="19"/>
      <c r="R8138" s="19"/>
      <c r="S8138" s="19"/>
      <c r="T8138" s="19">
        <v>400</v>
      </c>
      <c r="U8138" s="19"/>
      <c r="V8138" s="19"/>
      <c r="W8138" s="19"/>
      <c r="X8138" s="19">
        <v>1</v>
      </c>
      <c r="Y8138" s="19"/>
      <c r="Z8138" s="19"/>
      <c r="AA8138" s="19"/>
    </row>
    <row r="8139" spans="1:27" s="1" customFormat="1" ht="14.1" customHeight="1" outlineLevel="1" x14ac:dyDescent="0.2">
      <c r="A8139" s="17"/>
      <c r="B8139" s="17"/>
      <c r="C8139" s="17"/>
      <c r="D8139" s="18"/>
      <c r="E8139" s="18"/>
      <c r="F8139" s="18"/>
      <c r="G8139" s="18"/>
      <c r="H8139" s="18"/>
      <c r="I8139" s="18"/>
      <c r="J8139" s="18"/>
      <c r="K8139" s="18"/>
      <c r="L8139" s="18"/>
      <c r="M8139" s="18"/>
      <c r="N8139" s="18"/>
      <c r="O8139" s="18"/>
      <c r="P8139" s="19"/>
      <c r="Q8139" s="19"/>
      <c r="R8139" s="19"/>
      <c r="S8139" s="19"/>
      <c r="T8139" s="19"/>
      <c r="U8139" s="19"/>
      <c r="V8139" s="19"/>
      <c r="W8139" s="19"/>
      <c r="X8139" s="19"/>
      <c r="Y8139" s="19"/>
      <c r="Z8139" s="19"/>
      <c r="AA8139" s="19"/>
    </row>
    <row r="8140" spans="1:27" s="1" customFormat="1" ht="14.1" customHeight="1" outlineLevel="1" x14ac:dyDescent="0.2">
      <c r="A8140" s="17">
        <v>13192</v>
      </c>
      <c r="B8140" s="17"/>
      <c r="C8140" s="17"/>
      <c r="D8140" s="18" t="s">
        <v>4029</v>
      </c>
      <c r="E8140" s="18"/>
      <c r="F8140" s="18"/>
      <c r="G8140" s="18"/>
      <c r="H8140" s="18"/>
      <c r="I8140" s="18"/>
      <c r="J8140" s="18"/>
      <c r="K8140" s="18"/>
      <c r="L8140" s="18"/>
      <c r="M8140" s="18"/>
      <c r="N8140" s="18"/>
      <c r="O8140" s="18"/>
      <c r="P8140" s="19">
        <v>175</v>
      </c>
      <c r="Q8140" s="19"/>
      <c r="R8140" s="19"/>
      <c r="S8140" s="19"/>
      <c r="T8140" s="19">
        <v>115</v>
      </c>
      <c r="U8140" s="19"/>
      <c r="V8140" s="19"/>
      <c r="W8140" s="19"/>
      <c r="X8140" s="19">
        <v>18</v>
      </c>
      <c r="Y8140" s="19"/>
      <c r="Z8140" s="19"/>
      <c r="AA8140" s="19"/>
    </row>
    <row r="8141" spans="1:27" s="1" customFormat="1" ht="14.1" customHeight="1" outlineLevel="1" x14ac:dyDescent="0.2">
      <c r="A8141" s="17"/>
      <c r="B8141" s="17"/>
      <c r="C8141" s="17"/>
      <c r="D8141" s="18"/>
      <c r="E8141" s="18"/>
      <c r="F8141" s="18"/>
      <c r="G8141" s="18"/>
      <c r="H8141" s="18"/>
      <c r="I8141" s="18"/>
      <c r="J8141" s="18"/>
      <c r="K8141" s="18"/>
      <c r="L8141" s="18"/>
      <c r="M8141" s="18"/>
      <c r="N8141" s="18"/>
      <c r="O8141" s="18"/>
      <c r="P8141" s="19"/>
      <c r="Q8141" s="19"/>
      <c r="R8141" s="19"/>
      <c r="S8141" s="19"/>
      <c r="T8141" s="19"/>
      <c r="U8141" s="19"/>
      <c r="V8141" s="19"/>
      <c r="W8141" s="19"/>
      <c r="X8141" s="19"/>
      <c r="Y8141" s="19"/>
      <c r="Z8141" s="19"/>
      <c r="AA8141" s="19"/>
    </row>
    <row r="8142" spans="1:27" s="1" customFormat="1" ht="14.1" customHeight="1" outlineLevel="1" x14ac:dyDescent="0.2">
      <c r="A8142" s="17">
        <v>13193</v>
      </c>
      <c r="B8142" s="17"/>
      <c r="C8142" s="17"/>
      <c r="D8142" s="18" t="s">
        <v>4030</v>
      </c>
      <c r="E8142" s="18"/>
      <c r="F8142" s="18"/>
      <c r="G8142" s="18"/>
      <c r="H8142" s="18"/>
      <c r="I8142" s="18"/>
      <c r="J8142" s="18"/>
      <c r="K8142" s="18"/>
      <c r="L8142" s="18"/>
      <c r="M8142" s="18"/>
      <c r="N8142" s="18"/>
      <c r="O8142" s="18"/>
      <c r="P8142" s="19">
        <v>170</v>
      </c>
      <c r="Q8142" s="19"/>
      <c r="R8142" s="19"/>
      <c r="S8142" s="19"/>
      <c r="T8142" s="19">
        <v>140</v>
      </c>
      <c r="U8142" s="19"/>
      <c r="V8142" s="19"/>
      <c r="W8142" s="19"/>
      <c r="X8142" s="19">
        <v>39</v>
      </c>
      <c r="Y8142" s="19"/>
      <c r="Z8142" s="19"/>
      <c r="AA8142" s="19"/>
    </row>
    <row r="8143" spans="1:27" s="1" customFormat="1" ht="14.1" customHeight="1" outlineLevel="1" x14ac:dyDescent="0.2">
      <c r="A8143" s="17"/>
      <c r="B8143" s="17"/>
      <c r="C8143" s="17"/>
      <c r="D8143" s="18"/>
      <c r="E8143" s="18"/>
      <c r="F8143" s="18"/>
      <c r="G8143" s="18"/>
      <c r="H8143" s="18"/>
      <c r="I8143" s="18"/>
      <c r="J8143" s="18"/>
      <c r="K8143" s="18"/>
      <c r="L8143" s="18"/>
      <c r="M8143" s="18"/>
      <c r="N8143" s="18"/>
      <c r="O8143" s="18"/>
      <c r="P8143" s="19"/>
      <c r="Q8143" s="19"/>
      <c r="R8143" s="19"/>
      <c r="S8143" s="19"/>
      <c r="T8143" s="19"/>
      <c r="U8143" s="19"/>
      <c r="V8143" s="19"/>
      <c r="W8143" s="19"/>
      <c r="X8143" s="19"/>
      <c r="Y8143" s="19"/>
      <c r="Z8143" s="19"/>
      <c r="AA8143" s="19"/>
    </row>
    <row r="8144" spans="1:27" s="1" customFormat="1" ht="14.1" customHeight="1" outlineLevel="1" x14ac:dyDescent="0.2">
      <c r="A8144" s="17">
        <v>14226</v>
      </c>
      <c r="B8144" s="17"/>
      <c r="C8144" s="17"/>
      <c r="D8144" s="18" t="s">
        <v>4031</v>
      </c>
      <c r="E8144" s="18"/>
      <c r="F8144" s="18"/>
      <c r="G8144" s="18"/>
      <c r="H8144" s="18"/>
      <c r="I8144" s="18"/>
      <c r="J8144" s="18"/>
      <c r="K8144" s="18"/>
      <c r="L8144" s="18"/>
      <c r="M8144" s="18"/>
      <c r="N8144" s="18"/>
      <c r="O8144" s="18"/>
      <c r="P8144" s="19">
        <v>290</v>
      </c>
      <c r="Q8144" s="19"/>
      <c r="R8144" s="19"/>
      <c r="S8144" s="19"/>
      <c r="T8144" s="19">
        <v>225</v>
      </c>
      <c r="U8144" s="19"/>
      <c r="V8144" s="19"/>
      <c r="W8144" s="19"/>
      <c r="X8144" s="19">
        <v>10</v>
      </c>
      <c r="Y8144" s="19"/>
      <c r="Z8144" s="19"/>
      <c r="AA8144" s="19"/>
    </row>
    <row r="8145" spans="1:27" s="1" customFormat="1" ht="14.1" customHeight="1" outlineLevel="1" x14ac:dyDescent="0.2">
      <c r="A8145" s="17"/>
      <c r="B8145" s="17"/>
      <c r="C8145" s="17"/>
      <c r="D8145" s="18"/>
      <c r="E8145" s="18"/>
      <c r="F8145" s="18"/>
      <c r="G8145" s="18"/>
      <c r="H8145" s="18"/>
      <c r="I8145" s="18"/>
      <c r="J8145" s="18"/>
      <c r="K8145" s="18"/>
      <c r="L8145" s="18"/>
      <c r="M8145" s="18"/>
      <c r="N8145" s="18"/>
      <c r="O8145" s="18"/>
      <c r="P8145" s="19"/>
      <c r="Q8145" s="19"/>
      <c r="R8145" s="19"/>
      <c r="S8145" s="19"/>
      <c r="T8145" s="19"/>
      <c r="U8145" s="19"/>
      <c r="V8145" s="19"/>
      <c r="W8145" s="19"/>
      <c r="X8145" s="19"/>
      <c r="Y8145" s="19"/>
      <c r="Z8145" s="19"/>
      <c r="AA8145" s="19"/>
    </row>
    <row r="8146" spans="1:27" s="1" customFormat="1" ht="14.1" customHeight="1" outlineLevel="1" x14ac:dyDescent="0.2">
      <c r="A8146" s="17">
        <v>13194</v>
      </c>
      <c r="B8146" s="17"/>
      <c r="C8146" s="17"/>
      <c r="D8146" s="18" t="s">
        <v>4032</v>
      </c>
      <c r="E8146" s="18"/>
      <c r="F8146" s="18"/>
      <c r="G8146" s="18"/>
      <c r="H8146" s="18"/>
      <c r="I8146" s="18"/>
      <c r="J8146" s="18"/>
      <c r="K8146" s="18"/>
      <c r="L8146" s="18"/>
      <c r="M8146" s="18"/>
      <c r="N8146" s="18"/>
      <c r="O8146" s="18"/>
      <c r="P8146" s="19">
        <v>180</v>
      </c>
      <c r="Q8146" s="19"/>
      <c r="R8146" s="19"/>
      <c r="S8146" s="19"/>
      <c r="T8146" s="19">
        <v>140</v>
      </c>
      <c r="U8146" s="19"/>
      <c r="V8146" s="19"/>
      <c r="W8146" s="19"/>
      <c r="X8146" s="19">
        <v>20</v>
      </c>
      <c r="Y8146" s="19"/>
      <c r="Z8146" s="19"/>
      <c r="AA8146" s="19"/>
    </row>
    <row r="8147" spans="1:27" s="1" customFormat="1" ht="14.1" customHeight="1" outlineLevel="1" x14ac:dyDescent="0.2">
      <c r="A8147" s="17"/>
      <c r="B8147" s="17"/>
      <c r="C8147" s="17"/>
      <c r="D8147" s="18"/>
      <c r="E8147" s="18"/>
      <c r="F8147" s="18"/>
      <c r="G8147" s="18"/>
      <c r="H8147" s="18"/>
      <c r="I8147" s="18"/>
      <c r="J8147" s="18"/>
      <c r="K8147" s="18"/>
      <c r="L8147" s="18"/>
      <c r="M8147" s="18"/>
      <c r="N8147" s="18"/>
      <c r="O8147" s="18"/>
      <c r="P8147" s="19"/>
      <c r="Q8147" s="19"/>
      <c r="R8147" s="19"/>
      <c r="S8147" s="19"/>
      <c r="T8147" s="19"/>
      <c r="U8147" s="19"/>
      <c r="V8147" s="19"/>
      <c r="W8147" s="19"/>
      <c r="X8147" s="19"/>
      <c r="Y8147" s="19"/>
      <c r="Z8147" s="19"/>
      <c r="AA8147" s="19"/>
    </row>
    <row r="8148" spans="1:27" s="1" customFormat="1" ht="14.1" customHeight="1" outlineLevel="1" x14ac:dyDescent="0.2">
      <c r="A8148" s="17">
        <v>8452</v>
      </c>
      <c r="B8148" s="17"/>
      <c r="C8148" s="17"/>
      <c r="D8148" s="18" t="s">
        <v>4033</v>
      </c>
      <c r="E8148" s="18"/>
      <c r="F8148" s="18"/>
      <c r="G8148" s="18"/>
      <c r="H8148" s="18"/>
      <c r="I8148" s="18"/>
      <c r="J8148" s="18"/>
      <c r="K8148" s="18"/>
      <c r="L8148" s="18"/>
      <c r="M8148" s="18"/>
      <c r="N8148" s="18"/>
      <c r="O8148" s="18"/>
      <c r="P8148" s="19">
        <v>300</v>
      </c>
      <c r="Q8148" s="19"/>
      <c r="R8148" s="19"/>
      <c r="S8148" s="19"/>
      <c r="T8148" s="19">
        <v>250</v>
      </c>
      <c r="U8148" s="19"/>
      <c r="V8148" s="19"/>
      <c r="W8148" s="19"/>
      <c r="X8148" s="19">
        <v>1</v>
      </c>
      <c r="Y8148" s="19"/>
      <c r="Z8148" s="19"/>
      <c r="AA8148" s="19"/>
    </row>
    <row r="8149" spans="1:27" s="1" customFormat="1" ht="14.1" customHeight="1" outlineLevel="1" x14ac:dyDescent="0.2">
      <c r="A8149" s="17"/>
      <c r="B8149" s="17"/>
      <c r="C8149" s="17"/>
      <c r="D8149" s="18"/>
      <c r="E8149" s="18"/>
      <c r="F8149" s="18"/>
      <c r="G8149" s="18"/>
      <c r="H8149" s="18"/>
      <c r="I8149" s="18"/>
      <c r="J8149" s="18"/>
      <c r="K8149" s="18"/>
      <c r="L8149" s="18"/>
      <c r="M8149" s="18"/>
      <c r="N8149" s="18"/>
      <c r="O8149" s="18"/>
      <c r="P8149" s="19"/>
      <c r="Q8149" s="19"/>
      <c r="R8149" s="19"/>
      <c r="S8149" s="19"/>
      <c r="T8149" s="19"/>
      <c r="U8149" s="19"/>
      <c r="V8149" s="19"/>
      <c r="W8149" s="19"/>
      <c r="X8149" s="19"/>
      <c r="Y8149" s="19"/>
      <c r="Z8149" s="19"/>
      <c r="AA8149" s="19"/>
    </row>
    <row r="8150" spans="1:27" s="1" customFormat="1" ht="14.1" customHeight="1" outlineLevel="1" x14ac:dyDescent="0.2">
      <c r="A8150" s="17">
        <v>17397</v>
      </c>
      <c r="B8150" s="17"/>
      <c r="C8150" s="17"/>
      <c r="D8150" s="18" t="s">
        <v>4034</v>
      </c>
      <c r="E8150" s="18"/>
      <c r="F8150" s="18"/>
      <c r="G8150" s="18"/>
      <c r="H8150" s="18"/>
      <c r="I8150" s="18"/>
      <c r="J8150" s="18"/>
      <c r="K8150" s="18"/>
      <c r="L8150" s="18"/>
      <c r="M8150" s="18"/>
      <c r="N8150" s="18"/>
      <c r="O8150" s="18"/>
      <c r="P8150" s="19">
        <v>700</v>
      </c>
      <c r="Q8150" s="19"/>
      <c r="R8150" s="19"/>
      <c r="S8150" s="19"/>
      <c r="T8150" s="19">
        <v>600</v>
      </c>
      <c r="U8150" s="19"/>
      <c r="V8150" s="19"/>
      <c r="W8150" s="19"/>
      <c r="X8150" s="19">
        <v>1</v>
      </c>
      <c r="Y8150" s="19"/>
      <c r="Z8150" s="19"/>
      <c r="AA8150" s="19"/>
    </row>
    <row r="8151" spans="1:27" s="1" customFormat="1" ht="14.1" customHeight="1" outlineLevel="1" x14ac:dyDescent="0.2">
      <c r="A8151" s="17"/>
      <c r="B8151" s="17"/>
      <c r="C8151" s="17"/>
      <c r="D8151" s="18"/>
      <c r="E8151" s="18"/>
      <c r="F8151" s="18"/>
      <c r="G8151" s="18"/>
      <c r="H8151" s="18"/>
      <c r="I8151" s="18"/>
      <c r="J8151" s="18"/>
      <c r="K8151" s="18"/>
      <c r="L8151" s="18"/>
      <c r="M8151" s="18"/>
      <c r="N8151" s="18"/>
      <c r="O8151" s="18"/>
      <c r="P8151" s="19"/>
      <c r="Q8151" s="19"/>
      <c r="R8151" s="19"/>
      <c r="S8151" s="19"/>
      <c r="T8151" s="19"/>
      <c r="U8151" s="19"/>
      <c r="V8151" s="19"/>
      <c r="W8151" s="19"/>
      <c r="X8151" s="19"/>
      <c r="Y8151" s="19"/>
      <c r="Z8151" s="19"/>
      <c r="AA8151" s="19"/>
    </row>
    <row r="8152" spans="1:27" s="1" customFormat="1" ht="14.1" customHeight="1" outlineLevel="1" x14ac:dyDescent="0.2">
      <c r="A8152" s="17">
        <v>14227</v>
      </c>
      <c r="B8152" s="17"/>
      <c r="C8152" s="17"/>
      <c r="D8152" s="18" t="s">
        <v>4035</v>
      </c>
      <c r="E8152" s="18"/>
      <c r="F8152" s="18"/>
      <c r="G8152" s="18"/>
      <c r="H8152" s="18"/>
      <c r="I8152" s="18"/>
      <c r="J8152" s="18"/>
      <c r="K8152" s="18"/>
      <c r="L8152" s="18"/>
      <c r="M8152" s="18"/>
      <c r="N8152" s="18"/>
      <c r="O8152" s="18"/>
      <c r="P8152" s="19">
        <v>250</v>
      </c>
      <c r="Q8152" s="19"/>
      <c r="R8152" s="19"/>
      <c r="S8152" s="19"/>
      <c r="T8152" s="19">
        <v>180</v>
      </c>
      <c r="U8152" s="19"/>
      <c r="V8152" s="19"/>
      <c r="W8152" s="19"/>
      <c r="X8152" s="19">
        <v>10</v>
      </c>
      <c r="Y8152" s="19"/>
      <c r="Z8152" s="19"/>
      <c r="AA8152" s="19"/>
    </row>
    <row r="8153" spans="1:27" s="1" customFormat="1" ht="14.1" customHeight="1" outlineLevel="1" x14ac:dyDescent="0.2">
      <c r="A8153" s="17"/>
      <c r="B8153" s="17"/>
      <c r="C8153" s="17"/>
      <c r="D8153" s="18"/>
      <c r="E8153" s="18"/>
      <c r="F8153" s="18"/>
      <c r="G8153" s="18"/>
      <c r="H8153" s="18"/>
      <c r="I8153" s="18"/>
      <c r="J8153" s="18"/>
      <c r="K8153" s="18"/>
      <c r="L8153" s="18"/>
      <c r="M8153" s="18"/>
      <c r="N8153" s="18"/>
      <c r="O8153" s="18"/>
      <c r="P8153" s="19"/>
      <c r="Q8153" s="19"/>
      <c r="R8153" s="19"/>
      <c r="S8153" s="19"/>
      <c r="T8153" s="19"/>
      <c r="U8153" s="19"/>
      <c r="V8153" s="19"/>
      <c r="W8153" s="19"/>
      <c r="X8153" s="19"/>
      <c r="Y8153" s="19"/>
      <c r="Z8153" s="19"/>
      <c r="AA8153" s="19"/>
    </row>
    <row r="8154" spans="1:27" s="1" customFormat="1" ht="14.1" customHeight="1" outlineLevel="1" x14ac:dyDescent="0.2">
      <c r="A8154" s="17">
        <v>14228</v>
      </c>
      <c r="B8154" s="17"/>
      <c r="C8154" s="17"/>
      <c r="D8154" s="18" t="s">
        <v>4036</v>
      </c>
      <c r="E8154" s="18"/>
      <c r="F8154" s="18"/>
      <c r="G8154" s="18"/>
      <c r="H8154" s="18"/>
      <c r="I8154" s="18"/>
      <c r="J8154" s="18"/>
      <c r="K8154" s="18"/>
      <c r="L8154" s="18"/>
      <c r="M8154" s="18"/>
      <c r="N8154" s="18"/>
      <c r="O8154" s="18"/>
      <c r="P8154" s="19">
        <v>240</v>
      </c>
      <c r="Q8154" s="19"/>
      <c r="R8154" s="19"/>
      <c r="S8154" s="19"/>
      <c r="T8154" s="19">
        <v>170</v>
      </c>
      <c r="U8154" s="19"/>
      <c r="V8154" s="19"/>
      <c r="W8154" s="19"/>
      <c r="X8154" s="19">
        <v>9</v>
      </c>
      <c r="Y8154" s="19"/>
      <c r="Z8154" s="19"/>
      <c r="AA8154" s="19"/>
    </row>
    <row r="8155" spans="1:27" s="1" customFormat="1" ht="14.1" customHeight="1" outlineLevel="1" x14ac:dyDescent="0.2">
      <c r="A8155" s="17"/>
      <c r="B8155" s="17"/>
      <c r="C8155" s="17"/>
      <c r="D8155" s="18"/>
      <c r="E8155" s="18"/>
      <c r="F8155" s="18"/>
      <c r="G8155" s="18"/>
      <c r="H8155" s="18"/>
      <c r="I8155" s="18"/>
      <c r="J8155" s="18"/>
      <c r="K8155" s="18"/>
      <c r="L8155" s="18"/>
      <c r="M8155" s="18"/>
      <c r="N8155" s="18"/>
      <c r="O8155" s="18"/>
      <c r="P8155" s="19"/>
      <c r="Q8155" s="19"/>
      <c r="R8155" s="19"/>
      <c r="S8155" s="19"/>
      <c r="T8155" s="19"/>
      <c r="U8155" s="19"/>
      <c r="V8155" s="19"/>
      <c r="W8155" s="19"/>
      <c r="X8155" s="19"/>
      <c r="Y8155" s="19"/>
      <c r="Z8155" s="19"/>
      <c r="AA8155" s="19"/>
    </row>
    <row r="8156" spans="1:27" s="1" customFormat="1" ht="14.1" customHeight="1" outlineLevel="1" x14ac:dyDescent="0.2">
      <c r="A8156" s="17">
        <v>14229</v>
      </c>
      <c r="B8156" s="17"/>
      <c r="C8156" s="17"/>
      <c r="D8156" s="18" t="s">
        <v>4037</v>
      </c>
      <c r="E8156" s="18"/>
      <c r="F8156" s="18"/>
      <c r="G8156" s="18"/>
      <c r="H8156" s="18"/>
      <c r="I8156" s="18"/>
      <c r="J8156" s="18"/>
      <c r="K8156" s="18"/>
      <c r="L8156" s="18"/>
      <c r="M8156" s="18"/>
      <c r="N8156" s="18"/>
      <c r="O8156" s="18"/>
      <c r="P8156" s="19">
        <v>270</v>
      </c>
      <c r="Q8156" s="19"/>
      <c r="R8156" s="19"/>
      <c r="S8156" s="19"/>
      <c r="T8156" s="19">
        <v>200</v>
      </c>
      <c r="U8156" s="19"/>
      <c r="V8156" s="19"/>
      <c r="W8156" s="19"/>
      <c r="X8156" s="19">
        <v>8</v>
      </c>
      <c r="Y8156" s="19"/>
      <c r="Z8156" s="19"/>
      <c r="AA8156" s="19"/>
    </row>
    <row r="8157" spans="1:27" s="1" customFormat="1" ht="14.1" customHeight="1" outlineLevel="1" x14ac:dyDescent="0.2">
      <c r="A8157" s="17"/>
      <c r="B8157" s="17"/>
      <c r="C8157" s="17"/>
      <c r="D8157" s="18"/>
      <c r="E8157" s="18"/>
      <c r="F8157" s="18"/>
      <c r="G8157" s="18"/>
      <c r="H8157" s="18"/>
      <c r="I8157" s="18"/>
      <c r="J8157" s="18"/>
      <c r="K8157" s="18"/>
      <c r="L8157" s="18"/>
      <c r="M8157" s="18"/>
      <c r="N8157" s="18"/>
      <c r="O8157" s="18"/>
      <c r="P8157" s="19"/>
      <c r="Q8157" s="19"/>
      <c r="R8157" s="19"/>
      <c r="S8157" s="19"/>
      <c r="T8157" s="19"/>
      <c r="U8157" s="19"/>
      <c r="V8157" s="19"/>
      <c r="W8157" s="19"/>
      <c r="X8157" s="19"/>
      <c r="Y8157" s="19"/>
      <c r="Z8157" s="19"/>
      <c r="AA8157" s="19"/>
    </row>
    <row r="8158" spans="1:27" s="1" customFormat="1" ht="14.1" customHeight="1" outlineLevel="1" x14ac:dyDescent="0.2">
      <c r="A8158" s="17">
        <v>11161</v>
      </c>
      <c r="B8158" s="17"/>
      <c r="C8158" s="17"/>
      <c r="D8158" s="18" t="s">
        <v>4038</v>
      </c>
      <c r="E8158" s="18"/>
      <c r="F8158" s="18"/>
      <c r="G8158" s="18"/>
      <c r="H8158" s="18"/>
      <c r="I8158" s="18"/>
      <c r="J8158" s="18"/>
      <c r="K8158" s="18"/>
      <c r="L8158" s="18"/>
      <c r="M8158" s="18"/>
      <c r="N8158" s="18"/>
      <c r="O8158" s="18"/>
      <c r="P8158" s="19">
        <v>240</v>
      </c>
      <c r="Q8158" s="19"/>
      <c r="R8158" s="19"/>
      <c r="S8158" s="19"/>
      <c r="T8158" s="19">
        <v>180</v>
      </c>
      <c r="U8158" s="19"/>
      <c r="V8158" s="19"/>
      <c r="W8158" s="19"/>
      <c r="X8158" s="19">
        <v>1</v>
      </c>
      <c r="Y8158" s="19"/>
      <c r="Z8158" s="19"/>
      <c r="AA8158" s="19"/>
    </row>
    <row r="8159" spans="1:27" s="1" customFormat="1" ht="14.1" customHeight="1" outlineLevel="1" x14ac:dyDescent="0.2">
      <c r="A8159" s="17"/>
      <c r="B8159" s="17"/>
      <c r="C8159" s="17"/>
      <c r="D8159" s="18"/>
      <c r="E8159" s="18"/>
      <c r="F8159" s="18"/>
      <c r="G8159" s="18"/>
      <c r="H8159" s="18"/>
      <c r="I8159" s="18"/>
      <c r="J8159" s="18"/>
      <c r="K8159" s="18"/>
      <c r="L8159" s="18"/>
      <c r="M8159" s="18"/>
      <c r="N8159" s="18"/>
      <c r="O8159" s="18"/>
      <c r="P8159" s="19"/>
      <c r="Q8159" s="19"/>
      <c r="R8159" s="19"/>
      <c r="S8159" s="19"/>
      <c r="T8159" s="19"/>
      <c r="U8159" s="19"/>
      <c r="V8159" s="19"/>
      <c r="W8159" s="19"/>
      <c r="X8159" s="19"/>
      <c r="Y8159" s="19"/>
      <c r="Z8159" s="19"/>
      <c r="AA8159" s="19"/>
    </row>
    <row r="8160" spans="1:27" s="1" customFormat="1" ht="14.1" customHeight="1" outlineLevel="1" x14ac:dyDescent="0.2">
      <c r="A8160" s="17">
        <v>8318</v>
      </c>
      <c r="B8160" s="17"/>
      <c r="C8160" s="17"/>
      <c r="D8160" s="18" t="s">
        <v>4039</v>
      </c>
      <c r="E8160" s="18"/>
      <c r="F8160" s="18"/>
      <c r="G8160" s="18"/>
      <c r="H8160" s="18"/>
      <c r="I8160" s="18"/>
      <c r="J8160" s="18"/>
      <c r="K8160" s="18"/>
      <c r="L8160" s="18"/>
      <c r="M8160" s="18"/>
      <c r="N8160" s="18"/>
      <c r="O8160" s="18"/>
      <c r="P8160" s="19">
        <v>160</v>
      </c>
      <c r="Q8160" s="19"/>
      <c r="R8160" s="19"/>
      <c r="S8160" s="19"/>
      <c r="T8160" s="19">
        <v>120</v>
      </c>
      <c r="U8160" s="19"/>
      <c r="V8160" s="19"/>
      <c r="W8160" s="19"/>
      <c r="X8160" s="19">
        <v>42</v>
      </c>
      <c r="Y8160" s="19"/>
      <c r="Z8160" s="19"/>
      <c r="AA8160" s="19"/>
    </row>
    <row r="8161" spans="1:27" s="1" customFormat="1" ht="14.1" customHeight="1" outlineLevel="1" x14ac:dyDescent="0.2">
      <c r="A8161" s="17"/>
      <c r="B8161" s="17"/>
      <c r="C8161" s="17"/>
      <c r="D8161" s="18"/>
      <c r="E8161" s="18"/>
      <c r="F8161" s="18"/>
      <c r="G8161" s="18"/>
      <c r="H8161" s="18"/>
      <c r="I8161" s="18"/>
      <c r="J8161" s="18"/>
      <c r="K8161" s="18"/>
      <c r="L8161" s="18"/>
      <c r="M8161" s="18"/>
      <c r="N8161" s="18"/>
      <c r="O8161" s="18"/>
      <c r="P8161" s="19"/>
      <c r="Q8161" s="19"/>
      <c r="R8161" s="19"/>
      <c r="S8161" s="19"/>
      <c r="T8161" s="19"/>
      <c r="U8161" s="19"/>
      <c r="V8161" s="19"/>
      <c r="W8161" s="19"/>
      <c r="X8161" s="19"/>
      <c r="Y8161" s="19"/>
      <c r="Z8161" s="19"/>
      <c r="AA8161" s="19"/>
    </row>
    <row r="8162" spans="1:27" s="1" customFormat="1" ht="14.1" customHeight="1" outlineLevel="1" x14ac:dyDescent="0.2">
      <c r="A8162" s="17">
        <v>11738</v>
      </c>
      <c r="B8162" s="17"/>
      <c r="C8162" s="17"/>
      <c r="D8162" s="18" t="s">
        <v>4040</v>
      </c>
      <c r="E8162" s="18"/>
      <c r="F8162" s="18"/>
      <c r="G8162" s="18"/>
      <c r="H8162" s="18"/>
      <c r="I8162" s="18"/>
      <c r="J8162" s="18"/>
      <c r="K8162" s="18"/>
      <c r="L8162" s="18"/>
      <c r="M8162" s="18"/>
      <c r="N8162" s="18"/>
      <c r="O8162" s="18"/>
      <c r="P8162" s="19">
        <v>170</v>
      </c>
      <c r="Q8162" s="19"/>
      <c r="R8162" s="19"/>
      <c r="S8162" s="19"/>
      <c r="T8162" s="19">
        <v>130</v>
      </c>
      <c r="U8162" s="19"/>
      <c r="V8162" s="19"/>
      <c r="W8162" s="19"/>
      <c r="X8162" s="19">
        <v>19</v>
      </c>
      <c r="Y8162" s="19"/>
      <c r="Z8162" s="19"/>
      <c r="AA8162" s="19"/>
    </row>
    <row r="8163" spans="1:27" s="1" customFormat="1" ht="14.1" customHeight="1" outlineLevel="1" x14ac:dyDescent="0.2">
      <c r="A8163" s="17"/>
      <c r="B8163" s="17"/>
      <c r="C8163" s="17"/>
      <c r="D8163" s="18"/>
      <c r="E8163" s="18"/>
      <c r="F8163" s="18"/>
      <c r="G8163" s="18"/>
      <c r="H8163" s="18"/>
      <c r="I8163" s="18"/>
      <c r="J8163" s="18"/>
      <c r="K8163" s="18"/>
      <c r="L8163" s="18"/>
      <c r="M8163" s="18"/>
      <c r="N8163" s="18"/>
      <c r="O8163" s="18"/>
      <c r="P8163" s="19"/>
      <c r="Q8163" s="19"/>
      <c r="R8163" s="19"/>
      <c r="S8163" s="19"/>
      <c r="T8163" s="19"/>
      <c r="U8163" s="19"/>
      <c r="V8163" s="19"/>
      <c r="W8163" s="19"/>
      <c r="X8163" s="19"/>
      <c r="Y8163" s="19"/>
      <c r="Z8163" s="19"/>
      <c r="AA8163" s="19"/>
    </row>
    <row r="8164" spans="1:27" s="1" customFormat="1" ht="14.1" customHeight="1" outlineLevel="1" x14ac:dyDescent="0.2">
      <c r="A8164" s="17">
        <v>14230</v>
      </c>
      <c r="B8164" s="17"/>
      <c r="C8164" s="17"/>
      <c r="D8164" s="18" t="s">
        <v>4041</v>
      </c>
      <c r="E8164" s="18"/>
      <c r="F8164" s="18"/>
      <c r="G8164" s="18"/>
      <c r="H8164" s="18"/>
      <c r="I8164" s="18"/>
      <c r="J8164" s="18"/>
      <c r="K8164" s="18"/>
      <c r="L8164" s="18"/>
      <c r="M8164" s="18"/>
      <c r="N8164" s="18"/>
      <c r="O8164" s="18"/>
      <c r="P8164" s="19">
        <v>190</v>
      </c>
      <c r="Q8164" s="19"/>
      <c r="R8164" s="19"/>
      <c r="S8164" s="19"/>
      <c r="T8164" s="19">
        <v>150</v>
      </c>
      <c r="U8164" s="19"/>
      <c r="V8164" s="19"/>
      <c r="W8164" s="19"/>
      <c r="X8164" s="19">
        <v>5</v>
      </c>
      <c r="Y8164" s="19"/>
      <c r="Z8164" s="19"/>
      <c r="AA8164" s="19"/>
    </row>
    <row r="8165" spans="1:27" s="1" customFormat="1" ht="14.1" customHeight="1" outlineLevel="1" x14ac:dyDescent="0.2">
      <c r="A8165" s="17"/>
      <c r="B8165" s="17"/>
      <c r="C8165" s="17"/>
      <c r="D8165" s="18"/>
      <c r="E8165" s="18"/>
      <c r="F8165" s="18"/>
      <c r="G8165" s="18"/>
      <c r="H8165" s="18"/>
      <c r="I8165" s="18"/>
      <c r="J8165" s="18"/>
      <c r="K8165" s="18"/>
      <c r="L8165" s="18"/>
      <c r="M8165" s="18"/>
      <c r="N8165" s="18"/>
      <c r="O8165" s="18"/>
      <c r="P8165" s="19"/>
      <c r="Q8165" s="19"/>
      <c r="R8165" s="19"/>
      <c r="S8165" s="19"/>
      <c r="T8165" s="19"/>
      <c r="U8165" s="19"/>
      <c r="V8165" s="19"/>
      <c r="W8165" s="19"/>
      <c r="X8165" s="19"/>
      <c r="Y8165" s="19"/>
      <c r="Z8165" s="19"/>
      <c r="AA8165" s="19"/>
    </row>
    <row r="8166" spans="1:27" s="1" customFormat="1" ht="14.1" customHeight="1" outlineLevel="1" x14ac:dyDescent="0.2">
      <c r="A8166" s="17">
        <v>11739</v>
      </c>
      <c r="B8166" s="17"/>
      <c r="C8166" s="17"/>
      <c r="D8166" s="18" t="s">
        <v>4042</v>
      </c>
      <c r="E8166" s="18"/>
      <c r="F8166" s="18"/>
      <c r="G8166" s="18"/>
      <c r="H8166" s="18"/>
      <c r="I8166" s="18"/>
      <c r="J8166" s="18"/>
      <c r="K8166" s="18"/>
      <c r="L8166" s="18"/>
      <c r="M8166" s="18"/>
      <c r="N8166" s="18"/>
      <c r="O8166" s="18"/>
      <c r="P8166" s="19">
        <v>160</v>
      </c>
      <c r="Q8166" s="19"/>
      <c r="R8166" s="19"/>
      <c r="S8166" s="19"/>
      <c r="T8166" s="19">
        <v>120</v>
      </c>
      <c r="U8166" s="19"/>
      <c r="V8166" s="19"/>
      <c r="W8166" s="19"/>
      <c r="X8166" s="19">
        <v>32</v>
      </c>
      <c r="Y8166" s="19"/>
      <c r="Z8166" s="19"/>
      <c r="AA8166" s="19"/>
    </row>
    <row r="8167" spans="1:27" s="1" customFormat="1" ht="14.1" customHeight="1" outlineLevel="1" x14ac:dyDescent="0.2">
      <c r="A8167" s="17"/>
      <c r="B8167" s="17"/>
      <c r="C8167" s="17"/>
      <c r="D8167" s="18"/>
      <c r="E8167" s="18"/>
      <c r="F8167" s="18"/>
      <c r="G8167" s="18"/>
      <c r="H8167" s="18"/>
      <c r="I8167" s="18"/>
      <c r="J8167" s="18"/>
      <c r="K8167" s="18"/>
      <c r="L8167" s="18"/>
      <c r="M8167" s="18"/>
      <c r="N8167" s="18"/>
      <c r="O8167" s="18"/>
      <c r="P8167" s="19"/>
      <c r="Q8167" s="19"/>
      <c r="R8167" s="19"/>
      <c r="S8167" s="19"/>
      <c r="T8167" s="19"/>
      <c r="U8167" s="19"/>
      <c r="V8167" s="19"/>
      <c r="W8167" s="19"/>
      <c r="X8167" s="19"/>
      <c r="Y8167" s="19"/>
      <c r="Z8167" s="19"/>
      <c r="AA8167" s="19"/>
    </row>
    <row r="8168" spans="1:27" s="1" customFormat="1" ht="14.1" customHeight="1" outlineLevel="1" x14ac:dyDescent="0.2">
      <c r="A8168" s="17">
        <v>11741</v>
      </c>
      <c r="B8168" s="17"/>
      <c r="C8168" s="17"/>
      <c r="D8168" s="18" t="s">
        <v>4043</v>
      </c>
      <c r="E8168" s="18"/>
      <c r="F8168" s="18"/>
      <c r="G8168" s="18"/>
      <c r="H8168" s="18"/>
      <c r="I8168" s="18"/>
      <c r="J8168" s="18"/>
      <c r="K8168" s="18"/>
      <c r="L8168" s="18"/>
      <c r="M8168" s="18"/>
      <c r="N8168" s="18"/>
      <c r="O8168" s="18"/>
      <c r="P8168" s="19">
        <v>170</v>
      </c>
      <c r="Q8168" s="19"/>
      <c r="R8168" s="19"/>
      <c r="S8168" s="19"/>
      <c r="T8168" s="19">
        <v>130</v>
      </c>
      <c r="U8168" s="19"/>
      <c r="V8168" s="19"/>
      <c r="W8168" s="19"/>
      <c r="X8168" s="19">
        <v>48</v>
      </c>
      <c r="Y8168" s="19"/>
      <c r="Z8168" s="19"/>
      <c r="AA8168" s="19"/>
    </row>
    <row r="8169" spans="1:27" s="1" customFormat="1" ht="14.1" customHeight="1" outlineLevel="1" x14ac:dyDescent="0.2">
      <c r="A8169" s="17"/>
      <c r="B8169" s="17"/>
      <c r="C8169" s="17"/>
      <c r="D8169" s="18"/>
      <c r="E8169" s="18"/>
      <c r="F8169" s="18"/>
      <c r="G8169" s="18"/>
      <c r="H8169" s="18"/>
      <c r="I8169" s="18"/>
      <c r="J8169" s="18"/>
      <c r="K8169" s="18"/>
      <c r="L8169" s="18"/>
      <c r="M8169" s="18"/>
      <c r="N8169" s="18"/>
      <c r="O8169" s="18"/>
      <c r="P8169" s="19"/>
      <c r="Q8169" s="19"/>
      <c r="R8169" s="19"/>
      <c r="S8169" s="19"/>
      <c r="T8169" s="19"/>
      <c r="U8169" s="19"/>
      <c r="V8169" s="19"/>
      <c r="W8169" s="19"/>
      <c r="X8169" s="19"/>
      <c r="Y8169" s="19"/>
      <c r="Z8169" s="19"/>
      <c r="AA8169" s="19"/>
    </row>
    <row r="8170" spans="1:27" s="1" customFormat="1" ht="14.1" customHeight="1" outlineLevel="1" x14ac:dyDescent="0.2">
      <c r="A8170" s="17">
        <v>17963</v>
      </c>
      <c r="B8170" s="17"/>
      <c r="C8170" s="17"/>
      <c r="D8170" s="18" t="s">
        <v>4044</v>
      </c>
      <c r="E8170" s="18"/>
      <c r="F8170" s="18"/>
      <c r="G8170" s="18"/>
      <c r="H8170" s="18"/>
      <c r="I8170" s="18"/>
      <c r="J8170" s="18"/>
      <c r="K8170" s="18"/>
      <c r="L8170" s="18"/>
      <c r="M8170" s="18"/>
      <c r="N8170" s="18"/>
      <c r="O8170" s="18"/>
      <c r="P8170" s="19">
        <v>400</v>
      </c>
      <c r="Q8170" s="19"/>
      <c r="R8170" s="19"/>
      <c r="S8170" s="19"/>
      <c r="T8170" s="19">
        <v>300</v>
      </c>
      <c r="U8170" s="19"/>
      <c r="V8170" s="19"/>
      <c r="W8170" s="19"/>
      <c r="X8170" s="19">
        <v>1</v>
      </c>
      <c r="Y8170" s="19"/>
      <c r="Z8170" s="19"/>
      <c r="AA8170" s="19"/>
    </row>
    <row r="8171" spans="1:27" s="1" customFormat="1" ht="14.1" customHeight="1" outlineLevel="1" x14ac:dyDescent="0.2">
      <c r="A8171" s="17"/>
      <c r="B8171" s="17"/>
      <c r="C8171" s="17"/>
      <c r="D8171" s="18"/>
      <c r="E8171" s="18"/>
      <c r="F8171" s="18"/>
      <c r="G8171" s="18"/>
      <c r="H8171" s="18"/>
      <c r="I8171" s="18"/>
      <c r="J8171" s="18"/>
      <c r="K8171" s="18"/>
      <c r="L8171" s="18"/>
      <c r="M8171" s="18"/>
      <c r="N8171" s="18"/>
      <c r="O8171" s="18"/>
      <c r="P8171" s="19"/>
      <c r="Q8171" s="19"/>
      <c r="R8171" s="19"/>
      <c r="S8171" s="19"/>
      <c r="T8171" s="19"/>
      <c r="U8171" s="19"/>
      <c r="V8171" s="19"/>
      <c r="W8171" s="19"/>
      <c r="X8171" s="19"/>
      <c r="Y8171" s="19"/>
      <c r="Z8171" s="19"/>
      <c r="AA8171" s="19"/>
    </row>
    <row r="8172" spans="1:27" s="1" customFormat="1" ht="14.1" customHeight="1" outlineLevel="1" x14ac:dyDescent="0.2">
      <c r="A8172" s="17">
        <v>13196</v>
      </c>
      <c r="B8172" s="17"/>
      <c r="C8172" s="17"/>
      <c r="D8172" s="18" t="s">
        <v>4045</v>
      </c>
      <c r="E8172" s="18"/>
      <c r="F8172" s="18"/>
      <c r="G8172" s="18"/>
      <c r="H8172" s="18"/>
      <c r="I8172" s="18"/>
      <c r="J8172" s="18"/>
      <c r="K8172" s="18"/>
      <c r="L8172" s="18"/>
      <c r="M8172" s="18"/>
      <c r="N8172" s="18"/>
      <c r="O8172" s="18"/>
      <c r="P8172" s="19">
        <v>170</v>
      </c>
      <c r="Q8172" s="19"/>
      <c r="R8172" s="19"/>
      <c r="S8172" s="19"/>
      <c r="T8172" s="19">
        <v>130</v>
      </c>
      <c r="U8172" s="19"/>
      <c r="V8172" s="19"/>
      <c r="W8172" s="19"/>
      <c r="X8172" s="19">
        <v>19</v>
      </c>
      <c r="Y8172" s="19"/>
      <c r="Z8172" s="19"/>
      <c r="AA8172" s="19"/>
    </row>
    <row r="8173" spans="1:27" s="1" customFormat="1" ht="14.1" customHeight="1" outlineLevel="1" x14ac:dyDescent="0.2">
      <c r="A8173" s="17"/>
      <c r="B8173" s="17"/>
      <c r="C8173" s="17"/>
      <c r="D8173" s="18"/>
      <c r="E8173" s="18"/>
      <c r="F8173" s="18"/>
      <c r="G8173" s="18"/>
      <c r="H8173" s="18"/>
      <c r="I8173" s="18"/>
      <c r="J8173" s="18"/>
      <c r="K8173" s="18"/>
      <c r="L8173" s="18"/>
      <c r="M8173" s="18"/>
      <c r="N8173" s="18"/>
      <c r="O8173" s="18"/>
      <c r="P8173" s="19"/>
      <c r="Q8173" s="19"/>
      <c r="R8173" s="19"/>
      <c r="S8173" s="19"/>
      <c r="T8173" s="19"/>
      <c r="U8173" s="19"/>
      <c r="V8173" s="19"/>
      <c r="W8173" s="19"/>
      <c r="X8173" s="19"/>
      <c r="Y8173" s="19"/>
      <c r="Z8173" s="19"/>
      <c r="AA8173" s="19"/>
    </row>
    <row r="8174" spans="1:27" s="1" customFormat="1" ht="14.1" customHeight="1" outlineLevel="1" x14ac:dyDescent="0.2">
      <c r="A8174" s="17">
        <v>14231</v>
      </c>
      <c r="B8174" s="17"/>
      <c r="C8174" s="17"/>
      <c r="D8174" s="18" t="s">
        <v>4046</v>
      </c>
      <c r="E8174" s="18"/>
      <c r="F8174" s="18"/>
      <c r="G8174" s="18"/>
      <c r="H8174" s="18"/>
      <c r="I8174" s="18"/>
      <c r="J8174" s="18"/>
      <c r="K8174" s="18"/>
      <c r="L8174" s="18"/>
      <c r="M8174" s="18"/>
      <c r="N8174" s="18"/>
      <c r="O8174" s="18"/>
      <c r="P8174" s="19">
        <v>190</v>
      </c>
      <c r="Q8174" s="19"/>
      <c r="R8174" s="19"/>
      <c r="S8174" s="19"/>
      <c r="T8174" s="19">
        <v>150</v>
      </c>
      <c r="U8174" s="19"/>
      <c r="V8174" s="19"/>
      <c r="W8174" s="19"/>
      <c r="X8174" s="19">
        <v>9</v>
      </c>
      <c r="Y8174" s="19"/>
      <c r="Z8174" s="19"/>
      <c r="AA8174" s="19"/>
    </row>
    <row r="8175" spans="1:27" s="1" customFormat="1" ht="14.1" customHeight="1" outlineLevel="1" x14ac:dyDescent="0.2">
      <c r="A8175" s="17"/>
      <c r="B8175" s="17"/>
      <c r="C8175" s="17"/>
      <c r="D8175" s="18"/>
      <c r="E8175" s="18"/>
      <c r="F8175" s="18"/>
      <c r="G8175" s="18"/>
      <c r="H8175" s="18"/>
      <c r="I8175" s="18"/>
      <c r="J8175" s="18"/>
      <c r="K8175" s="18"/>
      <c r="L8175" s="18"/>
      <c r="M8175" s="18"/>
      <c r="N8175" s="18"/>
      <c r="O8175" s="18"/>
      <c r="P8175" s="19"/>
      <c r="Q8175" s="19"/>
      <c r="R8175" s="19"/>
      <c r="S8175" s="19"/>
      <c r="T8175" s="19"/>
      <c r="U8175" s="19"/>
      <c r="V8175" s="19"/>
      <c r="W8175" s="19"/>
      <c r="X8175" s="19"/>
      <c r="Y8175" s="19"/>
      <c r="Z8175" s="19"/>
      <c r="AA8175" s="19"/>
    </row>
    <row r="8176" spans="1:27" s="1" customFormat="1" ht="14.1" customHeight="1" outlineLevel="1" x14ac:dyDescent="0.2">
      <c r="A8176" s="17">
        <v>13738</v>
      </c>
      <c r="B8176" s="17"/>
      <c r="C8176" s="17"/>
      <c r="D8176" s="18" t="s">
        <v>4047</v>
      </c>
      <c r="E8176" s="18"/>
      <c r="F8176" s="18"/>
      <c r="G8176" s="18"/>
      <c r="H8176" s="18"/>
      <c r="I8176" s="18"/>
      <c r="J8176" s="18"/>
      <c r="K8176" s="18"/>
      <c r="L8176" s="18"/>
      <c r="M8176" s="18"/>
      <c r="N8176" s="18"/>
      <c r="O8176" s="18"/>
      <c r="P8176" s="19">
        <v>680</v>
      </c>
      <c r="Q8176" s="19"/>
      <c r="R8176" s="19"/>
      <c r="S8176" s="19"/>
      <c r="T8176" s="19">
        <v>590</v>
      </c>
      <c r="U8176" s="19"/>
      <c r="V8176" s="19"/>
      <c r="W8176" s="19"/>
      <c r="X8176" s="19">
        <v>3</v>
      </c>
      <c r="Y8176" s="19"/>
      <c r="Z8176" s="19"/>
      <c r="AA8176" s="19"/>
    </row>
    <row r="8177" spans="1:27" s="1" customFormat="1" ht="14.1" customHeight="1" outlineLevel="1" x14ac:dyDescent="0.2">
      <c r="A8177" s="17"/>
      <c r="B8177" s="17"/>
      <c r="C8177" s="17"/>
      <c r="D8177" s="18"/>
      <c r="E8177" s="18"/>
      <c r="F8177" s="18"/>
      <c r="G8177" s="18"/>
      <c r="H8177" s="18"/>
      <c r="I8177" s="18"/>
      <c r="J8177" s="18"/>
      <c r="K8177" s="18"/>
      <c r="L8177" s="18"/>
      <c r="M8177" s="18"/>
      <c r="N8177" s="18"/>
      <c r="O8177" s="18"/>
      <c r="P8177" s="19"/>
      <c r="Q8177" s="19"/>
      <c r="R8177" s="19"/>
      <c r="S8177" s="19"/>
      <c r="T8177" s="19"/>
      <c r="U8177" s="19"/>
      <c r="V8177" s="19"/>
      <c r="W8177" s="19"/>
      <c r="X8177" s="19"/>
      <c r="Y8177" s="19"/>
      <c r="Z8177" s="19"/>
      <c r="AA8177" s="19"/>
    </row>
    <row r="8178" spans="1:27" s="1" customFormat="1" ht="14.1" customHeight="1" outlineLevel="1" x14ac:dyDescent="0.2">
      <c r="A8178" s="17">
        <v>8681</v>
      </c>
      <c r="B8178" s="17"/>
      <c r="C8178" s="17"/>
      <c r="D8178" s="18" t="s">
        <v>4048</v>
      </c>
      <c r="E8178" s="18"/>
      <c r="F8178" s="18"/>
      <c r="G8178" s="18"/>
      <c r="H8178" s="18"/>
      <c r="I8178" s="18"/>
      <c r="J8178" s="18"/>
      <c r="K8178" s="18"/>
      <c r="L8178" s="18"/>
      <c r="M8178" s="18"/>
      <c r="N8178" s="18"/>
      <c r="O8178" s="18"/>
      <c r="P8178" s="19">
        <v>200</v>
      </c>
      <c r="Q8178" s="19"/>
      <c r="R8178" s="19"/>
      <c r="S8178" s="19"/>
      <c r="T8178" s="19">
        <v>150</v>
      </c>
      <c r="U8178" s="19"/>
      <c r="V8178" s="19"/>
      <c r="W8178" s="19"/>
      <c r="X8178" s="19">
        <v>29</v>
      </c>
      <c r="Y8178" s="19"/>
      <c r="Z8178" s="19"/>
      <c r="AA8178" s="19"/>
    </row>
    <row r="8179" spans="1:27" s="1" customFormat="1" ht="14.1" customHeight="1" outlineLevel="1" x14ac:dyDescent="0.2">
      <c r="A8179" s="17"/>
      <c r="B8179" s="17"/>
      <c r="C8179" s="17"/>
      <c r="D8179" s="18"/>
      <c r="E8179" s="18"/>
      <c r="F8179" s="18"/>
      <c r="G8179" s="18"/>
      <c r="H8179" s="18"/>
      <c r="I8179" s="18"/>
      <c r="J8179" s="18"/>
      <c r="K8179" s="18"/>
      <c r="L8179" s="18"/>
      <c r="M8179" s="18"/>
      <c r="N8179" s="18"/>
      <c r="O8179" s="18"/>
      <c r="P8179" s="19"/>
      <c r="Q8179" s="19"/>
      <c r="R8179" s="19"/>
      <c r="S8179" s="19"/>
      <c r="T8179" s="19"/>
      <c r="U8179" s="19"/>
      <c r="V8179" s="19"/>
      <c r="W8179" s="19"/>
      <c r="X8179" s="19"/>
      <c r="Y8179" s="19"/>
      <c r="Z8179" s="19"/>
      <c r="AA8179" s="19"/>
    </row>
    <row r="8180" spans="1:27" s="1" customFormat="1" ht="14.1" customHeight="1" outlineLevel="1" x14ac:dyDescent="0.2">
      <c r="A8180" s="17">
        <v>12807</v>
      </c>
      <c r="B8180" s="17"/>
      <c r="C8180" s="17"/>
      <c r="D8180" s="18" t="s">
        <v>4049</v>
      </c>
      <c r="E8180" s="18"/>
      <c r="F8180" s="18"/>
      <c r="G8180" s="18"/>
      <c r="H8180" s="18"/>
      <c r="I8180" s="18"/>
      <c r="J8180" s="18"/>
      <c r="K8180" s="18"/>
      <c r="L8180" s="18"/>
      <c r="M8180" s="18"/>
      <c r="N8180" s="18"/>
      <c r="O8180" s="18"/>
      <c r="P8180" s="19">
        <v>170</v>
      </c>
      <c r="Q8180" s="19"/>
      <c r="R8180" s="19"/>
      <c r="S8180" s="19"/>
      <c r="T8180" s="19">
        <v>130</v>
      </c>
      <c r="U8180" s="19"/>
      <c r="V8180" s="19"/>
      <c r="W8180" s="19"/>
      <c r="X8180" s="19">
        <v>21</v>
      </c>
      <c r="Y8180" s="19"/>
      <c r="Z8180" s="19"/>
      <c r="AA8180" s="19"/>
    </row>
    <row r="8181" spans="1:27" s="1" customFormat="1" ht="14.1" customHeight="1" outlineLevel="1" x14ac:dyDescent="0.2">
      <c r="A8181" s="17"/>
      <c r="B8181" s="17"/>
      <c r="C8181" s="17"/>
      <c r="D8181" s="18"/>
      <c r="E8181" s="18"/>
      <c r="F8181" s="18"/>
      <c r="G8181" s="18"/>
      <c r="H8181" s="18"/>
      <c r="I8181" s="18"/>
      <c r="J8181" s="18"/>
      <c r="K8181" s="18"/>
      <c r="L8181" s="18"/>
      <c r="M8181" s="18"/>
      <c r="N8181" s="18"/>
      <c r="O8181" s="18"/>
      <c r="P8181" s="19"/>
      <c r="Q8181" s="19"/>
      <c r="R8181" s="19"/>
      <c r="S8181" s="19"/>
      <c r="T8181" s="19"/>
      <c r="U8181" s="19"/>
      <c r="V8181" s="19"/>
      <c r="W8181" s="19"/>
      <c r="X8181" s="19"/>
      <c r="Y8181" s="19"/>
      <c r="Z8181" s="19"/>
      <c r="AA8181" s="19"/>
    </row>
    <row r="8182" spans="1:27" s="1" customFormat="1" ht="14.1" customHeight="1" outlineLevel="1" x14ac:dyDescent="0.2">
      <c r="A8182" s="17">
        <v>14232</v>
      </c>
      <c r="B8182" s="17"/>
      <c r="C8182" s="17"/>
      <c r="D8182" s="18" t="s">
        <v>4050</v>
      </c>
      <c r="E8182" s="18"/>
      <c r="F8182" s="18"/>
      <c r="G8182" s="18"/>
      <c r="H8182" s="18"/>
      <c r="I8182" s="18"/>
      <c r="J8182" s="18"/>
      <c r="K8182" s="18"/>
      <c r="L8182" s="18"/>
      <c r="M8182" s="18"/>
      <c r="N8182" s="18"/>
      <c r="O8182" s="18"/>
      <c r="P8182" s="19">
        <v>200</v>
      </c>
      <c r="Q8182" s="19"/>
      <c r="R8182" s="19"/>
      <c r="S8182" s="19"/>
      <c r="T8182" s="19">
        <v>150</v>
      </c>
      <c r="U8182" s="19"/>
      <c r="V8182" s="19"/>
      <c r="W8182" s="19"/>
      <c r="X8182" s="19">
        <v>17</v>
      </c>
      <c r="Y8182" s="19"/>
      <c r="Z8182" s="19"/>
      <c r="AA8182" s="19"/>
    </row>
    <row r="8183" spans="1:27" s="1" customFormat="1" ht="14.1" customHeight="1" outlineLevel="1" x14ac:dyDescent="0.2">
      <c r="A8183" s="17"/>
      <c r="B8183" s="17"/>
      <c r="C8183" s="17"/>
      <c r="D8183" s="18"/>
      <c r="E8183" s="18"/>
      <c r="F8183" s="18"/>
      <c r="G8183" s="18"/>
      <c r="H8183" s="18"/>
      <c r="I8183" s="18"/>
      <c r="J8183" s="18"/>
      <c r="K8183" s="18"/>
      <c r="L8183" s="18"/>
      <c r="M8183" s="18"/>
      <c r="N8183" s="18"/>
      <c r="O8183" s="18"/>
      <c r="P8183" s="19"/>
      <c r="Q8183" s="19"/>
      <c r="R8183" s="19"/>
      <c r="S8183" s="19"/>
      <c r="T8183" s="19"/>
      <c r="U8183" s="19"/>
      <c r="V8183" s="19"/>
      <c r="W8183" s="19"/>
      <c r="X8183" s="19"/>
      <c r="Y8183" s="19"/>
      <c r="Z8183" s="19"/>
      <c r="AA8183" s="19"/>
    </row>
    <row r="8184" spans="1:27" s="1" customFormat="1" ht="14.1" customHeight="1" outlineLevel="1" x14ac:dyDescent="0.2">
      <c r="A8184" s="17">
        <v>13198</v>
      </c>
      <c r="B8184" s="17"/>
      <c r="C8184" s="17"/>
      <c r="D8184" s="18" t="s">
        <v>4051</v>
      </c>
      <c r="E8184" s="18"/>
      <c r="F8184" s="18"/>
      <c r="G8184" s="18"/>
      <c r="H8184" s="18"/>
      <c r="I8184" s="18"/>
      <c r="J8184" s="18"/>
      <c r="K8184" s="18"/>
      <c r="L8184" s="18"/>
      <c r="M8184" s="18"/>
      <c r="N8184" s="18"/>
      <c r="O8184" s="18"/>
      <c r="P8184" s="19">
        <v>230</v>
      </c>
      <c r="Q8184" s="19"/>
      <c r="R8184" s="19"/>
      <c r="S8184" s="19"/>
      <c r="T8184" s="19">
        <v>150</v>
      </c>
      <c r="U8184" s="19"/>
      <c r="V8184" s="19"/>
      <c r="W8184" s="19"/>
      <c r="X8184" s="19">
        <v>10</v>
      </c>
      <c r="Y8184" s="19"/>
      <c r="Z8184" s="19"/>
      <c r="AA8184" s="19"/>
    </row>
    <row r="8185" spans="1:27" s="1" customFormat="1" ht="14.1" customHeight="1" outlineLevel="1" x14ac:dyDescent="0.2">
      <c r="A8185" s="17"/>
      <c r="B8185" s="17"/>
      <c r="C8185" s="17"/>
      <c r="D8185" s="18"/>
      <c r="E8185" s="18"/>
      <c r="F8185" s="18"/>
      <c r="G8185" s="18"/>
      <c r="H8185" s="18"/>
      <c r="I8185" s="18"/>
      <c r="J8185" s="18"/>
      <c r="K8185" s="18"/>
      <c r="L8185" s="18"/>
      <c r="M8185" s="18"/>
      <c r="N8185" s="18"/>
      <c r="O8185" s="18"/>
      <c r="P8185" s="19"/>
      <c r="Q8185" s="19"/>
      <c r="R8185" s="19"/>
      <c r="S8185" s="19"/>
      <c r="T8185" s="19"/>
      <c r="U8185" s="19"/>
      <c r="V8185" s="19"/>
      <c r="W8185" s="19"/>
      <c r="X8185" s="19"/>
      <c r="Y8185" s="19"/>
      <c r="Z8185" s="19"/>
      <c r="AA8185" s="19"/>
    </row>
    <row r="8186" spans="1:27" s="1" customFormat="1" ht="14.1" customHeight="1" outlineLevel="1" x14ac:dyDescent="0.2">
      <c r="A8186" s="17">
        <v>13199</v>
      </c>
      <c r="B8186" s="17"/>
      <c r="C8186" s="17"/>
      <c r="D8186" s="18" t="s">
        <v>4052</v>
      </c>
      <c r="E8186" s="18"/>
      <c r="F8186" s="18"/>
      <c r="G8186" s="18"/>
      <c r="H8186" s="18"/>
      <c r="I8186" s="18"/>
      <c r="J8186" s="18"/>
      <c r="K8186" s="18"/>
      <c r="L8186" s="18"/>
      <c r="M8186" s="18"/>
      <c r="N8186" s="18"/>
      <c r="O8186" s="18"/>
      <c r="P8186" s="19">
        <v>490</v>
      </c>
      <c r="Q8186" s="19"/>
      <c r="R8186" s="19"/>
      <c r="S8186" s="19"/>
      <c r="T8186" s="19">
        <v>435</v>
      </c>
      <c r="U8186" s="19"/>
      <c r="V8186" s="19"/>
      <c r="W8186" s="19"/>
      <c r="X8186" s="19">
        <v>10</v>
      </c>
      <c r="Y8186" s="19"/>
      <c r="Z8186" s="19"/>
      <c r="AA8186" s="19"/>
    </row>
    <row r="8187" spans="1:27" s="1" customFormat="1" ht="14.1" customHeight="1" outlineLevel="1" x14ac:dyDescent="0.2">
      <c r="A8187" s="17"/>
      <c r="B8187" s="17"/>
      <c r="C8187" s="17"/>
      <c r="D8187" s="18"/>
      <c r="E8187" s="18"/>
      <c r="F8187" s="18"/>
      <c r="G8187" s="18"/>
      <c r="H8187" s="18"/>
      <c r="I8187" s="18"/>
      <c r="J8187" s="18"/>
      <c r="K8187" s="18"/>
      <c r="L8187" s="18"/>
      <c r="M8187" s="18"/>
      <c r="N8187" s="18"/>
      <c r="O8187" s="18"/>
      <c r="P8187" s="19"/>
      <c r="Q8187" s="19"/>
      <c r="R8187" s="19"/>
      <c r="S8187" s="19"/>
      <c r="T8187" s="19"/>
      <c r="U8187" s="19"/>
      <c r="V8187" s="19"/>
      <c r="W8187" s="19"/>
      <c r="X8187" s="19"/>
      <c r="Y8187" s="19"/>
      <c r="Z8187" s="19"/>
      <c r="AA8187" s="19"/>
    </row>
    <row r="8188" spans="1:27" s="1" customFormat="1" ht="14.1" customHeight="1" outlineLevel="1" x14ac:dyDescent="0.2">
      <c r="A8188" s="17">
        <v>13200</v>
      </c>
      <c r="B8188" s="17"/>
      <c r="C8188" s="17"/>
      <c r="D8188" s="18" t="s">
        <v>4053</v>
      </c>
      <c r="E8188" s="18"/>
      <c r="F8188" s="18"/>
      <c r="G8188" s="18"/>
      <c r="H8188" s="18"/>
      <c r="I8188" s="18"/>
      <c r="J8188" s="18"/>
      <c r="K8188" s="18"/>
      <c r="L8188" s="18"/>
      <c r="M8188" s="18"/>
      <c r="N8188" s="18"/>
      <c r="O8188" s="18"/>
      <c r="P8188" s="19">
        <v>220</v>
      </c>
      <c r="Q8188" s="19"/>
      <c r="R8188" s="19"/>
      <c r="S8188" s="19"/>
      <c r="T8188" s="19">
        <v>145</v>
      </c>
      <c r="U8188" s="19"/>
      <c r="V8188" s="19"/>
      <c r="W8188" s="19"/>
      <c r="X8188" s="19">
        <v>10</v>
      </c>
      <c r="Y8188" s="19"/>
      <c r="Z8188" s="19"/>
      <c r="AA8188" s="19"/>
    </row>
    <row r="8189" spans="1:27" s="1" customFormat="1" ht="14.1" customHeight="1" outlineLevel="1" x14ac:dyDescent="0.2">
      <c r="A8189" s="17"/>
      <c r="B8189" s="17"/>
      <c r="C8189" s="17"/>
      <c r="D8189" s="18"/>
      <c r="E8189" s="18"/>
      <c r="F8189" s="18"/>
      <c r="G8189" s="18"/>
      <c r="H8189" s="18"/>
      <c r="I8189" s="18"/>
      <c r="J8189" s="18"/>
      <c r="K8189" s="18"/>
      <c r="L8189" s="18"/>
      <c r="M8189" s="18"/>
      <c r="N8189" s="18"/>
      <c r="O8189" s="18"/>
      <c r="P8189" s="19"/>
      <c r="Q8189" s="19"/>
      <c r="R8189" s="19"/>
      <c r="S8189" s="19"/>
      <c r="T8189" s="19"/>
      <c r="U8189" s="19"/>
      <c r="V8189" s="19"/>
      <c r="W8189" s="19"/>
      <c r="X8189" s="19"/>
      <c r="Y8189" s="19"/>
      <c r="Z8189" s="19"/>
      <c r="AA8189" s="19"/>
    </row>
    <row r="8190" spans="1:27" s="1" customFormat="1" ht="14.1" customHeight="1" outlineLevel="1" x14ac:dyDescent="0.2">
      <c r="A8190" s="17">
        <v>13201</v>
      </c>
      <c r="B8190" s="17"/>
      <c r="C8190" s="17"/>
      <c r="D8190" s="18" t="s">
        <v>4054</v>
      </c>
      <c r="E8190" s="18"/>
      <c r="F8190" s="18"/>
      <c r="G8190" s="18"/>
      <c r="H8190" s="18"/>
      <c r="I8190" s="18"/>
      <c r="J8190" s="18"/>
      <c r="K8190" s="18"/>
      <c r="L8190" s="18"/>
      <c r="M8190" s="18"/>
      <c r="N8190" s="18"/>
      <c r="O8190" s="18"/>
      <c r="P8190" s="19">
        <v>170</v>
      </c>
      <c r="Q8190" s="19"/>
      <c r="R8190" s="19"/>
      <c r="S8190" s="19"/>
      <c r="T8190" s="19">
        <v>130</v>
      </c>
      <c r="U8190" s="19"/>
      <c r="V8190" s="19"/>
      <c r="W8190" s="19"/>
      <c r="X8190" s="19">
        <v>10</v>
      </c>
      <c r="Y8190" s="19"/>
      <c r="Z8190" s="19"/>
      <c r="AA8190" s="19"/>
    </row>
    <row r="8191" spans="1:27" s="1" customFormat="1" ht="14.1" customHeight="1" outlineLevel="1" x14ac:dyDescent="0.2">
      <c r="A8191" s="17"/>
      <c r="B8191" s="17"/>
      <c r="C8191" s="17"/>
      <c r="D8191" s="18"/>
      <c r="E8191" s="18"/>
      <c r="F8191" s="18"/>
      <c r="G8191" s="18"/>
      <c r="H8191" s="18"/>
      <c r="I8191" s="18"/>
      <c r="J8191" s="18"/>
      <c r="K8191" s="18"/>
      <c r="L8191" s="18"/>
      <c r="M8191" s="18"/>
      <c r="N8191" s="18"/>
      <c r="O8191" s="18"/>
      <c r="P8191" s="19"/>
      <c r="Q8191" s="19"/>
      <c r="R8191" s="19"/>
      <c r="S8191" s="19"/>
      <c r="T8191" s="19"/>
      <c r="U8191" s="19"/>
      <c r="V8191" s="19"/>
      <c r="W8191" s="19"/>
      <c r="X8191" s="19"/>
      <c r="Y8191" s="19"/>
      <c r="Z8191" s="19"/>
      <c r="AA8191" s="19"/>
    </row>
    <row r="8192" spans="1:27" s="1" customFormat="1" ht="14.1" customHeight="1" outlineLevel="1" x14ac:dyDescent="0.2">
      <c r="A8192" s="17">
        <v>13203</v>
      </c>
      <c r="B8192" s="17"/>
      <c r="C8192" s="17"/>
      <c r="D8192" s="18" t="s">
        <v>4055</v>
      </c>
      <c r="E8192" s="18"/>
      <c r="F8192" s="18"/>
      <c r="G8192" s="18"/>
      <c r="H8192" s="18"/>
      <c r="I8192" s="18"/>
      <c r="J8192" s="18"/>
      <c r="K8192" s="18"/>
      <c r="L8192" s="18"/>
      <c r="M8192" s="18"/>
      <c r="N8192" s="18"/>
      <c r="O8192" s="18"/>
      <c r="P8192" s="19">
        <v>435</v>
      </c>
      <c r="Q8192" s="19"/>
      <c r="R8192" s="19"/>
      <c r="S8192" s="19"/>
      <c r="T8192" s="19">
        <v>290</v>
      </c>
      <c r="U8192" s="19"/>
      <c r="V8192" s="19"/>
      <c r="W8192" s="19"/>
      <c r="X8192" s="19">
        <v>10</v>
      </c>
      <c r="Y8192" s="19"/>
      <c r="Z8192" s="19"/>
      <c r="AA8192" s="19"/>
    </row>
    <row r="8193" spans="1:27" s="1" customFormat="1" ht="14.1" customHeight="1" outlineLevel="1" x14ac:dyDescent="0.2">
      <c r="A8193" s="17"/>
      <c r="B8193" s="17"/>
      <c r="C8193" s="17"/>
      <c r="D8193" s="18"/>
      <c r="E8193" s="18"/>
      <c r="F8193" s="18"/>
      <c r="G8193" s="18"/>
      <c r="H8193" s="18"/>
      <c r="I8193" s="18"/>
      <c r="J8193" s="18"/>
      <c r="K8193" s="18"/>
      <c r="L8193" s="18"/>
      <c r="M8193" s="18"/>
      <c r="N8193" s="18"/>
      <c r="O8193" s="18"/>
      <c r="P8193" s="19"/>
      <c r="Q8193" s="19"/>
      <c r="R8193" s="19"/>
      <c r="S8193" s="19"/>
      <c r="T8193" s="19"/>
      <c r="U8193" s="19"/>
      <c r="V8193" s="19"/>
      <c r="W8193" s="19"/>
      <c r="X8193" s="19"/>
      <c r="Y8193" s="19"/>
      <c r="Z8193" s="19"/>
      <c r="AA8193" s="19"/>
    </row>
    <row r="8194" spans="1:27" s="1" customFormat="1" ht="14.1" customHeight="1" outlineLevel="1" x14ac:dyDescent="0.2">
      <c r="A8194" s="17">
        <v>13202</v>
      </c>
      <c r="B8194" s="17"/>
      <c r="C8194" s="17"/>
      <c r="D8194" s="18" t="s">
        <v>4056</v>
      </c>
      <c r="E8194" s="18"/>
      <c r="F8194" s="18"/>
      <c r="G8194" s="18"/>
      <c r="H8194" s="18"/>
      <c r="I8194" s="18"/>
      <c r="J8194" s="18"/>
      <c r="K8194" s="18"/>
      <c r="L8194" s="18"/>
      <c r="M8194" s="18"/>
      <c r="N8194" s="18"/>
      <c r="O8194" s="18"/>
      <c r="P8194" s="19">
        <v>190</v>
      </c>
      <c r="Q8194" s="19"/>
      <c r="R8194" s="19"/>
      <c r="S8194" s="19"/>
      <c r="T8194" s="19">
        <v>150</v>
      </c>
      <c r="U8194" s="19"/>
      <c r="V8194" s="19"/>
      <c r="W8194" s="19"/>
      <c r="X8194" s="19">
        <v>20</v>
      </c>
      <c r="Y8194" s="19"/>
      <c r="Z8194" s="19"/>
      <c r="AA8194" s="19"/>
    </row>
    <row r="8195" spans="1:27" s="1" customFormat="1" ht="14.1" customHeight="1" outlineLevel="1" x14ac:dyDescent="0.2">
      <c r="A8195" s="17"/>
      <c r="B8195" s="17"/>
      <c r="C8195" s="17"/>
      <c r="D8195" s="18"/>
      <c r="E8195" s="18"/>
      <c r="F8195" s="18"/>
      <c r="G8195" s="18"/>
      <c r="H8195" s="18"/>
      <c r="I8195" s="18"/>
      <c r="J8195" s="18"/>
      <c r="K8195" s="18"/>
      <c r="L8195" s="18"/>
      <c r="M8195" s="18"/>
      <c r="N8195" s="18"/>
      <c r="O8195" s="18"/>
      <c r="P8195" s="19"/>
      <c r="Q8195" s="19"/>
      <c r="R8195" s="19"/>
      <c r="S8195" s="19"/>
      <c r="T8195" s="19"/>
      <c r="U8195" s="19"/>
      <c r="V8195" s="19"/>
      <c r="W8195" s="19"/>
      <c r="X8195" s="19"/>
      <c r="Y8195" s="19"/>
      <c r="Z8195" s="19"/>
      <c r="AA8195" s="19"/>
    </row>
    <row r="8196" spans="1:27" s="1" customFormat="1" ht="14.1" customHeight="1" outlineLevel="1" x14ac:dyDescent="0.2">
      <c r="A8196" s="17">
        <v>14233</v>
      </c>
      <c r="B8196" s="17"/>
      <c r="C8196" s="17"/>
      <c r="D8196" s="18" t="s">
        <v>4057</v>
      </c>
      <c r="E8196" s="18"/>
      <c r="F8196" s="18"/>
      <c r="G8196" s="18"/>
      <c r="H8196" s="18"/>
      <c r="I8196" s="18"/>
      <c r="J8196" s="18"/>
      <c r="K8196" s="18"/>
      <c r="L8196" s="18"/>
      <c r="M8196" s="18"/>
      <c r="N8196" s="18"/>
      <c r="O8196" s="18"/>
      <c r="P8196" s="19">
        <v>200</v>
      </c>
      <c r="Q8196" s="19"/>
      <c r="R8196" s="19"/>
      <c r="S8196" s="19"/>
      <c r="T8196" s="19">
        <v>160</v>
      </c>
      <c r="U8196" s="19"/>
      <c r="V8196" s="19"/>
      <c r="W8196" s="19"/>
      <c r="X8196" s="19">
        <v>10</v>
      </c>
      <c r="Y8196" s="19"/>
      <c r="Z8196" s="19"/>
      <c r="AA8196" s="19"/>
    </row>
    <row r="8197" spans="1:27" s="1" customFormat="1" ht="14.1" customHeight="1" outlineLevel="1" x14ac:dyDescent="0.2">
      <c r="A8197" s="17"/>
      <c r="B8197" s="17"/>
      <c r="C8197" s="17"/>
      <c r="D8197" s="18"/>
      <c r="E8197" s="18"/>
      <c r="F8197" s="18"/>
      <c r="G8197" s="18"/>
      <c r="H8197" s="18"/>
      <c r="I8197" s="18"/>
      <c r="J8197" s="18"/>
      <c r="K8197" s="18"/>
      <c r="L8197" s="18"/>
      <c r="M8197" s="18"/>
      <c r="N8197" s="18"/>
      <c r="O8197" s="18"/>
      <c r="P8197" s="19"/>
      <c r="Q8197" s="19"/>
      <c r="R8197" s="19"/>
      <c r="S8197" s="19"/>
      <c r="T8197" s="19"/>
      <c r="U8197" s="19"/>
      <c r="V8197" s="19"/>
      <c r="W8197" s="19"/>
      <c r="X8197" s="19"/>
      <c r="Y8197" s="19"/>
      <c r="Z8197" s="19"/>
      <c r="AA8197" s="19"/>
    </row>
    <row r="8198" spans="1:27" s="1" customFormat="1" ht="14.1" customHeight="1" outlineLevel="1" x14ac:dyDescent="0.2">
      <c r="A8198" s="17">
        <v>14234</v>
      </c>
      <c r="B8198" s="17"/>
      <c r="C8198" s="17"/>
      <c r="D8198" s="18" t="s">
        <v>4058</v>
      </c>
      <c r="E8198" s="18"/>
      <c r="F8198" s="18"/>
      <c r="G8198" s="18"/>
      <c r="H8198" s="18"/>
      <c r="I8198" s="18"/>
      <c r="J8198" s="18"/>
      <c r="K8198" s="18"/>
      <c r="L8198" s="18"/>
      <c r="M8198" s="18"/>
      <c r="N8198" s="18"/>
      <c r="O8198" s="18"/>
      <c r="P8198" s="19">
        <v>200</v>
      </c>
      <c r="Q8198" s="19"/>
      <c r="R8198" s="19"/>
      <c r="S8198" s="19"/>
      <c r="T8198" s="19">
        <v>160</v>
      </c>
      <c r="U8198" s="19"/>
      <c r="V8198" s="19"/>
      <c r="W8198" s="19"/>
      <c r="X8198" s="19">
        <v>10</v>
      </c>
      <c r="Y8198" s="19"/>
      <c r="Z8198" s="19"/>
      <c r="AA8198" s="19"/>
    </row>
    <row r="8199" spans="1:27" s="1" customFormat="1" ht="14.1" customHeight="1" outlineLevel="1" x14ac:dyDescent="0.2">
      <c r="A8199" s="17"/>
      <c r="B8199" s="17"/>
      <c r="C8199" s="17"/>
      <c r="D8199" s="18"/>
      <c r="E8199" s="18"/>
      <c r="F8199" s="18"/>
      <c r="G8199" s="18"/>
      <c r="H8199" s="18"/>
      <c r="I8199" s="18"/>
      <c r="J8199" s="18"/>
      <c r="K8199" s="18"/>
      <c r="L8199" s="18"/>
      <c r="M8199" s="18"/>
      <c r="N8199" s="18"/>
      <c r="O8199" s="18"/>
      <c r="P8199" s="19"/>
      <c r="Q8199" s="19"/>
      <c r="R8199" s="19"/>
      <c r="S8199" s="19"/>
      <c r="T8199" s="19"/>
      <c r="U8199" s="19"/>
      <c r="V8199" s="19"/>
      <c r="W8199" s="19"/>
      <c r="X8199" s="19"/>
      <c r="Y8199" s="19"/>
      <c r="Z8199" s="19"/>
      <c r="AA8199" s="19"/>
    </row>
    <row r="8200" spans="1:27" s="1" customFormat="1" ht="14.1" customHeight="1" outlineLevel="1" x14ac:dyDescent="0.2">
      <c r="A8200" s="17">
        <v>13209</v>
      </c>
      <c r="B8200" s="17"/>
      <c r="C8200" s="17"/>
      <c r="D8200" s="18" t="s">
        <v>4059</v>
      </c>
      <c r="E8200" s="18"/>
      <c r="F8200" s="18"/>
      <c r="G8200" s="18"/>
      <c r="H8200" s="18"/>
      <c r="I8200" s="18"/>
      <c r="J8200" s="18"/>
      <c r="K8200" s="18"/>
      <c r="L8200" s="18"/>
      <c r="M8200" s="18"/>
      <c r="N8200" s="18"/>
      <c r="O8200" s="18"/>
      <c r="P8200" s="19">
        <v>180</v>
      </c>
      <c r="Q8200" s="19"/>
      <c r="R8200" s="19"/>
      <c r="S8200" s="19"/>
      <c r="T8200" s="19">
        <v>140</v>
      </c>
      <c r="U8200" s="19"/>
      <c r="V8200" s="19"/>
      <c r="W8200" s="19"/>
      <c r="X8200" s="19">
        <v>20</v>
      </c>
      <c r="Y8200" s="19"/>
      <c r="Z8200" s="19"/>
      <c r="AA8200" s="19"/>
    </row>
    <row r="8201" spans="1:27" s="1" customFormat="1" ht="14.1" customHeight="1" outlineLevel="1" x14ac:dyDescent="0.2">
      <c r="A8201" s="17"/>
      <c r="B8201" s="17"/>
      <c r="C8201" s="17"/>
      <c r="D8201" s="18"/>
      <c r="E8201" s="18"/>
      <c r="F8201" s="18"/>
      <c r="G8201" s="18"/>
      <c r="H8201" s="18"/>
      <c r="I8201" s="18"/>
      <c r="J8201" s="18"/>
      <c r="K8201" s="18"/>
      <c r="L8201" s="18"/>
      <c r="M8201" s="18"/>
      <c r="N8201" s="18"/>
      <c r="O8201" s="18"/>
      <c r="P8201" s="19"/>
      <c r="Q8201" s="19"/>
      <c r="R8201" s="19"/>
      <c r="S8201" s="19"/>
      <c r="T8201" s="19"/>
      <c r="U8201" s="19"/>
      <c r="V8201" s="19"/>
      <c r="W8201" s="19"/>
      <c r="X8201" s="19"/>
      <c r="Y8201" s="19"/>
      <c r="Z8201" s="19"/>
      <c r="AA8201" s="19"/>
    </row>
    <row r="8202" spans="1:27" s="1" customFormat="1" ht="14.1" customHeight="1" outlineLevel="1" x14ac:dyDescent="0.2">
      <c r="A8202" s="17">
        <v>17502</v>
      </c>
      <c r="B8202" s="17"/>
      <c r="C8202" s="17"/>
      <c r="D8202" s="18" t="s">
        <v>4060</v>
      </c>
      <c r="E8202" s="18"/>
      <c r="F8202" s="18"/>
      <c r="G8202" s="18"/>
      <c r="H8202" s="18"/>
      <c r="I8202" s="18"/>
      <c r="J8202" s="18"/>
      <c r="K8202" s="18"/>
      <c r="L8202" s="18"/>
      <c r="M8202" s="18"/>
      <c r="N8202" s="18"/>
      <c r="O8202" s="18"/>
      <c r="P8202" s="19">
        <v>700</v>
      </c>
      <c r="Q8202" s="19"/>
      <c r="R8202" s="19"/>
      <c r="S8202" s="19"/>
      <c r="T8202" s="19">
        <v>600</v>
      </c>
      <c r="U8202" s="19"/>
      <c r="V8202" s="19"/>
      <c r="W8202" s="19"/>
      <c r="X8202" s="19">
        <v>1</v>
      </c>
      <c r="Y8202" s="19"/>
      <c r="Z8202" s="19"/>
      <c r="AA8202" s="19"/>
    </row>
    <row r="8203" spans="1:27" s="1" customFormat="1" ht="14.1" customHeight="1" outlineLevel="1" x14ac:dyDescent="0.2">
      <c r="A8203" s="17"/>
      <c r="B8203" s="17"/>
      <c r="C8203" s="17"/>
      <c r="D8203" s="18"/>
      <c r="E8203" s="18"/>
      <c r="F8203" s="18"/>
      <c r="G8203" s="18"/>
      <c r="H8203" s="18"/>
      <c r="I8203" s="18"/>
      <c r="J8203" s="18"/>
      <c r="K8203" s="18"/>
      <c r="L8203" s="18"/>
      <c r="M8203" s="18"/>
      <c r="N8203" s="18"/>
      <c r="O8203" s="18"/>
      <c r="P8203" s="19"/>
      <c r="Q8203" s="19"/>
      <c r="R8203" s="19"/>
      <c r="S8203" s="19"/>
      <c r="T8203" s="19"/>
      <c r="U8203" s="19"/>
      <c r="V8203" s="19"/>
      <c r="W8203" s="19"/>
      <c r="X8203" s="19"/>
      <c r="Y8203" s="19"/>
      <c r="Z8203" s="19"/>
      <c r="AA8203" s="19"/>
    </row>
    <row r="8204" spans="1:27" s="1" customFormat="1" ht="14.1" customHeight="1" outlineLevel="1" x14ac:dyDescent="0.2">
      <c r="A8204" s="17">
        <v>7491</v>
      </c>
      <c r="B8204" s="17"/>
      <c r="C8204" s="17"/>
      <c r="D8204" s="18" t="s">
        <v>4061</v>
      </c>
      <c r="E8204" s="18"/>
      <c r="F8204" s="18"/>
      <c r="G8204" s="18"/>
      <c r="H8204" s="18"/>
      <c r="I8204" s="18"/>
      <c r="J8204" s="18"/>
      <c r="K8204" s="18"/>
      <c r="L8204" s="18"/>
      <c r="M8204" s="18"/>
      <c r="N8204" s="18"/>
      <c r="O8204" s="18"/>
      <c r="P8204" s="19">
        <v>200</v>
      </c>
      <c r="Q8204" s="19"/>
      <c r="R8204" s="19"/>
      <c r="S8204" s="19"/>
      <c r="T8204" s="19">
        <v>160</v>
      </c>
      <c r="U8204" s="19"/>
      <c r="V8204" s="19"/>
      <c r="W8204" s="19"/>
      <c r="X8204" s="19">
        <v>1</v>
      </c>
      <c r="Y8204" s="19"/>
      <c r="Z8204" s="19"/>
      <c r="AA8204" s="19"/>
    </row>
    <row r="8205" spans="1:27" s="1" customFormat="1" ht="14.1" customHeight="1" outlineLevel="1" x14ac:dyDescent="0.2">
      <c r="A8205" s="17"/>
      <c r="B8205" s="17"/>
      <c r="C8205" s="17"/>
      <c r="D8205" s="18"/>
      <c r="E8205" s="18"/>
      <c r="F8205" s="18"/>
      <c r="G8205" s="18"/>
      <c r="H8205" s="18"/>
      <c r="I8205" s="18"/>
      <c r="J8205" s="18"/>
      <c r="K8205" s="18"/>
      <c r="L8205" s="18"/>
      <c r="M8205" s="18"/>
      <c r="N8205" s="18"/>
      <c r="O8205" s="18"/>
      <c r="P8205" s="19"/>
      <c r="Q8205" s="19"/>
      <c r="R8205" s="19"/>
      <c r="S8205" s="19"/>
      <c r="T8205" s="19"/>
      <c r="U8205" s="19"/>
      <c r="V8205" s="19"/>
      <c r="W8205" s="19"/>
      <c r="X8205" s="19"/>
      <c r="Y8205" s="19"/>
      <c r="Z8205" s="19"/>
      <c r="AA8205" s="19"/>
    </row>
    <row r="8206" spans="1:27" s="1" customFormat="1" ht="14.1" customHeight="1" outlineLevel="1" x14ac:dyDescent="0.2">
      <c r="A8206" s="17">
        <v>13210</v>
      </c>
      <c r="B8206" s="17"/>
      <c r="C8206" s="17"/>
      <c r="D8206" s="18" t="s">
        <v>4062</v>
      </c>
      <c r="E8206" s="18"/>
      <c r="F8206" s="18"/>
      <c r="G8206" s="18"/>
      <c r="H8206" s="18"/>
      <c r="I8206" s="18"/>
      <c r="J8206" s="18"/>
      <c r="K8206" s="18"/>
      <c r="L8206" s="18"/>
      <c r="M8206" s="18"/>
      <c r="N8206" s="18"/>
      <c r="O8206" s="18"/>
      <c r="P8206" s="19">
        <v>170</v>
      </c>
      <c r="Q8206" s="19"/>
      <c r="R8206" s="19"/>
      <c r="S8206" s="19"/>
      <c r="T8206" s="19">
        <v>130</v>
      </c>
      <c r="U8206" s="19"/>
      <c r="V8206" s="19"/>
      <c r="W8206" s="19"/>
      <c r="X8206" s="19">
        <v>20</v>
      </c>
      <c r="Y8206" s="19"/>
      <c r="Z8206" s="19"/>
      <c r="AA8206" s="19"/>
    </row>
    <row r="8207" spans="1:27" s="1" customFormat="1" ht="14.1" customHeight="1" outlineLevel="1" x14ac:dyDescent="0.2">
      <c r="A8207" s="17"/>
      <c r="B8207" s="17"/>
      <c r="C8207" s="17"/>
      <c r="D8207" s="18"/>
      <c r="E8207" s="18"/>
      <c r="F8207" s="18"/>
      <c r="G8207" s="18"/>
      <c r="H8207" s="18"/>
      <c r="I8207" s="18"/>
      <c r="J8207" s="18"/>
      <c r="K8207" s="18"/>
      <c r="L8207" s="18"/>
      <c r="M8207" s="18"/>
      <c r="N8207" s="18"/>
      <c r="O8207" s="18"/>
      <c r="P8207" s="19"/>
      <c r="Q8207" s="19"/>
      <c r="R8207" s="19"/>
      <c r="S8207" s="19"/>
      <c r="T8207" s="19"/>
      <c r="U8207" s="19"/>
      <c r="V8207" s="19"/>
      <c r="W8207" s="19"/>
      <c r="X8207" s="19"/>
      <c r="Y8207" s="19"/>
      <c r="Z8207" s="19"/>
      <c r="AA8207" s="19"/>
    </row>
    <row r="8208" spans="1:27" s="1" customFormat="1" ht="14.1" customHeight="1" outlineLevel="1" x14ac:dyDescent="0.2">
      <c r="A8208" s="17">
        <v>13211</v>
      </c>
      <c r="B8208" s="17"/>
      <c r="C8208" s="17"/>
      <c r="D8208" s="18" t="s">
        <v>4063</v>
      </c>
      <c r="E8208" s="18"/>
      <c r="F8208" s="18"/>
      <c r="G8208" s="18"/>
      <c r="H8208" s="18"/>
      <c r="I8208" s="18"/>
      <c r="J8208" s="18"/>
      <c r="K8208" s="18"/>
      <c r="L8208" s="18"/>
      <c r="M8208" s="18"/>
      <c r="N8208" s="18"/>
      <c r="O8208" s="18"/>
      <c r="P8208" s="19">
        <v>155</v>
      </c>
      <c r="Q8208" s="19"/>
      <c r="R8208" s="19"/>
      <c r="S8208" s="19"/>
      <c r="T8208" s="19">
        <v>100</v>
      </c>
      <c r="U8208" s="19"/>
      <c r="V8208" s="19"/>
      <c r="W8208" s="19"/>
      <c r="X8208" s="19">
        <v>6</v>
      </c>
      <c r="Y8208" s="19"/>
      <c r="Z8208" s="19"/>
      <c r="AA8208" s="19"/>
    </row>
    <row r="8209" spans="1:27" s="1" customFormat="1" ht="14.1" customHeight="1" outlineLevel="1" x14ac:dyDescent="0.2">
      <c r="A8209" s="17"/>
      <c r="B8209" s="17"/>
      <c r="C8209" s="17"/>
      <c r="D8209" s="18"/>
      <c r="E8209" s="18"/>
      <c r="F8209" s="18"/>
      <c r="G8209" s="18"/>
      <c r="H8209" s="18"/>
      <c r="I8209" s="18"/>
      <c r="J8209" s="18"/>
      <c r="K8209" s="18"/>
      <c r="L8209" s="18"/>
      <c r="M8209" s="18"/>
      <c r="N8209" s="18"/>
      <c r="O8209" s="18"/>
      <c r="P8209" s="19"/>
      <c r="Q8209" s="19"/>
      <c r="R8209" s="19"/>
      <c r="S8209" s="19"/>
      <c r="T8209" s="19"/>
      <c r="U8209" s="19"/>
      <c r="V8209" s="19"/>
      <c r="W8209" s="19"/>
      <c r="X8209" s="19"/>
      <c r="Y8209" s="19"/>
      <c r="Z8209" s="19"/>
      <c r="AA8209" s="19"/>
    </row>
    <row r="8210" spans="1:27" s="1" customFormat="1" ht="14.1" customHeight="1" outlineLevel="1" x14ac:dyDescent="0.2">
      <c r="A8210" s="17">
        <v>13212</v>
      </c>
      <c r="B8210" s="17"/>
      <c r="C8210" s="17"/>
      <c r="D8210" s="18" t="s">
        <v>4064</v>
      </c>
      <c r="E8210" s="18"/>
      <c r="F8210" s="18"/>
      <c r="G8210" s="18"/>
      <c r="H8210" s="18"/>
      <c r="I8210" s="18"/>
      <c r="J8210" s="18"/>
      <c r="K8210" s="18"/>
      <c r="L8210" s="18"/>
      <c r="M8210" s="18"/>
      <c r="N8210" s="18"/>
      <c r="O8210" s="18"/>
      <c r="P8210" s="19">
        <v>170</v>
      </c>
      <c r="Q8210" s="19"/>
      <c r="R8210" s="19"/>
      <c r="S8210" s="19"/>
      <c r="T8210" s="19">
        <v>130</v>
      </c>
      <c r="U8210" s="19"/>
      <c r="V8210" s="19"/>
      <c r="W8210" s="19"/>
      <c r="X8210" s="19">
        <v>20</v>
      </c>
      <c r="Y8210" s="19"/>
      <c r="Z8210" s="19"/>
      <c r="AA8210" s="19"/>
    </row>
    <row r="8211" spans="1:27" s="1" customFormat="1" ht="14.1" customHeight="1" outlineLevel="1" x14ac:dyDescent="0.2">
      <c r="A8211" s="17"/>
      <c r="B8211" s="17"/>
      <c r="C8211" s="17"/>
      <c r="D8211" s="18"/>
      <c r="E8211" s="18"/>
      <c r="F8211" s="18"/>
      <c r="G8211" s="18"/>
      <c r="H8211" s="18"/>
      <c r="I8211" s="18"/>
      <c r="J8211" s="18"/>
      <c r="K8211" s="18"/>
      <c r="L8211" s="18"/>
      <c r="M8211" s="18"/>
      <c r="N8211" s="18"/>
      <c r="O8211" s="18"/>
      <c r="P8211" s="19"/>
      <c r="Q8211" s="19"/>
      <c r="R8211" s="19"/>
      <c r="S8211" s="19"/>
      <c r="T8211" s="19"/>
      <c r="U8211" s="19"/>
      <c r="V8211" s="19"/>
      <c r="W8211" s="19"/>
      <c r="X8211" s="19"/>
      <c r="Y8211" s="19"/>
      <c r="Z8211" s="19"/>
      <c r="AA8211" s="19"/>
    </row>
    <row r="8212" spans="1:27" s="1" customFormat="1" ht="14.1" customHeight="1" outlineLevel="1" x14ac:dyDescent="0.2">
      <c r="A8212" s="17">
        <v>13205</v>
      </c>
      <c r="B8212" s="17"/>
      <c r="C8212" s="17"/>
      <c r="D8212" s="18" t="s">
        <v>4065</v>
      </c>
      <c r="E8212" s="18"/>
      <c r="F8212" s="18"/>
      <c r="G8212" s="18"/>
      <c r="H8212" s="18"/>
      <c r="I8212" s="18"/>
      <c r="J8212" s="18"/>
      <c r="K8212" s="18"/>
      <c r="L8212" s="18"/>
      <c r="M8212" s="18"/>
      <c r="N8212" s="18"/>
      <c r="O8212" s="18"/>
      <c r="P8212" s="19">
        <v>190</v>
      </c>
      <c r="Q8212" s="19"/>
      <c r="R8212" s="19"/>
      <c r="S8212" s="19"/>
      <c r="T8212" s="19">
        <v>150</v>
      </c>
      <c r="U8212" s="19"/>
      <c r="V8212" s="19"/>
      <c r="W8212" s="19"/>
      <c r="X8212" s="19">
        <v>40</v>
      </c>
      <c r="Y8212" s="19"/>
      <c r="Z8212" s="19"/>
      <c r="AA8212" s="19"/>
    </row>
    <row r="8213" spans="1:27" s="1" customFormat="1" ht="14.1" customHeight="1" outlineLevel="1" x14ac:dyDescent="0.2">
      <c r="A8213" s="17"/>
      <c r="B8213" s="17"/>
      <c r="C8213" s="17"/>
      <c r="D8213" s="18"/>
      <c r="E8213" s="18"/>
      <c r="F8213" s="18"/>
      <c r="G8213" s="18"/>
      <c r="H8213" s="18"/>
      <c r="I8213" s="18"/>
      <c r="J8213" s="18"/>
      <c r="K8213" s="18"/>
      <c r="L8213" s="18"/>
      <c r="M8213" s="18"/>
      <c r="N8213" s="18"/>
      <c r="O8213" s="18"/>
      <c r="P8213" s="19"/>
      <c r="Q8213" s="19"/>
      <c r="R8213" s="19"/>
      <c r="S8213" s="19"/>
      <c r="T8213" s="19"/>
      <c r="U8213" s="19"/>
      <c r="V8213" s="19"/>
      <c r="W8213" s="19"/>
      <c r="X8213" s="19"/>
      <c r="Y8213" s="19"/>
      <c r="Z8213" s="19"/>
      <c r="AA8213" s="19"/>
    </row>
    <row r="8214" spans="1:27" s="1" customFormat="1" ht="14.1" customHeight="1" outlineLevel="1" x14ac:dyDescent="0.2">
      <c r="A8214" s="17">
        <v>13204</v>
      </c>
      <c r="B8214" s="17"/>
      <c r="C8214" s="17"/>
      <c r="D8214" s="18" t="s">
        <v>4066</v>
      </c>
      <c r="E8214" s="18"/>
      <c r="F8214" s="18"/>
      <c r="G8214" s="18"/>
      <c r="H8214" s="18"/>
      <c r="I8214" s="18"/>
      <c r="J8214" s="18"/>
      <c r="K8214" s="18"/>
      <c r="L8214" s="18"/>
      <c r="M8214" s="18"/>
      <c r="N8214" s="18"/>
      <c r="O8214" s="18"/>
      <c r="P8214" s="19">
        <v>190</v>
      </c>
      <c r="Q8214" s="19"/>
      <c r="R8214" s="19"/>
      <c r="S8214" s="19"/>
      <c r="T8214" s="19">
        <v>150</v>
      </c>
      <c r="U8214" s="19"/>
      <c r="V8214" s="19"/>
      <c r="W8214" s="19"/>
      <c r="X8214" s="19">
        <v>40</v>
      </c>
      <c r="Y8214" s="19"/>
      <c r="Z8214" s="19"/>
      <c r="AA8214" s="19"/>
    </row>
    <row r="8215" spans="1:27" s="1" customFormat="1" ht="14.1" customHeight="1" outlineLevel="1" x14ac:dyDescent="0.2">
      <c r="A8215" s="17"/>
      <c r="B8215" s="17"/>
      <c r="C8215" s="17"/>
      <c r="D8215" s="18"/>
      <c r="E8215" s="18"/>
      <c r="F8215" s="18"/>
      <c r="G8215" s="18"/>
      <c r="H8215" s="18"/>
      <c r="I8215" s="18"/>
      <c r="J8215" s="18"/>
      <c r="K8215" s="18"/>
      <c r="L8215" s="18"/>
      <c r="M8215" s="18"/>
      <c r="N8215" s="18"/>
      <c r="O8215" s="18"/>
      <c r="P8215" s="19"/>
      <c r="Q8215" s="19"/>
      <c r="R8215" s="19"/>
      <c r="S8215" s="19"/>
      <c r="T8215" s="19"/>
      <c r="U8215" s="19"/>
      <c r="V8215" s="19"/>
      <c r="W8215" s="19"/>
      <c r="X8215" s="19"/>
      <c r="Y8215" s="19"/>
      <c r="Z8215" s="19"/>
      <c r="AA8215" s="19"/>
    </row>
    <row r="8216" spans="1:27" s="1" customFormat="1" ht="14.1" customHeight="1" outlineLevel="1" x14ac:dyDescent="0.2">
      <c r="A8216" s="17">
        <v>13234</v>
      </c>
      <c r="B8216" s="17"/>
      <c r="C8216" s="17"/>
      <c r="D8216" s="18" t="s">
        <v>4067</v>
      </c>
      <c r="E8216" s="18"/>
      <c r="F8216" s="18"/>
      <c r="G8216" s="18"/>
      <c r="H8216" s="18"/>
      <c r="I8216" s="18"/>
      <c r="J8216" s="18"/>
      <c r="K8216" s="18"/>
      <c r="L8216" s="18"/>
      <c r="M8216" s="18"/>
      <c r="N8216" s="18"/>
      <c r="O8216" s="18"/>
      <c r="P8216" s="19">
        <v>170</v>
      </c>
      <c r="Q8216" s="19"/>
      <c r="R8216" s="19"/>
      <c r="S8216" s="19"/>
      <c r="T8216" s="19">
        <v>130</v>
      </c>
      <c r="U8216" s="19"/>
      <c r="V8216" s="19"/>
      <c r="W8216" s="19"/>
      <c r="X8216" s="19">
        <v>40</v>
      </c>
      <c r="Y8216" s="19"/>
      <c r="Z8216" s="19"/>
      <c r="AA8216" s="19"/>
    </row>
    <row r="8217" spans="1:27" s="1" customFormat="1" ht="14.1" customHeight="1" outlineLevel="1" x14ac:dyDescent="0.2">
      <c r="A8217" s="17"/>
      <c r="B8217" s="17"/>
      <c r="C8217" s="17"/>
      <c r="D8217" s="18"/>
      <c r="E8217" s="18"/>
      <c r="F8217" s="18"/>
      <c r="G8217" s="18"/>
      <c r="H8217" s="18"/>
      <c r="I8217" s="18"/>
      <c r="J8217" s="18"/>
      <c r="K8217" s="18"/>
      <c r="L8217" s="18"/>
      <c r="M8217" s="18"/>
      <c r="N8217" s="18"/>
      <c r="O8217" s="18"/>
      <c r="P8217" s="19"/>
      <c r="Q8217" s="19"/>
      <c r="R8217" s="19"/>
      <c r="S8217" s="19"/>
      <c r="T8217" s="19"/>
      <c r="U8217" s="19"/>
      <c r="V8217" s="19"/>
      <c r="W8217" s="19"/>
      <c r="X8217" s="19"/>
      <c r="Y8217" s="19"/>
      <c r="Z8217" s="19"/>
      <c r="AA8217" s="19"/>
    </row>
    <row r="8218" spans="1:27" s="1" customFormat="1" ht="14.1" customHeight="1" outlineLevel="1" x14ac:dyDescent="0.2">
      <c r="A8218" s="17">
        <v>13914</v>
      </c>
      <c r="B8218" s="17"/>
      <c r="C8218" s="17"/>
      <c r="D8218" s="18" t="s">
        <v>4068</v>
      </c>
      <c r="E8218" s="18"/>
      <c r="F8218" s="18"/>
      <c r="G8218" s="18"/>
      <c r="H8218" s="18"/>
      <c r="I8218" s="18"/>
      <c r="J8218" s="18"/>
      <c r="K8218" s="18"/>
      <c r="L8218" s="18"/>
      <c r="M8218" s="18"/>
      <c r="N8218" s="18"/>
      <c r="O8218" s="18"/>
      <c r="P8218" s="19">
        <v>170</v>
      </c>
      <c r="Q8218" s="19"/>
      <c r="R8218" s="19"/>
      <c r="S8218" s="19"/>
      <c r="T8218" s="19">
        <v>130</v>
      </c>
      <c r="U8218" s="19"/>
      <c r="V8218" s="19"/>
      <c r="W8218" s="19"/>
      <c r="X8218" s="19">
        <v>138</v>
      </c>
      <c r="Y8218" s="19"/>
      <c r="Z8218" s="19"/>
      <c r="AA8218" s="19"/>
    </row>
    <row r="8219" spans="1:27" s="1" customFormat="1" ht="14.1" customHeight="1" outlineLevel="1" x14ac:dyDescent="0.2">
      <c r="A8219" s="17"/>
      <c r="B8219" s="17"/>
      <c r="C8219" s="17"/>
      <c r="D8219" s="18"/>
      <c r="E8219" s="18"/>
      <c r="F8219" s="18"/>
      <c r="G8219" s="18"/>
      <c r="H8219" s="18"/>
      <c r="I8219" s="18"/>
      <c r="J8219" s="18"/>
      <c r="K8219" s="18"/>
      <c r="L8219" s="18"/>
      <c r="M8219" s="18"/>
      <c r="N8219" s="18"/>
      <c r="O8219" s="18"/>
      <c r="P8219" s="19"/>
      <c r="Q8219" s="19"/>
      <c r="R8219" s="19"/>
      <c r="S8219" s="19"/>
      <c r="T8219" s="19"/>
      <c r="U8219" s="19"/>
      <c r="V8219" s="19"/>
      <c r="W8219" s="19"/>
      <c r="X8219" s="19"/>
      <c r="Y8219" s="19"/>
      <c r="Z8219" s="19"/>
      <c r="AA8219" s="19"/>
    </row>
    <row r="8220" spans="1:27" s="1" customFormat="1" ht="14.1" customHeight="1" outlineLevel="1" x14ac:dyDescent="0.2">
      <c r="A8220" s="17">
        <v>14235</v>
      </c>
      <c r="B8220" s="17"/>
      <c r="C8220" s="17"/>
      <c r="D8220" s="18" t="s">
        <v>4069</v>
      </c>
      <c r="E8220" s="18"/>
      <c r="F8220" s="18"/>
      <c r="G8220" s="18"/>
      <c r="H8220" s="18"/>
      <c r="I8220" s="18"/>
      <c r="J8220" s="18"/>
      <c r="K8220" s="18"/>
      <c r="L8220" s="18"/>
      <c r="M8220" s="18"/>
      <c r="N8220" s="18"/>
      <c r="O8220" s="18"/>
      <c r="P8220" s="19">
        <v>430</v>
      </c>
      <c r="Q8220" s="19"/>
      <c r="R8220" s="19"/>
      <c r="S8220" s="19"/>
      <c r="T8220" s="19">
        <v>360</v>
      </c>
      <c r="U8220" s="19"/>
      <c r="V8220" s="19"/>
      <c r="W8220" s="19"/>
      <c r="X8220" s="19">
        <v>18</v>
      </c>
      <c r="Y8220" s="19"/>
      <c r="Z8220" s="19"/>
      <c r="AA8220" s="19"/>
    </row>
    <row r="8221" spans="1:27" s="1" customFormat="1" ht="14.1" customHeight="1" outlineLevel="1" x14ac:dyDescent="0.2">
      <c r="A8221" s="17"/>
      <c r="B8221" s="17"/>
      <c r="C8221" s="17"/>
      <c r="D8221" s="18"/>
      <c r="E8221" s="18"/>
      <c r="F8221" s="18"/>
      <c r="G8221" s="18"/>
      <c r="H8221" s="18"/>
      <c r="I8221" s="18"/>
      <c r="J8221" s="18"/>
      <c r="K8221" s="18"/>
      <c r="L8221" s="18"/>
      <c r="M8221" s="18"/>
      <c r="N8221" s="18"/>
      <c r="O8221" s="18"/>
      <c r="P8221" s="19"/>
      <c r="Q8221" s="19"/>
      <c r="R8221" s="19"/>
      <c r="S8221" s="19"/>
      <c r="T8221" s="19"/>
      <c r="U8221" s="19"/>
      <c r="V8221" s="19"/>
      <c r="W8221" s="19"/>
      <c r="X8221" s="19"/>
      <c r="Y8221" s="19"/>
      <c r="Z8221" s="19"/>
      <c r="AA8221" s="19"/>
    </row>
    <row r="8222" spans="1:27" s="1" customFormat="1" ht="14.1" customHeight="1" outlineLevel="1" x14ac:dyDescent="0.2">
      <c r="A8222" s="17">
        <v>13208</v>
      </c>
      <c r="B8222" s="17"/>
      <c r="C8222" s="17"/>
      <c r="D8222" s="18" t="s">
        <v>4070</v>
      </c>
      <c r="E8222" s="18"/>
      <c r="F8222" s="18"/>
      <c r="G8222" s="18"/>
      <c r="H8222" s="18"/>
      <c r="I8222" s="18"/>
      <c r="J8222" s="18"/>
      <c r="K8222" s="18"/>
      <c r="L8222" s="18"/>
      <c r="M8222" s="18"/>
      <c r="N8222" s="18"/>
      <c r="O8222" s="18"/>
      <c r="P8222" s="19">
        <v>290</v>
      </c>
      <c r="Q8222" s="19"/>
      <c r="R8222" s="19"/>
      <c r="S8222" s="19"/>
      <c r="T8222" s="19">
        <v>220</v>
      </c>
      <c r="U8222" s="19"/>
      <c r="V8222" s="19"/>
      <c r="W8222" s="19"/>
      <c r="X8222" s="19">
        <v>50</v>
      </c>
      <c r="Y8222" s="19"/>
      <c r="Z8222" s="19"/>
      <c r="AA8222" s="19"/>
    </row>
    <row r="8223" spans="1:27" s="1" customFormat="1" ht="14.1" customHeight="1" outlineLevel="1" x14ac:dyDescent="0.2">
      <c r="A8223" s="17"/>
      <c r="B8223" s="17"/>
      <c r="C8223" s="17"/>
      <c r="D8223" s="18"/>
      <c r="E8223" s="18"/>
      <c r="F8223" s="18"/>
      <c r="G8223" s="18"/>
      <c r="H8223" s="18"/>
      <c r="I8223" s="18"/>
      <c r="J8223" s="18"/>
      <c r="K8223" s="18"/>
      <c r="L8223" s="18"/>
      <c r="M8223" s="18"/>
      <c r="N8223" s="18"/>
      <c r="O8223" s="18"/>
      <c r="P8223" s="19"/>
      <c r="Q8223" s="19"/>
      <c r="R8223" s="19"/>
      <c r="S8223" s="19"/>
      <c r="T8223" s="19"/>
      <c r="U8223" s="19"/>
      <c r="V8223" s="19"/>
      <c r="W8223" s="19"/>
      <c r="X8223" s="19"/>
      <c r="Y8223" s="19"/>
      <c r="Z8223" s="19"/>
      <c r="AA8223" s="19"/>
    </row>
    <row r="8224" spans="1:27" s="1" customFormat="1" ht="14.1" customHeight="1" outlineLevel="1" x14ac:dyDescent="0.2">
      <c r="A8224" s="17">
        <v>13206</v>
      </c>
      <c r="B8224" s="17"/>
      <c r="C8224" s="17"/>
      <c r="D8224" s="18" t="s">
        <v>4071</v>
      </c>
      <c r="E8224" s="18"/>
      <c r="F8224" s="18"/>
      <c r="G8224" s="18"/>
      <c r="H8224" s="18"/>
      <c r="I8224" s="18"/>
      <c r="J8224" s="18"/>
      <c r="K8224" s="18"/>
      <c r="L8224" s="18"/>
      <c r="M8224" s="18"/>
      <c r="N8224" s="18"/>
      <c r="O8224" s="18"/>
      <c r="P8224" s="19">
        <v>290</v>
      </c>
      <c r="Q8224" s="19"/>
      <c r="R8224" s="19"/>
      <c r="S8224" s="19"/>
      <c r="T8224" s="19">
        <v>220</v>
      </c>
      <c r="U8224" s="19"/>
      <c r="V8224" s="19"/>
      <c r="W8224" s="19"/>
      <c r="X8224" s="19">
        <v>20</v>
      </c>
      <c r="Y8224" s="19"/>
      <c r="Z8224" s="19"/>
      <c r="AA8224" s="19"/>
    </row>
    <row r="8225" spans="1:27" s="1" customFormat="1" ht="14.1" customHeight="1" outlineLevel="1" x14ac:dyDescent="0.2">
      <c r="A8225" s="17"/>
      <c r="B8225" s="17"/>
      <c r="C8225" s="17"/>
      <c r="D8225" s="18"/>
      <c r="E8225" s="18"/>
      <c r="F8225" s="18"/>
      <c r="G8225" s="18"/>
      <c r="H8225" s="18"/>
      <c r="I8225" s="18"/>
      <c r="J8225" s="18"/>
      <c r="K8225" s="18"/>
      <c r="L8225" s="18"/>
      <c r="M8225" s="18"/>
      <c r="N8225" s="18"/>
      <c r="O8225" s="18"/>
      <c r="P8225" s="19"/>
      <c r="Q8225" s="19"/>
      <c r="R8225" s="19"/>
      <c r="S8225" s="19"/>
      <c r="T8225" s="19"/>
      <c r="U8225" s="19"/>
      <c r="V8225" s="19"/>
      <c r="W8225" s="19"/>
      <c r="X8225" s="19"/>
      <c r="Y8225" s="19"/>
      <c r="Z8225" s="19"/>
      <c r="AA8225" s="19"/>
    </row>
    <row r="8226" spans="1:27" s="1" customFormat="1" ht="14.1" customHeight="1" outlineLevel="1" x14ac:dyDescent="0.2">
      <c r="A8226" s="17">
        <v>13207</v>
      </c>
      <c r="B8226" s="17"/>
      <c r="C8226" s="17"/>
      <c r="D8226" s="18" t="s">
        <v>4072</v>
      </c>
      <c r="E8226" s="18"/>
      <c r="F8226" s="18"/>
      <c r="G8226" s="18"/>
      <c r="H8226" s="18"/>
      <c r="I8226" s="18"/>
      <c r="J8226" s="18"/>
      <c r="K8226" s="18"/>
      <c r="L8226" s="18"/>
      <c r="M8226" s="18"/>
      <c r="N8226" s="18"/>
      <c r="O8226" s="18"/>
      <c r="P8226" s="19">
        <v>180</v>
      </c>
      <c r="Q8226" s="19"/>
      <c r="R8226" s="19"/>
      <c r="S8226" s="19"/>
      <c r="T8226" s="19">
        <v>140</v>
      </c>
      <c r="U8226" s="19"/>
      <c r="V8226" s="19"/>
      <c r="W8226" s="19"/>
      <c r="X8226" s="19">
        <v>20</v>
      </c>
      <c r="Y8226" s="19"/>
      <c r="Z8226" s="19"/>
      <c r="AA8226" s="19"/>
    </row>
    <row r="8227" spans="1:27" s="1" customFormat="1" ht="14.1" customHeight="1" outlineLevel="1" x14ac:dyDescent="0.2">
      <c r="A8227" s="17"/>
      <c r="B8227" s="17"/>
      <c r="C8227" s="17"/>
      <c r="D8227" s="18"/>
      <c r="E8227" s="18"/>
      <c r="F8227" s="18"/>
      <c r="G8227" s="18"/>
      <c r="H8227" s="18"/>
      <c r="I8227" s="18"/>
      <c r="J8227" s="18"/>
      <c r="K8227" s="18"/>
      <c r="L8227" s="18"/>
      <c r="M8227" s="18"/>
      <c r="N8227" s="18"/>
      <c r="O8227" s="18"/>
      <c r="P8227" s="19"/>
      <c r="Q8227" s="19"/>
      <c r="R8227" s="19"/>
      <c r="S8227" s="19"/>
      <c r="T8227" s="19"/>
      <c r="U8227" s="19"/>
      <c r="V8227" s="19"/>
      <c r="W8227" s="19"/>
      <c r="X8227" s="19"/>
      <c r="Y8227" s="19"/>
      <c r="Z8227" s="19"/>
      <c r="AA8227" s="19"/>
    </row>
    <row r="8228" spans="1:27" s="1" customFormat="1" ht="14.1" customHeight="1" outlineLevel="1" x14ac:dyDescent="0.2">
      <c r="A8228" s="17">
        <v>14236</v>
      </c>
      <c r="B8228" s="17"/>
      <c r="C8228" s="17"/>
      <c r="D8228" s="18" t="s">
        <v>4073</v>
      </c>
      <c r="E8228" s="18"/>
      <c r="F8228" s="18"/>
      <c r="G8228" s="18"/>
      <c r="H8228" s="18"/>
      <c r="I8228" s="18"/>
      <c r="J8228" s="18"/>
      <c r="K8228" s="18"/>
      <c r="L8228" s="18"/>
      <c r="M8228" s="18"/>
      <c r="N8228" s="18"/>
      <c r="O8228" s="18"/>
      <c r="P8228" s="19">
        <v>290</v>
      </c>
      <c r="Q8228" s="19"/>
      <c r="R8228" s="19"/>
      <c r="S8228" s="19"/>
      <c r="T8228" s="19">
        <v>220</v>
      </c>
      <c r="U8228" s="19"/>
      <c r="V8228" s="19"/>
      <c r="W8228" s="19"/>
      <c r="X8228" s="19">
        <v>10</v>
      </c>
      <c r="Y8228" s="19"/>
      <c r="Z8228" s="19"/>
      <c r="AA8228" s="19"/>
    </row>
    <row r="8229" spans="1:27" s="1" customFormat="1" ht="14.1" customHeight="1" outlineLevel="1" x14ac:dyDescent="0.2">
      <c r="A8229" s="17"/>
      <c r="B8229" s="17"/>
      <c r="C8229" s="17"/>
      <c r="D8229" s="18"/>
      <c r="E8229" s="18"/>
      <c r="F8229" s="18"/>
      <c r="G8229" s="18"/>
      <c r="H8229" s="18"/>
      <c r="I8229" s="18"/>
      <c r="J8229" s="18"/>
      <c r="K8229" s="18"/>
      <c r="L8229" s="18"/>
      <c r="M8229" s="18"/>
      <c r="N8229" s="18"/>
      <c r="O8229" s="18"/>
      <c r="P8229" s="19"/>
      <c r="Q8229" s="19"/>
      <c r="R8229" s="19"/>
      <c r="S8229" s="19"/>
      <c r="T8229" s="19"/>
      <c r="U8229" s="19"/>
      <c r="V8229" s="19"/>
      <c r="W8229" s="19"/>
      <c r="X8229" s="19"/>
      <c r="Y8229" s="19"/>
      <c r="Z8229" s="19"/>
      <c r="AA8229" s="19"/>
    </row>
    <row r="8230" spans="1:27" s="1" customFormat="1" ht="14.1" customHeight="1" outlineLevel="1" x14ac:dyDescent="0.2">
      <c r="A8230" s="17">
        <v>14237</v>
      </c>
      <c r="B8230" s="17"/>
      <c r="C8230" s="17"/>
      <c r="D8230" s="18" t="s">
        <v>4074</v>
      </c>
      <c r="E8230" s="18"/>
      <c r="F8230" s="18"/>
      <c r="G8230" s="18"/>
      <c r="H8230" s="18"/>
      <c r="I8230" s="18"/>
      <c r="J8230" s="18"/>
      <c r="K8230" s="18"/>
      <c r="L8230" s="18"/>
      <c r="M8230" s="18"/>
      <c r="N8230" s="18"/>
      <c r="O8230" s="18"/>
      <c r="P8230" s="19">
        <v>200</v>
      </c>
      <c r="Q8230" s="19"/>
      <c r="R8230" s="19"/>
      <c r="S8230" s="19"/>
      <c r="T8230" s="19">
        <v>160</v>
      </c>
      <c r="U8230" s="19"/>
      <c r="V8230" s="19"/>
      <c r="W8230" s="19"/>
      <c r="X8230" s="19">
        <v>10</v>
      </c>
      <c r="Y8230" s="19"/>
      <c r="Z8230" s="19"/>
      <c r="AA8230" s="19"/>
    </row>
    <row r="8231" spans="1:27" s="1" customFormat="1" ht="14.1" customHeight="1" outlineLevel="1" x14ac:dyDescent="0.2">
      <c r="A8231" s="17"/>
      <c r="B8231" s="17"/>
      <c r="C8231" s="17"/>
      <c r="D8231" s="18"/>
      <c r="E8231" s="18"/>
      <c r="F8231" s="18"/>
      <c r="G8231" s="18"/>
      <c r="H8231" s="18"/>
      <c r="I8231" s="18"/>
      <c r="J8231" s="18"/>
      <c r="K8231" s="18"/>
      <c r="L8231" s="18"/>
      <c r="M8231" s="18"/>
      <c r="N8231" s="18"/>
      <c r="O8231" s="18"/>
      <c r="P8231" s="19"/>
      <c r="Q8231" s="19"/>
      <c r="R8231" s="19"/>
      <c r="S8231" s="19"/>
      <c r="T8231" s="19"/>
      <c r="U8231" s="19"/>
      <c r="V8231" s="19"/>
      <c r="W8231" s="19"/>
      <c r="X8231" s="19"/>
      <c r="Y8231" s="19"/>
      <c r="Z8231" s="19"/>
      <c r="AA8231" s="19"/>
    </row>
    <row r="8232" spans="1:27" s="1" customFormat="1" ht="14.1" customHeight="1" outlineLevel="1" x14ac:dyDescent="0.2">
      <c r="A8232" s="17">
        <v>13190</v>
      </c>
      <c r="B8232" s="17"/>
      <c r="C8232" s="17"/>
      <c r="D8232" s="18" t="s">
        <v>4075</v>
      </c>
      <c r="E8232" s="18"/>
      <c r="F8232" s="18"/>
      <c r="G8232" s="18"/>
      <c r="H8232" s="18"/>
      <c r="I8232" s="18"/>
      <c r="J8232" s="18"/>
      <c r="K8232" s="18"/>
      <c r="L8232" s="18"/>
      <c r="M8232" s="18"/>
      <c r="N8232" s="18"/>
      <c r="O8232" s="18"/>
      <c r="P8232" s="19">
        <v>170</v>
      </c>
      <c r="Q8232" s="19"/>
      <c r="R8232" s="19"/>
      <c r="S8232" s="19"/>
      <c r="T8232" s="19">
        <v>130</v>
      </c>
      <c r="U8232" s="19"/>
      <c r="V8232" s="19"/>
      <c r="W8232" s="19"/>
      <c r="X8232" s="19">
        <v>10</v>
      </c>
      <c r="Y8232" s="19"/>
      <c r="Z8232" s="19"/>
      <c r="AA8232" s="19"/>
    </row>
    <row r="8233" spans="1:27" s="1" customFormat="1" ht="14.1" customHeight="1" outlineLevel="1" x14ac:dyDescent="0.2">
      <c r="A8233" s="17"/>
      <c r="B8233" s="17"/>
      <c r="C8233" s="17"/>
      <c r="D8233" s="18"/>
      <c r="E8233" s="18"/>
      <c r="F8233" s="18"/>
      <c r="G8233" s="18"/>
      <c r="H8233" s="18"/>
      <c r="I8233" s="18"/>
      <c r="J8233" s="18"/>
      <c r="K8233" s="18"/>
      <c r="L8233" s="18"/>
      <c r="M8233" s="18"/>
      <c r="N8233" s="18"/>
      <c r="O8233" s="18"/>
      <c r="P8233" s="19"/>
      <c r="Q8233" s="19"/>
      <c r="R8233" s="19"/>
      <c r="S8233" s="19"/>
      <c r="T8233" s="19"/>
      <c r="U8233" s="19"/>
      <c r="V8233" s="19"/>
      <c r="W8233" s="19"/>
      <c r="X8233" s="19"/>
      <c r="Y8233" s="19"/>
      <c r="Z8233" s="19"/>
      <c r="AA8233" s="19"/>
    </row>
    <row r="8234" spans="1:27" s="1" customFormat="1" ht="14.1" customHeight="1" outlineLevel="1" x14ac:dyDescent="0.2">
      <c r="A8234" s="17">
        <v>17943</v>
      </c>
      <c r="B8234" s="17"/>
      <c r="C8234" s="17"/>
      <c r="D8234" s="18" t="s">
        <v>4076</v>
      </c>
      <c r="E8234" s="18"/>
      <c r="F8234" s="18"/>
      <c r="G8234" s="18"/>
      <c r="H8234" s="18"/>
      <c r="I8234" s="18"/>
      <c r="J8234" s="18"/>
      <c r="K8234" s="18"/>
      <c r="L8234" s="18"/>
      <c r="M8234" s="18"/>
      <c r="N8234" s="18"/>
      <c r="O8234" s="18"/>
      <c r="P8234" s="19">
        <v>800</v>
      </c>
      <c r="Q8234" s="19"/>
      <c r="R8234" s="19"/>
      <c r="S8234" s="19"/>
      <c r="T8234" s="19">
        <v>700</v>
      </c>
      <c r="U8234" s="19"/>
      <c r="V8234" s="19"/>
      <c r="W8234" s="19"/>
      <c r="X8234" s="19">
        <v>1</v>
      </c>
      <c r="Y8234" s="19"/>
      <c r="Z8234" s="19"/>
      <c r="AA8234" s="19"/>
    </row>
    <row r="8235" spans="1:27" s="1" customFormat="1" ht="14.1" customHeight="1" outlineLevel="1" x14ac:dyDescent="0.2">
      <c r="A8235" s="17"/>
      <c r="B8235" s="17"/>
      <c r="C8235" s="17"/>
      <c r="D8235" s="18"/>
      <c r="E8235" s="18"/>
      <c r="F8235" s="18"/>
      <c r="G8235" s="18"/>
      <c r="H8235" s="18"/>
      <c r="I8235" s="18"/>
      <c r="J8235" s="18"/>
      <c r="K8235" s="18"/>
      <c r="L8235" s="18"/>
      <c r="M8235" s="18"/>
      <c r="N8235" s="18"/>
      <c r="O8235" s="18"/>
      <c r="P8235" s="19"/>
      <c r="Q8235" s="19"/>
      <c r="R8235" s="19"/>
      <c r="S8235" s="19"/>
      <c r="T8235" s="19"/>
      <c r="U8235" s="19"/>
      <c r="V8235" s="19"/>
      <c r="W8235" s="19"/>
      <c r="X8235" s="19"/>
      <c r="Y8235" s="19"/>
      <c r="Z8235" s="19"/>
      <c r="AA8235" s="19"/>
    </row>
    <row r="8236" spans="1:27" s="1" customFormat="1" ht="14.1" customHeight="1" outlineLevel="1" x14ac:dyDescent="0.2">
      <c r="A8236" s="17">
        <v>14241</v>
      </c>
      <c r="B8236" s="17"/>
      <c r="C8236" s="17"/>
      <c r="D8236" s="18" t="s">
        <v>4077</v>
      </c>
      <c r="E8236" s="18"/>
      <c r="F8236" s="18"/>
      <c r="G8236" s="18"/>
      <c r="H8236" s="18"/>
      <c r="I8236" s="18"/>
      <c r="J8236" s="18"/>
      <c r="K8236" s="18"/>
      <c r="L8236" s="18"/>
      <c r="M8236" s="18"/>
      <c r="N8236" s="18"/>
      <c r="O8236" s="18"/>
      <c r="P8236" s="19">
        <v>170</v>
      </c>
      <c r="Q8236" s="19"/>
      <c r="R8236" s="19"/>
      <c r="S8236" s="19"/>
      <c r="T8236" s="19">
        <v>130</v>
      </c>
      <c r="U8236" s="19"/>
      <c r="V8236" s="19"/>
      <c r="W8236" s="19"/>
      <c r="X8236" s="19">
        <v>3</v>
      </c>
      <c r="Y8236" s="19"/>
      <c r="Z8236" s="19"/>
      <c r="AA8236" s="19"/>
    </row>
    <row r="8237" spans="1:27" s="1" customFormat="1" ht="14.1" customHeight="1" outlineLevel="1" x14ac:dyDescent="0.2">
      <c r="A8237" s="17"/>
      <c r="B8237" s="17"/>
      <c r="C8237" s="17"/>
      <c r="D8237" s="18"/>
      <c r="E8237" s="18"/>
      <c r="F8237" s="18"/>
      <c r="G8237" s="18"/>
      <c r="H8237" s="18"/>
      <c r="I8237" s="18"/>
      <c r="J8237" s="18"/>
      <c r="K8237" s="18"/>
      <c r="L8237" s="18"/>
      <c r="M8237" s="18"/>
      <c r="N8237" s="18"/>
      <c r="O8237" s="18"/>
      <c r="P8237" s="19"/>
      <c r="Q8237" s="19"/>
      <c r="R8237" s="19"/>
      <c r="S8237" s="19"/>
      <c r="T8237" s="19"/>
      <c r="U8237" s="19"/>
      <c r="V8237" s="19"/>
      <c r="W8237" s="19"/>
      <c r="X8237" s="19"/>
      <c r="Y8237" s="19"/>
      <c r="Z8237" s="19"/>
      <c r="AA8237" s="19"/>
    </row>
    <row r="8238" spans="1:27" s="1" customFormat="1" ht="14.1" customHeight="1" outlineLevel="1" x14ac:dyDescent="0.2">
      <c r="A8238" s="17">
        <v>7486</v>
      </c>
      <c r="B8238" s="17"/>
      <c r="C8238" s="17"/>
      <c r="D8238" s="18" t="s">
        <v>4078</v>
      </c>
      <c r="E8238" s="18"/>
      <c r="F8238" s="18"/>
      <c r="G8238" s="18"/>
      <c r="H8238" s="18"/>
      <c r="I8238" s="18"/>
      <c r="J8238" s="18"/>
      <c r="K8238" s="18"/>
      <c r="L8238" s="18"/>
      <c r="M8238" s="18"/>
      <c r="N8238" s="18"/>
      <c r="O8238" s="18"/>
      <c r="P8238" s="19">
        <v>170</v>
      </c>
      <c r="Q8238" s="19"/>
      <c r="R8238" s="19"/>
      <c r="S8238" s="19"/>
      <c r="T8238" s="19">
        <v>130</v>
      </c>
      <c r="U8238" s="19"/>
      <c r="V8238" s="19"/>
      <c r="W8238" s="19"/>
      <c r="X8238" s="19">
        <v>19</v>
      </c>
      <c r="Y8238" s="19"/>
      <c r="Z8238" s="19"/>
      <c r="AA8238" s="19"/>
    </row>
    <row r="8239" spans="1:27" s="1" customFormat="1" ht="14.1" customHeight="1" outlineLevel="1" x14ac:dyDescent="0.2">
      <c r="A8239" s="17"/>
      <c r="B8239" s="17"/>
      <c r="C8239" s="17"/>
      <c r="D8239" s="18"/>
      <c r="E8239" s="18"/>
      <c r="F8239" s="18"/>
      <c r="G8239" s="18"/>
      <c r="H8239" s="18"/>
      <c r="I8239" s="18"/>
      <c r="J8239" s="18"/>
      <c r="K8239" s="18"/>
      <c r="L8239" s="18"/>
      <c r="M8239" s="18"/>
      <c r="N8239" s="18"/>
      <c r="O8239" s="18"/>
      <c r="P8239" s="19"/>
      <c r="Q8239" s="19"/>
      <c r="R8239" s="19"/>
      <c r="S8239" s="19"/>
      <c r="T8239" s="19"/>
      <c r="U8239" s="19"/>
      <c r="V8239" s="19"/>
      <c r="W8239" s="19"/>
      <c r="X8239" s="19"/>
      <c r="Y8239" s="19"/>
      <c r="Z8239" s="19"/>
      <c r="AA8239" s="19"/>
    </row>
    <row r="8240" spans="1:27" s="1" customFormat="1" ht="14.1" customHeight="1" outlineLevel="1" x14ac:dyDescent="0.2">
      <c r="A8240" s="17">
        <v>14238</v>
      </c>
      <c r="B8240" s="17"/>
      <c r="C8240" s="17"/>
      <c r="D8240" s="18" t="s">
        <v>4079</v>
      </c>
      <c r="E8240" s="18"/>
      <c r="F8240" s="18"/>
      <c r="G8240" s="18"/>
      <c r="H8240" s="18"/>
      <c r="I8240" s="18"/>
      <c r="J8240" s="18"/>
      <c r="K8240" s="18"/>
      <c r="L8240" s="18"/>
      <c r="M8240" s="18"/>
      <c r="N8240" s="18"/>
      <c r="O8240" s="18"/>
      <c r="P8240" s="19">
        <v>180</v>
      </c>
      <c r="Q8240" s="19"/>
      <c r="R8240" s="19"/>
      <c r="S8240" s="19"/>
      <c r="T8240" s="19">
        <v>140</v>
      </c>
      <c r="U8240" s="19"/>
      <c r="V8240" s="19"/>
      <c r="W8240" s="19"/>
      <c r="X8240" s="19">
        <v>20</v>
      </c>
      <c r="Y8240" s="19"/>
      <c r="Z8240" s="19"/>
      <c r="AA8240" s="19"/>
    </row>
    <row r="8241" spans="1:27" s="1" customFormat="1" ht="14.1" customHeight="1" outlineLevel="1" x14ac:dyDescent="0.2">
      <c r="A8241" s="17"/>
      <c r="B8241" s="17"/>
      <c r="C8241" s="17"/>
      <c r="D8241" s="18"/>
      <c r="E8241" s="18"/>
      <c r="F8241" s="18"/>
      <c r="G8241" s="18"/>
      <c r="H8241" s="18"/>
      <c r="I8241" s="18"/>
      <c r="J8241" s="18"/>
      <c r="K8241" s="18"/>
      <c r="L8241" s="18"/>
      <c r="M8241" s="18"/>
      <c r="N8241" s="18"/>
      <c r="O8241" s="18"/>
      <c r="P8241" s="19"/>
      <c r="Q8241" s="19"/>
      <c r="R8241" s="19"/>
      <c r="S8241" s="19"/>
      <c r="T8241" s="19"/>
      <c r="U8241" s="19"/>
      <c r="V8241" s="19"/>
      <c r="W8241" s="19"/>
      <c r="X8241" s="19"/>
      <c r="Y8241" s="19"/>
      <c r="Z8241" s="19"/>
      <c r="AA8241" s="19"/>
    </row>
    <row r="8242" spans="1:27" s="1" customFormat="1" ht="14.1" customHeight="1" outlineLevel="1" x14ac:dyDescent="0.2">
      <c r="A8242" s="17">
        <v>14239</v>
      </c>
      <c r="B8242" s="17"/>
      <c r="C8242" s="17"/>
      <c r="D8242" s="18" t="s">
        <v>4080</v>
      </c>
      <c r="E8242" s="18"/>
      <c r="F8242" s="18"/>
      <c r="G8242" s="18"/>
      <c r="H8242" s="18"/>
      <c r="I8242" s="18"/>
      <c r="J8242" s="18"/>
      <c r="K8242" s="18"/>
      <c r="L8242" s="18"/>
      <c r="M8242" s="18"/>
      <c r="N8242" s="18"/>
      <c r="O8242" s="18"/>
      <c r="P8242" s="19">
        <v>190</v>
      </c>
      <c r="Q8242" s="19"/>
      <c r="R8242" s="19"/>
      <c r="S8242" s="19"/>
      <c r="T8242" s="19">
        <v>150</v>
      </c>
      <c r="U8242" s="19"/>
      <c r="V8242" s="19"/>
      <c r="W8242" s="19"/>
      <c r="X8242" s="19">
        <v>17</v>
      </c>
      <c r="Y8242" s="19"/>
      <c r="Z8242" s="19"/>
      <c r="AA8242" s="19"/>
    </row>
    <row r="8243" spans="1:27" s="1" customFormat="1" ht="14.1" customHeight="1" outlineLevel="1" x14ac:dyDescent="0.2">
      <c r="A8243" s="17"/>
      <c r="B8243" s="17"/>
      <c r="C8243" s="17"/>
      <c r="D8243" s="18"/>
      <c r="E8243" s="18"/>
      <c r="F8243" s="18"/>
      <c r="G8243" s="18"/>
      <c r="H8243" s="18"/>
      <c r="I8243" s="18"/>
      <c r="J8243" s="18"/>
      <c r="K8243" s="18"/>
      <c r="L8243" s="18"/>
      <c r="M8243" s="18"/>
      <c r="N8243" s="18"/>
      <c r="O8243" s="18"/>
      <c r="P8243" s="19"/>
      <c r="Q8243" s="19"/>
      <c r="R8243" s="19"/>
      <c r="S8243" s="19"/>
      <c r="T8243" s="19"/>
      <c r="U8243" s="19"/>
      <c r="V8243" s="19"/>
      <c r="W8243" s="19"/>
      <c r="X8243" s="19"/>
      <c r="Y8243" s="19"/>
      <c r="Z8243" s="19"/>
      <c r="AA8243" s="19"/>
    </row>
    <row r="8244" spans="1:27" s="1" customFormat="1" ht="14.1" customHeight="1" outlineLevel="1" x14ac:dyDescent="0.2">
      <c r="A8244" s="17">
        <v>14240</v>
      </c>
      <c r="B8244" s="17"/>
      <c r="C8244" s="17"/>
      <c r="D8244" s="18" t="s">
        <v>4081</v>
      </c>
      <c r="E8244" s="18"/>
      <c r="F8244" s="18"/>
      <c r="G8244" s="18"/>
      <c r="H8244" s="18"/>
      <c r="I8244" s="18"/>
      <c r="J8244" s="18"/>
      <c r="K8244" s="18"/>
      <c r="L8244" s="18"/>
      <c r="M8244" s="18"/>
      <c r="N8244" s="18"/>
      <c r="O8244" s="18"/>
      <c r="P8244" s="19">
        <v>170</v>
      </c>
      <c r="Q8244" s="19"/>
      <c r="R8244" s="19"/>
      <c r="S8244" s="19"/>
      <c r="T8244" s="19">
        <v>130</v>
      </c>
      <c r="U8244" s="19"/>
      <c r="V8244" s="19"/>
      <c r="W8244" s="19"/>
      <c r="X8244" s="19">
        <v>20</v>
      </c>
      <c r="Y8244" s="19"/>
      <c r="Z8244" s="19"/>
      <c r="AA8244" s="19"/>
    </row>
    <row r="8245" spans="1:27" s="1" customFormat="1" ht="14.1" customHeight="1" outlineLevel="1" x14ac:dyDescent="0.2">
      <c r="A8245" s="17"/>
      <c r="B8245" s="17"/>
      <c r="C8245" s="17"/>
      <c r="D8245" s="18"/>
      <c r="E8245" s="18"/>
      <c r="F8245" s="18"/>
      <c r="G8245" s="18"/>
      <c r="H8245" s="18"/>
      <c r="I8245" s="18"/>
      <c r="J8245" s="18"/>
      <c r="K8245" s="18"/>
      <c r="L8245" s="18"/>
      <c r="M8245" s="18"/>
      <c r="N8245" s="18"/>
      <c r="O8245" s="18"/>
      <c r="P8245" s="19"/>
      <c r="Q8245" s="19"/>
      <c r="R8245" s="19"/>
      <c r="S8245" s="19"/>
      <c r="T8245" s="19"/>
      <c r="U8245" s="19"/>
      <c r="V8245" s="19"/>
      <c r="W8245" s="19"/>
      <c r="X8245" s="19"/>
      <c r="Y8245" s="19"/>
      <c r="Z8245" s="19"/>
      <c r="AA8245" s="19"/>
    </row>
    <row r="8246" spans="1:27" s="1" customFormat="1" ht="14.1" customHeight="1" outlineLevel="1" x14ac:dyDescent="0.2">
      <c r="A8246" s="17">
        <v>13197</v>
      </c>
      <c r="B8246" s="17"/>
      <c r="C8246" s="17"/>
      <c r="D8246" s="18" t="s">
        <v>4082</v>
      </c>
      <c r="E8246" s="18"/>
      <c r="F8246" s="18"/>
      <c r="G8246" s="18"/>
      <c r="H8246" s="18"/>
      <c r="I8246" s="18"/>
      <c r="J8246" s="18"/>
      <c r="K8246" s="18"/>
      <c r="L8246" s="18"/>
      <c r="M8246" s="18"/>
      <c r="N8246" s="18"/>
      <c r="O8246" s="18"/>
      <c r="P8246" s="19">
        <v>200</v>
      </c>
      <c r="Q8246" s="19"/>
      <c r="R8246" s="19"/>
      <c r="S8246" s="19"/>
      <c r="T8246" s="19">
        <v>150</v>
      </c>
      <c r="U8246" s="19"/>
      <c r="V8246" s="19"/>
      <c r="W8246" s="19"/>
      <c r="X8246" s="19">
        <v>55</v>
      </c>
      <c r="Y8246" s="19"/>
      <c r="Z8246" s="19"/>
      <c r="AA8246" s="19"/>
    </row>
    <row r="8247" spans="1:27" s="1" customFormat="1" ht="14.1" customHeight="1" outlineLevel="1" x14ac:dyDescent="0.2">
      <c r="A8247" s="17"/>
      <c r="B8247" s="17"/>
      <c r="C8247" s="17"/>
      <c r="D8247" s="18"/>
      <c r="E8247" s="18"/>
      <c r="F8247" s="18"/>
      <c r="G8247" s="18"/>
      <c r="H8247" s="18"/>
      <c r="I8247" s="18"/>
      <c r="J8247" s="18"/>
      <c r="K8247" s="18"/>
      <c r="L8247" s="18"/>
      <c r="M8247" s="18"/>
      <c r="N8247" s="18"/>
      <c r="O8247" s="18"/>
      <c r="P8247" s="19"/>
      <c r="Q8247" s="19"/>
      <c r="R8247" s="19"/>
      <c r="S8247" s="19"/>
      <c r="T8247" s="19"/>
      <c r="U8247" s="19"/>
      <c r="V8247" s="19"/>
      <c r="W8247" s="19"/>
      <c r="X8247" s="19"/>
      <c r="Y8247" s="19"/>
      <c r="Z8247" s="19"/>
      <c r="AA8247" s="19"/>
    </row>
    <row r="8248" spans="1:27" s="1" customFormat="1" ht="14.1" customHeight="1" outlineLevel="1" x14ac:dyDescent="0.2">
      <c r="A8248" s="17">
        <v>14243</v>
      </c>
      <c r="B8248" s="17"/>
      <c r="C8248" s="17"/>
      <c r="D8248" s="18" t="s">
        <v>4083</v>
      </c>
      <c r="E8248" s="18"/>
      <c r="F8248" s="18"/>
      <c r="G8248" s="18"/>
      <c r="H8248" s="18"/>
      <c r="I8248" s="18"/>
      <c r="J8248" s="18"/>
      <c r="K8248" s="18"/>
      <c r="L8248" s="18"/>
      <c r="M8248" s="18"/>
      <c r="N8248" s="18"/>
      <c r="O8248" s="18"/>
      <c r="P8248" s="19">
        <v>260</v>
      </c>
      <c r="Q8248" s="19"/>
      <c r="R8248" s="19"/>
      <c r="S8248" s="19"/>
      <c r="T8248" s="19">
        <v>200</v>
      </c>
      <c r="U8248" s="19"/>
      <c r="V8248" s="19"/>
      <c r="W8248" s="19"/>
      <c r="X8248" s="19">
        <v>9</v>
      </c>
      <c r="Y8248" s="19"/>
      <c r="Z8248" s="19"/>
      <c r="AA8248" s="19"/>
    </row>
    <row r="8249" spans="1:27" s="1" customFormat="1" ht="14.1" customHeight="1" outlineLevel="1" x14ac:dyDescent="0.2">
      <c r="A8249" s="17"/>
      <c r="B8249" s="17"/>
      <c r="C8249" s="17"/>
      <c r="D8249" s="18"/>
      <c r="E8249" s="18"/>
      <c r="F8249" s="18"/>
      <c r="G8249" s="18"/>
      <c r="H8249" s="18"/>
      <c r="I8249" s="18"/>
      <c r="J8249" s="18"/>
      <c r="K8249" s="18"/>
      <c r="L8249" s="18"/>
      <c r="M8249" s="18"/>
      <c r="N8249" s="18"/>
      <c r="O8249" s="18"/>
      <c r="P8249" s="19"/>
      <c r="Q8249" s="19"/>
      <c r="R8249" s="19"/>
      <c r="S8249" s="19"/>
      <c r="T8249" s="19"/>
      <c r="U8249" s="19"/>
      <c r="V8249" s="19"/>
      <c r="W8249" s="19"/>
      <c r="X8249" s="19"/>
      <c r="Y8249" s="19"/>
      <c r="Z8249" s="19"/>
      <c r="AA8249" s="19"/>
    </row>
    <row r="8250" spans="1:27" s="1" customFormat="1" ht="14.1" customHeight="1" outlineLevel="1" x14ac:dyDescent="0.2">
      <c r="A8250" s="17">
        <v>11742</v>
      </c>
      <c r="B8250" s="17"/>
      <c r="C8250" s="17"/>
      <c r="D8250" s="18" t="s">
        <v>4084</v>
      </c>
      <c r="E8250" s="18"/>
      <c r="F8250" s="18"/>
      <c r="G8250" s="18"/>
      <c r="H8250" s="18"/>
      <c r="I8250" s="18"/>
      <c r="J8250" s="18"/>
      <c r="K8250" s="18"/>
      <c r="L8250" s="18"/>
      <c r="M8250" s="18"/>
      <c r="N8250" s="18"/>
      <c r="O8250" s="18"/>
      <c r="P8250" s="19">
        <v>170</v>
      </c>
      <c r="Q8250" s="19"/>
      <c r="R8250" s="19"/>
      <c r="S8250" s="19"/>
      <c r="T8250" s="19">
        <v>130</v>
      </c>
      <c r="U8250" s="19"/>
      <c r="V8250" s="19"/>
      <c r="W8250" s="19"/>
      <c r="X8250" s="19">
        <v>14</v>
      </c>
      <c r="Y8250" s="19"/>
      <c r="Z8250" s="19"/>
      <c r="AA8250" s="19"/>
    </row>
    <row r="8251" spans="1:27" s="1" customFormat="1" ht="14.1" customHeight="1" outlineLevel="1" x14ac:dyDescent="0.2">
      <c r="A8251" s="17"/>
      <c r="B8251" s="17"/>
      <c r="C8251" s="17"/>
      <c r="D8251" s="18"/>
      <c r="E8251" s="18"/>
      <c r="F8251" s="18"/>
      <c r="G8251" s="18"/>
      <c r="H8251" s="18"/>
      <c r="I8251" s="18"/>
      <c r="J8251" s="18"/>
      <c r="K8251" s="18"/>
      <c r="L8251" s="18"/>
      <c r="M8251" s="18"/>
      <c r="N8251" s="18"/>
      <c r="O8251" s="18"/>
      <c r="P8251" s="19"/>
      <c r="Q8251" s="19"/>
      <c r="R8251" s="19"/>
      <c r="S8251" s="19"/>
      <c r="T8251" s="19"/>
      <c r="U8251" s="19"/>
      <c r="V8251" s="19"/>
      <c r="W8251" s="19"/>
      <c r="X8251" s="19"/>
      <c r="Y8251" s="19"/>
      <c r="Z8251" s="19"/>
      <c r="AA8251" s="19"/>
    </row>
    <row r="8252" spans="1:27" s="1" customFormat="1" ht="14.1" customHeight="1" outlineLevel="1" x14ac:dyDescent="0.2">
      <c r="A8252" s="17">
        <v>17009</v>
      </c>
      <c r="B8252" s="17"/>
      <c r="C8252" s="17"/>
      <c r="D8252" s="18" t="s">
        <v>4085</v>
      </c>
      <c r="E8252" s="18"/>
      <c r="F8252" s="18"/>
      <c r="G8252" s="18"/>
      <c r="H8252" s="18"/>
      <c r="I8252" s="18"/>
      <c r="J8252" s="18"/>
      <c r="K8252" s="18"/>
      <c r="L8252" s="18"/>
      <c r="M8252" s="18"/>
      <c r="N8252" s="18"/>
      <c r="O8252" s="18"/>
      <c r="P8252" s="19">
        <v>500</v>
      </c>
      <c r="Q8252" s="19"/>
      <c r="R8252" s="19"/>
      <c r="S8252" s="19"/>
      <c r="T8252" s="19">
        <v>400</v>
      </c>
      <c r="U8252" s="19"/>
      <c r="V8252" s="19"/>
      <c r="W8252" s="19"/>
      <c r="X8252" s="19">
        <v>3</v>
      </c>
      <c r="Y8252" s="19"/>
      <c r="Z8252" s="19"/>
      <c r="AA8252" s="19"/>
    </row>
    <row r="8253" spans="1:27" s="1" customFormat="1" ht="14.1" customHeight="1" outlineLevel="1" x14ac:dyDescent="0.2">
      <c r="A8253" s="17"/>
      <c r="B8253" s="17"/>
      <c r="C8253" s="17"/>
      <c r="D8253" s="18"/>
      <c r="E8253" s="18"/>
      <c r="F8253" s="18"/>
      <c r="G8253" s="18"/>
      <c r="H8253" s="18"/>
      <c r="I8253" s="18"/>
      <c r="J8253" s="18"/>
      <c r="K8253" s="18"/>
      <c r="L8253" s="18"/>
      <c r="M8253" s="18"/>
      <c r="N8253" s="18"/>
      <c r="O8253" s="18"/>
      <c r="P8253" s="19"/>
      <c r="Q8253" s="19"/>
      <c r="R8253" s="19"/>
      <c r="S8253" s="19"/>
      <c r="T8253" s="19"/>
      <c r="U8253" s="19"/>
      <c r="V8253" s="19"/>
      <c r="W8253" s="19"/>
      <c r="X8253" s="19"/>
      <c r="Y8253" s="19"/>
      <c r="Z8253" s="19"/>
      <c r="AA8253" s="19"/>
    </row>
    <row r="8254" spans="1:27" s="1" customFormat="1" ht="14.1" customHeight="1" outlineLevel="1" x14ac:dyDescent="0.2">
      <c r="A8254" s="17">
        <v>14242</v>
      </c>
      <c r="B8254" s="17"/>
      <c r="C8254" s="17"/>
      <c r="D8254" s="18" t="s">
        <v>4086</v>
      </c>
      <c r="E8254" s="18"/>
      <c r="F8254" s="18"/>
      <c r="G8254" s="18"/>
      <c r="H8254" s="18"/>
      <c r="I8254" s="18"/>
      <c r="J8254" s="18"/>
      <c r="K8254" s="18"/>
      <c r="L8254" s="18"/>
      <c r="M8254" s="18"/>
      <c r="N8254" s="18"/>
      <c r="O8254" s="18"/>
      <c r="P8254" s="19">
        <v>240</v>
      </c>
      <c r="Q8254" s="19"/>
      <c r="R8254" s="19"/>
      <c r="S8254" s="19"/>
      <c r="T8254" s="19">
        <v>180</v>
      </c>
      <c r="U8254" s="19"/>
      <c r="V8254" s="19"/>
      <c r="W8254" s="19"/>
      <c r="X8254" s="19">
        <v>9</v>
      </c>
      <c r="Y8254" s="19"/>
      <c r="Z8254" s="19"/>
      <c r="AA8254" s="19"/>
    </row>
    <row r="8255" spans="1:27" s="1" customFormat="1" ht="14.1" customHeight="1" outlineLevel="1" x14ac:dyDescent="0.2">
      <c r="A8255" s="17"/>
      <c r="B8255" s="17"/>
      <c r="C8255" s="17"/>
      <c r="D8255" s="18"/>
      <c r="E8255" s="18"/>
      <c r="F8255" s="18"/>
      <c r="G8255" s="18"/>
      <c r="H8255" s="18"/>
      <c r="I8255" s="18"/>
      <c r="J8255" s="18"/>
      <c r="K8255" s="18"/>
      <c r="L8255" s="18"/>
      <c r="M8255" s="18"/>
      <c r="N8255" s="18"/>
      <c r="O8255" s="18"/>
      <c r="P8255" s="19"/>
      <c r="Q8255" s="19"/>
      <c r="R8255" s="19"/>
      <c r="S8255" s="19"/>
      <c r="T8255" s="19"/>
      <c r="U8255" s="19"/>
      <c r="V8255" s="19"/>
      <c r="W8255" s="19"/>
      <c r="X8255" s="19"/>
      <c r="Y8255" s="19"/>
      <c r="Z8255" s="19"/>
      <c r="AA8255" s="19"/>
    </row>
    <row r="8256" spans="1:27" s="1" customFormat="1" ht="14.1" customHeight="1" outlineLevel="1" x14ac:dyDescent="0.2">
      <c r="A8256" s="17">
        <v>14244</v>
      </c>
      <c r="B8256" s="17"/>
      <c r="C8256" s="17"/>
      <c r="D8256" s="18" t="s">
        <v>4087</v>
      </c>
      <c r="E8256" s="18"/>
      <c r="F8256" s="18"/>
      <c r="G8256" s="18"/>
      <c r="H8256" s="18"/>
      <c r="I8256" s="18"/>
      <c r="J8256" s="18"/>
      <c r="K8256" s="18"/>
      <c r="L8256" s="18"/>
      <c r="M8256" s="18"/>
      <c r="N8256" s="18"/>
      <c r="O8256" s="18"/>
      <c r="P8256" s="19">
        <v>190</v>
      </c>
      <c r="Q8256" s="19"/>
      <c r="R8256" s="19"/>
      <c r="S8256" s="19"/>
      <c r="T8256" s="19">
        <v>150</v>
      </c>
      <c r="U8256" s="19"/>
      <c r="V8256" s="19"/>
      <c r="W8256" s="19"/>
      <c r="X8256" s="19">
        <v>10</v>
      </c>
      <c r="Y8256" s="19"/>
      <c r="Z8256" s="19"/>
      <c r="AA8256" s="19"/>
    </row>
    <row r="8257" spans="1:27" s="1" customFormat="1" ht="14.1" customHeight="1" outlineLevel="1" x14ac:dyDescent="0.2">
      <c r="A8257" s="17"/>
      <c r="B8257" s="17"/>
      <c r="C8257" s="17"/>
      <c r="D8257" s="18"/>
      <c r="E8257" s="18"/>
      <c r="F8257" s="18"/>
      <c r="G8257" s="18"/>
      <c r="H8257" s="18"/>
      <c r="I8257" s="18"/>
      <c r="J8257" s="18"/>
      <c r="K8257" s="18"/>
      <c r="L8257" s="18"/>
      <c r="M8257" s="18"/>
      <c r="N8257" s="18"/>
      <c r="O8257" s="18"/>
      <c r="P8257" s="19"/>
      <c r="Q8257" s="19"/>
      <c r="R8257" s="19"/>
      <c r="S8257" s="19"/>
      <c r="T8257" s="19"/>
      <c r="U8257" s="19"/>
      <c r="V8257" s="19"/>
      <c r="W8257" s="19"/>
      <c r="X8257" s="19"/>
      <c r="Y8257" s="19"/>
      <c r="Z8257" s="19"/>
      <c r="AA8257" s="19"/>
    </row>
    <row r="8258" spans="1:27" s="1" customFormat="1" ht="14.1" customHeight="1" outlineLevel="1" x14ac:dyDescent="0.2">
      <c r="A8258" s="17">
        <v>12997</v>
      </c>
      <c r="B8258" s="17"/>
      <c r="C8258" s="17"/>
      <c r="D8258" s="18" t="s">
        <v>4088</v>
      </c>
      <c r="E8258" s="18"/>
      <c r="F8258" s="18"/>
      <c r="G8258" s="18"/>
      <c r="H8258" s="18"/>
      <c r="I8258" s="18"/>
      <c r="J8258" s="18"/>
      <c r="K8258" s="18"/>
      <c r="L8258" s="18"/>
      <c r="M8258" s="18"/>
      <c r="N8258" s="18"/>
      <c r="O8258" s="18"/>
      <c r="P8258" s="19">
        <v>170</v>
      </c>
      <c r="Q8258" s="19"/>
      <c r="R8258" s="19"/>
      <c r="S8258" s="19"/>
      <c r="T8258" s="19">
        <v>130</v>
      </c>
      <c r="U8258" s="19"/>
      <c r="V8258" s="19"/>
      <c r="W8258" s="19"/>
      <c r="X8258" s="19">
        <v>1</v>
      </c>
      <c r="Y8258" s="19"/>
      <c r="Z8258" s="19"/>
      <c r="AA8258" s="19"/>
    </row>
    <row r="8259" spans="1:27" s="1" customFormat="1" ht="14.1" customHeight="1" outlineLevel="1" x14ac:dyDescent="0.2">
      <c r="A8259" s="17"/>
      <c r="B8259" s="17"/>
      <c r="C8259" s="17"/>
      <c r="D8259" s="18"/>
      <c r="E8259" s="18"/>
      <c r="F8259" s="18"/>
      <c r="G8259" s="18"/>
      <c r="H8259" s="18"/>
      <c r="I8259" s="18"/>
      <c r="J8259" s="18"/>
      <c r="K8259" s="18"/>
      <c r="L8259" s="18"/>
      <c r="M8259" s="18"/>
      <c r="N8259" s="18"/>
      <c r="O8259" s="18"/>
      <c r="P8259" s="19"/>
      <c r="Q8259" s="19"/>
      <c r="R8259" s="19"/>
      <c r="S8259" s="19"/>
      <c r="T8259" s="19"/>
      <c r="U8259" s="19"/>
      <c r="V8259" s="19"/>
      <c r="W8259" s="19"/>
      <c r="X8259" s="19"/>
      <c r="Y8259" s="19"/>
      <c r="Z8259" s="19"/>
      <c r="AA8259" s="19"/>
    </row>
    <row r="8260" spans="1:27" s="1" customFormat="1" ht="14.1" customHeight="1" outlineLevel="1" x14ac:dyDescent="0.2">
      <c r="A8260" s="17">
        <v>14284</v>
      </c>
      <c r="B8260" s="17"/>
      <c r="C8260" s="17"/>
      <c r="D8260" s="18" t="s">
        <v>4089</v>
      </c>
      <c r="E8260" s="18"/>
      <c r="F8260" s="18"/>
      <c r="G8260" s="18"/>
      <c r="H8260" s="18"/>
      <c r="I8260" s="18"/>
      <c r="J8260" s="18"/>
      <c r="K8260" s="18"/>
      <c r="L8260" s="18"/>
      <c r="M8260" s="18"/>
      <c r="N8260" s="18"/>
      <c r="O8260" s="18"/>
      <c r="P8260" s="19">
        <v>170</v>
      </c>
      <c r="Q8260" s="19"/>
      <c r="R8260" s="19"/>
      <c r="S8260" s="19"/>
      <c r="T8260" s="19">
        <v>130</v>
      </c>
      <c r="U8260" s="19"/>
      <c r="V8260" s="19"/>
      <c r="W8260" s="19"/>
      <c r="X8260" s="19">
        <v>26</v>
      </c>
      <c r="Y8260" s="19"/>
      <c r="Z8260" s="19"/>
      <c r="AA8260" s="19"/>
    </row>
    <row r="8261" spans="1:27" s="1" customFormat="1" ht="14.1" customHeight="1" outlineLevel="1" x14ac:dyDescent="0.2">
      <c r="A8261" s="17"/>
      <c r="B8261" s="17"/>
      <c r="C8261" s="17"/>
      <c r="D8261" s="18"/>
      <c r="E8261" s="18"/>
      <c r="F8261" s="18"/>
      <c r="G8261" s="18"/>
      <c r="H8261" s="18"/>
      <c r="I8261" s="18"/>
      <c r="J8261" s="18"/>
      <c r="K8261" s="18"/>
      <c r="L8261" s="18"/>
      <c r="M8261" s="18"/>
      <c r="N8261" s="18"/>
      <c r="O8261" s="18"/>
      <c r="P8261" s="19"/>
      <c r="Q8261" s="19"/>
      <c r="R8261" s="19"/>
      <c r="S8261" s="19"/>
      <c r="T8261" s="19"/>
      <c r="U8261" s="19"/>
      <c r="V8261" s="19"/>
      <c r="W8261" s="19"/>
      <c r="X8261" s="19"/>
      <c r="Y8261" s="19"/>
      <c r="Z8261" s="19"/>
      <c r="AA8261" s="19"/>
    </row>
    <row r="8262" spans="1:27" s="1" customFormat="1" ht="14.1" customHeight="1" outlineLevel="1" x14ac:dyDescent="0.2">
      <c r="A8262" s="17">
        <v>14245</v>
      </c>
      <c r="B8262" s="17"/>
      <c r="C8262" s="17"/>
      <c r="D8262" s="18" t="s">
        <v>4090</v>
      </c>
      <c r="E8262" s="18"/>
      <c r="F8262" s="18"/>
      <c r="G8262" s="18"/>
      <c r="H8262" s="18"/>
      <c r="I8262" s="18"/>
      <c r="J8262" s="18"/>
      <c r="K8262" s="18"/>
      <c r="L8262" s="18"/>
      <c r="M8262" s="18"/>
      <c r="N8262" s="18"/>
      <c r="O8262" s="18"/>
      <c r="P8262" s="19">
        <v>170</v>
      </c>
      <c r="Q8262" s="19"/>
      <c r="R8262" s="19"/>
      <c r="S8262" s="19"/>
      <c r="T8262" s="19">
        <v>130</v>
      </c>
      <c r="U8262" s="19"/>
      <c r="V8262" s="19"/>
      <c r="W8262" s="19"/>
      <c r="X8262" s="19">
        <v>15</v>
      </c>
      <c r="Y8262" s="19"/>
      <c r="Z8262" s="19"/>
      <c r="AA8262" s="19"/>
    </row>
    <row r="8263" spans="1:27" s="1" customFormat="1" ht="14.1" customHeight="1" outlineLevel="1" x14ac:dyDescent="0.2">
      <c r="A8263" s="17"/>
      <c r="B8263" s="17"/>
      <c r="C8263" s="17"/>
      <c r="D8263" s="18"/>
      <c r="E8263" s="18"/>
      <c r="F8263" s="18"/>
      <c r="G8263" s="18"/>
      <c r="H8263" s="18"/>
      <c r="I8263" s="18"/>
      <c r="J8263" s="18"/>
      <c r="K8263" s="18"/>
      <c r="L8263" s="18"/>
      <c r="M8263" s="18"/>
      <c r="N8263" s="18"/>
      <c r="O8263" s="18"/>
      <c r="P8263" s="19"/>
      <c r="Q8263" s="19"/>
      <c r="R8263" s="19"/>
      <c r="S8263" s="19"/>
      <c r="T8263" s="19"/>
      <c r="U8263" s="19"/>
      <c r="V8263" s="19"/>
      <c r="W8263" s="19"/>
      <c r="X8263" s="19"/>
      <c r="Y8263" s="19"/>
      <c r="Z8263" s="19"/>
      <c r="AA8263" s="19"/>
    </row>
    <row r="8264" spans="1:27" s="1" customFormat="1" ht="14.1" customHeight="1" outlineLevel="1" x14ac:dyDescent="0.2">
      <c r="A8264" s="17">
        <v>13195</v>
      </c>
      <c r="B8264" s="17"/>
      <c r="C8264" s="17"/>
      <c r="D8264" s="18" t="s">
        <v>4091</v>
      </c>
      <c r="E8264" s="18"/>
      <c r="F8264" s="18"/>
      <c r="G8264" s="18"/>
      <c r="H8264" s="18"/>
      <c r="I8264" s="18"/>
      <c r="J8264" s="18"/>
      <c r="K8264" s="18"/>
      <c r="L8264" s="18"/>
      <c r="M8264" s="18"/>
      <c r="N8264" s="18"/>
      <c r="O8264" s="18"/>
      <c r="P8264" s="19">
        <v>170</v>
      </c>
      <c r="Q8264" s="19"/>
      <c r="R8264" s="19"/>
      <c r="S8264" s="19"/>
      <c r="T8264" s="19">
        <v>130</v>
      </c>
      <c r="U8264" s="19"/>
      <c r="V8264" s="19"/>
      <c r="W8264" s="19"/>
      <c r="X8264" s="19">
        <v>41</v>
      </c>
      <c r="Y8264" s="19"/>
      <c r="Z8264" s="19"/>
      <c r="AA8264" s="19"/>
    </row>
    <row r="8265" spans="1:27" s="1" customFormat="1" ht="14.1" customHeight="1" outlineLevel="1" x14ac:dyDescent="0.2">
      <c r="A8265" s="17"/>
      <c r="B8265" s="17"/>
      <c r="C8265" s="17"/>
      <c r="D8265" s="18"/>
      <c r="E8265" s="18"/>
      <c r="F8265" s="18"/>
      <c r="G8265" s="18"/>
      <c r="H8265" s="18"/>
      <c r="I8265" s="18"/>
      <c r="J8265" s="18"/>
      <c r="K8265" s="18"/>
      <c r="L8265" s="18"/>
      <c r="M8265" s="18"/>
      <c r="N8265" s="18"/>
      <c r="O8265" s="18"/>
      <c r="P8265" s="19"/>
      <c r="Q8265" s="19"/>
      <c r="R8265" s="19"/>
      <c r="S8265" s="19"/>
      <c r="T8265" s="19"/>
      <c r="U8265" s="19"/>
      <c r="V8265" s="19"/>
      <c r="W8265" s="19"/>
      <c r="X8265" s="19"/>
      <c r="Y8265" s="19"/>
      <c r="Z8265" s="19"/>
      <c r="AA8265" s="19"/>
    </row>
    <row r="8266" spans="1:27" s="1" customFormat="1" ht="14.1" customHeight="1" outlineLevel="1" x14ac:dyDescent="0.2">
      <c r="A8266" s="17">
        <v>14285</v>
      </c>
      <c r="B8266" s="17"/>
      <c r="C8266" s="17"/>
      <c r="D8266" s="18" t="s">
        <v>4092</v>
      </c>
      <c r="E8266" s="18"/>
      <c r="F8266" s="18"/>
      <c r="G8266" s="18"/>
      <c r="H8266" s="18"/>
      <c r="I8266" s="18"/>
      <c r="J8266" s="18"/>
      <c r="K8266" s="18"/>
      <c r="L8266" s="18"/>
      <c r="M8266" s="18"/>
      <c r="N8266" s="18"/>
      <c r="O8266" s="18"/>
      <c r="P8266" s="19">
        <v>190</v>
      </c>
      <c r="Q8266" s="19"/>
      <c r="R8266" s="19"/>
      <c r="S8266" s="19"/>
      <c r="T8266" s="19">
        <v>150</v>
      </c>
      <c r="U8266" s="19"/>
      <c r="V8266" s="19"/>
      <c r="W8266" s="19"/>
      <c r="X8266" s="19">
        <v>18</v>
      </c>
      <c r="Y8266" s="19"/>
      <c r="Z8266" s="19"/>
      <c r="AA8266" s="19"/>
    </row>
    <row r="8267" spans="1:27" s="1" customFormat="1" ht="14.1" customHeight="1" outlineLevel="1" x14ac:dyDescent="0.2">
      <c r="A8267" s="17"/>
      <c r="B8267" s="17"/>
      <c r="C8267" s="17"/>
      <c r="D8267" s="18"/>
      <c r="E8267" s="18"/>
      <c r="F8267" s="18"/>
      <c r="G8267" s="18"/>
      <c r="H8267" s="18"/>
      <c r="I8267" s="18"/>
      <c r="J8267" s="18"/>
      <c r="K8267" s="18"/>
      <c r="L8267" s="18"/>
      <c r="M8267" s="18"/>
      <c r="N8267" s="18"/>
      <c r="O8267" s="18"/>
      <c r="P8267" s="19"/>
      <c r="Q8267" s="19"/>
      <c r="R8267" s="19"/>
      <c r="S8267" s="19"/>
      <c r="T8267" s="19"/>
      <c r="U8267" s="19"/>
      <c r="V8267" s="19"/>
      <c r="W8267" s="19"/>
      <c r="X8267" s="19"/>
      <c r="Y8267" s="19"/>
      <c r="Z8267" s="19"/>
      <c r="AA8267" s="19"/>
    </row>
    <row r="8268" spans="1:27" s="1" customFormat="1" ht="14.1" customHeight="1" outlineLevel="1" x14ac:dyDescent="0.2">
      <c r="A8268" s="17">
        <v>13189</v>
      </c>
      <c r="B8268" s="17"/>
      <c r="C8268" s="17"/>
      <c r="D8268" s="18" t="s">
        <v>4093</v>
      </c>
      <c r="E8268" s="18"/>
      <c r="F8268" s="18"/>
      <c r="G8268" s="18"/>
      <c r="H8268" s="18"/>
      <c r="I8268" s="18"/>
      <c r="J8268" s="18"/>
      <c r="K8268" s="18"/>
      <c r="L8268" s="18"/>
      <c r="M8268" s="18"/>
      <c r="N8268" s="18"/>
      <c r="O8268" s="18"/>
      <c r="P8268" s="19">
        <v>160</v>
      </c>
      <c r="Q8268" s="19"/>
      <c r="R8268" s="19"/>
      <c r="S8268" s="19"/>
      <c r="T8268" s="19">
        <v>120</v>
      </c>
      <c r="U8268" s="19"/>
      <c r="V8268" s="19"/>
      <c r="W8268" s="19"/>
      <c r="X8268" s="19">
        <v>20</v>
      </c>
      <c r="Y8268" s="19"/>
      <c r="Z8268" s="19"/>
      <c r="AA8268" s="19"/>
    </row>
    <row r="8269" spans="1:27" s="1" customFormat="1" ht="14.1" customHeight="1" outlineLevel="1" x14ac:dyDescent="0.2">
      <c r="A8269" s="17"/>
      <c r="B8269" s="17"/>
      <c r="C8269" s="17"/>
      <c r="D8269" s="18"/>
      <c r="E8269" s="18"/>
      <c r="F8269" s="18"/>
      <c r="G8269" s="18"/>
      <c r="H8269" s="18"/>
      <c r="I8269" s="18"/>
      <c r="J8269" s="18"/>
      <c r="K8269" s="18"/>
      <c r="L8269" s="18"/>
      <c r="M8269" s="18"/>
      <c r="N8269" s="18"/>
      <c r="O8269" s="18"/>
      <c r="P8269" s="19"/>
      <c r="Q8269" s="19"/>
      <c r="R8269" s="19"/>
      <c r="S8269" s="19"/>
      <c r="T8269" s="19"/>
      <c r="U8269" s="19"/>
      <c r="V8269" s="19"/>
      <c r="W8269" s="19"/>
      <c r="X8269" s="19"/>
      <c r="Y8269" s="19"/>
      <c r="Z8269" s="19"/>
      <c r="AA8269" s="19"/>
    </row>
    <row r="8270" spans="1:27" s="1" customFormat="1" ht="14.1" customHeight="1" outlineLevel="1" x14ac:dyDescent="0.2">
      <c r="A8270" s="17">
        <v>14246</v>
      </c>
      <c r="B8270" s="17"/>
      <c r="C8270" s="17"/>
      <c r="D8270" s="18" t="s">
        <v>4094</v>
      </c>
      <c r="E8270" s="18"/>
      <c r="F8270" s="18"/>
      <c r="G8270" s="18"/>
      <c r="H8270" s="18"/>
      <c r="I8270" s="18"/>
      <c r="J8270" s="18"/>
      <c r="K8270" s="18"/>
      <c r="L8270" s="18"/>
      <c r="M8270" s="18"/>
      <c r="N8270" s="18"/>
      <c r="O8270" s="18"/>
      <c r="P8270" s="19">
        <v>180</v>
      </c>
      <c r="Q8270" s="19"/>
      <c r="R8270" s="19"/>
      <c r="S8270" s="19"/>
      <c r="T8270" s="19">
        <v>140</v>
      </c>
      <c r="U8270" s="19"/>
      <c r="V8270" s="19"/>
      <c r="W8270" s="19"/>
      <c r="X8270" s="19">
        <v>20</v>
      </c>
      <c r="Y8270" s="19"/>
      <c r="Z8270" s="19"/>
      <c r="AA8270" s="19"/>
    </row>
    <row r="8271" spans="1:27" s="1" customFormat="1" ht="14.1" customHeight="1" outlineLevel="1" x14ac:dyDescent="0.2">
      <c r="A8271" s="17"/>
      <c r="B8271" s="17"/>
      <c r="C8271" s="17"/>
      <c r="D8271" s="18"/>
      <c r="E8271" s="18"/>
      <c r="F8271" s="18"/>
      <c r="G8271" s="18"/>
      <c r="H8271" s="18"/>
      <c r="I8271" s="18"/>
      <c r="J8271" s="18"/>
      <c r="K8271" s="18"/>
      <c r="L8271" s="18"/>
      <c r="M8271" s="18"/>
      <c r="N8271" s="18"/>
      <c r="O8271" s="18"/>
      <c r="P8271" s="19"/>
      <c r="Q8271" s="19"/>
      <c r="R8271" s="19"/>
      <c r="S8271" s="19"/>
      <c r="T8271" s="19"/>
      <c r="U8271" s="19"/>
      <c r="V8271" s="19"/>
      <c r="W8271" s="19"/>
      <c r="X8271" s="19"/>
      <c r="Y8271" s="19"/>
      <c r="Z8271" s="19"/>
      <c r="AA8271" s="19"/>
    </row>
    <row r="8272" spans="1:27" s="1" customFormat="1" ht="14.1" customHeight="1" outlineLevel="1" x14ac:dyDescent="0.2">
      <c r="A8272" s="17">
        <v>13916</v>
      </c>
      <c r="B8272" s="17"/>
      <c r="C8272" s="17"/>
      <c r="D8272" s="18" t="s">
        <v>4095</v>
      </c>
      <c r="E8272" s="18"/>
      <c r="F8272" s="18"/>
      <c r="G8272" s="18"/>
      <c r="H8272" s="18"/>
      <c r="I8272" s="18"/>
      <c r="J8272" s="18"/>
      <c r="K8272" s="18"/>
      <c r="L8272" s="18"/>
      <c r="M8272" s="18"/>
      <c r="N8272" s="18"/>
      <c r="O8272" s="18"/>
      <c r="P8272" s="19">
        <v>170</v>
      </c>
      <c r="Q8272" s="19"/>
      <c r="R8272" s="19"/>
      <c r="S8272" s="19"/>
      <c r="T8272" s="19">
        <v>130</v>
      </c>
      <c r="U8272" s="19"/>
      <c r="V8272" s="19"/>
      <c r="W8272" s="19"/>
      <c r="X8272" s="19">
        <v>20</v>
      </c>
      <c r="Y8272" s="19"/>
      <c r="Z8272" s="19"/>
      <c r="AA8272" s="19"/>
    </row>
    <row r="8273" spans="1:27" s="1" customFormat="1" ht="14.1" customHeight="1" outlineLevel="1" x14ac:dyDescent="0.2">
      <c r="A8273" s="17"/>
      <c r="B8273" s="17"/>
      <c r="C8273" s="17"/>
      <c r="D8273" s="18"/>
      <c r="E8273" s="18"/>
      <c r="F8273" s="18"/>
      <c r="G8273" s="18"/>
      <c r="H8273" s="18"/>
      <c r="I8273" s="18"/>
      <c r="J8273" s="18"/>
      <c r="K8273" s="18"/>
      <c r="L8273" s="18"/>
      <c r="M8273" s="18"/>
      <c r="N8273" s="18"/>
      <c r="O8273" s="18"/>
      <c r="P8273" s="19"/>
      <c r="Q8273" s="19"/>
      <c r="R8273" s="19"/>
      <c r="S8273" s="19"/>
      <c r="T8273" s="19"/>
      <c r="U8273" s="19"/>
      <c r="V8273" s="19"/>
      <c r="W8273" s="19"/>
      <c r="X8273" s="19"/>
      <c r="Y8273" s="19"/>
      <c r="Z8273" s="19"/>
      <c r="AA8273" s="19"/>
    </row>
    <row r="8274" spans="1:27" s="1" customFormat="1" ht="14.1" customHeight="1" outlineLevel="1" x14ac:dyDescent="0.2">
      <c r="A8274" s="17">
        <v>11743</v>
      </c>
      <c r="B8274" s="17"/>
      <c r="C8274" s="17"/>
      <c r="D8274" s="18" t="s">
        <v>4096</v>
      </c>
      <c r="E8274" s="18"/>
      <c r="F8274" s="18"/>
      <c r="G8274" s="18"/>
      <c r="H8274" s="18"/>
      <c r="I8274" s="18"/>
      <c r="J8274" s="18"/>
      <c r="K8274" s="18"/>
      <c r="L8274" s="18"/>
      <c r="M8274" s="18"/>
      <c r="N8274" s="18"/>
      <c r="O8274" s="18"/>
      <c r="P8274" s="19">
        <v>190</v>
      </c>
      <c r="Q8274" s="19"/>
      <c r="R8274" s="19"/>
      <c r="S8274" s="19"/>
      <c r="T8274" s="19">
        <v>150</v>
      </c>
      <c r="U8274" s="19"/>
      <c r="V8274" s="19"/>
      <c r="W8274" s="19"/>
      <c r="X8274" s="19">
        <v>9</v>
      </c>
      <c r="Y8274" s="19"/>
      <c r="Z8274" s="19"/>
      <c r="AA8274" s="19"/>
    </row>
    <row r="8275" spans="1:27" s="1" customFormat="1" ht="14.1" customHeight="1" outlineLevel="1" x14ac:dyDescent="0.2">
      <c r="A8275" s="17"/>
      <c r="B8275" s="17"/>
      <c r="C8275" s="17"/>
      <c r="D8275" s="18"/>
      <c r="E8275" s="18"/>
      <c r="F8275" s="18"/>
      <c r="G8275" s="18"/>
      <c r="H8275" s="18"/>
      <c r="I8275" s="18"/>
      <c r="J8275" s="18"/>
      <c r="K8275" s="18"/>
      <c r="L8275" s="18"/>
      <c r="M8275" s="18"/>
      <c r="N8275" s="18"/>
      <c r="O8275" s="18"/>
      <c r="P8275" s="19"/>
      <c r="Q8275" s="19"/>
      <c r="R8275" s="19"/>
      <c r="S8275" s="19"/>
      <c r="T8275" s="19"/>
      <c r="U8275" s="19"/>
      <c r="V8275" s="19"/>
      <c r="W8275" s="19"/>
      <c r="X8275" s="19"/>
      <c r="Y8275" s="19"/>
      <c r="Z8275" s="19"/>
      <c r="AA8275" s="19"/>
    </row>
    <row r="8276" spans="1:27" s="1" customFormat="1" ht="14.1" customHeight="1" outlineLevel="1" x14ac:dyDescent="0.2">
      <c r="A8276" s="17">
        <v>14248</v>
      </c>
      <c r="B8276" s="17"/>
      <c r="C8276" s="17"/>
      <c r="D8276" s="18" t="s">
        <v>4097</v>
      </c>
      <c r="E8276" s="18"/>
      <c r="F8276" s="18"/>
      <c r="G8276" s="18"/>
      <c r="H8276" s="18"/>
      <c r="I8276" s="18"/>
      <c r="J8276" s="18"/>
      <c r="K8276" s="18"/>
      <c r="L8276" s="18"/>
      <c r="M8276" s="18"/>
      <c r="N8276" s="18"/>
      <c r="O8276" s="18"/>
      <c r="P8276" s="19">
        <v>190</v>
      </c>
      <c r="Q8276" s="19"/>
      <c r="R8276" s="19"/>
      <c r="S8276" s="19"/>
      <c r="T8276" s="19">
        <v>150</v>
      </c>
      <c r="U8276" s="19"/>
      <c r="V8276" s="19"/>
      <c r="W8276" s="19"/>
      <c r="X8276" s="19">
        <v>20</v>
      </c>
      <c r="Y8276" s="19"/>
      <c r="Z8276" s="19"/>
      <c r="AA8276" s="19"/>
    </row>
    <row r="8277" spans="1:27" s="1" customFormat="1" ht="14.1" customHeight="1" outlineLevel="1" x14ac:dyDescent="0.2">
      <c r="A8277" s="17"/>
      <c r="B8277" s="17"/>
      <c r="C8277" s="17"/>
      <c r="D8277" s="18"/>
      <c r="E8277" s="18"/>
      <c r="F8277" s="18"/>
      <c r="G8277" s="18"/>
      <c r="H8277" s="18"/>
      <c r="I8277" s="18"/>
      <c r="J8277" s="18"/>
      <c r="K8277" s="18"/>
      <c r="L8277" s="18"/>
      <c r="M8277" s="18"/>
      <c r="N8277" s="18"/>
      <c r="O8277" s="18"/>
      <c r="P8277" s="19"/>
      <c r="Q8277" s="19"/>
      <c r="R8277" s="19"/>
      <c r="S8277" s="19"/>
      <c r="T8277" s="19"/>
      <c r="U8277" s="19"/>
      <c r="V8277" s="19"/>
      <c r="W8277" s="19"/>
      <c r="X8277" s="19"/>
      <c r="Y8277" s="19"/>
      <c r="Z8277" s="19"/>
      <c r="AA8277" s="19"/>
    </row>
    <row r="8278" spans="1:27" s="1" customFormat="1" ht="14.1" customHeight="1" outlineLevel="1" x14ac:dyDescent="0.2">
      <c r="A8278" s="17">
        <v>14247</v>
      </c>
      <c r="B8278" s="17"/>
      <c r="C8278" s="17"/>
      <c r="D8278" s="18" t="s">
        <v>4098</v>
      </c>
      <c r="E8278" s="18"/>
      <c r="F8278" s="18"/>
      <c r="G8278" s="18"/>
      <c r="H8278" s="18"/>
      <c r="I8278" s="18"/>
      <c r="J8278" s="18"/>
      <c r="K8278" s="18"/>
      <c r="L8278" s="18"/>
      <c r="M8278" s="18"/>
      <c r="N8278" s="18"/>
      <c r="O8278" s="18"/>
      <c r="P8278" s="19">
        <v>180</v>
      </c>
      <c r="Q8278" s="19"/>
      <c r="R8278" s="19"/>
      <c r="S8278" s="19"/>
      <c r="T8278" s="19">
        <v>140</v>
      </c>
      <c r="U8278" s="19"/>
      <c r="V8278" s="19"/>
      <c r="W8278" s="19"/>
      <c r="X8278" s="19">
        <v>20</v>
      </c>
      <c r="Y8278" s="19"/>
      <c r="Z8278" s="19"/>
      <c r="AA8278" s="19"/>
    </row>
    <row r="8279" spans="1:27" s="1" customFormat="1" ht="14.1" customHeight="1" outlineLevel="1" x14ac:dyDescent="0.2">
      <c r="A8279" s="17"/>
      <c r="B8279" s="17"/>
      <c r="C8279" s="17"/>
      <c r="D8279" s="18"/>
      <c r="E8279" s="18"/>
      <c r="F8279" s="18"/>
      <c r="G8279" s="18"/>
      <c r="H8279" s="18"/>
      <c r="I8279" s="18"/>
      <c r="J8279" s="18"/>
      <c r="K8279" s="18"/>
      <c r="L8279" s="18"/>
      <c r="M8279" s="18"/>
      <c r="N8279" s="18"/>
      <c r="O8279" s="18"/>
      <c r="P8279" s="19"/>
      <c r="Q8279" s="19"/>
      <c r="R8279" s="19"/>
      <c r="S8279" s="19"/>
      <c r="T8279" s="19"/>
      <c r="U8279" s="19"/>
      <c r="V8279" s="19"/>
      <c r="W8279" s="19"/>
      <c r="X8279" s="19"/>
      <c r="Y8279" s="19"/>
      <c r="Z8279" s="19"/>
      <c r="AA8279" s="19"/>
    </row>
    <row r="8280" spans="1:27" s="1" customFormat="1" ht="14.1" customHeight="1" outlineLevel="1" x14ac:dyDescent="0.2">
      <c r="A8280" s="17">
        <v>16252</v>
      </c>
      <c r="B8280" s="17"/>
      <c r="C8280" s="17"/>
      <c r="D8280" s="18" t="s">
        <v>4099</v>
      </c>
      <c r="E8280" s="18"/>
      <c r="F8280" s="18"/>
      <c r="G8280" s="18"/>
      <c r="H8280" s="18"/>
      <c r="I8280" s="18"/>
      <c r="J8280" s="18"/>
      <c r="K8280" s="18"/>
      <c r="L8280" s="18"/>
      <c r="M8280" s="18"/>
      <c r="N8280" s="18"/>
      <c r="O8280" s="18"/>
      <c r="P8280" s="19">
        <v>500</v>
      </c>
      <c r="Q8280" s="19"/>
      <c r="R8280" s="19"/>
      <c r="S8280" s="19"/>
      <c r="T8280" s="19">
        <v>400</v>
      </c>
      <c r="U8280" s="19"/>
      <c r="V8280" s="19"/>
      <c r="W8280" s="19"/>
      <c r="X8280" s="19">
        <v>1</v>
      </c>
      <c r="Y8280" s="19"/>
      <c r="Z8280" s="19"/>
      <c r="AA8280" s="19"/>
    </row>
    <row r="8281" spans="1:27" s="1" customFormat="1" ht="14.1" customHeight="1" outlineLevel="1" x14ac:dyDescent="0.2">
      <c r="A8281" s="17"/>
      <c r="B8281" s="17"/>
      <c r="C8281" s="17"/>
      <c r="D8281" s="18"/>
      <c r="E8281" s="18"/>
      <c r="F8281" s="18"/>
      <c r="G8281" s="18"/>
      <c r="H8281" s="18"/>
      <c r="I8281" s="18"/>
      <c r="J8281" s="18"/>
      <c r="K8281" s="18"/>
      <c r="L8281" s="18"/>
      <c r="M8281" s="18"/>
      <c r="N8281" s="18"/>
      <c r="O8281" s="18"/>
      <c r="P8281" s="19"/>
      <c r="Q8281" s="19"/>
      <c r="R8281" s="19"/>
      <c r="S8281" s="19"/>
      <c r="T8281" s="19"/>
      <c r="U8281" s="19"/>
      <c r="V8281" s="19"/>
      <c r="W8281" s="19"/>
      <c r="X8281" s="19"/>
      <c r="Y8281" s="19"/>
      <c r="Z8281" s="19"/>
      <c r="AA8281" s="19"/>
    </row>
    <row r="8282" spans="1:27" s="1" customFormat="1" ht="14.1" customHeight="1" outlineLevel="1" x14ac:dyDescent="0.2">
      <c r="A8282" s="17">
        <v>14249</v>
      </c>
      <c r="B8282" s="17"/>
      <c r="C8282" s="17"/>
      <c r="D8282" s="18" t="s">
        <v>4100</v>
      </c>
      <c r="E8282" s="18"/>
      <c r="F8282" s="18"/>
      <c r="G8282" s="18"/>
      <c r="H8282" s="18"/>
      <c r="I8282" s="18"/>
      <c r="J8282" s="18"/>
      <c r="K8282" s="18"/>
      <c r="L8282" s="18"/>
      <c r="M8282" s="18"/>
      <c r="N8282" s="18"/>
      <c r="O8282" s="18"/>
      <c r="P8282" s="19">
        <v>290</v>
      </c>
      <c r="Q8282" s="19"/>
      <c r="R8282" s="19"/>
      <c r="S8282" s="19"/>
      <c r="T8282" s="19">
        <v>230</v>
      </c>
      <c r="U8282" s="19"/>
      <c r="V8282" s="19"/>
      <c r="W8282" s="19"/>
      <c r="X8282" s="19">
        <v>19</v>
      </c>
      <c r="Y8282" s="19"/>
      <c r="Z8282" s="19"/>
      <c r="AA8282" s="19"/>
    </row>
    <row r="8283" spans="1:27" s="1" customFormat="1" ht="14.1" customHeight="1" outlineLevel="1" x14ac:dyDescent="0.2">
      <c r="A8283" s="17"/>
      <c r="B8283" s="17"/>
      <c r="C8283" s="17"/>
      <c r="D8283" s="18"/>
      <c r="E8283" s="18"/>
      <c r="F8283" s="18"/>
      <c r="G8283" s="18"/>
      <c r="H8283" s="18"/>
      <c r="I8283" s="18"/>
      <c r="J8283" s="18"/>
      <c r="K8283" s="18"/>
      <c r="L8283" s="18"/>
      <c r="M8283" s="18"/>
      <c r="N8283" s="18"/>
      <c r="O8283" s="18"/>
      <c r="P8283" s="19"/>
      <c r="Q8283" s="19"/>
      <c r="R8283" s="19"/>
      <c r="S8283" s="19"/>
      <c r="T8283" s="19"/>
      <c r="U8283" s="19"/>
      <c r="V8283" s="19"/>
      <c r="W8283" s="19"/>
      <c r="X8283" s="19"/>
      <c r="Y8283" s="19"/>
      <c r="Z8283" s="19"/>
      <c r="AA8283" s="19"/>
    </row>
    <row r="8284" spans="1:27" s="1" customFormat="1" ht="14.1" customHeight="1" outlineLevel="1" x14ac:dyDescent="0.2">
      <c r="A8284" s="17">
        <v>13191</v>
      </c>
      <c r="B8284" s="17"/>
      <c r="C8284" s="17"/>
      <c r="D8284" s="18" t="s">
        <v>4101</v>
      </c>
      <c r="E8284" s="18"/>
      <c r="F8284" s="18"/>
      <c r="G8284" s="18"/>
      <c r="H8284" s="18"/>
      <c r="I8284" s="18"/>
      <c r="J8284" s="18"/>
      <c r="K8284" s="18"/>
      <c r="L8284" s="18"/>
      <c r="M8284" s="18"/>
      <c r="N8284" s="18"/>
      <c r="O8284" s="18"/>
      <c r="P8284" s="19">
        <v>180</v>
      </c>
      <c r="Q8284" s="19"/>
      <c r="R8284" s="19"/>
      <c r="S8284" s="19"/>
      <c r="T8284" s="19">
        <v>140</v>
      </c>
      <c r="U8284" s="19"/>
      <c r="V8284" s="19"/>
      <c r="W8284" s="19"/>
      <c r="X8284" s="19">
        <v>17</v>
      </c>
      <c r="Y8284" s="19"/>
      <c r="Z8284" s="19"/>
      <c r="AA8284" s="19"/>
    </row>
    <row r="8285" spans="1:27" s="1" customFormat="1" ht="14.1" customHeight="1" outlineLevel="1" x14ac:dyDescent="0.2">
      <c r="A8285" s="17"/>
      <c r="B8285" s="17"/>
      <c r="C8285" s="17"/>
      <c r="D8285" s="18"/>
      <c r="E8285" s="18"/>
      <c r="F8285" s="18"/>
      <c r="G8285" s="18"/>
      <c r="H8285" s="18"/>
      <c r="I8285" s="18"/>
      <c r="J8285" s="18"/>
      <c r="K8285" s="18"/>
      <c r="L8285" s="18"/>
      <c r="M8285" s="18"/>
      <c r="N8285" s="18"/>
      <c r="O8285" s="18"/>
      <c r="P8285" s="19"/>
      <c r="Q8285" s="19"/>
      <c r="R8285" s="19"/>
      <c r="S8285" s="19"/>
      <c r="T8285" s="19"/>
      <c r="U8285" s="19"/>
      <c r="V8285" s="19"/>
      <c r="W8285" s="19"/>
      <c r="X8285" s="19"/>
      <c r="Y8285" s="19"/>
      <c r="Z8285" s="19"/>
      <c r="AA8285" s="19"/>
    </row>
    <row r="8286" spans="1:27" s="1" customFormat="1" ht="14.1" customHeight="1" outlineLevel="1" x14ac:dyDescent="0.2">
      <c r="A8286" s="17">
        <v>14250</v>
      </c>
      <c r="B8286" s="17"/>
      <c r="C8286" s="17"/>
      <c r="D8286" s="18" t="s">
        <v>4102</v>
      </c>
      <c r="E8286" s="18"/>
      <c r="F8286" s="18"/>
      <c r="G8286" s="18"/>
      <c r="H8286" s="18"/>
      <c r="I8286" s="18"/>
      <c r="J8286" s="18"/>
      <c r="K8286" s="18"/>
      <c r="L8286" s="18"/>
      <c r="M8286" s="18"/>
      <c r="N8286" s="18"/>
      <c r="O8286" s="18"/>
      <c r="P8286" s="19">
        <v>250</v>
      </c>
      <c r="Q8286" s="19"/>
      <c r="R8286" s="19"/>
      <c r="S8286" s="19"/>
      <c r="T8286" s="19">
        <v>190</v>
      </c>
      <c r="U8286" s="19"/>
      <c r="V8286" s="19"/>
      <c r="W8286" s="19"/>
      <c r="X8286" s="19">
        <v>20</v>
      </c>
      <c r="Y8286" s="19"/>
      <c r="Z8286" s="19"/>
      <c r="AA8286" s="19"/>
    </row>
    <row r="8287" spans="1:27" s="1" customFormat="1" ht="14.1" customHeight="1" outlineLevel="1" x14ac:dyDescent="0.2">
      <c r="A8287" s="17"/>
      <c r="B8287" s="17"/>
      <c r="C8287" s="17"/>
      <c r="D8287" s="18"/>
      <c r="E8287" s="18"/>
      <c r="F8287" s="18"/>
      <c r="G8287" s="18"/>
      <c r="H8287" s="18"/>
      <c r="I8287" s="18"/>
      <c r="J8287" s="18"/>
      <c r="K8287" s="18"/>
      <c r="L8287" s="18"/>
      <c r="M8287" s="18"/>
      <c r="N8287" s="18"/>
      <c r="O8287" s="18"/>
      <c r="P8287" s="19"/>
      <c r="Q8287" s="19"/>
      <c r="R8287" s="19"/>
      <c r="S8287" s="19"/>
      <c r="T8287" s="19"/>
      <c r="U8287" s="19"/>
      <c r="V8287" s="19"/>
      <c r="W8287" s="19"/>
      <c r="X8287" s="19"/>
      <c r="Y8287" s="19"/>
      <c r="Z8287" s="19"/>
      <c r="AA8287" s="19"/>
    </row>
    <row r="8288" spans="1:27" s="1" customFormat="1" ht="14.1" customHeight="1" outlineLevel="1" x14ac:dyDescent="0.2">
      <c r="A8288" s="17">
        <v>15049</v>
      </c>
      <c r="B8288" s="17"/>
      <c r="C8288" s="17"/>
      <c r="D8288" s="18" t="s">
        <v>4103</v>
      </c>
      <c r="E8288" s="18"/>
      <c r="F8288" s="18"/>
      <c r="G8288" s="18"/>
      <c r="H8288" s="18"/>
      <c r="I8288" s="18"/>
      <c r="J8288" s="18"/>
      <c r="K8288" s="18"/>
      <c r="L8288" s="18"/>
      <c r="M8288" s="18"/>
      <c r="N8288" s="18"/>
      <c r="O8288" s="18"/>
      <c r="P8288" s="19">
        <v>185</v>
      </c>
      <c r="Q8288" s="19"/>
      <c r="R8288" s="19"/>
      <c r="S8288" s="19"/>
      <c r="T8288" s="19">
        <v>140</v>
      </c>
      <c r="U8288" s="19"/>
      <c r="V8288" s="19"/>
      <c r="W8288" s="19"/>
      <c r="X8288" s="19">
        <v>1</v>
      </c>
      <c r="Y8288" s="19"/>
      <c r="Z8288" s="19"/>
      <c r="AA8288" s="19"/>
    </row>
    <row r="8289" spans="1:27" s="1" customFormat="1" ht="14.1" customHeight="1" outlineLevel="1" x14ac:dyDescent="0.2">
      <c r="A8289" s="17"/>
      <c r="B8289" s="17"/>
      <c r="C8289" s="17"/>
      <c r="D8289" s="18"/>
      <c r="E8289" s="18"/>
      <c r="F8289" s="18"/>
      <c r="G8289" s="18"/>
      <c r="H8289" s="18"/>
      <c r="I8289" s="18"/>
      <c r="J8289" s="18"/>
      <c r="K8289" s="18"/>
      <c r="L8289" s="18"/>
      <c r="M8289" s="18"/>
      <c r="N8289" s="18"/>
      <c r="O8289" s="18"/>
      <c r="P8289" s="19"/>
      <c r="Q8289" s="19"/>
      <c r="R8289" s="19"/>
      <c r="S8289" s="19"/>
      <c r="T8289" s="19"/>
      <c r="U8289" s="19"/>
      <c r="V8289" s="19"/>
      <c r="W8289" s="19"/>
      <c r="X8289" s="19"/>
      <c r="Y8289" s="19"/>
      <c r="Z8289" s="19"/>
      <c r="AA8289" s="19"/>
    </row>
    <row r="8290" spans="1:27" s="1" customFormat="1" ht="14.1" customHeight="1" outlineLevel="1" x14ac:dyDescent="0.2">
      <c r="A8290" s="17">
        <v>7695</v>
      </c>
      <c r="B8290" s="17"/>
      <c r="C8290" s="17"/>
      <c r="D8290" s="18" t="s">
        <v>4104</v>
      </c>
      <c r="E8290" s="18"/>
      <c r="F8290" s="18"/>
      <c r="G8290" s="18"/>
      <c r="H8290" s="18"/>
      <c r="I8290" s="18"/>
      <c r="J8290" s="18"/>
      <c r="K8290" s="18"/>
      <c r="L8290" s="18"/>
      <c r="M8290" s="18"/>
      <c r="N8290" s="18"/>
      <c r="O8290" s="18"/>
      <c r="P8290" s="19">
        <v>220</v>
      </c>
      <c r="Q8290" s="19"/>
      <c r="R8290" s="19"/>
      <c r="S8290" s="19"/>
      <c r="T8290" s="19">
        <v>180</v>
      </c>
      <c r="U8290" s="19"/>
      <c r="V8290" s="19"/>
      <c r="W8290" s="19"/>
      <c r="X8290" s="19">
        <v>1</v>
      </c>
      <c r="Y8290" s="19"/>
      <c r="Z8290" s="19"/>
      <c r="AA8290" s="19"/>
    </row>
    <row r="8291" spans="1:27" s="1" customFormat="1" ht="14.1" customHeight="1" outlineLevel="1" x14ac:dyDescent="0.2">
      <c r="A8291" s="17"/>
      <c r="B8291" s="17"/>
      <c r="C8291" s="17"/>
      <c r="D8291" s="18"/>
      <c r="E8291" s="18"/>
      <c r="F8291" s="18"/>
      <c r="G8291" s="18"/>
      <c r="H8291" s="18"/>
      <c r="I8291" s="18"/>
      <c r="J8291" s="18"/>
      <c r="K8291" s="18"/>
      <c r="L8291" s="18"/>
      <c r="M8291" s="18"/>
      <c r="N8291" s="18"/>
      <c r="O8291" s="18"/>
      <c r="P8291" s="19"/>
      <c r="Q8291" s="19"/>
      <c r="R8291" s="19"/>
      <c r="S8291" s="19"/>
      <c r="T8291" s="19"/>
      <c r="U8291" s="19"/>
      <c r="V8291" s="19"/>
      <c r="W8291" s="19"/>
      <c r="X8291" s="19"/>
      <c r="Y8291" s="19"/>
      <c r="Z8291" s="19"/>
      <c r="AA8291" s="19"/>
    </row>
    <row r="8292" spans="1:27" s="1" customFormat="1" ht="14.1" customHeight="1" outlineLevel="1" x14ac:dyDescent="0.2">
      <c r="A8292" s="17">
        <v>16264</v>
      </c>
      <c r="B8292" s="17"/>
      <c r="C8292" s="17"/>
      <c r="D8292" s="18" t="s">
        <v>4105</v>
      </c>
      <c r="E8292" s="18"/>
      <c r="F8292" s="18"/>
      <c r="G8292" s="18"/>
      <c r="H8292" s="18"/>
      <c r="I8292" s="18"/>
      <c r="J8292" s="18"/>
      <c r="K8292" s="18"/>
      <c r="L8292" s="18"/>
      <c r="M8292" s="18"/>
      <c r="N8292" s="18"/>
      <c r="O8292" s="18"/>
      <c r="P8292" s="19">
        <v>200</v>
      </c>
      <c r="Q8292" s="19"/>
      <c r="R8292" s="19"/>
      <c r="S8292" s="19"/>
      <c r="T8292" s="19">
        <v>150</v>
      </c>
      <c r="U8292" s="19"/>
      <c r="V8292" s="19"/>
      <c r="W8292" s="19"/>
      <c r="X8292" s="19">
        <v>1</v>
      </c>
      <c r="Y8292" s="19"/>
      <c r="Z8292" s="19"/>
      <c r="AA8292" s="19"/>
    </row>
    <row r="8293" spans="1:27" s="1" customFormat="1" ht="14.1" customHeight="1" outlineLevel="1" x14ac:dyDescent="0.2">
      <c r="A8293" s="17"/>
      <c r="B8293" s="17"/>
      <c r="C8293" s="17"/>
      <c r="D8293" s="18"/>
      <c r="E8293" s="18"/>
      <c r="F8293" s="18"/>
      <c r="G8293" s="18"/>
      <c r="H8293" s="18"/>
      <c r="I8293" s="18"/>
      <c r="J8293" s="18"/>
      <c r="K8293" s="18"/>
      <c r="L8293" s="18"/>
      <c r="M8293" s="18"/>
      <c r="N8293" s="18"/>
      <c r="O8293" s="18"/>
      <c r="P8293" s="19"/>
      <c r="Q8293" s="19"/>
      <c r="R8293" s="19"/>
      <c r="S8293" s="19"/>
      <c r="T8293" s="19"/>
      <c r="U8293" s="19"/>
      <c r="V8293" s="19"/>
      <c r="W8293" s="19"/>
      <c r="X8293" s="19"/>
      <c r="Y8293" s="19"/>
      <c r="Z8293" s="19"/>
      <c r="AA8293" s="19"/>
    </row>
    <row r="8294" spans="1:27" s="1" customFormat="1" ht="14.1" customHeight="1" outlineLevel="1" x14ac:dyDescent="0.2">
      <c r="A8294" s="17">
        <v>16809</v>
      </c>
      <c r="B8294" s="17"/>
      <c r="C8294" s="17"/>
      <c r="D8294" s="18" t="s">
        <v>4106</v>
      </c>
      <c r="E8294" s="18"/>
      <c r="F8294" s="18"/>
      <c r="G8294" s="18"/>
      <c r="H8294" s="18"/>
      <c r="I8294" s="18"/>
      <c r="J8294" s="18"/>
      <c r="K8294" s="18"/>
      <c r="L8294" s="18"/>
      <c r="M8294" s="18"/>
      <c r="N8294" s="18"/>
      <c r="O8294" s="18"/>
      <c r="P8294" s="19">
        <v>250</v>
      </c>
      <c r="Q8294" s="19"/>
      <c r="R8294" s="19"/>
      <c r="S8294" s="19"/>
      <c r="T8294" s="19">
        <v>150</v>
      </c>
      <c r="U8294" s="19"/>
      <c r="V8294" s="19"/>
      <c r="W8294" s="19"/>
      <c r="X8294" s="19">
        <v>1</v>
      </c>
      <c r="Y8294" s="19"/>
      <c r="Z8294" s="19"/>
      <c r="AA8294" s="19"/>
    </row>
    <row r="8295" spans="1:27" s="1" customFormat="1" ht="14.1" customHeight="1" outlineLevel="1" x14ac:dyDescent="0.2">
      <c r="A8295" s="17"/>
      <c r="B8295" s="17"/>
      <c r="C8295" s="17"/>
      <c r="D8295" s="18"/>
      <c r="E8295" s="18"/>
      <c r="F8295" s="18"/>
      <c r="G8295" s="18"/>
      <c r="H8295" s="18"/>
      <c r="I8295" s="18"/>
      <c r="J8295" s="18"/>
      <c r="K8295" s="18"/>
      <c r="L8295" s="18"/>
      <c r="M8295" s="18"/>
      <c r="N8295" s="18"/>
      <c r="O8295" s="18"/>
      <c r="P8295" s="19"/>
      <c r="Q8295" s="19"/>
      <c r="R8295" s="19"/>
      <c r="S8295" s="19"/>
      <c r="T8295" s="19"/>
      <c r="U8295" s="19"/>
      <c r="V8295" s="19"/>
      <c r="W8295" s="19"/>
      <c r="X8295" s="19"/>
      <c r="Y8295" s="19"/>
      <c r="Z8295" s="19"/>
      <c r="AA8295" s="19"/>
    </row>
    <row r="8296" spans="1:27" s="1" customFormat="1" ht="14.1" customHeight="1" outlineLevel="1" x14ac:dyDescent="0.2">
      <c r="A8296" s="17">
        <v>17014</v>
      </c>
      <c r="B8296" s="17"/>
      <c r="C8296" s="17"/>
      <c r="D8296" s="18" t="s">
        <v>4107</v>
      </c>
      <c r="E8296" s="18"/>
      <c r="F8296" s="18"/>
      <c r="G8296" s="18"/>
      <c r="H8296" s="18"/>
      <c r="I8296" s="18"/>
      <c r="J8296" s="18"/>
      <c r="K8296" s="18"/>
      <c r="L8296" s="18"/>
      <c r="M8296" s="18"/>
      <c r="N8296" s="18"/>
      <c r="O8296" s="18"/>
      <c r="P8296" s="19">
        <v>200</v>
      </c>
      <c r="Q8296" s="19"/>
      <c r="R8296" s="19"/>
      <c r="S8296" s="19"/>
      <c r="T8296" s="19">
        <v>130</v>
      </c>
      <c r="U8296" s="19"/>
      <c r="V8296" s="19"/>
      <c r="W8296" s="19"/>
      <c r="X8296" s="19">
        <v>2</v>
      </c>
      <c r="Y8296" s="19"/>
      <c r="Z8296" s="19"/>
      <c r="AA8296" s="19"/>
    </row>
    <row r="8297" spans="1:27" s="1" customFormat="1" ht="14.1" customHeight="1" outlineLevel="1" x14ac:dyDescent="0.2">
      <c r="A8297" s="17"/>
      <c r="B8297" s="17"/>
      <c r="C8297" s="17"/>
      <c r="D8297" s="18"/>
      <c r="E8297" s="18"/>
      <c r="F8297" s="18"/>
      <c r="G8297" s="18"/>
      <c r="H8297" s="18"/>
      <c r="I8297" s="18"/>
      <c r="J8297" s="18"/>
      <c r="K8297" s="18"/>
      <c r="L8297" s="18"/>
      <c r="M8297" s="18"/>
      <c r="N8297" s="18"/>
      <c r="O8297" s="18"/>
      <c r="P8297" s="19"/>
      <c r="Q8297" s="19"/>
      <c r="R8297" s="19"/>
      <c r="S8297" s="19"/>
      <c r="T8297" s="19"/>
      <c r="U8297" s="19"/>
      <c r="V8297" s="19"/>
      <c r="W8297" s="19"/>
      <c r="X8297" s="19"/>
      <c r="Y8297" s="19"/>
      <c r="Z8297" s="19"/>
      <c r="AA8297" s="19"/>
    </row>
    <row r="8298" spans="1:27" s="1" customFormat="1" ht="14.1" customHeight="1" outlineLevel="1" x14ac:dyDescent="0.2">
      <c r="A8298" s="17">
        <v>13698</v>
      </c>
      <c r="B8298" s="17"/>
      <c r="C8298" s="17"/>
      <c r="D8298" s="18" t="s">
        <v>4108</v>
      </c>
      <c r="E8298" s="18"/>
      <c r="F8298" s="18"/>
      <c r="G8298" s="18"/>
      <c r="H8298" s="18"/>
      <c r="I8298" s="18"/>
      <c r="J8298" s="18"/>
      <c r="K8298" s="18"/>
      <c r="L8298" s="18"/>
      <c r="M8298" s="18"/>
      <c r="N8298" s="18"/>
      <c r="O8298" s="18"/>
      <c r="P8298" s="19">
        <v>330</v>
      </c>
      <c r="Q8298" s="19"/>
      <c r="R8298" s="19"/>
      <c r="S8298" s="19"/>
      <c r="T8298" s="19">
        <v>280</v>
      </c>
      <c r="U8298" s="19"/>
      <c r="V8298" s="19"/>
      <c r="W8298" s="19"/>
      <c r="X8298" s="19">
        <v>1</v>
      </c>
      <c r="Y8298" s="19"/>
      <c r="Z8298" s="19"/>
      <c r="AA8298" s="19"/>
    </row>
    <row r="8299" spans="1:27" s="1" customFormat="1" ht="14.1" customHeight="1" outlineLevel="1" x14ac:dyDescent="0.2">
      <c r="A8299" s="17"/>
      <c r="B8299" s="17"/>
      <c r="C8299" s="17"/>
      <c r="D8299" s="18"/>
      <c r="E8299" s="18"/>
      <c r="F8299" s="18"/>
      <c r="G8299" s="18"/>
      <c r="H8299" s="18"/>
      <c r="I8299" s="18"/>
      <c r="J8299" s="18"/>
      <c r="K8299" s="18"/>
      <c r="L8299" s="18"/>
      <c r="M8299" s="18"/>
      <c r="N8299" s="18"/>
      <c r="O8299" s="18"/>
      <c r="P8299" s="19"/>
      <c r="Q8299" s="19"/>
      <c r="R8299" s="19"/>
      <c r="S8299" s="19"/>
      <c r="T8299" s="19"/>
      <c r="U8299" s="19"/>
      <c r="V8299" s="19"/>
      <c r="W8299" s="19"/>
      <c r="X8299" s="19"/>
      <c r="Y8299" s="19"/>
      <c r="Z8299" s="19"/>
      <c r="AA8299" s="19"/>
    </row>
    <row r="8300" spans="1:27" s="1" customFormat="1" ht="14.1" customHeight="1" outlineLevel="1" x14ac:dyDescent="0.2">
      <c r="A8300" s="17">
        <v>14286</v>
      </c>
      <c r="B8300" s="17"/>
      <c r="C8300" s="17"/>
      <c r="D8300" s="18" t="s">
        <v>4109</v>
      </c>
      <c r="E8300" s="18"/>
      <c r="F8300" s="18"/>
      <c r="G8300" s="18"/>
      <c r="H8300" s="18"/>
      <c r="I8300" s="18"/>
      <c r="J8300" s="18"/>
      <c r="K8300" s="18"/>
      <c r="L8300" s="18"/>
      <c r="M8300" s="18"/>
      <c r="N8300" s="18"/>
      <c r="O8300" s="18"/>
      <c r="P8300" s="19">
        <v>330</v>
      </c>
      <c r="Q8300" s="19"/>
      <c r="R8300" s="19"/>
      <c r="S8300" s="19"/>
      <c r="T8300" s="19">
        <v>280</v>
      </c>
      <c r="U8300" s="19"/>
      <c r="V8300" s="19"/>
      <c r="W8300" s="19"/>
      <c r="X8300" s="19">
        <v>10</v>
      </c>
      <c r="Y8300" s="19"/>
      <c r="Z8300" s="19"/>
      <c r="AA8300" s="19"/>
    </row>
    <row r="8301" spans="1:27" s="1" customFormat="1" ht="14.1" customHeight="1" outlineLevel="1" x14ac:dyDescent="0.2">
      <c r="A8301" s="17"/>
      <c r="B8301" s="17"/>
      <c r="C8301" s="17"/>
      <c r="D8301" s="18"/>
      <c r="E8301" s="18"/>
      <c r="F8301" s="18"/>
      <c r="G8301" s="18"/>
      <c r="H8301" s="18"/>
      <c r="I8301" s="18"/>
      <c r="J8301" s="18"/>
      <c r="K8301" s="18"/>
      <c r="L8301" s="18"/>
      <c r="M8301" s="18"/>
      <c r="N8301" s="18"/>
      <c r="O8301" s="18"/>
      <c r="P8301" s="19"/>
      <c r="Q8301" s="19"/>
      <c r="R8301" s="19"/>
      <c r="S8301" s="19"/>
      <c r="T8301" s="19"/>
      <c r="U8301" s="19"/>
      <c r="V8301" s="19"/>
      <c r="W8301" s="19"/>
      <c r="X8301" s="19"/>
      <c r="Y8301" s="19"/>
      <c r="Z8301" s="19"/>
      <c r="AA8301" s="19"/>
    </row>
    <row r="8302" spans="1:27" s="1" customFormat="1" ht="14.1" customHeight="1" outlineLevel="1" x14ac:dyDescent="0.2">
      <c r="A8302" s="17">
        <v>17425</v>
      </c>
      <c r="B8302" s="17"/>
      <c r="C8302" s="17"/>
      <c r="D8302" s="18" t="s">
        <v>4110</v>
      </c>
      <c r="E8302" s="18"/>
      <c r="F8302" s="18"/>
      <c r="G8302" s="18"/>
      <c r="H8302" s="18"/>
      <c r="I8302" s="18"/>
      <c r="J8302" s="18"/>
      <c r="K8302" s="18"/>
      <c r="L8302" s="18"/>
      <c r="M8302" s="18"/>
      <c r="N8302" s="18"/>
      <c r="O8302" s="18"/>
      <c r="P8302" s="19">
        <v>100</v>
      </c>
      <c r="Q8302" s="19"/>
      <c r="R8302" s="19"/>
      <c r="S8302" s="19"/>
      <c r="T8302" s="19">
        <v>70</v>
      </c>
      <c r="U8302" s="19"/>
      <c r="V8302" s="19"/>
      <c r="W8302" s="19"/>
      <c r="X8302" s="19">
        <v>1</v>
      </c>
      <c r="Y8302" s="19"/>
      <c r="Z8302" s="19"/>
      <c r="AA8302" s="19"/>
    </row>
    <row r="8303" spans="1:27" s="1" customFormat="1" ht="14.1" customHeight="1" outlineLevel="1" x14ac:dyDescent="0.2">
      <c r="A8303" s="17"/>
      <c r="B8303" s="17"/>
      <c r="C8303" s="17"/>
      <c r="D8303" s="18"/>
      <c r="E8303" s="18"/>
      <c r="F8303" s="18"/>
      <c r="G8303" s="18"/>
      <c r="H8303" s="18"/>
      <c r="I8303" s="18"/>
      <c r="J8303" s="18"/>
      <c r="K8303" s="18"/>
      <c r="L8303" s="18"/>
      <c r="M8303" s="18"/>
      <c r="N8303" s="18"/>
      <c r="O8303" s="18"/>
      <c r="P8303" s="19"/>
      <c r="Q8303" s="19"/>
      <c r="R8303" s="19"/>
      <c r="S8303" s="19"/>
      <c r="T8303" s="19"/>
      <c r="U8303" s="19"/>
      <c r="V8303" s="19"/>
      <c r="W8303" s="19"/>
      <c r="X8303" s="19"/>
      <c r="Y8303" s="19"/>
      <c r="Z8303" s="19"/>
      <c r="AA8303" s="19"/>
    </row>
    <row r="8304" spans="1:27" s="1" customFormat="1" ht="14.1" customHeight="1" outlineLevel="1" x14ac:dyDescent="0.2">
      <c r="A8304" s="17">
        <v>13913</v>
      </c>
      <c r="B8304" s="17"/>
      <c r="C8304" s="17"/>
      <c r="D8304" s="18" t="s">
        <v>4111</v>
      </c>
      <c r="E8304" s="18"/>
      <c r="F8304" s="18"/>
      <c r="G8304" s="18"/>
      <c r="H8304" s="18"/>
      <c r="I8304" s="18"/>
      <c r="J8304" s="18"/>
      <c r="K8304" s="18"/>
      <c r="L8304" s="18"/>
      <c r="M8304" s="18"/>
      <c r="N8304" s="18"/>
      <c r="O8304" s="18"/>
      <c r="P8304" s="19">
        <v>65</v>
      </c>
      <c r="Q8304" s="19"/>
      <c r="R8304" s="19"/>
      <c r="S8304" s="19"/>
      <c r="T8304" s="19">
        <v>45</v>
      </c>
      <c r="U8304" s="19"/>
      <c r="V8304" s="19"/>
      <c r="W8304" s="19"/>
      <c r="X8304" s="19">
        <v>79</v>
      </c>
      <c r="Y8304" s="19"/>
      <c r="Z8304" s="19"/>
      <c r="AA8304" s="19"/>
    </row>
    <row r="8305" spans="1:27" s="1" customFormat="1" ht="14.1" customHeight="1" outlineLevel="1" x14ac:dyDescent="0.2">
      <c r="A8305" s="17"/>
      <c r="B8305" s="17"/>
      <c r="C8305" s="17"/>
      <c r="D8305" s="18"/>
      <c r="E8305" s="18"/>
      <c r="F8305" s="18"/>
      <c r="G8305" s="18"/>
      <c r="H8305" s="18"/>
      <c r="I8305" s="18"/>
      <c r="J8305" s="18"/>
      <c r="K8305" s="18"/>
      <c r="L8305" s="18"/>
      <c r="M8305" s="18"/>
      <c r="N8305" s="18"/>
      <c r="O8305" s="18"/>
      <c r="P8305" s="19"/>
      <c r="Q8305" s="19"/>
      <c r="R8305" s="19"/>
      <c r="S8305" s="19"/>
      <c r="T8305" s="19"/>
      <c r="U8305" s="19"/>
      <c r="V8305" s="19"/>
      <c r="W8305" s="19"/>
      <c r="X8305" s="19"/>
      <c r="Y8305" s="19"/>
      <c r="Z8305" s="19"/>
      <c r="AA8305" s="19"/>
    </row>
    <row r="8306" spans="1:27" s="1" customFormat="1" ht="14.1" customHeight="1" outlineLevel="1" x14ac:dyDescent="0.2">
      <c r="A8306" s="17">
        <v>13735</v>
      </c>
      <c r="B8306" s="17"/>
      <c r="C8306" s="17"/>
      <c r="D8306" s="18" t="s">
        <v>4112</v>
      </c>
      <c r="E8306" s="18"/>
      <c r="F8306" s="18"/>
      <c r="G8306" s="18"/>
      <c r="H8306" s="18"/>
      <c r="I8306" s="18"/>
      <c r="J8306" s="18"/>
      <c r="K8306" s="18"/>
      <c r="L8306" s="18"/>
      <c r="M8306" s="18"/>
      <c r="N8306" s="18"/>
      <c r="O8306" s="18"/>
      <c r="P8306" s="19">
        <v>130</v>
      </c>
      <c r="Q8306" s="19"/>
      <c r="R8306" s="19"/>
      <c r="S8306" s="19"/>
      <c r="T8306" s="19">
        <v>90</v>
      </c>
      <c r="U8306" s="19"/>
      <c r="V8306" s="19"/>
      <c r="W8306" s="19"/>
      <c r="X8306" s="19">
        <v>9</v>
      </c>
      <c r="Y8306" s="19"/>
      <c r="Z8306" s="19"/>
      <c r="AA8306" s="19"/>
    </row>
    <row r="8307" spans="1:27" s="1" customFormat="1" ht="14.1" customHeight="1" outlineLevel="1" x14ac:dyDescent="0.2">
      <c r="A8307" s="17"/>
      <c r="B8307" s="17"/>
      <c r="C8307" s="17"/>
      <c r="D8307" s="18"/>
      <c r="E8307" s="18"/>
      <c r="F8307" s="18"/>
      <c r="G8307" s="18"/>
      <c r="H8307" s="18"/>
      <c r="I8307" s="18"/>
      <c r="J8307" s="18"/>
      <c r="K8307" s="18"/>
      <c r="L8307" s="18"/>
      <c r="M8307" s="18"/>
      <c r="N8307" s="18"/>
      <c r="O8307" s="18"/>
      <c r="P8307" s="19"/>
      <c r="Q8307" s="19"/>
      <c r="R8307" s="19"/>
      <c r="S8307" s="19"/>
      <c r="T8307" s="19"/>
      <c r="U8307" s="19"/>
      <c r="V8307" s="19"/>
      <c r="W8307" s="19"/>
      <c r="X8307" s="19"/>
      <c r="Y8307" s="19"/>
      <c r="Z8307" s="19"/>
      <c r="AA8307" s="19"/>
    </row>
    <row r="8308" spans="1:27" s="1" customFormat="1" ht="14.1" customHeight="1" outlineLevel="1" x14ac:dyDescent="0.2">
      <c r="A8308" s="17">
        <v>12728</v>
      </c>
      <c r="B8308" s="17"/>
      <c r="C8308" s="17"/>
      <c r="D8308" s="18" t="s">
        <v>4113</v>
      </c>
      <c r="E8308" s="18"/>
      <c r="F8308" s="18"/>
      <c r="G8308" s="18"/>
      <c r="H8308" s="18"/>
      <c r="I8308" s="18"/>
      <c r="J8308" s="18"/>
      <c r="K8308" s="18"/>
      <c r="L8308" s="18"/>
      <c r="M8308" s="18"/>
      <c r="N8308" s="18"/>
      <c r="O8308" s="18"/>
      <c r="P8308" s="19">
        <v>65</v>
      </c>
      <c r="Q8308" s="19"/>
      <c r="R8308" s="19"/>
      <c r="S8308" s="19"/>
      <c r="T8308" s="19">
        <v>45</v>
      </c>
      <c r="U8308" s="19"/>
      <c r="V8308" s="19"/>
      <c r="W8308" s="19"/>
      <c r="X8308" s="19">
        <v>55</v>
      </c>
      <c r="Y8308" s="19"/>
      <c r="Z8308" s="19"/>
      <c r="AA8308" s="19"/>
    </row>
    <row r="8309" spans="1:27" s="1" customFormat="1" ht="14.1" customHeight="1" outlineLevel="1" x14ac:dyDescent="0.2">
      <c r="A8309" s="17"/>
      <c r="B8309" s="17"/>
      <c r="C8309" s="17"/>
      <c r="D8309" s="18"/>
      <c r="E8309" s="18"/>
      <c r="F8309" s="18"/>
      <c r="G8309" s="18"/>
      <c r="H8309" s="18"/>
      <c r="I8309" s="18"/>
      <c r="J8309" s="18"/>
      <c r="K8309" s="18"/>
      <c r="L8309" s="18"/>
      <c r="M8309" s="18"/>
      <c r="N8309" s="18"/>
      <c r="O8309" s="18"/>
      <c r="P8309" s="19"/>
      <c r="Q8309" s="19"/>
      <c r="R8309" s="19"/>
      <c r="S8309" s="19"/>
      <c r="T8309" s="19"/>
      <c r="U8309" s="19"/>
      <c r="V8309" s="19"/>
      <c r="W8309" s="19"/>
      <c r="X8309" s="19"/>
      <c r="Y8309" s="19"/>
      <c r="Z8309" s="19"/>
      <c r="AA8309" s="19"/>
    </row>
    <row r="8310" spans="1:27" s="1" customFormat="1" ht="14.1" customHeight="1" outlineLevel="1" x14ac:dyDescent="0.2">
      <c r="A8310" s="17">
        <v>13246</v>
      </c>
      <c r="B8310" s="17"/>
      <c r="C8310" s="17"/>
      <c r="D8310" s="18" t="s">
        <v>4114</v>
      </c>
      <c r="E8310" s="18"/>
      <c r="F8310" s="18"/>
      <c r="G8310" s="18"/>
      <c r="H8310" s="18"/>
      <c r="I8310" s="18"/>
      <c r="J8310" s="18"/>
      <c r="K8310" s="18"/>
      <c r="L8310" s="18"/>
      <c r="M8310" s="18"/>
      <c r="N8310" s="18"/>
      <c r="O8310" s="18"/>
      <c r="P8310" s="19">
        <v>145</v>
      </c>
      <c r="Q8310" s="19"/>
      <c r="R8310" s="19"/>
      <c r="S8310" s="19"/>
      <c r="T8310" s="19">
        <v>100</v>
      </c>
      <c r="U8310" s="19"/>
      <c r="V8310" s="19"/>
      <c r="W8310" s="19"/>
      <c r="X8310" s="19">
        <v>10</v>
      </c>
      <c r="Y8310" s="19"/>
      <c r="Z8310" s="19"/>
      <c r="AA8310" s="19"/>
    </row>
    <row r="8311" spans="1:27" s="1" customFormat="1" ht="14.1" customHeight="1" outlineLevel="1" x14ac:dyDescent="0.2">
      <c r="A8311" s="17"/>
      <c r="B8311" s="17"/>
      <c r="C8311" s="17"/>
      <c r="D8311" s="18"/>
      <c r="E8311" s="18"/>
      <c r="F8311" s="18"/>
      <c r="G8311" s="18"/>
      <c r="H8311" s="18"/>
      <c r="I8311" s="18"/>
      <c r="J8311" s="18"/>
      <c r="K8311" s="18"/>
      <c r="L8311" s="18"/>
      <c r="M8311" s="18"/>
      <c r="N8311" s="18"/>
      <c r="O8311" s="18"/>
      <c r="P8311" s="19"/>
      <c r="Q8311" s="19"/>
      <c r="R8311" s="19"/>
      <c r="S8311" s="19"/>
      <c r="T8311" s="19"/>
      <c r="U8311" s="19"/>
      <c r="V8311" s="19"/>
      <c r="W8311" s="19"/>
      <c r="X8311" s="19"/>
      <c r="Y8311" s="19"/>
      <c r="Z8311" s="19"/>
      <c r="AA8311" s="19"/>
    </row>
    <row r="8312" spans="1:27" s="1" customFormat="1" ht="14.1" customHeight="1" outlineLevel="1" x14ac:dyDescent="0.2">
      <c r="A8312" s="17">
        <v>13235</v>
      </c>
      <c r="B8312" s="17"/>
      <c r="C8312" s="17"/>
      <c r="D8312" s="18" t="s">
        <v>4115</v>
      </c>
      <c r="E8312" s="18"/>
      <c r="F8312" s="18"/>
      <c r="G8312" s="18"/>
      <c r="H8312" s="18"/>
      <c r="I8312" s="18"/>
      <c r="J8312" s="18"/>
      <c r="K8312" s="18"/>
      <c r="L8312" s="18"/>
      <c r="M8312" s="18"/>
      <c r="N8312" s="18"/>
      <c r="O8312" s="18"/>
      <c r="P8312" s="19">
        <v>85</v>
      </c>
      <c r="Q8312" s="19"/>
      <c r="R8312" s="19"/>
      <c r="S8312" s="19"/>
      <c r="T8312" s="19">
        <v>55</v>
      </c>
      <c r="U8312" s="19"/>
      <c r="V8312" s="19"/>
      <c r="W8312" s="19"/>
      <c r="X8312" s="19">
        <v>40</v>
      </c>
      <c r="Y8312" s="19"/>
      <c r="Z8312" s="19"/>
      <c r="AA8312" s="19"/>
    </row>
    <row r="8313" spans="1:27" s="1" customFormat="1" ht="14.1" customHeight="1" outlineLevel="1" x14ac:dyDescent="0.2">
      <c r="A8313" s="17"/>
      <c r="B8313" s="17"/>
      <c r="C8313" s="17"/>
      <c r="D8313" s="18"/>
      <c r="E8313" s="18"/>
      <c r="F8313" s="18"/>
      <c r="G8313" s="18"/>
      <c r="H8313" s="18"/>
      <c r="I8313" s="18"/>
      <c r="J8313" s="18"/>
      <c r="K8313" s="18"/>
      <c r="L8313" s="18"/>
      <c r="M8313" s="18"/>
      <c r="N8313" s="18"/>
      <c r="O8313" s="18"/>
      <c r="P8313" s="19"/>
      <c r="Q8313" s="19"/>
      <c r="R8313" s="19"/>
      <c r="S8313" s="19"/>
      <c r="T8313" s="19"/>
      <c r="U8313" s="19"/>
      <c r="V8313" s="19"/>
      <c r="W8313" s="19"/>
      <c r="X8313" s="19"/>
      <c r="Y8313" s="19"/>
      <c r="Z8313" s="19"/>
      <c r="AA8313" s="19"/>
    </row>
    <row r="8314" spans="1:27" s="1" customFormat="1" ht="14.1" customHeight="1" outlineLevel="1" x14ac:dyDescent="0.2">
      <c r="A8314" s="17">
        <v>13237</v>
      </c>
      <c r="B8314" s="17"/>
      <c r="C8314" s="17"/>
      <c r="D8314" s="18" t="s">
        <v>4116</v>
      </c>
      <c r="E8314" s="18"/>
      <c r="F8314" s="18"/>
      <c r="G8314" s="18"/>
      <c r="H8314" s="18"/>
      <c r="I8314" s="18"/>
      <c r="J8314" s="18"/>
      <c r="K8314" s="18"/>
      <c r="L8314" s="18"/>
      <c r="M8314" s="18"/>
      <c r="N8314" s="18"/>
      <c r="O8314" s="18"/>
      <c r="P8314" s="19">
        <v>85</v>
      </c>
      <c r="Q8314" s="19"/>
      <c r="R8314" s="19"/>
      <c r="S8314" s="19"/>
      <c r="T8314" s="19">
        <v>55</v>
      </c>
      <c r="U8314" s="19"/>
      <c r="V8314" s="19"/>
      <c r="W8314" s="19"/>
      <c r="X8314" s="19">
        <v>20</v>
      </c>
      <c r="Y8314" s="19"/>
      <c r="Z8314" s="19"/>
      <c r="AA8314" s="19"/>
    </row>
    <row r="8315" spans="1:27" s="1" customFormat="1" ht="14.1" customHeight="1" outlineLevel="1" x14ac:dyDescent="0.2">
      <c r="A8315" s="17"/>
      <c r="B8315" s="17"/>
      <c r="C8315" s="17"/>
      <c r="D8315" s="18"/>
      <c r="E8315" s="18"/>
      <c r="F8315" s="18"/>
      <c r="G8315" s="18"/>
      <c r="H8315" s="18"/>
      <c r="I8315" s="18"/>
      <c r="J8315" s="18"/>
      <c r="K8315" s="18"/>
      <c r="L8315" s="18"/>
      <c r="M8315" s="18"/>
      <c r="N8315" s="18"/>
      <c r="O8315" s="18"/>
      <c r="P8315" s="19"/>
      <c r="Q8315" s="19"/>
      <c r="R8315" s="19"/>
      <c r="S8315" s="19"/>
      <c r="T8315" s="19"/>
      <c r="U8315" s="19"/>
      <c r="V8315" s="19"/>
      <c r="W8315" s="19"/>
      <c r="X8315" s="19"/>
      <c r="Y8315" s="19"/>
      <c r="Z8315" s="19"/>
      <c r="AA8315" s="19"/>
    </row>
    <row r="8316" spans="1:27" s="1" customFormat="1" ht="14.1" customHeight="1" outlineLevel="1" x14ac:dyDescent="0.2">
      <c r="A8316" s="17">
        <v>13238</v>
      </c>
      <c r="B8316" s="17"/>
      <c r="C8316" s="17"/>
      <c r="D8316" s="18" t="s">
        <v>4117</v>
      </c>
      <c r="E8316" s="18"/>
      <c r="F8316" s="18"/>
      <c r="G8316" s="18"/>
      <c r="H8316" s="18"/>
      <c r="I8316" s="18"/>
      <c r="J8316" s="18"/>
      <c r="K8316" s="18"/>
      <c r="L8316" s="18"/>
      <c r="M8316" s="18"/>
      <c r="N8316" s="18"/>
      <c r="O8316" s="18"/>
      <c r="P8316" s="19">
        <v>65</v>
      </c>
      <c r="Q8316" s="19"/>
      <c r="R8316" s="19"/>
      <c r="S8316" s="19"/>
      <c r="T8316" s="19">
        <v>45</v>
      </c>
      <c r="U8316" s="19"/>
      <c r="V8316" s="19"/>
      <c r="W8316" s="19"/>
      <c r="X8316" s="19">
        <v>20</v>
      </c>
      <c r="Y8316" s="19"/>
      <c r="Z8316" s="19"/>
      <c r="AA8316" s="19"/>
    </row>
    <row r="8317" spans="1:27" s="1" customFormat="1" ht="14.1" customHeight="1" outlineLevel="1" x14ac:dyDescent="0.2">
      <c r="A8317" s="17"/>
      <c r="B8317" s="17"/>
      <c r="C8317" s="17"/>
      <c r="D8317" s="18"/>
      <c r="E8317" s="18"/>
      <c r="F8317" s="18"/>
      <c r="G8317" s="18"/>
      <c r="H8317" s="18"/>
      <c r="I8317" s="18"/>
      <c r="J8317" s="18"/>
      <c r="K8317" s="18"/>
      <c r="L8317" s="18"/>
      <c r="M8317" s="18"/>
      <c r="N8317" s="18"/>
      <c r="O8317" s="18"/>
      <c r="P8317" s="19"/>
      <c r="Q8317" s="19"/>
      <c r="R8317" s="19"/>
      <c r="S8317" s="19"/>
      <c r="T8317" s="19"/>
      <c r="U8317" s="19"/>
      <c r="V8317" s="19"/>
      <c r="W8317" s="19"/>
      <c r="X8317" s="19"/>
      <c r="Y8317" s="19"/>
      <c r="Z8317" s="19"/>
      <c r="AA8317" s="19"/>
    </row>
    <row r="8318" spans="1:27" s="1" customFormat="1" ht="14.1" customHeight="1" outlineLevel="1" x14ac:dyDescent="0.2">
      <c r="A8318" s="17">
        <v>14268</v>
      </c>
      <c r="B8318" s="17"/>
      <c r="C8318" s="17"/>
      <c r="D8318" s="18" t="s">
        <v>4118</v>
      </c>
      <c r="E8318" s="18"/>
      <c r="F8318" s="18"/>
      <c r="G8318" s="18"/>
      <c r="H8318" s="18"/>
      <c r="I8318" s="18"/>
      <c r="J8318" s="18"/>
      <c r="K8318" s="18"/>
      <c r="L8318" s="18"/>
      <c r="M8318" s="18"/>
      <c r="N8318" s="18"/>
      <c r="O8318" s="18"/>
      <c r="P8318" s="19">
        <v>65</v>
      </c>
      <c r="Q8318" s="19"/>
      <c r="R8318" s="19"/>
      <c r="S8318" s="19"/>
      <c r="T8318" s="19">
        <v>45</v>
      </c>
      <c r="U8318" s="19"/>
      <c r="V8318" s="19"/>
      <c r="W8318" s="19"/>
      <c r="X8318" s="19">
        <v>10</v>
      </c>
      <c r="Y8318" s="19"/>
      <c r="Z8318" s="19"/>
      <c r="AA8318" s="19"/>
    </row>
    <row r="8319" spans="1:27" s="1" customFormat="1" ht="14.1" customHeight="1" outlineLevel="1" x14ac:dyDescent="0.2">
      <c r="A8319" s="17"/>
      <c r="B8319" s="17"/>
      <c r="C8319" s="17"/>
      <c r="D8319" s="18"/>
      <c r="E8319" s="18"/>
      <c r="F8319" s="18"/>
      <c r="G8319" s="18"/>
      <c r="H8319" s="18"/>
      <c r="I8319" s="18"/>
      <c r="J8319" s="18"/>
      <c r="K8319" s="18"/>
      <c r="L8319" s="18"/>
      <c r="M8319" s="18"/>
      <c r="N8319" s="18"/>
      <c r="O8319" s="18"/>
      <c r="P8319" s="19"/>
      <c r="Q8319" s="19"/>
      <c r="R8319" s="19"/>
      <c r="S8319" s="19"/>
      <c r="T8319" s="19"/>
      <c r="U8319" s="19"/>
      <c r="V8319" s="19"/>
      <c r="W8319" s="19"/>
      <c r="X8319" s="19"/>
      <c r="Y8319" s="19"/>
      <c r="Z8319" s="19"/>
      <c r="AA8319" s="19"/>
    </row>
    <row r="8320" spans="1:27" s="1" customFormat="1" ht="14.1" customHeight="1" outlineLevel="1" x14ac:dyDescent="0.2">
      <c r="A8320" s="17">
        <v>13239</v>
      </c>
      <c r="B8320" s="17"/>
      <c r="C8320" s="17"/>
      <c r="D8320" s="18" t="s">
        <v>4119</v>
      </c>
      <c r="E8320" s="18"/>
      <c r="F8320" s="18"/>
      <c r="G8320" s="18"/>
      <c r="H8320" s="18"/>
      <c r="I8320" s="18"/>
      <c r="J8320" s="18"/>
      <c r="K8320" s="18"/>
      <c r="L8320" s="18"/>
      <c r="M8320" s="18"/>
      <c r="N8320" s="18"/>
      <c r="O8320" s="18"/>
      <c r="P8320" s="19">
        <v>65</v>
      </c>
      <c r="Q8320" s="19"/>
      <c r="R8320" s="19"/>
      <c r="S8320" s="19"/>
      <c r="T8320" s="19">
        <v>45</v>
      </c>
      <c r="U8320" s="19"/>
      <c r="V8320" s="19"/>
      <c r="W8320" s="19"/>
      <c r="X8320" s="19">
        <v>18</v>
      </c>
      <c r="Y8320" s="19"/>
      <c r="Z8320" s="19"/>
      <c r="AA8320" s="19"/>
    </row>
    <row r="8321" spans="1:27" s="1" customFormat="1" ht="14.1" customHeight="1" outlineLevel="1" x14ac:dyDescent="0.2">
      <c r="A8321" s="17"/>
      <c r="B8321" s="17"/>
      <c r="C8321" s="17"/>
      <c r="D8321" s="18"/>
      <c r="E8321" s="18"/>
      <c r="F8321" s="18"/>
      <c r="G8321" s="18"/>
      <c r="H8321" s="18"/>
      <c r="I8321" s="18"/>
      <c r="J8321" s="18"/>
      <c r="K8321" s="18"/>
      <c r="L8321" s="18"/>
      <c r="M8321" s="18"/>
      <c r="N8321" s="18"/>
      <c r="O8321" s="18"/>
      <c r="P8321" s="19"/>
      <c r="Q8321" s="19"/>
      <c r="R8321" s="19"/>
      <c r="S8321" s="19"/>
      <c r="T8321" s="19"/>
      <c r="U8321" s="19"/>
      <c r="V8321" s="19"/>
      <c r="W8321" s="19"/>
      <c r="X8321" s="19"/>
      <c r="Y8321" s="19"/>
      <c r="Z8321" s="19"/>
      <c r="AA8321" s="19"/>
    </row>
    <row r="8322" spans="1:27" s="1" customFormat="1" ht="14.1" customHeight="1" outlineLevel="1" x14ac:dyDescent="0.2">
      <c r="A8322" s="17">
        <v>14271</v>
      </c>
      <c r="B8322" s="17"/>
      <c r="C8322" s="17"/>
      <c r="D8322" s="18" t="s">
        <v>4120</v>
      </c>
      <c r="E8322" s="18"/>
      <c r="F8322" s="18"/>
      <c r="G8322" s="18"/>
      <c r="H8322" s="18"/>
      <c r="I8322" s="18"/>
      <c r="J8322" s="18"/>
      <c r="K8322" s="18"/>
      <c r="L8322" s="18"/>
      <c r="M8322" s="18"/>
      <c r="N8322" s="18"/>
      <c r="O8322" s="18"/>
      <c r="P8322" s="19">
        <v>100</v>
      </c>
      <c r="Q8322" s="19"/>
      <c r="R8322" s="19"/>
      <c r="S8322" s="19"/>
      <c r="T8322" s="19">
        <v>50</v>
      </c>
      <c r="U8322" s="19"/>
      <c r="V8322" s="19"/>
      <c r="W8322" s="19"/>
      <c r="X8322" s="19">
        <v>10</v>
      </c>
      <c r="Y8322" s="19"/>
      <c r="Z8322" s="19"/>
      <c r="AA8322" s="19"/>
    </row>
    <row r="8323" spans="1:27" s="1" customFormat="1" ht="14.1" customHeight="1" outlineLevel="1" x14ac:dyDescent="0.2">
      <c r="A8323" s="17"/>
      <c r="B8323" s="17"/>
      <c r="C8323" s="17"/>
      <c r="D8323" s="18"/>
      <c r="E8323" s="18"/>
      <c r="F8323" s="18"/>
      <c r="G8323" s="18"/>
      <c r="H8323" s="18"/>
      <c r="I8323" s="18"/>
      <c r="J8323" s="18"/>
      <c r="K8323" s="18"/>
      <c r="L8323" s="18"/>
      <c r="M8323" s="18"/>
      <c r="N8323" s="18"/>
      <c r="O8323" s="18"/>
      <c r="P8323" s="19"/>
      <c r="Q8323" s="19"/>
      <c r="R8323" s="19"/>
      <c r="S8323" s="19"/>
      <c r="T8323" s="19"/>
      <c r="U8323" s="19"/>
      <c r="V8323" s="19"/>
      <c r="W8323" s="19"/>
      <c r="X8323" s="19"/>
      <c r="Y8323" s="19"/>
      <c r="Z8323" s="19"/>
      <c r="AA8323" s="19"/>
    </row>
    <row r="8324" spans="1:27" s="1" customFormat="1" ht="14.1" customHeight="1" outlineLevel="1" x14ac:dyDescent="0.2">
      <c r="A8324" s="17">
        <v>14269</v>
      </c>
      <c r="B8324" s="17"/>
      <c r="C8324" s="17"/>
      <c r="D8324" s="18" t="s">
        <v>4121</v>
      </c>
      <c r="E8324" s="18"/>
      <c r="F8324" s="18"/>
      <c r="G8324" s="18"/>
      <c r="H8324" s="18"/>
      <c r="I8324" s="18"/>
      <c r="J8324" s="18"/>
      <c r="K8324" s="18"/>
      <c r="L8324" s="18"/>
      <c r="M8324" s="18"/>
      <c r="N8324" s="18"/>
      <c r="O8324" s="18"/>
      <c r="P8324" s="19">
        <v>65</v>
      </c>
      <c r="Q8324" s="19"/>
      <c r="R8324" s="19"/>
      <c r="S8324" s="19"/>
      <c r="T8324" s="19">
        <v>45</v>
      </c>
      <c r="U8324" s="19"/>
      <c r="V8324" s="19"/>
      <c r="W8324" s="19"/>
      <c r="X8324" s="19">
        <v>8</v>
      </c>
      <c r="Y8324" s="19"/>
      <c r="Z8324" s="19"/>
      <c r="AA8324" s="19"/>
    </row>
    <row r="8325" spans="1:27" s="1" customFormat="1" ht="14.1" customHeight="1" outlineLevel="1" x14ac:dyDescent="0.2">
      <c r="A8325" s="17"/>
      <c r="B8325" s="17"/>
      <c r="C8325" s="17"/>
      <c r="D8325" s="18"/>
      <c r="E8325" s="18"/>
      <c r="F8325" s="18"/>
      <c r="G8325" s="18"/>
      <c r="H8325" s="18"/>
      <c r="I8325" s="18"/>
      <c r="J8325" s="18"/>
      <c r="K8325" s="18"/>
      <c r="L8325" s="18"/>
      <c r="M8325" s="18"/>
      <c r="N8325" s="18"/>
      <c r="O8325" s="18"/>
      <c r="P8325" s="19"/>
      <c r="Q8325" s="19"/>
      <c r="R8325" s="19"/>
      <c r="S8325" s="19"/>
      <c r="T8325" s="19"/>
      <c r="U8325" s="19"/>
      <c r="V8325" s="19"/>
      <c r="W8325" s="19"/>
      <c r="X8325" s="19"/>
      <c r="Y8325" s="19"/>
      <c r="Z8325" s="19"/>
      <c r="AA8325" s="19"/>
    </row>
    <row r="8326" spans="1:27" s="1" customFormat="1" ht="14.1" customHeight="1" outlineLevel="1" x14ac:dyDescent="0.2">
      <c r="A8326" s="17">
        <v>14270</v>
      </c>
      <c r="B8326" s="17"/>
      <c r="C8326" s="17"/>
      <c r="D8326" s="18" t="s">
        <v>4122</v>
      </c>
      <c r="E8326" s="18"/>
      <c r="F8326" s="18"/>
      <c r="G8326" s="18"/>
      <c r="H8326" s="18"/>
      <c r="I8326" s="18"/>
      <c r="J8326" s="18"/>
      <c r="K8326" s="18"/>
      <c r="L8326" s="18"/>
      <c r="M8326" s="18"/>
      <c r="N8326" s="18"/>
      <c r="O8326" s="18"/>
      <c r="P8326" s="19">
        <v>65</v>
      </c>
      <c r="Q8326" s="19"/>
      <c r="R8326" s="19"/>
      <c r="S8326" s="19"/>
      <c r="T8326" s="19">
        <v>45</v>
      </c>
      <c r="U8326" s="19"/>
      <c r="V8326" s="19"/>
      <c r="W8326" s="19"/>
      <c r="X8326" s="19">
        <v>10</v>
      </c>
      <c r="Y8326" s="19"/>
      <c r="Z8326" s="19"/>
      <c r="AA8326" s="19"/>
    </row>
    <row r="8327" spans="1:27" s="1" customFormat="1" ht="14.1" customHeight="1" outlineLevel="1" x14ac:dyDescent="0.2">
      <c r="A8327" s="17"/>
      <c r="B8327" s="17"/>
      <c r="C8327" s="17"/>
      <c r="D8327" s="18"/>
      <c r="E8327" s="18"/>
      <c r="F8327" s="18"/>
      <c r="G8327" s="18"/>
      <c r="H8327" s="18"/>
      <c r="I8327" s="18"/>
      <c r="J8327" s="18"/>
      <c r="K8327" s="18"/>
      <c r="L8327" s="18"/>
      <c r="M8327" s="18"/>
      <c r="N8327" s="18"/>
      <c r="O8327" s="18"/>
      <c r="P8327" s="19"/>
      <c r="Q8327" s="19"/>
      <c r="R8327" s="19"/>
      <c r="S8327" s="19"/>
      <c r="T8327" s="19"/>
      <c r="U8327" s="19"/>
      <c r="V8327" s="19"/>
      <c r="W8327" s="19"/>
      <c r="X8327" s="19"/>
      <c r="Y8327" s="19"/>
      <c r="Z8327" s="19"/>
      <c r="AA8327" s="19"/>
    </row>
    <row r="8328" spans="1:27" s="1" customFormat="1" ht="14.1" customHeight="1" outlineLevel="1" x14ac:dyDescent="0.2">
      <c r="A8328" s="17">
        <v>8450</v>
      </c>
      <c r="B8328" s="17"/>
      <c r="C8328" s="17"/>
      <c r="D8328" s="18" t="s">
        <v>4123</v>
      </c>
      <c r="E8328" s="18"/>
      <c r="F8328" s="18"/>
      <c r="G8328" s="18"/>
      <c r="H8328" s="18"/>
      <c r="I8328" s="18"/>
      <c r="J8328" s="18"/>
      <c r="K8328" s="18"/>
      <c r="L8328" s="18"/>
      <c r="M8328" s="18"/>
      <c r="N8328" s="18"/>
      <c r="O8328" s="18"/>
      <c r="P8328" s="19">
        <v>65</v>
      </c>
      <c r="Q8328" s="19"/>
      <c r="R8328" s="19"/>
      <c r="S8328" s="19"/>
      <c r="T8328" s="19">
        <v>45</v>
      </c>
      <c r="U8328" s="19"/>
      <c r="V8328" s="19"/>
      <c r="W8328" s="19"/>
      <c r="X8328" s="19">
        <v>20</v>
      </c>
      <c r="Y8328" s="19"/>
      <c r="Z8328" s="19"/>
      <c r="AA8328" s="19"/>
    </row>
    <row r="8329" spans="1:27" s="1" customFormat="1" ht="14.1" customHeight="1" outlineLevel="1" x14ac:dyDescent="0.2">
      <c r="A8329" s="17"/>
      <c r="B8329" s="17"/>
      <c r="C8329" s="17"/>
      <c r="D8329" s="18"/>
      <c r="E8329" s="18"/>
      <c r="F8329" s="18"/>
      <c r="G8329" s="18"/>
      <c r="H8329" s="18"/>
      <c r="I8329" s="18"/>
      <c r="J8329" s="18"/>
      <c r="K8329" s="18"/>
      <c r="L8329" s="18"/>
      <c r="M8329" s="18"/>
      <c r="N8329" s="18"/>
      <c r="O8329" s="18"/>
      <c r="P8329" s="19"/>
      <c r="Q8329" s="19"/>
      <c r="R8329" s="19"/>
      <c r="S8329" s="19"/>
      <c r="T8329" s="19"/>
      <c r="U8329" s="19"/>
      <c r="V8329" s="19"/>
      <c r="W8329" s="19"/>
      <c r="X8329" s="19"/>
      <c r="Y8329" s="19"/>
      <c r="Z8329" s="19"/>
      <c r="AA8329" s="19"/>
    </row>
    <row r="8330" spans="1:27" s="1" customFormat="1" ht="14.1" customHeight="1" outlineLevel="1" x14ac:dyDescent="0.2">
      <c r="A8330" s="17">
        <v>13240</v>
      </c>
      <c r="B8330" s="17"/>
      <c r="C8330" s="17"/>
      <c r="D8330" s="18" t="s">
        <v>4124</v>
      </c>
      <c r="E8330" s="18"/>
      <c r="F8330" s="18"/>
      <c r="G8330" s="18"/>
      <c r="H8330" s="18"/>
      <c r="I8330" s="18"/>
      <c r="J8330" s="18"/>
      <c r="K8330" s="18"/>
      <c r="L8330" s="18"/>
      <c r="M8330" s="18"/>
      <c r="N8330" s="18"/>
      <c r="O8330" s="18"/>
      <c r="P8330" s="19">
        <v>65</v>
      </c>
      <c r="Q8330" s="19"/>
      <c r="R8330" s="19"/>
      <c r="S8330" s="19"/>
      <c r="T8330" s="19">
        <v>45</v>
      </c>
      <c r="U8330" s="19"/>
      <c r="V8330" s="19"/>
      <c r="W8330" s="19"/>
      <c r="X8330" s="19">
        <v>40</v>
      </c>
      <c r="Y8330" s="19"/>
      <c r="Z8330" s="19"/>
      <c r="AA8330" s="19"/>
    </row>
    <row r="8331" spans="1:27" s="1" customFormat="1" ht="14.1" customHeight="1" outlineLevel="1" x14ac:dyDescent="0.2">
      <c r="A8331" s="17"/>
      <c r="B8331" s="17"/>
      <c r="C8331" s="17"/>
      <c r="D8331" s="18"/>
      <c r="E8331" s="18"/>
      <c r="F8331" s="18"/>
      <c r="G8331" s="18"/>
      <c r="H8331" s="18"/>
      <c r="I8331" s="18"/>
      <c r="J8331" s="18"/>
      <c r="K8331" s="18"/>
      <c r="L8331" s="18"/>
      <c r="M8331" s="18"/>
      <c r="N8331" s="18"/>
      <c r="O8331" s="18"/>
      <c r="P8331" s="19"/>
      <c r="Q8331" s="19"/>
      <c r="R8331" s="19"/>
      <c r="S8331" s="19"/>
      <c r="T8331" s="19"/>
      <c r="U8331" s="19"/>
      <c r="V8331" s="19"/>
      <c r="W8331" s="19"/>
      <c r="X8331" s="19"/>
      <c r="Y8331" s="19"/>
      <c r="Z8331" s="19"/>
      <c r="AA8331" s="19"/>
    </row>
    <row r="8332" spans="1:27" s="1" customFormat="1" ht="14.1" customHeight="1" outlineLevel="1" x14ac:dyDescent="0.2">
      <c r="A8332" s="17">
        <v>7698</v>
      </c>
      <c r="B8332" s="17"/>
      <c r="C8332" s="17"/>
      <c r="D8332" s="18" t="s">
        <v>4125</v>
      </c>
      <c r="E8332" s="18"/>
      <c r="F8332" s="18"/>
      <c r="G8332" s="18"/>
      <c r="H8332" s="18"/>
      <c r="I8332" s="18"/>
      <c r="J8332" s="18"/>
      <c r="K8332" s="18"/>
      <c r="L8332" s="18"/>
      <c r="M8332" s="18"/>
      <c r="N8332" s="18"/>
      <c r="O8332" s="18"/>
      <c r="P8332" s="19">
        <v>65</v>
      </c>
      <c r="Q8332" s="19"/>
      <c r="R8332" s="19"/>
      <c r="S8332" s="19"/>
      <c r="T8332" s="19">
        <v>45</v>
      </c>
      <c r="U8332" s="19"/>
      <c r="V8332" s="19"/>
      <c r="W8332" s="19"/>
      <c r="X8332" s="19">
        <v>22</v>
      </c>
      <c r="Y8332" s="19"/>
      <c r="Z8332" s="19"/>
      <c r="AA8332" s="19"/>
    </row>
    <row r="8333" spans="1:27" s="1" customFormat="1" ht="14.1" customHeight="1" outlineLevel="1" x14ac:dyDescent="0.2">
      <c r="A8333" s="17"/>
      <c r="B8333" s="17"/>
      <c r="C8333" s="17"/>
      <c r="D8333" s="18"/>
      <c r="E8333" s="18"/>
      <c r="F8333" s="18"/>
      <c r="G8333" s="18"/>
      <c r="H8333" s="18"/>
      <c r="I8333" s="18"/>
      <c r="J8333" s="18"/>
      <c r="K8333" s="18"/>
      <c r="L8333" s="18"/>
      <c r="M8333" s="18"/>
      <c r="N8333" s="18"/>
      <c r="O8333" s="18"/>
      <c r="P8333" s="19"/>
      <c r="Q8333" s="19"/>
      <c r="R8333" s="19"/>
      <c r="S8333" s="19"/>
      <c r="T8333" s="19"/>
      <c r="U8333" s="19"/>
      <c r="V8333" s="19"/>
      <c r="W8333" s="19"/>
      <c r="X8333" s="19"/>
      <c r="Y8333" s="19"/>
      <c r="Z8333" s="19"/>
      <c r="AA8333" s="19"/>
    </row>
    <row r="8334" spans="1:27" s="1" customFormat="1" ht="14.1" customHeight="1" outlineLevel="1" x14ac:dyDescent="0.2">
      <c r="A8334" s="17">
        <v>13241</v>
      </c>
      <c r="B8334" s="17"/>
      <c r="C8334" s="17"/>
      <c r="D8334" s="18" t="s">
        <v>4126</v>
      </c>
      <c r="E8334" s="18"/>
      <c r="F8334" s="18"/>
      <c r="G8334" s="18"/>
      <c r="H8334" s="18"/>
      <c r="I8334" s="18"/>
      <c r="J8334" s="18"/>
      <c r="K8334" s="18"/>
      <c r="L8334" s="18"/>
      <c r="M8334" s="18"/>
      <c r="N8334" s="18"/>
      <c r="O8334" s="18"/>
      <c r="P8334" s="19">
        <v>65</v>
      </c>
      <c r="Q8334" s="19"/>
      <c r="R8334" s="19"/>
      <c r="S8334" s="19"/>
      <c r="T8334" s="19">
        <v>45</v>
      </c>
      <c r="U8334" s="19"/>
      <c r="V8334" s="19"/>
      <c r="W8334" s="19"/>
      <c r="X8334" s="19">
        <v>20</v>
      </c>
      <c r="Y8334" s="19"/>
      <c r="Z8334" s="19"/>
      <c r="AA8334" s="19"/>
    </row>
    <row r="8335" spans="1:27" s="1" customFormat="1" ht="14.1" customHeight="1" outlineLevel="1" x14ac:dyDescent="0.2">
      <c r="A8335" s="17"/>
      <c r="B8335" s="17"/>
      <c r="C8335" s="17"/>
      <c r="D8335" s="18"/>
      <c r="E8335" s="18"/>
      <c r="F8335" s="18"/>
      <c r="G8335" s="18"/>
      <c r="H8335" s="18"/>
      <c r="I8335" s="18"/>
      <c r="J8335" s="18"/>
      <c r="K8335" s="18"/>
      <c r="L8335" s="18"/>
      <c r="M8335" s="18"/>
      <c r="N8335" s="18"/>
      <c r="O8335" s="18"/>
      <c r="P8335" s="19"/>
      <c r="Q8335" s="19"/>
      <c r="R8335" s="19"/>
      <c r="S8335" s="19"/>
      <c r="T8335" s="19"/>
      <c r="U8335" s="19"/>
      <c r="V8335" s="19"/>
      <c r="W8335" s="19"/>
      <c r="X8335" s="19"/>
      <c r="Y8335" s="19"/>
      <c r="Z8335" s="19"/>
      <c r="AA8335" s="19"/>
    </row>
    <row r="8336" spans="1:27" s="1" customFormat="1" ht="14.1" customHeight="1" outlineLevel="1" x14ac:dyDescent="0.2">
      <c r="A8336" s="17">
        <v>13243</v>
      </c>
      <c r="B8336" s="17"/>
      <c r="C8336" s="17"/>
      <c r="D8336" s="18" t="s">
        <v>4127</v>
      </c>
      <c r="E8336" s="18"/>
      <c r="F8336" s="18"/>
      <c r="G8336" s="18"/>
      <c r="H8336" s="18"/>
      <c r="I8336" s="18"/>
      <c r="J8336" s="18"/>
      <c r="K8336" s="18"/>
      <c r="L8336" s="18"/>
      <c r="M8336" s="18"/>
      <c r="N8336" s="18"/>
      <c r="O8336" s="18"/>
      <c r="P8336" s="19">
        <v>65</v>
      </c>
      <c r="Q8336" s="19"/>
      <c r="R8336" s="19"/>
      <c r="S8336" s="19"/>
      <c r="T8336" s="19">
        <v>45</v>
      </c>
      <c r="U8336" s="19"/>
      <c r="V8336" s="19"/>
      <c r="W8336" s="19"/>
      <c r="X8336" s="19">
        <v>19</v>
      </c>
      <c r="Y8336" s="19"/>
      <c r="Z8336" s="19"/>
      <c r="AA8336" s="19"/>
    </row>
    <row r="8337" spans="1:27" s="1" customFormat="1" ht="14.1" customHeight="1" outlineLevel="1" x14ac:dyDescent="0.2">
      <c r="A8337" s="17"/>
      <c r="B8337" s="17"/>
      <c r="C8337" s="17"/>
      <c r="D8337" s="18"/>
      <c r="E8337" s="18"/>
      <c r="F8337" s="18"/>
      <c r="G8337" s="18"/>
      <c r="H8337" s="18"/>
      <c r="I8337" s="18"/>
      <c r="J8337" s="18"/>
      <c r="K8337" s="18"/>
      <c r="L8337" s="18"/>
      <c r="M8337" s="18"/>
      <c r="N8337" s="18"/>
      <c r="O8337" s="18"/>
      <c r="P8337" s="19"/>
      <c r="Q8337" s="19"/>
      <c r="R8337" s="19"/>
      <c r="S8337" s="19"/>
      <c r="T8337" s="19"/>
      <c r="U8337" s="19"/>
      <c r="V8337" s="19"/>
      <c r="W8337" s="19"/>
      <c r="X8337" s="19"/>
      <c r="Y8337" s="19"/>
      <c r="Z8337" s="19"/>
      <c r="AA8337" s="19"/>
    </row>
    <row r="8338" spans="1:27" s="1" customFormat="1" ht="14.1" customHeight="1" outlineLevel="1" x14ac:dyDescent="0.2">
      <c r="A8338" s="17">
        <v>13242</v>
      </c>
      <c r="B8338" s="17"/>
      <c r="C8338" s="17"/>
      <c r="D8338" s="18" t="s">
        <v>4128</v>
      </c>
      <c r="E8338" s="18"/>
      <c r="F8338" s="18"/>
      <c r="G8338" s="18"/>
      <c r="H8338" s="18"/>
      <c r="I8338" s="18"/>
      <c r="J8338" s="18"/>
      <c r="K8338" s="18"/>
      <c r="L8338" s="18"/>
      <c r="M8338" s="18"/>
      <c r="N8338" s="18"/>
      <c r="O8338" s="18"/>
      <c r="P8338" s="19">
        <v>65</v>
      </c>
      <c r="Q8338" s="19"/>
      <c r="R8338" s="19"/>
      <c r="S8338" s="19"/>
      <c r="T8338" s="19">
        <v>45</v>
      </c>
      <c r="U8338" s="19"/>
      <c r="V8338" s="19"/>
      <c r="W8338" s="19"/>
      <c r="X8338" s="19">
        <v>29</v>
      </c>
      <c r="Y8338" s="19"/>
      <c r="Z8338" s="19"/>
      <c r="AA8338" s="19"/>
    </row>
    <row r="8339" spans="1:27" s="1" customFormat="1" ht="14.1" customHeight="1" outlineLevel="1" x14ac:dyDescent="0.2">
      <c r="A8339" s="17"/>
      <c r="B8339" s="17"/>
      <c r="C8339" s="17"/>
      <c r="D8339" s="18"/>
      <c r="E8339" s="18"/>
      <c r="F8339" s="18"/>
      <c r="G8339" s="18"/>
      <c r="H8339" s="18"/>
      <c r="I8339" s="18"/>
      <c r="J8339" s="18"/>
      <c r="K8339" s="18"/>
      <c r="L8339" s="18"/>
      <c r="M8339" s="18"/>
      <c r="N8339" s="18"/>
      <c r="O8339" s="18"/>
      <c r="P8339" s="19"/>
      <c r="Q8339" s="19"/>
      <c r="R8339" s="19"/>
      <c r="S8339" s="19"/>
      <c r="T8339" s="19"/>
      <c r="U8339" s="19"/>
      <c r="V8339" s="19"/>
      <c r="W8339" s="19"/>
      <c r="X8339" s="19"/>
      <c r="Y8339" s="19"/>
      <c r="Z8339" s="19"/>
      <c r="AA8339" s="19"/>
    </row>
    <row r="8340" spans="1:27" s="1" customFormat="1" ht="14.1" customHeight="1" outlineLevel="1" x14ac:dyDescent="0.2">
      <c r="A8340" s="17">
        <v>16926</v>
      </c>
      <c r="B8340" s="17"/>
      <c r="C8340" s="17"/>
      <c r="D8340" s="18" t="s">
        <v>4129</v>
      </c>
      <c r="E8340" s="18"/>
      <c r="F8340" s="18"/>
      <c r="G8340" s="18"/>
      <c r="H8340" s="18"/>
      <c r="I8340" s="18"/>
      <c r="J8340" s="18"/>
      <c r="K8340" s="18"/>
      <c r="L8340" s="18"/>
      <c r="M8340" s="18"/>
      <c r="N8340" s="18"/>
      <c r="O8340" s="18"/>
      <c r="P8340" s="19">
        <v>150</v>
      </c>
      <c r="Q8340" s="19"/>
      <c r="R8340" s="19"/>
      <c r="S8340" s="19"/>
      <c r="T8340" s="19">
        <v>100</v>
      </c>
      <c r="U8340" s="19"/>
      <c r="V8340" s="19"/>
      <c r="W8340" s="19"/>
      <c r="X8340" s="19">
        <v>6</v>
      </c>
      <c r="Y8340" s="19"/>
      <c r="Z8340" s="19"/>
      <c r="AA8340" s="19"/>
    </row>
    <row r="8341" spans="1:27" s="1" customFormat="1" ht="14.1" customHeight="1" outlineLevel="1" x14ac:dyDescent="0.2">
      <c r="A8341" s="17"/>
      <c r="B8341" s="17"/>
      <c r="C8341" s="17"/>
      <c r="D8341" s="18"/>
      <c r="E8341" s="18"/>
      <c r="F8341" s="18"/>
      <c r="G8341" s="18"/>
      <c r="H8341" s="18"/>
      <c r="I8341" s="18"/>
      <c r="J8341" s="18"/>
      <c r="K8341" s="18"/>
      <c r="L8341" s="18"/>
      <c r="M8341" s="18"/>
      <c r="N8341" s="18"/>
      <c r="O8341" s="18"/>
      <c r="P8341" s="19"/>
      <c r="Q8341" s="19"/>
      <c r="R8341" s="19"/>
      <c r="S8341" s="19"/>
      <c r="T8341" s="19"/>
      <c r="U8341" s="19"/>
      <c r="V8341" s="19"/>
      <c r="W8341" s="19"/>
      <c r="X8341" s="19"/>
      <c r="Y8341" s="19"/>
      <c r="Z8341" s="19"/>
      <c r="AA8341" s="19"/>
    </row>
    <row r="8342" spans="1:27" s="1" customFormat="1" ht="14.1" customHeight="1" outlineLevel="1" x14ac:dyDescent="0.2">
      <c r="A8342" s="17">
        <v>12802</v>
      </c>
      <c r="B8342" s="17"/>
      <c r="C8342" s="17"/>
      <c r="D8342" s="18" t="s">
        <v>4130</v>
      </c>
      <c r="E8342" s="18"/>
      <c r="F8342" s="18"/>
      <c r="G8342" s="18"/>
      <c r="H8342" s="18"/>
      <c r="I8342" s="18"/>
      <c r="J8342" s="18"/>
      <c r="K8342" s="18"/>
      <c r="L8342" s="18"/>
      <c r="M8342" s="18"/>
      <c r="N8342" s="18"/>
      <c r="O8342" s="18"/>
      <c r="P8342" s="19">
        <v>65</v>
      </c>
      <c r="Q8342" s="19"/>
      <c r="R8342" s="19"/>
      <c r="S8342" s="19"/>
      <c r="T8342" s="19">
        <v>45</v>
      </c>
      <c r="U8342" s="19"/>
      <c r="V8342" s="19"/>
      <c r="W8342" s="19"/>
      <c r="X8342" s="19">
        <v>40</v>
      </c>
      <c r="Y8342" s="19"/>
      <c r="Z8342" s="19"/>
      <c r="AA8342" s="19"/>
    </row>
    <row r="8343" spans="1:27" s="1" customFormat="1" ht="14.1" customHeight="1" outlineLevel="1" x14ac:dyDescent="0.2">
      <c r="A8343" s="17"/>
      <c r="B8343" s="17"/>
      <c r="C8343" s="17"/>
      <c r="D8343" s="18"/>
      <c r="E8343" s="18"/>
      <c r="F8343" s="18"/>
      <c r="G8343" s="18"/>
      <c r="H8343" s="18"/>
      <c r="I8343" s="18"/>
      <c r="J8343" s="18"/>
      <c r="K8343" s="18"/>
      <c r="L8343" s="18"/>
      <c r="M8343" s="18"/>
      <c r="N8343" s="18"/>
      <c r="O8343" s="18"/>
      <c r="P8343" s="19"/>
      <c r="Q8343" s="19"/>
      <c r="R8343" s="19"/>
      <c r="S8343" s="19"/>
      <c r="T8343" s="19"/>
      <c r="U8343" s="19"/>
      <c r="V8343" s="19"/>
      <c r="W8343" s="19"/>
      <c r="X8343" s="19"/>
      <c r="Y8343" s="19"/>
      <c r="Z8343" s="19"/>
      <c r="AA8343" s="19"/>
    </row>
    <row r="8344" spans="1:27" s="1" customFormat="1" ht="14.1" customHeight="1" outlineLevel="1" x14ac:dyDescent="0.2">
      <c r="A8344" s="17">
        <v>13244</v>
      </c>
      <c r="B8344" s="17"/>
      <c r="C8344" s="17"/>
      <c r="D8344" s="18" t="s">
        <v>4131</v>
      </c>
      <c r="E8344" s="18"/>
      <c r="F8344" s="18"/>
      <c r="G8344" s="18"/>
      <c r="H8344" s="18"/>
      <c r="I8344" s="18"/>
      <c r="J8344" s="18"/>
      <c r="K8344" s="18"/>
      <c r="L8344" s="18"/>
      <c r="M8344" s="18"/>
      <c r="N8344" s="18"/>
      <c r="O8344" s="18"/>
      <c r="P8344" s="19">
        <v>65</v>
      </c>
      <c r="Q8344" s="19"/>
      <c r="R8344" s="19"/>
      <c r="S8344" s="19"/>
      <c r="T8344" s="19">
        <v>45</v>
      </c>
      <c r="U8344" s="19"/>
      <c r="V8344" s="19"/>
      <c r="W8344" s="19"/>
      <c r="X8344" s="19">
        <v>55</v>
      </c>
      <c r="Y8344" s="19"/>
      <c r="Z8344" s="19"/>
      <c r="AA8344" s="19"/>
    </row>
    <row r="8345" spans="1:27" s="1" customFormat="1" ht="14.1" customHeight="1" outlineLevel="1" x14ac:dyDescent="0.2">
      <c r="A8345" s="17"/>
      <c r="B8345" s="17"/>
      <c r="C8345" s="17"/>
      <c r="D8345" s="18"/>
      <c r="E8345" s="18"/>
      <c r="F8345" s="18"/>
      <c r="G8345" s="18"/>
      <c r="H8345" s="18"/>
      <c r="I8345" s="18"/>
      <c r="J8345" s="18"/>
      <c r="K8345" s="18"/>
      <c r="L8345" s="18"/>
      <c r="M8345" s="18"/>
      <c r="N8345" s="18"/>
      <c r="O8345" s="18"/>
      <c r="P8345" s="19"/>
      <c r="Q8345" s="19"/>
      <c r="R8345" s="19"/>
      <c r="S8345" s="19"/>
      <c r="T8345" s="19"/>
      <c r="U8345" s="19"/>
      <c r="V8345" s="19"/>
      <c r="W8345" s="19"/>
      <c r="X8345" s="19"/>
      <c r="Y8345" s="19"/>
      <c r="Z8345" s="19"/>
      <c r="AA8345" s="19"/>
    </row>
    <row r="8346" spans="1:27" s="1" customFormat="1" ht="14.1" customHeight="1" outlineLevel="1" x14ac:dyDescent="0.2">
      <c r="A8346" s="17">
        <v>13248</v>
      </c>
      <c r="B8346" s="17"/>
      <c r="C8346" s="17"/>
      <c r="D8346" s="18" t="s">
        <v>4132</v>
      </c>
      <c r="E8346" s="18"/>
      <c r="F8346" s="18"/>
      <c r="G8346" s="18"/>
      <c r="H8346" s="18"/>
      <c r="I8346" s="18"/>
      <c r="J8346" s="18"/>
      <c r="K8346" s="18"/>
      <c r="L8346" s="18"/>
      <c r="M8346" s="18"/>
      <c r="N8346" s="18"/>
      <c r="O8346" s="18"/>
      <c r="P8346" s="19">
        <v>65</v>
      </c>
      <c r="Q8346" s="19"/>
      <c r="R8346" s="19"/>
      <c r="S8346" s="19"/>
      <c r="T8346" s="19">
        <v>45</v>
      </c>
      <c r="U8346" s="19"/>
      <c r="V8346" s="19"/>
      <c r="W8346" s="19"/>
      <c r="X8346" s="19">
        <v>10</v>
      </c>
      <c r="Y8346" s="19"/>
      <c r="Z8346" s="19"/>
      <c r="AA8346" s="19"/>
    </row>
    <row r="8347" spans="1:27" s="1" customFormat="1" ht="14.1" customHeight="1" outlineLevel="1" x14ac:dyDescent="0.2">
      <c r="A8347" s="17"/>
      <c r="B8347" s="17"/>
      <c r="C8347" s="17"/>
      <c r="D8347" s="18"/>
      <c r="E8347" s="18"/>
      <c r="F8347" s="18"/>
      <c r="G8347" s="18"/>
      <c r="H8347" s="18"/>
      <c r="I8347" s="18"/>
      <c r="J8347" s="18"/>
      <c r="K8347" s="18"/>
      <c r="L8347" s="18"/>
      <c r="M8347" s="18"/>
      <c r="N8347" s="18"/>
      <c r="O8347" s="18"/>
      <c r="P8347" s="19"/>
      <c r="Q8347" s="19"/>
      <c r="R8347" s="19"/>
      <c r="S8347" s="19"/>
      <c r="T8347" s="19"/>
      <c r="U8347" s="19"/>
      <c r="V8347" s="19"/>
      <c r="W8347" s="19"/>
      <c r="X8347" s="19"/>
      <c r="Y8347" s="19"/>
      <c r="Z8347" s="19"/>
      <c r="AA8347" s="19"/>
    </row>
    <row r="8348" spans="1:27" s="1" customFormat="1" ht="14.1" customHeight="1" outlineLevel="1" x14ac:dyDescent="0.2">
      <c r="A8348" s="17">
        <v>13249</v>
      </c>
      <c r="B8348" s="17"/>
      <c r="C8348" s="17"/>
      <c r="D8348" s="18" t="s">
        <v>4133</v>
      </c>
      <c r="E8348" s="18"/>
      <c r="F8348" s="18"/>
      <c r="G8348" s="18"/>
      <c r="H8348" s="18"/>
      <c r="I8348" s="18"/>
      <c r="J8348" s="18"/>
      <c r="K8348" s="18"/>
      <c r="L8348" s="18"/>
      <c r="M8348" s="18"/>
      <c r="N8348" s="18"/>
      <c r="O8348" s="18"/>
      <c r="P8348" s="19">
        <v>75</v>
      </c>
      <c r="Q8348" s="19"/>
      <c r="R8348" s="19"/>
      <c r="S8348" s="19"/>
      <c r="T8348" s="19">
        <v>50</v>
      </c>
      <c r="U8348" s="19"/>
      <c r="V8348" s="19"/>
      <c r="W8348" s="19"/>
      <c r="X8348" s="19">
        <v>9</v>
      </c>
      <c r="Y8348" s="19"/>
      <c r="Z8348" s="19"/>
      <c r="AA8348" s="19"/>
    </row>
    <row r="8349" spans="1:27" s="1" customFormat="1" ht="14.1" customHeight="1" outlineLevel="1" x14ac:dyDescent="0.2">
      <c r="A8349" s="17"/>
      <c r="B8349" s="17"/>
      <c r="C8349" s="17"/>
      <c r="D8349" s="18"/>
      <c r="E8349" s="18"/>
      <c r="F8349" s="18"/>
      <c r="G8349" s="18"/>
      <c r="H8349" s="18"/>
      <c r="I8349" s="18"/>
      <c r="J8349" s="18"/>
      <c r="K8349" s="18"/>
      <c r="L8349" s="18"/>
      <c r="M8349" s="18"/>
      <c r="N8349" s="18"/>
      <c r="O8349" s="18"/>
      <c r="P8349" s="19"/>
      <c r="Q8349" s="19"/>
      <c r="R8349" s="19"/>
      <c r="S8349" s="19"/>
      <c r="T8349" s="19"/>
      <c r="U8349" s="19"/>
      <c r="V8349" s="19"/>
      <c r="W8349" s="19"/>
      <c r="X8349" s="19"/>
      <c r="Y8349" s="19"/>
      <c r="Z8349" s="19"/>
      <c r="AA8349" s="19"/>
    </row>
    <row r="8350" spans="1:27" s="1" customFormat="1" ht="14.1" customHeight="1" outlineLevel="1" x14ac:dyDescent="0.2">
      <c r="A8350" s="17">
        <v>13250</v>
      </c>
      <c r="B8350" s="17"/>
      <c r="C8350" s="17"/>
      <c r="D8350" s="18" t="s">
        <v>4134</v>
      </c>
      <c r="E8350" s="18"/>
      <c r="F8350" s="18"/>
      <c r="G8350" s="18"/>
      <c r="H8350" s="18"/>
      <c r="I8350" s="18"/>
      <c r="J8350" s="18"/>
      <c r="K8350" s="18"/>
      <c r="L8350" s="18"/>
      <c r="M8350" s="18"/>
      <c r="N8350" s="18"/>
      <c r="O8350" s="18"/>
      <c r="P8350" s="19">
        <v>140</v>
      </c>
      <c r="Q8350" s="19"/>
      <c r="R8350" s="19"/>
      <c r="S8350" s="19"/>
      <c r="T8350" s="19">
        <v>90</v>
      </c>
      <c r="U8350" s="19"/>
      <c r="V8350" s="19"/>
      <c r="W8350" s="19"/>
      <c r="X8350" s="19">
        <v>10</v>
      </c>
      <c r="Y8350" s="19"/>
      <c r="Z8350" s="19"/>
      <c r="AA8350" s="19"/>
    </row>
    <row r="8351" spans="1:27" s="1" customFormat="1" ht="14.1" customHeight="1" outlineLevel="1" x14ac:dyDescent="0.2">
      <c r="A8351" s="17"/>
      <c r="B8351" s="17"/>
      <c r="C8351" s="17"/>
      <c r="D8351" s="18"/>
      <c r="E8351" s="18"/>
      <c r="F8351" s="18"/>
      <c r="G8351" s="18"/>
      <c r="H8351" s="18"/>
      <c r="I8351" s="18"/>
      <c r="J8351" s="18"/>
      <c r="K8351" s="18"/>
      <c r="L8351" s="18"/>
      <c r="M8351" s="18"/>
      <c r="N8351" s="18"/>
      <c r="O8351" s="18"/>
      <c r="P8351" s="19"/>
      <c r="Q8351" s="19"/>
      <c r="R8351" s="19"/>
      <c r="S8351" s="19"/>
      <c r="T8351" s="19"/>
      <c r="U8351" s="19"/>
      <c r="V8351" s="19"/>
      <c r="W8351" s="19"/>
      <c r="X8351" s="19"/>
      <c r="Y8351" s="19"/>
      <c r="Z8351" s="19"/>
      <c r="AA8351" s="19"/>
    </row>
    <row r="8352" spans="1:27" s="1" customFormat="1" ht="14.1" customHeight="1" outlineLevel="1" x14ac:dyDescent="0.2">
      <c r="A8352" s="17">
        <v>14272</v>
      </c>
      <c r="B8352" s="17"/>
      <c r="C8352" s="17"/>
      <c r="D8352" s="18" t="s">
        <v>4135</v>
      </c>
      <c r="E8352" s="18"/>
      <c r="F8352" s="18"/>
      <c r="G8352" s="18"/>
      <c r="H8352" s="18"/>
      <c r="I8352" s="18"/>
      <c r="J8352" s="18"/>
      <c r="K8352" s="18"/>
      <c r="L8352" s="18"/>
      <c r="M8352" s="18"/>
      <c r="N8352" s="18"/>
      <c r="O8352" s="18"/>
      <c r="P8352" s="19">
        <v>65</v>
      </c>
      <c r="Q8352" s="19"/>
      <c r="R8352" s="19"/>
      <c r="S8352" s="19"/>
      <c r="T8352" s="19">
        <v>45</v>
      </c>
      <c r="U8352" s="19"/>
      <c r="V8352" s="19"/>
      <c r="W8352" s="19"/>
      <c r="X8352" s="19">
        <v>10</v>
      </c>
      <c r="Y8352" s="19"/>
      <c r="Z8352" s="19"/>
      <c r="AA8352" s="19"/>
    </row>
    <row r="8353" spans="1:27" s="1" customFormat="1" ht="14.1" customHeight="1" outlineLevel="1" x14ac:dyDescent="0.2">
      <c r="A8353" s="17"/>
      <c r="B8353" s="17"/>
      <c r="C8353" s="17"/>
      <c r="D8353" s="18"/>
      <c r="E8353" s="18"/>
      <c r="F8353" s="18"/>
      <c r="G8353" s="18"/>
      <c r="H8353" s="18"/>
      <c r="I8353" s="18"/>
      <c r="J8353" s="18"/>
      <c r="K8353" s="18"/>
      <c r="L8353" s="18"/>
      <c r="M8353" s="18"/>
      <c r="N8353" s="18"/>
      <c r="O8353" s="18"/>
      <c r="P8353" s="19"/>
      <c r="Q8353" s="19"/>
      <c r="R8353" s="19"/>
      <c r="S8353" s="19"/>
      <c r="T8353" s="19"/>
      <c r="U8353" s="19"/>
      <c r="V8353" s="19"/>
      <c r="W8353" s="19"/>
      <c r="X8353" s="19"/>
      <c r="Y8353" s="19"/>
      <c r="Z8353" s="19"/>
      <c r="AA8353" s="19"/>
    </row>
    <row r="8354" spans="1:27" s="1" customFormat="1" ht="14.1" customHeight="1" outlineLevel="1" x14ac:dyDescent="0.2">
      <c r="A8354" s="17">
        <v>13259</v>
      </c>
      <c r="B8354" s="17"/>
      <c r="C8354" s="17"/>
      <c r="D8354" s="18" t="s">
        <v>4136</v>
      </c>
      <c r="E8354" s="18"/>
      <c r="F8354" s="18"/>
      <c r="G8354" s="18"/>
      <c r="H8354" s="18"/>
      <c r="I8354" s="18"/>
      <c r="J8354" s="18"/>
      <c r="K8354" s="18"/>
      <c r="L8354" s="18"/>
      <c r="M8354" s="18"/>
      <c r="N8354" s="18"/>
      <c r="O8354" s="18"/>
      <c r="P8354" s="19">
        <v>110</v>
      </c>
      <c r="Q8354" s="19"/>
      <c r="R8354" s="19"/>
      <c r="S8354" s="19"/>
      <c r="T8354" s="19">
        <v>70</v>
      </c>
      <c r="U8354" s="19"/>
      <c r="V8354" s="19"/>
      <c r="W8354" s="19"/>
      <c r="X8354" s="19">
        <v>10</v>
      </c>
      <c r="Y8354" s="19"/>
      <c r="Z8354" s="19"/>
      <c r="AA8354" s="19"/>
    </row>
    <row r="8355" spans="1:27" s="1" customFormat="1" ht="14.1" customHeight="1" outlineLevel="1" x14ac:dyDescent="0.2">
      <c r="A8355" s="17"/>
      <c r="B8355" s="17"/>
      <c r="C8355" s="17"/>
      <c r="D8355" s="18"/>
      <c r="E8355" s="18"/>
      <c r="F8355" s="18"/>
      <c r="G8355" s="18"/>
      <c r="H8355" s="18"/>
      <c r="I8355" s="18"/>
      <c r="J8355" s="18"/>
      <c r="K8355" s="18"/>
      <c r="L8355" s="18"/>
      <c r="M8355" s="18"/>
      <c r="N8355" s="18"/>
      <c r="O8355" s="18"/>
      <c r="P8355" s="19"/>
      <c r="Q8355" s="19"/>
      <c r="R8355" s="19"/>
      <c r="S8355" s="19"/>
      <c r="T8355" s="19"/>
      <c r="U8355" s="19"/>
      <c r="V8355" s="19"/>
      <c r="W8355" s="19"/>
      <c r="X8355" s="19"/>
      <c r="Y8355" s="19"/>
      <c r="Z8355" s="19"/>
      <c r="AA8355" s="19"/>
    </row>
    <row r="8356" spans="1:27" s="1" customFormat="1" ht="14.1" customHeight="1" outlineLevel="1" x14ac:dyDescent="0.2">
      <c r="A8356" s="17">
        <v>13260</v>
      </c>
      <c r="B8356" s="17"/>
      <c r="C8356" s="17"/>
      <c r="D8356" s="18" t="s">
        <v>4137</v>
      </c>
      <c r="E8356" s="18"/>
      <c r="F8356" s="18"/>
      <c r="G8356" s="18"/>
      <c r="H8356" s="18"/>
      <c r="I8356" s="18"/>
      <c r="J8356" s="18"/>
      <c r="K8356" s="18"/>
      <c r="L8356" s="18"/>
      <c r="M8356" s="18"/>
      <c r="N8356" s="18"/>
      <c r="O8356" s="18"/>
      <c r="P8356" s="19">
        <v>95</v>
      </c>
      <c r="Q8356" s="19"/>
      <c r="R8356" s="19"/>
      <c r="S8356" s="19"/>
      <c r="T8356" s="19">
        <v>60</v>
      </c>
      <c r="U8356" s="19"/>
      <c r="V8356" s="19"/>
      <c r="W8356" s="19"/>
      <c r="X8356" s="19">
        <v>10</v>
      </c>
      <c r="Y8356" s="19"/>
      <c r="Z8356" s="19"/>
      <c r="AA8356" s="19"/>
    </row>
    <row r="8357" spans="1:27" s="1" customFormat="1" ht="14.1" customHeight="1" outlineLevel="1" x14ac:dyDescent="0.2">
      <c r="A8357" s="17"/>
      <c r="B8357" s="17"/>
      <c r="C8357" s="17"/>
      <c r="D8357" s="18"/>
      <c r="E8357" s="18"/>
      <c r="F8357" s="18"/>
      <c r="G8357" s="18"/>
      <c r="H8357" s="18"/>
      <c r="I8357" s="18"/>
      <c r="J8357" s="18"/>
      <c r="K8357" s="18"/>
      <c r="L8357" s="18"/>
      <c r="M8357" s="18"/>
      <c r="N8357" s="18"/>
      <c r="O8357" s="18"/>
      <c r="P8357" s="19"/>
      <c r="Q8357" s="19"/>
      <c r="R8357" s="19"/>
      <c r="S8357" s="19"/>
      <c r="T8357" s="19"/>
      <c r="U8357" s="19"/>
      <c r="V8357" s="19"/>
      <c r="W8357" s="19"/>
      <c r="X8357" s="19"/>
      <c r="Y8357" s="19"/>
      <c r="Z8357" s="19"/>
      <c r="AA8357" s="19"/>
    </row>
    <row r="8358" spans="1:27" s="1" customFormat="1" ht="14.1" customHeight="1" outlineLevel="1" x14ac:dyDescent="0.2">
      <c r="A8358" s="17">
        <v>13261</v>
      </c>
      <c r="B8358" s="17"/>
      <c r="C8358" s="17"/>
      <c r="D8358" s="18" t="s">
        <v>4138</v>
      </c>
      <c r="E8358" s="18"/>
      <c r="F8358" s="18"/>
      <c r="G8358" s="18"/>
      <c r="H8358" s="18"/>
      <c r="I8358" s="18"/>
      <c r="J8358" s="18"/>
      <c r="K8358" s="18"/>
      <c r="L8358" s="18"/>
      <c r="M8358" s="18"/>
      <c r="N8358" s="18"/>
      <c r="O8358" s="18"/>
      <c r="P8358" s="19">
        <v>65</v>
      </c>
      <c r="Q8358" s="19"/>
      <c r="R8358" s="19"/>
      <c r="S8358" s="19"/>
      <c r="T8358" s="19">
        <v>45</v>
      </c>
      <c r="U8358" s="19"/>
      <c r="V8358" s="19"/>
      <c r="W8358" s="19"/>
      <c r="X8358" s="19">
        <v>20</v>
      </c>
      <c r="Y8358" s="19"/>
      <c r="Z8358" s="19"/>
      <c r="AA8358" s="19"/>
    </row>
    <row r="8359" spans="1:27" s="1" customFormat="1" ht="14.1" customHeight="1" outlineLevel="1" x14ac:dyDescent="0.2">
      <c r="A8359" s="17"/>
      <c r="B8359" s="17"/>
      <c r="C8359" s="17"/>
      <c r="D8359" s="18"/>
      <c r="E8359" s="18"/>
      <c r="F8359" s="18"/>
      <c r="G8359" s="18"/>
      <c r="H8359" s="18"/>
      <c r="I8359" s="18"/>
      <c r="J8359" s="18"/>
      <c r="K8359" s="18"/>
      <c r="L8359" s="18"/>
      <c r="M8359" s="18"/>
      <c r="N8359" s="18"/>
      <c r="O8359" s="18"/>
      <c r="P8359" s="19"/>
      <c r="Q8359" s="19"/>
      <c r="R8359" s="19"/>
      <c r="S8359" s="19"/>
      <c r="T8359" s="19"/>
      <c r="U8359" s="19"/>
      <c r="V8359" s="19"/>
      <c r="W8359" s="19"/>
      <c r="X8359" s="19"/>
      <c r="Y8359" s="19"/>
      <c r="Z8359" s="19"/>
      <c r="AA8359" s="19"/>
    </row>
    <row r="8360" spans="1:27" s="1" customFormat="1" ht="14.1" customHeight="1" outlineLevel="1" x14ac:dyDescent="0.2">
      <c r="A8360" s="17">
        <v>13262</v>
      </c>
      <c r="B8360" s="17"/>
      <c r="C8360" s="17"/>
      <c r="D8360" s="18" t="s">
        <v>4139</v>
      </c>
      <c r="E8360" s="18"/>
      <c r="F8360" s="18"/>
      <c r="G8360" s="18"/>
      <c r="H8360" s="18"/>
      <c r="I8360" s="18"/>
      <c r="J8360" s="18"/>
      <c r="K8360" s="18"/>
      <c r="L8360" s="18"/>
      <c r="M8360" s="18"/>
      <c r="N8360" s="18"/>
      <c r="O8360" s="18"/>
      <c r="P8360" s="19">
        <v>65</v>
      </c>
      <c r="Q8360" s="19"/>
      <c r="R8360" s="19"/>
      <c r="S8360" s="19"/>
      <c r="T8360" s="19">
        <v>45</v>
      </c>
      <c r="U8360" s="19"/>
      <c r="V8360" s="19"/>
      <c r="W8360" s="19"/>
      <c r="X8360" s="19">
        <v>20</v>
      </c>
      <c r="Y8360" s="19"/>
      <c r="Z8360" s="19"/>
      <c r="AA8360" s="19"/>
    </row>
    <row r="8361" spans="1:27" s="1" customFormat="1" ht="14.1" customHeight="1" outlineLevel="1" x14ac:dyDescent="0.2">
      <c r="A8361" s="17"/>
      <c r="B8361" s="17"/>
      <c r="C8361" s="17"/>
      <c r="D8361" s="18"/>
      <c r="E8361" s="18"/>
      <c r="F8361" s="18"/>
      <c r="G8361" s="18"/>
      <c r="H8361" s="18"/>
      <c r="I8361" s="18"/>
      <c r="J8361" s="18"/>
      <c r="K8361" s="18"/>
      <c r="L8361" s="18"/>
      <c r="M8361" s="18"/>
      <c r="N8361" s="18"/>
      <c r="O8361" s="18"/>
      <c r="P8361" s="19"/>
      <c r="Q8361" s="19"/>
      <c r="R8361" s="19"/>
      <c r="S8361" s="19"/>
      <c r="T8361" s="19"/>
      <c r="U8361" s="19"/>
      <c r="V8361" s="19"/>
      <c r="W8361" s="19"/>
      <c r="X8361" s="19"/>
      <c r="Y8361" s="19"/>
      <c r="Z8361" s="19"/>
      <c r="AA8361" s="19"/>
    </row>
    <row r="8362" spans="1:27" s="1" customFormat="1" ht="14.1" customHeight="1" outlineLevel="1" x14ac:dyDescent="0.2">
      <c r="A8362" s="17">
        <v>13251</v>
      </c>
      <c r="B8362" s="17"/>
      <c r="C8362" s="17"/>
      <c r="D8362" s="18" t="s">
        <v>4140</v>
      </c>
      <c r="E8362" s="18"/>
      <c r="F8362" s="18"/>
      <c r="G8362" s="18"/>
      <c r="H8362" s="18"/>
      <c r="I8362" s="18"/>
      <c r="J8362" s="18"/>
      <c r="K8362" s="18"/>
      <c r="L8362" s="18"/>
      <c r="M8362" s="18"/>
      <c r="N8362" s="18"/>
      <c r="O8362" s="18"/>
      <c r="P8362" s="19">
        <v>65</v>
      </c>
      <c r="Q8362" s="19"/>
      <c r="R8362" s="19"/>
      <c r="S8362" s="19"/>
      <c r="T8362" s="19">
        <v>45</v>
      </c>
      <c r="U8362" s="19"/>
      <c r="V8362" s="19"/>
      <c r="W8362" s="19"/>
      <c r="X8362" s="19">
        <v>18</v>
      </c>
      <c r="Y8362" s="19"/>
      <c r="Z8362" s="19"/>
      <c r="AA8362" s="19"/>
    </row>
    <row r="8363" spans="1:27" s="1" customFormat="1" ht="14.1" customHeight="1" outlineLevel="1" x14ac:dyDescent="0.2">
      <c r="A8363" s="17"/>
      <c r="B8363" s="17"/>
      <c r="C8363" s="17"/>
      <c r="D8363" s="18"/>
      <c r="E8363" s="18"/>
      <c r="F8363" s="18"/>
      <c r="G8363" s="18"/>
      <c r="H8363" s="18"/>
      <c r="I8363" s="18"/>
      <c r="J8363" s="18"/>
      <c r="K8363" s="18"/>
      <c r="L8363" s="18"/>
      <c r="M8363" s="18"/>
      <c r="N8363" s="18"/>
      <c r="O8363" s="18"/>
      <c r="P8363" s="19"/>
      <c r="Q8363" s="19"/>
      <c r="R8363" s="19"/>
      <c r="S8363" s="19"/>
      <c r="T8363" s="19"/>
      <c r="U8363" s="19"/>
      <c r="V8363" s="19"/>
      <c r="W8363" s="19"/>
      <c r="X8363" s="19"/>
      <c r="Y8363" s="19"/>
      <c r="Z8363" s="19"/>
      <c r="AA8363" s="19"/>
    </row>
    <row r="8364" spans="1:27" s="1" customFormat="1" ht="14.1" customHeight="1" outlineLevel="1" x14ac:dyDescent="0.2">
      <c r="A8364" s="17">
        <v>13252</v>
      </c>
      <c r="B8364" s="17"/>
      <c r="C8364" s="17"/>
      <c r="D8364" s="18" t="s">
        <v>4141</v>
      </c>
      <c r="E8364" s="18"/>
      <c r="F8364" s="18"/>
      <c r="G8364" s="18"/>
      <c r="H8364" s="18"/>
      <c r="I8364" s="18"/>
      <c r="J8364" s="18"/>
      <c r="K8364" s="18"/>
      <c r="L8364" s="18"/>
      <c r="M8364" s="18"/>
      <c r="N8364" s="18"/>
      <c r="O8364" s="18"/>
      <c r="P8364" s="19">
        <v>65</v>
      </c>
      <c r="Q8364" s="19"/>
      <c r="R8364" s="19"/>
      <c r="S8364" s="19"/>
      <c r="T8364" s="19">
        <v>45</v>
      </c>
      <c r="U8364" s="19"/>
      <c r="V8364" s="19"/>
      <c r="W8364" s="19"/>
      <c r="X8364" s="19">
        <v>38</v>
      </c>
      <c r="Y8364" s="19"/>
      <c r="Z8364" s="19"/>
      <c r="AA8364" s="19"/>
    </row>
    <row r="8365" spans="1:27" s="1" customFormat="1" ht="14.1" customHeight="1" outlineLevel="1" x14ac:dyDescent="0.2">
      <c r="A8365" s="17"/>
      <c r="B8365" s="17"/>
      <c r="C8365" s="17"/>
      <c r="D8365" s="18"/>
      <c r="E8365" s="18"/>
      <c r="F8365" s="18"/>
      <c r="G8365" s="18"/>
      <c r="H8365" s="18"/>
      <c r="I8365" s="18"/>
      <c r="J8365" s="18"/>
      <c r="K8365" s="18"/>
      <c r="L8365" s="18"/>
      <c r="M8365" s="18"/>
      <c r="N8365" s="18"/>
      <c r="O8365" s="18"/>
      <c r="P8365" s="19"/>
      <c r="Q8365" s="19"/>
      <c r="R8365" s="19"/>
      <c r="S8365" s="19"/>
      <c r="T8365" s="19"/>
      <c r="U8365" s="19"/>
      <c r="V8365" s="19"/>
      <c r="W8365" s="19"/>
      <c r="X8365" s="19"/>
      <c r="Y8365" s="19"/>
      <c r="Z8365" s="19"/>
      <c r="AA8365" s="19"/>
    </row>
    <row r="8366" spans="1:27" s="1" customFormat="1" ht="14.1" customHeight="1" outlineLevel="1" x14ac:dyDescent="0.2">
      <c r="A8366" s="17">
        <v>13253</v>
      </c>
      <c r="B8366" s="17"/>
      <c r="C8366" s="17"/>
      <c r="D8366" s="18" t="s">
        <v>4142</v>
      </c>
      <c r="E8366" s="18"/>
      <c r="F8366" s="18"/>
      <c r="G8366" s="18"/>
      <c r="H8366" s="18"/>
      <c r="I8366" s="18"/>
      <c r="J8366" s="18"/>
      <c r="K8366" s="18"/>
      <c r="L8366" s="18"/>
      <c r="M8366" s="18"/>
      <c r="N8366" s="18"/>
      <c r="O8366" s="18"/>
      <c r="P8366" s="19">
        <v>65</v>
      </c>
      <c r="Q8366" s="19"/>
      <c r="R8366" s="19"/>
      <c r="S8366" s="19"/>
      <c r="T8366" s="19">
        <v>45</v>
      </c>
      <c r="U8366" s="19"/>
      <c r="V8366" s="19"/>
      <c r="W8366" s="19"/>
      <c r="X8366" s="19">
        <v>30</v>
      </c>
      <c r="Y8366" s="19"/>
      <c r="Z8366" s="19"/>
      <c r="AA8366" s="19"/>
    </row>
    <row r="8367" spans="1:27" s="1" customFormat="1" ht="14.1" customHeight="1" outlineLevel="1" x14ac:dyDescent="0.2">
      <c r="A8367" s="17"/>
      <c r="B8367" s="17"/>
      <c r="C8367" s="17"/>
      <c r="D8367" s="18"/>
      <c r="E8367" s="18"/>
      <c r="F8367" s="18"/>
      <c r="G8367" s="18"/>
      <c r="H8367" s="18"/>
      <c r="I8367" s="18"/>
      <c r="J8367" s="18"/>
      <c r="K8367" s="18"/>
      <c r="L8367" s="18"/>
      <c r="M8367" s="18"/>
      <c r="N8367" s="18"/>
      <c r="O8367" s="18"/>
      <c r="P8367" s="19"/>
      <c r="Q8367" s="19"/>
      <c r="R8367" s="19"/>
      <c r="S8367" s="19"/>
      <c r="T8367" s="19"/>
      <c r="U8367" s="19"/>
      <c r="V8367" s="19"/>
      <c r="W8367" s="19"/>
      <c r="X8367" s="19"/>
      <c r="Y8367" s="19"/>
      <c r="Z8367" s="19"/>
      <c r="AA8367" s="19"/>
    </row>
    <row r="8368" spans="1:27" s="1" customFormat="1" ht="14.1" customHeight="1" outlineLevel="1" x14ac:dyDescent="0.2">
      <c r="A8368" s="17">
        <v>13254</v>
      </c>
      <c r="B8368" s="17"/>
      <c r="C8368" s="17"/>
      <c r="D8368" s="18" t="s">
        <v>4143</v>
      </c>
      <c r="E8368" s="18"/>
      <c r="F8368" s="18"/>
      <c r="G8368" s="18"/>
      <c r="H8368" s="18"/>
      <c r="I8368" s="18"/>
      <c r="J8368" s="18"/>
      <c r="K8368" s="18"/>
      <c r="L8368" s="18"/>
      <c r="M8368" s="18"/>
      <c r="N8368" s="18"/>
      <c r="O8368" s="18"/>
      <c r="P8368" s="19">
        <v>65</v>
      </c>
      <c r="Q8368" s="19"/>
      <c r="R8368" s="19"/>
      <c r="S8368" s="19"/>
      <c r="T8368" s="19">
        <v>45</v>
      </c>
      <c r="U8368" s="19"/>
      <c r="V8368" s="19"/>
      <c r="W8368" s="19"/>
      <c r="X8368" s="19">
        <v>20</v>
      </c>
      <c r="Y8368" s="19"/>
      <c r="Z8368" s="19"/>
      <c r="AA8368" s="19"/>
    </row>
    <row r="8369" spans="1:27" s="1" customFormat="1" ht="14.1" customHeight="1" outlineLevel="1" x14ac:dyDescent="0.2">
      <c r="A8369" s="17"/>
      <c r="B8369" s="17"/>
      <c r="C8369" s="17"/>
      <c r="D8369" s="18"/>
      <c r="E8369" s="18"/>
      <c r="F8369" s="18"/>
      <c r="G8369" s="18"/>
      <c r="H8369" s="18"/>
      <c r="I8369" s="18"/>
      <c r="J8369" s="18"/>
      <c r="K8369" s="18"/>
      <c r="L8369" s="18"/>
      <c r="M8369" s="18"/>
      <c r="N8369" s="18"/>
      <c r="O8369" s="18"/>
      <c r="P8369" s="19"/>
      <c r="Q8369" s="19"/>
      <c r="R8369" s="19"/>
      <c r="S8369" s="19"/>
      <c r="T8369" s="19"/>
      <c r="U8369" s="19"/>
      <c r="V8369" s="19"/>
      <c r="W8369" s="19"/>
      <c r="X8369" s="19"/>
      <c r="Y8369" s="19"/>
      <c r="Z8369" s="19"/>
      <c r="AA8369" s="19"/>
    </row>
    <row r="8370" spans="1:27" s="1" customFormat="1" ht="14.1" customHeight="1" outlineLevel="1" x14ac:dyDescent="0.2">
      <c r="A8370" s="17">
        <v>13255</v>
      </c>
      <c r="B8370" s="17"/>
      <c r="C8370" s="17"/>
      <c r="D8370" s="18" t="s">
        <v>4144</v>
      </c>
      <c r="E8370" s="18"/>
      <c r="F8370" s="18"/>
      <c r="G8370" s="18"/>
      <c r="H8370" s="18"/>
      <c r="I8370" s="18"/>
      <c r="J8370" s="18"/>
      <c r="K8370" s="18"/>
      <c r="L8370" s="18"/>
      <c r="M8370" s="18"/>
      <c r="N8370" s="18"/>
      <c r="O8370" s="18"/>
      <c r="P8370" s="19">
        <v>65</v>
      </c>
      <c r="Q8370" s="19"/>
      <c r="R8370" s="19"/>
      <c r="S8370" s="19"/>
      <c r="T8370" s="19">
        <v>45</v>
      </c>
      <c r="U8370" s="19"/>
      <c r="V8370" s="19"/>
      <c r="W8370" s="19"/>
      <c r="X8370" s="19">
        <v>10</v>
      </c>
      <c r="Y8370" s="19"/>
      <c r="Z8370" s="19"/>
      <c r="AA8370" s="19"/>
    </row>
    <row r="8371" spans="1:27" s="1" customFormat="1" ht="14.1" customHeight="1" outlineLevel="1" x14ac:dyDescent="0.2">
      <c r="A8371" s="17"/>
      <c r="B8371" s="17"/>
      <c r="C8371" s="17"/>
      <c r="D8371" s="18"/>
      <c r="E8371" s="18"/>
      <c r="F8371" s="18"/>
      <c r="G8371" s="18"/>
      <c r="H8371" s="18"/>
      <c r="I8371" s="18"/>
      <c r="J8371" s="18"/>
      <c r="K8371" s="18"/>
      <c r="L8371" s="18"/>
      <c r="M8371" s="18"/>
      <c r="N8371" s="18"/>
      <c r="O8371" s="18"/>
      <c r="P8371" s="19"/>
      <c r="Q8371" s="19"/>
      <c r="R8371" s="19"/>
      <c r="S8371" s="19"/>
      <c r="T8371" s="19"/>
      <c r="U8371" s="19"/>
      <c r="V8371" s="19"/>
      <c r="W8371" s="19"/>
      <c r="X8371" s="19"/>
      <c r="Y8371" s="19"/>
      <c r="Z8371" s="19"/>
      <c r="AA8371" s="19"/>
    </row>
    <row r="8372" spans="1:27" s="1" customFormat="1" ht="14.1" customHeight="1" outlineLevel="1" x14ac:dyDescent="0.2">
      <c r="A8372" s="17">
        <v>13256</v>
      </c>
      <c r="B8372" s="17"/>
      <c r="C8372" s="17"/>
      <c r="D8372" s="18" t="s">
        <v>4145</v>
      </c>
      <c r="E8372" s="18"/>
      <c r="F8372" s="18"/>
      <c r="G8372" s="18"/>
      <c r="H8372" s="18"/>
      <c r="I8372" s="18"/>
      <c r="J8372" s="18"/>
      <c r="K8372" s="18"/>
      <c r="L8372" s="18"/>
      <c r="M8372" s="18"/>
      <c r="N8372" s="18"/>
      <c r="O8372" s="18"/>
      <c r="P8372" s="19">
        <v>65</v>
      </c>
      <c r="Q8372" s="19"/>
      <c r="R8372" s="19"/>
      <c r="S8372" s="19"/>
      <c r="T8372" s="19">
        <v>45</v>
      </c>
      <c r="U8372" s="19"/>
      <c r="V8372" s="19"/>
      <c r="W8372" s="19"/>
      <c r="X8372" s="19">
        <v>40</v>
      </c>
      <c r="Y8372" s="19"/>
      <c r="Z8372" s="19"/>
      <c r="AA8372" s="19"/>
    </row>
    <row r="8373" spans="1:27" s="1" customFormat="1" ht="14.1" customHeight="1" outlineLevel="1" x14ac:dyDescent="0.2">
      <c r="A8373" s="17"/>
      <c r="B8373" s="17"/>
      <c r="C8373" s="17"/>
      <c r="D8373" s="18"/>
      <c r="E8373" s="18"/>
      <c r="F8373" s="18"/>
      <c r="G8373" s="18"/>
      <c r="H8373" s="18"/>
      <c r="I8373" s="18"/>
      <c r="J8373" s="18"/>
      <c r="K8373" s="18"/>
      <c r="L8373" s="18"/>
      <c r="M8373" s="18"/>
      <c r="N8373" s="18"/>
      <c r="O8373" s="18"/>
      <c r="P8373" s="19"/>
      <c r="Q8373" s="19"/>
      <c r="R8373" s="19"/>
      <c r="S8373" s="19"/>
      <c r="T8373" s="19"/>
      <c r="U8373" s="19"/>
      <c r="V8373" s="19"/>
      <c r="W8373" s="19"/>
      <c r="X8373" s="19"/>
      <c r="Y8373" s="19"/>
      <c r="Z8373" s="19"/>
      <c r="AA8373" s="19"/>
    </row>
    <row r="8374" spans="1:27" s="1" customFormat="1" ht="14.1" customHeight="1" outlineLevel="1" x14ac:dyDescent="0.2">
      <c r="A8374" s="17">
        <v>13257</v>
      </c>
      <c r="B8374" s="17"/>
      <c r="C8374" s="17"/>
      <c r="D8374" s="18" t="s">
        <v>4146</v>
      </c>
      <c r="E8374" s="18"/>
      <c r="F8374" s="18"/>
      <c r="G8374" s="18"/>
      <c r="H8374" s="18"/>
      <c r="I8374" s="18"/>
      <c r="J8374" s="18"/>
      <c r="K8374" s="18"/>
      <c r="L8374" s="18"/>
      <c r="M8374" s="18"/>
      <c r="N8374" s="18"/>
      <c r="O8374" s="18"/>
      <c r="P8374" s="19">
        <v>65</v>
      </c>
      <c r="Q8374" s="19"/>
      <c r="R8374" s="19"/>
      <c r="S8374" s="19"/>
      <c r="T8374" s="19">
        <v>45</v>
      </c>
      <c r="U8374" s="19"/>
      <c r="V8374" s="19"/>
      <c r="W8374" s="19"/>
      <c r="X8374" s="19">
        <v>10</v>
      </c>
      <c r="Y8374" s="19"/>
      <c r="Z8374" s="19"/>
      <c r="AA8374" s="19"/>
    </row>
    <row r="8375" spans="1:27" s="1" customFormat="1" ht="14.1" customHeight="1" outlineLevel="1" x14ac:dyDescent="0.2">
      <c r="A8375" s="17"/>
      <c r="B8375" s="17"/>
      <c r="C8375" s="17"/>
      <c r="D8375" s="18"/>
      <c r="E8375" s="18"/>
      <c r="F8375" s="18"/>
      <c r="G8375" s="18"/>
      <c r="H8375" s="18"/>
      <c r="I8375" s="18"/>
      <c r="J8375" s="18"/>
      <c r="K8375" s="18"/>
      <c r="L8375" s="18"/>
      <c r="M8375" s="18"/>
      <c r="N8375" s="18"/>
      <c r="O8375" s="18"/>
      <c r="P8375" s="19"/>
      <c r="Q8375" s="19"/>
      <c r="R8375" s="19"/>
      <c r="S8375" s="19"/>
      <c r="T8375" s="19"/>
      <c r="U8375" s="19"/>
      <c r="V8375" s="19"/>
      <c r="W8375" s="19"/>
      <c r="X8375" s="19"/>
      <c r="Y8375" s="19"/>
      <c r="Z8375" s="19"/>
      <c r="AA8375" s="19"/>
    </row>
    <row r="8376" spans="1:27" s="1" customFormat="1" ht="14.1" customHeight="1" outlineLevel="1" x14ac:dyDescent="0.2">
      <c r="A8376" s="17">
        <v>13258</v>
      </c>
      <c r="B8376" s="17"/>
      <c r="C8376" s="17"/>
      <c r="D8376" s="18" t="s">
        <v>4147</v>
      </c>
      <c r="E8376" s="18"/>
      <c r="F8376" s="18"/>
      <c r="G8376" s="18"/>
      <c r="H8376" s="18"/>
      <c r="I8376" s="18"/>
      <c r="J8376" s="18"/>
      <c r="K8376" s="18"/>
      <c r="L8376" s="18"/>
      <c r="M8376" s="18"/>
      <c r="N8376" s="18"/>
      <c r="O8376" s="18"/>
      <c r="P8376" s="19">
        <v>105</v>
      </c>
      <c r="Q8376" s="19"/>
      <c r="R8376" s="19"/>
      <c r="S8376" s="19"/>
      <c r="T8376" s="19">
        <v>70</v>
      </c>
      <c r="U8376" s="19"/>
      <c r="V8376" s="19"/>
      <c r="W8376" s="19"/>
      <c r="X8376" s="19">
        <v>20</v>
      </c>
      <c r="Y8376" s="19"/>
      <c r="Z8376" s="19"/>
      <c r="AA8376" s="19"/>
    </row>
    <row r="8377" spans="1:27" s="1" customFormat="1" ht="14.1" customHeight="1" outlineLevel="1" x14ac:dyDescent="0.2">
      <c r="A8377" s="17"/>
      <c r="B8377" s="17"/>
      <c r="C8377" s="17"/>
      <c r="D8377" s="18"/>
      <c r="E8377" s="18"/>
      <c r="F8377" s="18"/>
      <c r="G8377" s="18"/>
      <c r="H8377" s="18"/>
      <c r="I8377" s="18"/>
      <c r="J8377" s="18"/>
      <c r="K8377" s="18"/>
      <c r="L8377" s="18"/>
      <c r="M8377" s="18"/>
      <c r="N8377" s="18"/>
      <c r="O8377" s="18"/>
      <c r="P8377" s="19"/>
      <c r="Q8377" s="19"/>
      <c r="R8377" s="19"/>
      <c r="S8377" s="19"/>
      <c r="T8377" s="19"/>
      <c r="U8377" s="19"/>
      <c r="V8377" s="19"/>
      <c r="W8377" s="19"/>
      <c r="X8377" s="19"/>
      <c r="Y8377" s="19"/>
      <c r="Z8377" s="19"/>
      <c r="AA8377" s="19"/>
    </row>
    <row r="8378" spans="1:27" s="1" customFormat="1" ht="14.1" customHeight="1" outlineLevel="1" x14ac:dyDescent="0.2">
      <c r="A8378" s="17">
        <v>14273</v>
      </c>
      <c r="B8378" s="17"/>
      <c r="C8378" s="17"/>
      <c r="D8378" s="18" t="s">
        <v>4148</v>
      </c>
      <c r="E8378" s="18"/>
      <c r="F8378" s="18"/>
      <c r="G8378" s="18"/>
      <c r="H8378" s="18"/>
      <c r="I8378" s="18"/>
      <c r="J8378" s="18"/>
      <c r="K8378" s="18"/>
      <c r="L8378" s="18"/>
      <c r="M8378" s="18"/>
      <c r="N8378" s="18"/>
      <c r="O8378" s="18"/>
      <c r="P8378" s="19">
        <v>65</v>
      </c>
      <c r="Q8378" s="19"/>
      <c r="R8378" s="19"/>
      <c r="S8378" s="19"/>
      <c r="T8378" s="19">
        <v>45</v>
      </c>
      <c r="U8378" s="19"/>
      <c r="V8378" s="19"/>
      <c r="W8378" s="19"/>
      <c r="X8378" s="19">
        <v>20</v>
      </c>
      <c r="Y8378" s="19"/>
      <c r="Z8378" s="19"/>
      <c r="AA8378" s="19"/>
    </row>
    <row r="8379" spans="1:27" s="1" customFormat="1" ht="14.1" customHeight="1" outlineLevel="1" x14ac:dyDescent="0.2">
      <c r="A8379" s="17"/>
      <c r="B8379" s="17"/>
      <c r="C8379" s="17"/>
      <c r="D8379" s="18"/>
      <c r="E8379" s="18"/>
      <c r="F8379" s="18"/>
      <c r="G8379" s="18"/>
      <c r="H8379" s="18"/>
      <c r="I8379" s="18"/>
      <c r="J8379" s="18"/>
      <c r="K8379" s="18"/>
      <c r="L8379" s="18"/>
      <c r="M8379" s="18"/>
      <c r="N8379" s="18"/>
      <c r="O8379" s="18"/>
      <c r="P8379" s="19"/>
      <c r="Q8379" s="19"/>
      <c r="R8379" s="19"/>
      <c r="S8379" s="19"/>
      <c r="T8379" s="19"/>
      <c r="U8379" s="19"/>
      <c r="V8379" s="19"/>
      <c r="W8379" s="19"/>
      <c r="X8379" s="19"/>
      <c r="Y8379" s="19"/>
      <c r="Z8379" s="19"/>
      <c r="AA8379" s="19"/>
    </row>
    <row r="8380" spans="1:27" s="1" customFormat="1" ht="14.1" customHeight="1" outlineLevel="1" x14ac:dyDescent="0.2">
      <c r="A8380" s="17">
        <v>14276</v>
      </c>
      <c r="B8380" s="17"/>
      <c r="C8380" s="17"/>
      <c r="D8380" s="18" t="s">
        <v>4149</v>
      </c>
      <c r="E8380" s="18"/>
      <c r="F8380" s="18"/>
      <c r="G8380" s="18"/>
      <c r="H8380" s="18"/>
      <c r="I8380" s="18"/>
      <c r="J8380" s="18"/>
      <c r="K8380" s="18"/>
      <c r="L8380" s="18"/>
      <c r="M8380" s="18"/>
      <c r="N8380" s="18"/>
      <c r="O8380" s="18"/>
      <c r="P8380" s="19">
        <v>65</v>
      </c>
      <c r="Q8380" s="19"/>
      <c r="R8380" s="19"/>
      <c r="S8380" s="19"/>
      <c r="T8380" s="19">
        <v>45</v>
      </c>
      <c r="U8380" s="19"/>
      <c r="V8380" s="19"/>
      <c r="W8380" s="19"/>
      <c r="X8380" s="19">
        <v>10</v>
      </c>
      <c r="Y8380" s="19"/>
      <c r="Z8380" s="19"/>
      <c r="AA8380" s="19"/>
    </row>
    <row r="8381" spans="1:27" s="1" customFormat="1" ht="14.1" customHeight="1" outlineLevel="1" x14ac:dyDescent="0.2">
      <c r="A8381" s="17"/>
      <c r="B8381" s="17"/>
      <c r="C8381" s="17"/>
      <c r="D8381" s="18"/>
      <c r="E8381" s="18"/>
      <c r="F8381" s="18"/>
      <c r="G8381" s="18"/>
      <c r="H8381" s="18"/>
      <c r="I8381" s="18"/>
      <c r="J8381" s="18"/>
      <c r="K8381" s="18"/>
      <c r="L8381" s="18"/>
      <c r="M8381" s="18"/>
      <c r="N8381" s="18"/>
      <c r="O8381" s="18"/>
      <c r="P8381" s="19"/>
      <c r="Q8381" s="19"/>
      <c r="R8381" s="19"/>
      <c r="S8381" s="19"/>
      <c r="T8381" s="19"/>
      <c r="U8381" s="19"/>
      <c r="V8381" s="19"/>
      <c r="W8381" s="19"/>
      <c r="X8381" s="19"/>
      <c r="Y8381" s="19"/>
      <c r="Z8381" s="19"/>
      <c r="AA8381" s="19"/>
    </row>
    <row r="8382" spans="1:27" s="1" customFormat="1" ht="14.1" customHeight="1" outlineLevel="1" x14ac:dyDescent="0.2">
      <c r="A8382" s="17">
        <v>14291</v>
      </c>
      <c r="B8382" s="17"/>
      <c r="C8382" s="17"/>
      <c r="D8382" s="18" t="s">
        <v>4150</v>
      </c>
      <c r="E8382" s="18"/>
      <c r="F8382" s="18"/>
      <c r="G8382" s="18"/>
      <c r="H8382" s="18"/>
      <c r="I8382" s="18"/>
      <c r="J8382" s="18"/>
      <c r="K8382" s="18"/>
      <c r="L8382" s="18"/>
      <c r="M8382" s="18"/>
      <c r="N8382" s="18"/>
      <c r="O8382" s="18"/>
      <c r="P8382" s="19">
        <v>65</v>
      </c>
      <c r="Q8382" s="19"/>
      <c r="R8382" s="19"/>
      <c r="S8382" s="19"/>
      <c r="T8382" s="19">
        <v>45</v>
      </c>
      <c r="U8382" s="19"/>
      <c r="V8382" s="19"/>
      <c r="W8382" s="19"/>
      <c r="X8382" s="19">
        <v>20</v>
      </c>
      <c r="Y8382" s="19"/>
      <c r="Z8382" s="19"/>
      <c r="AA8382" s="19"/>
    </row>
    <row r="8383" spans="1:27" s="1" customFormat="1" ht="14.1" customHeight="1" outlineLevel="1" x14ac:dyDescent="0.2">
      <c r="A8383" s="17"/>
      <c r="B8383" s="17"/>
      <c r="C8383" s="17"/>
      <c r="D8383" s="18"/>
      <c r="E8383" s="18"/>
      <c r="F8383" s="18"/>
      <c r="G8383" s="18"/>
      <c r="H8383" s="18"/>
      <c r="I8383" s="18"/>
      <c r="J8383" s="18"/>
      <c r="K8383" s="18"/>
      <c r="L8383" s="18"/>
      <c r="M8383" s="18"/>
      <c r="N8383" s="18"/>
      <c r="O8383" s="18"/>
      <c r="P8383" s="19"/>
      <c r="Q8383" s="19"/>
      <c r="R8383" s="19"/>
      <c r="S8383" s="19"/>
      <c r="T8383" s="19"/>
      <c r="U8383" s="19"/>
      <c r="V8383" s="19"/>
      <c r="W8383" s="19"/>
      <c r="X8383" s="19"/>
      <c r="Y8383" s="19"/>
      <c r="Z8383" s="19"/>
      <c r="AA8383" s="19"/>
    </row>
    <row r="8384" spans="1:27" s="1" customFormat="1" ht="14.1" customHeight="1" outlineLevel="1" x14ac:dyDescent="0.2">
      <c r="A8384" s="17">
        <v>14274</v>
      </c>
      <c r="B8384" s="17"/>
      <c r="C8384" s="17"/>
      <c r="D8384" s="18" t="s">
        <v>4151</v>
      </c>
      <c r="E8384" s="18"/>
      <c r="F8384" s="18"/>
      <c r="G8384" s="18"/>
      <c r="H8384" s="18"/>
      <c r="I8384" s="18"/>
      <c r="J8384" s="18"/>
      <c r="K8384" s="18"/>
      <c r="L8384" s="18"/>
      <c r="M8384" s="18"/>
      <c r="N8384" s="18"/>
      <c r="O8384" s="18"/>
      <c r="P8384" s="19">
        <v>65</v>
      </c>
      <c r="Q8384" s="19"/>
      <c r="R8384" s="19"/>
      <c r="S8384" s="19"/>
      <c r="T8384" s="19">
        <v>45</v>
      </c>
      <c r="U8384" s="19"/>
      <c r="V8384" s="19"/>
      <c r="W8384" s="19"/>
      <c r="X8384" s="19">
        <v>20</v>
      </c>
      <c r="Y8384" s="19"/>
      <c r="Z8384" s="19"/>
      <c r="AA8384" s="19"/>
    </row>
    <row r="8385" spans="1:27" s="1" customFormat="1" ht="14.1" customHeight="1" outlineLevel="1" x14ac:dyDescent="0.2">
      <c r="A8385" s="17"/>
      <c r="B8385" s="17"/>
      <c r="C8385" s="17"/>
      <c r="D8385" s="18"/>
      <c r="E8385" s="18"/>
      <c r="F8385" s="18"/>
      <c r="G8385" s="18"/>
      <c r="H8385" s="18"/>
      <c r="I8385" s="18"/>
      <c r="J8385" s="18"/>
      <c r="K8385" s="18"/>
      <c r="L8385" s="18"/>
      <c r="M8385" s="18"/>
      <c r="N8385" s="18"/>
      <c r="O8385" s="18"/>
      <c r="P8385" s="19"/>
      <c r="Q8385" s="19"/>
      <c r="R8385" s="19"/>
      <c r="S8385" s="19"/>
      <c r="T8385" s="19"/>
      <c r="U8385" s="19"/>
      <c r="V8385" s="19"/>
      <c r="W8385" s="19"/>
      <c r="X8385" s="19"/>
      <c r="Y8385" s="19"/>
      <c r="Z8385" s="19"/>
      <c r="AA8385" s="19"/>
    </row>
    <row r="8386" spans="1:27" s="1" customFormat="1" ht="14.1" customHeight="1" outlineLevel="1" x14ac:dyDescent="0.2">
      <c r="A8386" s="17">
        <v>13263</v>
      </c>
      <c r="B8386" s="17"/>
      <c r="C8386" s="17"/>
      <c r="D8386" s="18" t="s">
        <v>4152</v>
      </c>
      <c r="E8386" s="18"/>
      <c r="F8386" s="18"/>
      <c r="G8386" s="18"/>
      <c r="H8386" s="18"/>
      <c r="I8386" s="18"/>
      <c r="J8386" s="18"/>
      <c r="K8386" s="18"/>
      <c r="L8386" s="18"/>
      <c r="M8386" s="18"/>
      <c r="N8386" s="18"/>
      <c r="O8386" s="18"/>
      <c r="P8386" s="19">
        <v>65</v>
      </c>
      <c r="Q8386" s="19"/>
      <c r="R8386" s="19"/>
      <c r="S8386" s="19"/>
      <c r="T8386" s="19">
        <v>45</v>
      </c>
      <c r="U8386" s="19"/>
      <c r="V8386" s="19"/>
      <c r="W8386" s="19"/>
      <c r="X8386" s="19">
        <v>20</v>
      </c>
      <c r="Y8386" s="19"/>
      <c r="Z8386" s="19"/>
      <c r="AA8386" s="19"/>
    </row>
    <row r="8387" spans="1:27" s="1" customFormat="1" ht="14.1" customHeight="1" outlineLevel="1" x14ac:dyDescent="0.2">
      <c r="A8387" s="17"/>
      <c r="B8387" s="17"/>
      <c r="C8387" s="17"/>
      <c r="D8387" s="18"/>
      <c r="E8387" s="18"/>
      <c r="F8387" s="18"/>
      <c r="G8387" s="18"/>
      <c r="H8387" s="18"/>
      <c r="I8387" s="18"/>
      <c r="J8387" s="18"/>
      <c r="K8387" s="18"/>
      <c r="L8387" s="18"/>
      <c r="M8387" s="18"/>
      <c r="N8387" s="18"/>
      <c r="O8387" s="18"/>
      <c r="P8387" s="19"/>
      <c r="Q8387" s="19"/>
      <c r="R8387" s="19"/>
      <c r="S8387" s="19"/>
      <c r="T8387" s="19"/>
      <c r="U8387" s="19"/>
      <c r="V8387" s="19"/>
      <c r="W8387" s="19"/>
      <c r="X8387" s="19"/>
      <c r="Y8387" s="19"/>
      <c r="Z8387" s="19"/>
      <c r="AA8387" s="19"/>
    </row>
    <row r="8388" spans="1:27" s="1" customFormat="1" ht="14.1" customHeight="1" outlineLevel="1" x14ac:dyDescent="0.2">
      <c r="A8388" s="17">
        <v>17429</v>
      </c>
      <c r="B8388" s="17"/>
      <c r="C8388" s="17"/>
      <c r="D8388" s="18" t="s">
        <v>4153</v>
      </c>
      <c r="E8388" s="18"/>
      <c r="F8388" s="18"/>
      <c r="G8388" s="18"/>
      <c r="H8388" s="18"/>
      <c r="I8388" s="18"/>
      <c r="J8388" s="18"/>
      <c r="K8388" s="18"/>
      <c r="L8388" s="18"/>
      <c r="M8388" s="18"/>
      <c r="N8388" s="18"/>
      <c r="O8388" s="18"/>
      <c r="P8388" s="19">
        <v>140</v>
      </c>
      <c r="Q8388" s="19"/>
      <c r="R8388" s="19"/>
      <c r="S8388" s="19"/>
      <c r="T8388" s="19">
        <v>90</v>
      </c>
      <c r="U8388" s="19"/>
      <c r="V8388" s="19"/>
      <c r="W8388" s="19"/>
      <c r="X8388" s="19">
        <v>1</v>
      </c>
      <c r="Y8388" s="19"/>
      <c r="Z8388" s="19"/>
      <c r="AA8388" s="19"/>
    </row>
    <row r="8389" spans="1:27" s="1" customFormat="1" ht="14.1" customHeight="1" outlineLevel="1" x14ac:dyDescent="0.2">
      <c r="A8389" s="17"/>
      <c r="B8389" s="17"/>
      <c r="C8389" s="17"/>
      <c r="D8389" s="18"/>
      <c r="E8389" s="18"/>
      <c r="F8389" s="18"/>
      <c r="G8389" s="18"/>
      <c r="H8389" s="18"/>
      <c r="I8389" s="18"/>
      <c r="J8389" s="18"/>
      <c r="K8389" s="18"/>
      <c r="L8389" s="18"/>
      <c r="M8389" s="18"/>
      <c r="N8389" s="18"/>
      <c r="O8389" s="18"/>
      <c r="P8389" s="19"/>
      <c r="Q8389" s="19"/>
      <c r="R8389" s="19"/>
      <c r="S8389" s="19"/>
      <c r="T8389" s="19"/>
      <c r="U8389" s="19"/>
      <c r="V8389" s="19"/>
      <c r="W8389" s="19"/>
      <c r="X8389" s="19"/>
      <c r="Y8389" s="19"/>
      <c r="Z8389" s="19"/>
      <c r="AA8389" s="19"/>
    </row>
    <row r="8390" spans="1:27" s="1" customFormat="1" ht="14.1" customHeight="1" outlineLevel="1" x14ac:dyDescent="0.2">
      <c r="A8390" s="17">
        <v>14277</v>
      </c>
      <c r="B8390" s="17"/>
      <c r="C8390" s="17"/>
      <c r="D8390" s="18" t="s">
        <v>4154</v>
      </c>
      <c r="E8390" s="18"/>
      <c r="F8390" s="18"/>
      <c r="G8390" s="18"/>
      <c r="H8390" s="18"/>
      <c r="I8390" s="18"/>
      <c r="J8390" s="18"/>
      <c r="K8390" s="18"/>
      <c r="L8390" s="18"/>
      <c r="M8390" s="18"/>
      <c r="N8390" s="18"/>
      <c r="O8390" s="18"/>
      <c r="P8390" s="19">
        <v>65</v>
      </c>
      <c r="Q8390" s="19"/>
      <c r="R8390" s="19"/>
      <c r="S8390" s="19"/>
      <c r="T8390" s="19">
        <v>45</v>
      </c>
      <c r="U8390" s="19"/>
      <c r="V8390" s="19"/>
      <c r="W8390" s="19"/>
      <c r="X8390" s="19">
        <v>9</v>
      </c>
      <c r="Y8390" s="19"/>
      <c r="Z8390" s="19"/>
      <c r="AA8390" s="19"/>
    </row>
    <row r="8391" spans="1:27" s="1" customFormat="1" ht="14.1" customHeight="1" outlineLevel="1" x14ac:dyDescent="0.2">
      <c r="A8391" s="17"/>
      <c r="B8391" s="17"/>
      <c r="C8391" s="17"/>
      <c r="D8391" s="18"/>
      <c r="E8391" s="18"/>
      <c r="F8391" s="18"/>
      <c r="G8391" s="18"/>
      <c r="H8391" s="18"/>
      <c r="I8391" s="18"/>
      <c r="J8391" s="18"/>
      <c r="K8391" s="18"/>
      <c r="L8391" s="18"/>
      <c r="M8391" s="18"/>
      <c r="N8391" s="18"/>
      <c r="O8391" s="18"/>
      <c r="P8391" s="19"/>
      <c r="Q8391" s="19"/>
      <c r="R8391" s="19"/>
      <c r="S8391" s="19"/>
      <c r="T8391" s="19"/>
      <c r="U8391" s="19"/>
      <c r="V8391" s="19"/>
      <c r="W8391" s="19"/>
      <c r="X8391" s="19"/>
      <c r="Y8391" s="19"/>
      <c r="Z8391" s="19"/>
      <c r="AA8391" s="19"/>
    </row>
    <row r="8392" spans="1:27" s="1" customFormat="1" ht="14.1" customHeight="1" outlineLevel="1" x14ac:dyDescent="0.2">
      <c r="A8392" s="17">
        <v>14278</v>
      </c>
      <c r="B8392" s="17"/>
      <c r="C8392" s="17"/>
      <c r="D8392" s="18" t="s">
        <v>4155</v>
      </c>
      <c r="E8392" s="18"/>
      <c r="F8392" s="18"/>
      <c r="G8392" s="18"/>
      <c r="H8392" s="18"/>
      <c r="I8392" s="18"/>
      <c r="J8392" s="18"/>
      <c r="K8392" s="18"/>
      <c r="L8392" s="18"/>
      <c r="M8392" s="18"/>
      <c r="N8392" s="18"/>
      <c r="O8392" s="18"/>
      <c r="P8392" s="19">
        <v>65</v>
      </c>
      <c r="Q8392" s="19"/>
      <c r="R8392" s="19"/>
      <c r="S8392" s="19"/>
      <c r="T8392" s="19">
        <v>45</v>
      </c>
      <c r="U8392" s="19"/>
      <c r="V8392" s="19"/>
      <c r="W8392" s="19"/>
      <c r="X8392" s="19">
        <v>8</v>
      </c>
      <c r="Y8392" s="19"/>
      <c r="Z8392" s="19"/>
      <c r="AA8392" s="19"/>
    </row>
    <row r="8393" spans="1:27" s="1" customFormat="1" ht="14.1" customHeight="1" outlineLevel="1" x14ac:dyDescent="0.2">
      <c r="A8393" s="17"/>
      <c r="B8393" s="17"/>
      <c r="C8393" s="17"/>
      <c r="D8393" s="18"/>
      <c r="E8393" s="18"/>
      <c r="F8393" s="18"/>
      <c r="G8393" s="18"/>
      <c r="H8393" s="18"/>
      <c r="I8393" s="18"/>
      <c r="J8393" s="18"/>
      <c r="K8393" s="18"/>
      <c r="L8393" s="18"/>
      <c r="M8393" s="18"/>
      <c r="N8393" s="18"/>
      <c r="O8393" s="18"/>
      <c r="P8393" s="19"/>
      <c r="Q8393" s="19"/>
      <c r="R8393" s="19"/>
      <c r="S8393" s="19"/>
      <c r="T8393" s="19"/>
      <c r="U8393" s="19"/>
      <c r="V8393" s="19"/>
      <c r="W8393" s="19"/>
      <c r="X8393" s="19"/>
      <c r="Y8393" s="19"/>
      <c r="Z8393" s="19"/>
      <c r="AA8393" s="19"/>
    </row>
    <row r="8394" spans="1:27" s="1" customFormat="1" ht="14.1" customHeight="1" outlineLevel="1" x14ac:dyDescent="0.2">
      <c r="A8394" s="17">
        <v>14267</v>
      </c>
      <c r="B8394" s="17"/>
      <c r="C8394" s="17"/>
      <c r="D8394" s="18" t="s">
        <v>4156</v>
      </c>
      <c r="E8394" s="18"/>
      <c r="F8394" s="18"/>
      <c r="G8394" s="18"/>
      <c r="H8394" s="18"/>
      <c r="I8394" s="18"/>
      <c r="J8394" s="18"/>
      <c r="K8394" s="18"/>
      <c r="L8394" s="18"/>
      <c r="M8394" s="18"/>
      <c r="N8394" s="18"/>
      <c r="O8394" s="18"/>
      <c r="P8394" s="19">
        <v>65</v>
      </c>
      <c r="Q8394" s="19"/>
      <c r="R8394" s="19"/>
      <c r="S8394" s="19"/>
      <c r="T8394" s="19">
        <v>45</v>
      </c>
      <c r="U8394" s="19"/>
      <c r="V8394" s="19"/>
      <c r="W8394" s="19"/>
      <c r="X8394" s="19">
        <v>20</v>
      </c>
      <c r="Y8394" s="19"/>
      <c r="Z8394" s="19"/>
      <c r="AA8394" s="19"/>
    </row>
    <row r="8395" spans="1:27" s="1" customFormat="1" ht="14.1" customHeight="1" outlineLevel="1" x14ac:dyDescent="0.2">
      <c r="A8395" s="17"/>
      <c r="B8395" s="17"/>
      <c r="C8395" s="17"/>
      <c r="D8395" s="18"/>
      <c r="E8395" s="18"/>
      <c r="F8395" s="18"/>
      <c r="G8395" s="18"/>
      <c r="H8395" s="18"/>
      <c r="I8395" s="18"/>
      <c r="J8395" s="18"/>
      <c r="K8395" s="18"/>
      <c r="L8395" s="18"/>
      <c r="M8395" s="18"/>
      <c r="N8395" s="18"/>
      <c r="O8395" s="18"/>
      <c r="P8395" s="19"/>
      <c r="Q8395" s="19"/>
      <c r="R8395" s="19"/>
      <c r="S8395" s="19"/>
      <c r="T8395" s="19"/>
      <c r="U8395" s="19"/>
      <c r="V8395" s="19"/>
      <c r="W8395" s="19"/>
      <c r="X8395" s="19"/>
      <c r="Y8395" s="19"/>
      <c r="Z8395" s="19"/>
      <c r="AA8395" s="19"/>
    </row>
    <row r="8396" spans="1:27" s="1" customFormat="1" ht="14.1" customHeight="1" outlineLevel="1" x14ac:dyDescent="0.2">
      <c r="A8396" s="17">
        <v>9306</v>
      </c>
      <c r="B8396" s="17"/>
      <c r="C8396" s="17"/>
      <c r="D8396" s="18" t="s">
        <v>4157</v>
      </c>
      <c r="E8396" s="18"/>
      <c r="F8396" s="18"/>
      <c r="G8396" s="18"/>
      <c r="H8396" s="18"/>
      <c r="I8396" s="18"/>
      <c r="J8396" s="18"/>
      <c r="K8396" s="18"/>
      <c r="L8396" s="18"/>
      <c r="M8396" s="18"/>
      <c r="N8396" s="18"/>
      <c r="O8396" s="18"/>
      <c r="P8396" s="19">
        <v>160</v>
      </c>
      <c r="Q8396" s="19"/>
      <c r="R8396" s="19"/>
      <c r="S8396" s="19"/>
      <c r="T8396" s="19">
        <v>120</v>
      </c>
      <c r="U8396" s="19"/>
      <c r="V8396" s="19"/>
      <c r="W8396" s="19"/>
      <c r="X8396" s="19">
        <v>2</v>
      </c>
      <c r="Y8396" s="19"/>
      <c r="Z8396" s="19"/>
      <c r="AA8396" s="19"/>
    </row>
    <row r="8397" spans="1:27" s="1" customFormat="1" ht="14.1" customHeight="1" outlineLevel="1" x14ac:dyDescent="0.2">
      <c r="A8397" s="17"/>
      <c r="B8397" s="17"/>
      <c r="C8397" s="17"/>
      <c r="D8397" s="18"/>
      <c r="E8397" s="18"/>
      <c r="F8397" s="18"/>
      <c r="G8397" s="18"/>
      <c r="H8397" s="18"/>
      <c r="I8397" s="18"/>
      <c r="J8397" s="18"/>
      <c r="K8397" s="18"/>
      <c r="L8397" s="18"/>
      <c r="M8397" s="18"/>
      <c r="N8397" s="18"/>
      <c r="O8397" s="18"/>
      <c r="P8397" s="19"/>
      <c r="Q8397" s="19"/>
      <c r="R8397" s="19"/>
      <c r="S8397" s="19"/>
      <c r="T8397" s="19"/>
      <c r="U8397" s="19"/>
      <c r="V8397" s="19"/>
      <c r="W8397" s="19"/>
      <c r="X8397" s="19"/>
      <c r="Y8397" s="19"/>
      <c r="Z8397" s="19"/>
      <c r="AA8397" s="19"/>
    </row>
    <row r="8398" spans="1:27" s="1" customFormat="1" ht="14.1" customHeight="1" outlineLevel="1" x14ac:dyDescent="0.2">
      <c r="A8398" s="17">
        <v>14279</v>
      </c>
      <c r="B8398" s="17"/>
      <c r="C8398" s="17"/>
      <c r="D8398" s="18" t="s">
        <v>4158</v>
      </c>
      <c r="E8398" s="18"/>
      <c r="F8398" s="18"/>
      <c r="G8398" s="18"/>
      <c r="H8398" s="18"/>
      <c r="I8398" s="18"/>
      <c r="J8398" s="18"/>
      <c r="K8398" s="18"/>
      <c r="L8398" s="18"/>
      <c r="M8398" s="18"/>
      <c r="N8398" s="18"/>
      <c r="O8398" s="18"/>
      <c r="P8398" s="19">
        <v>65</v>
      </c>
      <c r="Q8398" s="19"/>
      <c r="R8398" s="19"/>
      <c r="S8398" s="19"/>
      <c r="T8398" s="19">
        <v>45</v>
      </c>
      <c r="U8398" s="19"/>
      <c r="V8398" s="19"/>
      <c r="W8398" s="19"/>
      <c r="X8398" s="19">
        <v>10</v>
      </c>
      <c r="Y8398" s="19"/>
      <c r="Z8398" s="19"/>
      <c r="AA8398" s="19"/>
    </row>
    <row r="8399" spans="1:27" s="1" customFormat="1" ht="14.1" customHeight="1" outlineLevel="1" x14ac:dyDescent="0.2">
      <c r="A8399" s="17"/>
      <c r="B8399" s="17"/>
      <c r="C8399" s="17"/>
      <c r="D8399" s="18"/>
      <c r="E8399" s="18"/>
      <c r="F8399" s="18"/>
      <c r="G8399" s="18"/>
      <c r="H8399" s="18"/>
      <c r="I8399" s="18"/>
      <c r="J8399" s="18"/>
      <c r="K8399" s="18"/>
      <c r="L8399" s="18"/>
      <c r="M8399" s="18"/>
      <c r="N8399" s="18"/>
      <c r="O8399" s="18"/>
      <c r="P8399" s="19"/>
      <c r="Q8399" s="19"/>
      <c r="R8399" s="19"/>
      <c r="S8399" s="19"/>
      <c r="T8399" s="19"/>
      <c r="U8399" s="19"/>
      <c r="V8399" s="19"/>
      <c r="W8399" s="19"/>
      <c r="X8399" s="19"/>
      <c r="Y8399" s="19"/>
      <c r="Z8399" s="19"/>
      <c r="AA8399" s="19"/>
    </row>
    <row r="8400" spans="1:27" s="1" customFormat="1" ht="14.1" customHeight="1" outlineLevel="1" x14ac:dyDescent="0.2">
      <c r="A8400" s="17">
        <v>14588</v>
      </c>
      <c r="B8400" s="17"/>
      <c r="C8400" s="17"/>
      <c r="D8400" s="18" t="s">
        <v>4159</v>
      </c>
      <c r="E8400" s="18"/>
      <c r="F8400" s="18"/>
      <c r="G8400" s="18"/>
      <c r="H8400" s="18"/>
      <c r="I8400" s="18"/>
      <c r="J8400" s="18"/>
      <c r="K8400" s="18"/>
      <c r="L8400" s="18"/>
      <c r="M8400" s="18"/>
      <c r="N8400" s="18"/>
      <c r="O8400" s="18"/>
      <c r="P8400" s="19">
        <v>75</v>
      </c>
      <c r="Q8400" s="19"/>
      <c r="R8400" s="19"/>
      <c r="S8400" s="19"/>
      <c r="T8400" s="19">
        <v>50</v>
      </c>
      <c r="U8400" s="19"/>
      <c r="V8400" s="19"/>
      <c r="W8400" s="19"/>
      <c r="X8400" s="19">
        <v>1</v>
      </c>
      <c r="Y8400" s="19"/>
      <c r="Z8400" s="19"/>
      <c r="AA8400" s="19"/>
    </row>
    <row r="8401" spans="1:27" s="1" customFormat="1" ht="14.1" customHeight="1" outlineLevel="1" x14ac:dyDescent="0.2">
      <c r="A8401" s="17"/>
      <c r="B8401" s="17"/>
      <c r="C8401" s="17"/>
      <c r="D8401" s="18"/>
      <c r="E8401" s="18"/>
      <c r="F8401" s="18"/>
      <c r="G8401" s="18"/>
      <c r="H8401" s="18"/>
      <c r="I8401" s="18"/>
      <c r="J8401" s="18"/>
      <c r="K8401" s="18"/>
      <c r="L8401" s="18"/>
      <c r="M8401" s="18"/>
      <c r="N8401" s="18"/>
      <c r="O8401" s="18"/>
      <c r="P8401" s="19"/>
      <c r="Q8401" s="19"/>
      <c r="R8401" s="19"/>
      <c r="S8401" s="19"/>
      <c r="T8401" s="19"/>
      <c r="U8401" s="19"/>
      <c r="V8401" s="19"/>
      <c r="W8401" s="19"/>
      <c r="X8401" s="19"/>
      <c r="Y8401" s="19"/>
      <c r="Z8401" s="19"/>
      <c r="AA8401" s="19"/>
    </row>
    <row r="8402" spans="1:27" s="1" customFormat="1" ht="14.1" customHeight="1" outlineLevel="1" x14ac:dyDescent="0.2">
      <c r="A8402" s="17">
        <v>13245</v>
      </c>
      <c r="B8402" s="17"/>
      <c r="C8402" s="17"/>
      <c r="D8402" s="18" t="s">
        <v>4160</v>
      </c>
      <c r="E8402" s="18"/>
      <c r="F8402" s="18"/>
      <c r="G8402" s="18"/>
      <c r="H8402" s="18"/>
      <c r="I8402" s="18"/>
      <c r="J8402" s="18"/>
      <c r="K8402" s="18"/>
      <c r="L8402" s="18"/>
      <c r="M8402" s="18"/>
      <c r="N8402" s="18"/>
      <c r="O8402" s="18"/>
      <c r="P8402" s="19">
        <v>65</v>
      </c>
      <c r="Q8402" s="19"/>
      <c r="R8402" s="19"/>
      <c r="S8402" s="19"/>
      <c r="T8402" s="19">
        <v>45</v>
      </c>
      <c r="U8402" s="19"/>
      <c r="V8402" s="19"/>
      <c r="W8402" s="19"/>
      <c r="X8402" s="19">
        <v>20</v>
      </c>
      <c r="Y8402" s="19"/>
      <c r="Z8402" s="19"/>
      <c r="AA8402" s="19"/>
    </row>
    <row r="8403" spans="1:27" s="1" customFormat="1" ht="14.1" customHeight="1" outlineLevel="1" x14ac:dyDescent="0.2">
      <c r="A8403" s="17"/>
      <c r="B8403" s="17"/>
      <c r="C8403" s="17"/>
      <c r="D8403" s="18"/>
      <c r="E8403" s="18"/>
      <c r="F8403" s="18"/>
      <c r="G8403" s="18"/>
      <c r="H8403" s="18"/>
      <c r="I8403" s="18"/>
      <c r="J8403" s="18"/>
      <c r="K8403" s="18"/>
      <c r="L8403" s="18"/>
      <c r="M8403" s="18"/>
      <c r="N8403" s="18"/>
      <c r="O8403" s="18"/>
      <c r="P8403" s="19"/>
      <c r="Q8403" s="19"/>
      <c r="R8403" s="19"/>
      <c r="S8403" s="19"/>
      <c r="T8403" s="19"/>
      <c r="U8403" s="19"/>
      <c r="V8403" s="19"/>
      <c r="W8403" s="19"/>
      <c r="X8403" s="19"/>
      <c r="Y8403" s="19"/>
      <c r="Z8403" s="19"/>
      <c r="AA8403" s="19"/>
    </row>
    <row r="8404" spans="1:27" s="1" customFormat="1" ht="14.1" customHeight="1" outlineLevel="1" x14ac:dyDescent="0.2">
      <c r="A8404" s="17">
        <v>14280</v>
      </c>
      <c r="B8404" s="17"/>
      <c r="C8404" s="17"/>
      <c r="D8404" s="18" t="s">
        <v>4161</v>
      </c>
      <c r="E8404" s="18"/>
      <c r="F8404" s="18"/>
      <c r="G8404" s="18"/>
      <c r="H8404" s="18"/>
      <c r="I8404" s="18"/>
      <c r="J8404" s="18"/>
      <c r="K8404" s="18"/>
      <c r="L8404" s="18"/>
      <c r="M8404" s="18"/>
      <c r="N8404" s="18"/>
      <c r="O8404" s="18"/>
      <c r="P8404" s="19">
        <v>65</v>
      </c>
      <c r="Q8404" s="19"/>
      <c r="R8404" s="19"/>
      <c r="S8404" s="19"/>
      <c r="T8404" s="19">
        <v>45</v>
      </c>
      <c r="U8404" s="19"/>
      <c r="V8404" s="19"/>
      <c r="W8404" s="19"/>
      <c r="X8404" s="19">
        <v>9</v>
      </c>
      <c r="Y8404" s="19"/>
      <c r="Z8404" s="19"/>
      <c r="AA8404" s="19"/>
    </row>
    <row r="8405" spans="1:27" s="1" customFormat="1" ht="14.1" customHeight="1" outlineLevel="1" x14ac:dyDescent="0.2">
      <c r="A8405" s="17"/>
      <c r="B8405" s="17"/>
      <c r="C8405" s="17"/>
      <c r="D8405" s="18"/>
      <c r="E8405" s="18"/>
      <c r="F8405" s="18"/>
      <c r="G8405" s="18"/>
      <c r="H8405" s="18"/>
      <c r="I8405" s="18"/>
      <c r="J8405" s="18"/>
      <c r="K8405" s="18"/>
      <c r="L8405" s="18"/>
      <c r="M8405" s="18"/>
      <c r="N8405" s="18"/>
      <c r="O8405" s="18"/>
      <c r="P8405" s="19"/>
      <c r="Q8405" s="19"/>
      <c r="R8405" s="19"/>
      <c r="S8405" s="19"/>
      <c r="T8405" s="19"/>
      <c r="U8405" s="19"/>
      <c r="V8405" s="19"/>
      <c r="W8405" s="19"/>
      <c r="X8405" s="19"/>
      <c r="Y8405" s="19"/>
      <c r="Z8405" s="19"/>
      <c r="AA8405" s="19"/>
    </row>
    <row r="8406" spans="1:27" s="1" customFormat="1" ht="14.1" customHeight="1" outlineLevel="1" x14ac:dyDescent="0.2">
      <c r="A8406" s="17">
        <v>14281</v>
      </c>
      <c r="B8406" s="17"/>
      <c r="C8406" s="17"/>
      <c r="D8406" s="18" t="s">
        <v>4162</v>
      </c>
      <c r="E8406" s="18"/>
      <c r="F8406" s="18"/>
      <c r="G8406" s="18"/>
      <c r="H8406" s="18"/>
      <c r="I8406" s="18"/>
      <c r="J8406" s="18"/>
      <c r="K8406" s="18"/>
      <c r="L8406" s="18"/>
      <c r="M8406" s="18"/>
      <c r="N8406" s="18"/>
      <c r="O8406" s="18"/>
      <c r="P8406" s="19">
        <v>65</v>
      </c>
      <c r="Q8406" s="19"/>
      <c r="R8406" s="19"/>
      <c r="S8406" s="19"/>
      <c r="T8406" s="19">
        <v>45</v>
      </c>
      <c r="U8406" s="19"/>
      <c r="V8406" s="19"/>
      <c r="W8406" s="19"/>
      <c r="X8406" s="19">
        <v>22</v>
      </c>
      <c r="Y8406" s="19"/>
      <c r="Z8406" s="19"/>
      <c r="AA8406" s="19"/>
    </row>
    <row r="8407" spans="1:27" s="1" customFormat="1" ht="14.1" customHeight="1" outlineLevel="1" x14ac:dyDescent="0.2">
      <c r="A8407" s="17"/>
      <c r="B8407" s="17"/>
      <c r="C8407" s="17"/>
      <c r="D8407" s="18"/>
      <c r="E8407" s="18"/>
      <c r="F8407" s="18"/>
      <c r="G8407" s="18"/>
      <c r="H8407" s="18"/>
      <c r="I8407" s="18"/>
      <c r="J8407" s="18"/>
      <c r="K8407" s="18"/>
      <c r="L8407" s="18"/>
      <c r="M8407" s="18"/>
      <c r="N8407" s="18"/>
      <c r="O8407" s="18"/>
      <c r="P8407" s="19"/>
      <c r="Q8407" s="19"/>
      <c r="R8407" s="19"/>
      <c r="S8407" s="19"/>
      <c r="T8407" s="19"/>
      <c r="U8407" s="19"/>
      <c r="V8407" s="19"/>
      <c r="W8407" s="19"/>
      <c r="X8407" s="19"/>
      <c r="Y8407" s="19"/>
      <c r="Z8407" s="19"/>
      <c r="AA8407" s="19"/>
    </row>
    <row r="8408" spans="1:27" s="1" customFormat="1" ht="14.1" customHeight="1" outlineLevel="1" x14ac:dyDescent="0.2">
      <c r="A8408" s="17">
        <v>13915</v>
      </c>
      <c r="B8408" s="17"/>
      <c r="C8408" s="17"/>
      <c r="D8408" s="18" t="s">
        <v>4163</v>
      </c>
      <c r="E8408" s="18"/>
      <c r="F8408" s="18"/>
      <c r="G8408" s="18"/>
      <c r="H8408" s="18"/>
      <c r="I8408" s="18"/>
      <c r="J8408" s="18"/>
      <c r="K8408" s="18"/>
      <c r="L8408" s="18"/>
      <c r="M8408" s="18"/>
      <c r="N8408" s="18"/>
      <c r="O8408" s="18"/>
      <c r="P8408" s="19">
        <v>75</v>
      </c>
      <c r="Q8408" s="19"/>
      <c r="R8408" s="19"/>
      <c r="S8408" s="19"/>
      <c r="T8408" s="19">
        <v>50</v>
      </c>
      <c r="U8408" s="19"/>
      <c r="V8408" s="19"/>
      <c r="W8408" s="19"/>
      <c r="X8408" s="19">
        <v>19</v>
      </c>
      <c r="Y8408" s="19"/>
      <c r="Z8408" s="19"/>
      <c r="AA8408" s="19"/>
    </row>
    <row r="8409" spans="1:27" s="1" customFormat="1" ht="14.1" customHeight="1" outlineLevel="1" x14ac:dyDescent="0.2">
      <c r="A8409" s="17"/>
      <c r="B8409" s="17"/>
      <c r="C8409" s="17"/>
      <c r="D8409" s="18"/>
      <c r="E8409" s="18"/>
      <c r="F8409" s="18"/>
      <c r="G8409" s="18"/>
      <c r="H8409" s="18"/>
      <c r="I8409" s="18"/>
      <c r="J8409" s="18"/>
      <c r="K8409" s="18"/>
      <c r="L8409" s="18"/>
      <c r="M8409" s="18"/>
      <c r="N8409" s="18"/>
      <c r="O8409" s="18"/>
      <c r="P8409" s="19"/>
      <c r="Q8409" s="19"/>
      <c r="R8409" s="19"/>
      <c r="S8409" s="19"/>
      <c r="T8409" s="19"/>
      <c r="U8409" s="19"/>
      <c r="V8409" s="19"/>
      <c r="W8409" s="19"/>
      <c r="X8409" s="19"/>
      <c r="Y8409" s="19"/>
      <c r="Z8409" s="19"/>
      <c r="AA8409" s="19"/>
    </row>
    <row r="8410" spans="1:27" s="1" customFormat="1" ht="14.1" customHeight="1" outlineLevel="1" x14ac:dyDescent="0.2">
      <c r="A8410" s="17">
        <v>13536</v>
      </c>
      <c r="B8410" s="17"/>
      <c r="C8410" s="17"/>
      <c r="D8410" s="18" t="s">
        <v>4164</v>
      </c>
      <c r="E8410" s="18"/>
      <c r="F8410" s="18"/>
      <c r="G8410" s="18"/>
      <c r="H8410" s="18"/>
      <c r="I8410" s="18"/>
      <c r="J8410" s="18"/>
      <c r="K8410" s="18"/>
      <c r="L8410" s="18"/>
      <c r="M8410" s="18"/>
      <c r="N8410" s="18"/>
      <c r="O8410" s="18"/>
      <c r="P8410" s="19">
        <v>65</v>
      </c>
      <c r="Q8410" s="19"/>
      <c r="R8410" s="19"/>
      <c r="S8410" s="19"/>
      <c r="T8410" s="19">
        <v>45</v>
      </c>
      <c r="U8410" s="19"/>
      <c r="V8410" s="19"/>
      <c r="W8410" s="19"/>
      <c r="X8410" s="19">
        <v>17</v>
      </c>
      <c r="Y8410" s="19"/>
      <c r="Z8410" s="19"/>
      <c r="AA8410" s="19"/>
    </row>
    <row r="8411" spans="1:27" s="1" customFormat="1" ht="14.1" customHeight="1" outlineLevel="1" x14ac:dyDescent="0.2">
      <c r="A8411" s="17"/>
      <c r="B8411" s="17"/>
      <c r="C8411" s="17"/>
      <c r="D8411" s="18"/>
      <c r="E8411" s="18"/>
      <c r="F8411" s="18"/>
      <c r="G8411" s="18"/>
      <c r="H8411" s="18"/>
      <c r="I8411" s="18"/>
      <c r="J8411" s="18"/>
      <c r="K8411" s="18"/>
      <c r="L8411" s="18"/>
      <c r="M8411" s="18"/>
      <c r="N8411" s="18"/>
      <c r="O8411" s="18"/>
      <c r="P8411" s="19"/>
      <c r="Q8411" s="19"/>
      <c r="R8411" s="19"/>
      <c r="S8411" s="19"/>
      <c r="T8411" s="19"/>
      <c r="U8411" s="19"/>
      <c r="V8411" s="19"/>
      <c r="W8411" s="19"/>
      <c r="X8411" s="19"/>
      <c r="Y8411" s="19"/>
      <c r="Z8411" s="19"/>
      <c r="AA8411" s="19"/>
    </row>
    <row r="8412" spans="1:27" s="1" customFormat="1" ht="14.1" customHeight="1" outlineLevel="1" x14ac:dyDescent="0.2">
      <c r="A8412" s="17">
        <v>16827</v>
      </c>
      <c r="B8412" s="17"/>
      <c r="C8412" s="17"/>
      <c r="D8412" s="18" t="s">
        <v>4165</v>
      </c>
      <c r="E8412" s="18"/>
      <c r="F8412" s="18"/>
      <c r="G8412" s="18"/>
      <c r="H8412" s="18"/>
      <c r="I8412" s="18"/>
      <c r="J8412" s="18"/>
      <c r="K8412" s="18"/>
      <c r="L8412" s="18"/>
      <c r="M8412" s="18"/>
      <c r="N8412" s="18"/>
      <c r="O8412" s="18"/>
      <c r="P8412" s="19">
        <v>190</v>
      </c>
      <c r="Q8412" s="19"/>
      <c r="R8412" s="19"/>
      <c r="S8412" s="19"/>
      <c r="T8412" s="19">
        <v>100</v>
      </c>
      <c r="U8412" s="19"/>
      <c r="V8412" s="19"/>
      <c r="W8412" s="19"/>
      <c r="X8412" s="19">
        <v>1</v>
      </c>
      <c r="Y8412" s="19"/>
      <c r="Z8412" s="19"/>
      <c r="AA8412" s="19"/>
    </row>
    <row r="8413" spans="1:27" s="1" customFormat="1" ht="14.1" customHeight="1" outlineLevel="1" x14ac:dyDescent="0.2">
      <c r="A8413" s="17"/>
      <c r="B8413" s="17"/>
      <c r="C8413" s="17"/>
      <c r="D8413" s="18"/>
      <c r="E8413" s="18"/>
      <c r="F8413" s="18"/>
      <c r="G8413" s="18"/>
      <c r="H8413" s="18"/>
      <c r="I8413" s="18"/>
      <c r="J8413" s="18"/>
      <c r="K8413" s="18"/>
      <c r="L8413" s="18"/>
      <c r="M8413" s="18"/>
      <c r="N8413" s="18"/>
      <c r="O8413" s="18"/>
      <c r="P8413" s="19"/>
      <c r="Q8413" s="19"/>
      <c r="R8413" s="19"/>
      <c r="S8413" s="19"/>
      <c r="T8413" s="19"/>
      <c r="U8413" s="19"/>
      <c r="V8413" s="19"/>
      <c r="W8413" s="19"/>
      <c r="X8413" s="19"/>
      <c r="Y8413" s="19"/>
      <c r="Z8413" s="19"/>
      <c r="AA8413" s="19"/>
    </row>
    <row r="8414" spans="1:27" s="1" customFormat="1" ht="14.1" customHeight="1" outlineLevel="1" x14ac:dyDescent="0.2">
      <c r="A8414" s="17">
        <v>14282</v>
      </c>
      <c r="B8414" s="17"/>
      <c r="C8414" s="17"/>
      <c r="D8414" s="18" t="s">
        <v>4166</v>
      </c>
      <c r="E8414" s="18"/>
      <c r="F8414" s="18"/>
      <c r="G8414" s="18"/>
      <c r="H8414" s="18"/>
      <c r="I8414" s="18"/>
      <c r="J8414" s="18"/>
      <c r="K8414" s="18"/>
      <c r="L8414" s="18"/>
      <c r="M8414" s="18"/>
      <c r="N8414" s="18"/>
      <c r="O8414" s="18"/>
      <c r="P8414" s="19">
        <v>65</v>
      </c>
      <c r="Q8414" s="19"/>
      <c r="R8414" s="19"/>
      <c r="S8414" s="19"/>
      <c r="T8414" s="19">
        <v>45</v>
      </c>
      <c r="U8414" s="19"/>
      <c r="V8414" s="19"/>
      <c r="W8414" s="19"/>
      <c r="X8414" s="19">
        <v>20</v>
      </c>
      <c r="Y8414" s="19"/>
      <c r="Z8414" s="19"/>
      <c r="AA8414" s="19"/>
    </row>
    <row r="8415" spans="1:27" s="1" customFormat="1" ht="14.1" customHeight="1" outlineLevel="1" x14ac:dyDescent="0.2">
      <c r="A8415" s="17"/>
      <c r="B8415" s="17"/>
      <c r="C8415" s="17"/>
      <c r="D8415" s="18"/>
      <c r="E8415" s="18"/>
      <c r="F8415" s="18"/>
      <c r="G8415" s="18"/>
      <c r="H8415" s="18"/>
      <c r="I8415" s="18"/>
      <c r="J8415" s="18"/>
      <c r="K8415" s="18"/>
      <c r="L8415" s="18"/>
      <c r="M8415" s="18"/>
      <c r="N8415" s="18"/>
      <c r="O8415" s="18"/>
      <c r="P8415" s="19"/>
      <c r="Q8415" s="19"/>
      <c r="R8415" s="19"/>
      <c r="S8415" s="19"/>
      <c r="T8415" s="19"/>
      <c r="U8415" s="19"/>
      <c r="V8415" s="19"/>
      <c r="W8415" s="19"/>
      <c r="X8415" s="19"/>
      <c r="Y8415" s="19"/>
      <c r="Z8415" s="19"/>
      <c r="AA8415" s="19"/>
    </row>
    <row r="8416" spans="1:27" s="1" customFormat="1" ht="14.1" customHeight="1" outlineLevel="1" x14ac:dyDescent="0.2">
      <c r="A8416" s="17">
        <v>16258</v>
      </c>
      <c r="B8416" s="17"/>
      <c r="C8416" s="17"/>
      <c r="D8416" s="18" t="s">
        <v>4167</v>
      </c>
      <c r="E8416" s="18"/>
      <c r="F8416" s="18"/>
      <c r="G8416" s="18"/>
      <c r="H8416" s="18"/>
      <c r="I8416" s="18"/>
      <c r="J8416" s="18"/>
      <c r="K8416" s="18"/>
      <c r="L8416" s="18"/>
      <c r="M8416" s="18"/>
      <c r="N8416" s="18"/>
      <c r="O8416" s="18"/>
      <c r="P8416" s="19">
        <v>150</v>
      </c>
      <c r="Q8416" s="19"/>
      <c r="R8416" s="19"/>
      <c r="S8416" s="19"/>
      <c r="T8416" s="19">
        <v>100</v>
      </c>
      <c r="U8416" s="19"/>
      <c r="V8416" s="19"/>
      <c r="W8416" s="19"/>
      <c r="X8416" s="19">
        <v>1</v>
      </c>
      <c r="Y8416" s="19"/>
      <c r="Z8416" s="19"/>
      <c r="AA8416" s="19"/>
    </row>
    <row r="8417" spans="1:27" s="1" customFormat="1" ht="14.1" customHeight="1" outlineLevel="1" x14ac:dyDescent="0.2">
      <c r="A8417" s="17"/>
      <c r="B8417" s="17"/>
      <c r="C8417" s="17"/>
      <c r="D8417" s="18"/>
      <c r="E8417" s="18"/>
      <c r="F8417" s="18"/>
      <c r="G8417" s="18"/>
      <c r="H8417" s="18"/>
      <c r="I8417" s="18"/>
      <c r="J8417" s="18"/>
      <c r="K8417" s="18"/>
      <c r="L8417" s="18"/>
      <c r="M8417" s="18"/>
      <c r="N8417" s="18"/>
      <c r="O8417" s="18"/>
      <c r="P8417" s="19"/>
      <c r="Q8417" s="19"/>
      <c r="R8417" s="19"/>
      <c r="S8417" s="19"/>
      <c r="T8417" s="19"/>
      <c r="U8417" s="19"/>
      <c r="V8417" s="19"/>
      <c r="W8417" s="19"/>
      <c r="X8417" s="19"/>
      <c r="Y8417" s="19"/>
      <c r="Z8417" s="19"/>
      <c r="AA8417" s="19"/>
    </row>
    <row r="8418" spans="1:27" s="1" customFormat="1" ht="14.1" customHeight="1" outlineLevel="1" x14ac:dyDescent="0.2">
      <c r="A8418" s="17">
        <v>13247</v>
      </c>
      <c r="B8418" s="17"/>
      <c r="C8418" s="17"/>
      <c r="D8418" s="18" t="s">
        <v>4168</v>
      </c>
      <c r="E8418" s="18"/>
      <c r="F8418" s="18"/>
      <c r="G8418" s="18"/>
      <c r="H8418" s="18"/>
      <c r="I8418" s="18"/>
      <c r="J8418" s="18"/>
      <c r="K8418" s="18"/>
      <c r="L8418" s="18"/>
      <c r="M8418" s="18"/>
      <c r="N8418" s="18"/>
      <c r="O8418" s="18"/>
      <c r="P8418" s="19">
        <v>85</v>
      </c>
      <c r="Q8418" s="19"/>
      <c r="R8418" s="19"/>
      <c r="S8418" s="19"/>
      <c r="T8418" s="19">
        <v>55</v>
      </c>
      <c r="U8418" s="19"/>
      <c r="V8418" s="19"/>
      <c r="W8418" s="19"/>
      <c r="X8418" s="19">
        <v>40</v>
      </c>
      <c r="Y8418" s="19"/>
      <c r="Z8418" s="19"/>
      <c r="AA8418" s="19"/>
    </row>
    <row r="8419" spans="1:27" s="1" customFormat="1" ht="14.1" customHeight="1" outlineLevel="1" x14ac:dyDescent="0.2">
      <c r="A8419" s="17"/>
      <c r="B8419" s="17"/>
      <c r="C8419" s="17"/>
      <c r="D8419" s="18"/>
      <c r="E8419" s="18"/>
      <c r="F8419" s="18"/>
      <c r="G8419" s="18"/>
      <c r="H8419" s="18"/>
      <c r="I8419" s="18"/>
      <c r="J8419" s="18"/>
      <c r="K8419" s="18"/>
      <c r="L8419" s="18"/>
      <c r="M8419" s="18"/>
      <c r="N8419" s="18"/>
      <c r="O8419" s="18"/>
      <c r="P8419" s="19"/>
      <c r="Q8419" s="19"/>
      <c r="R8419" s="19"/>
      <c r="S8419" s="19"/>
      <c r="T8419" s="19"/>
      <c r="U8419" s="19"/>
      <c r="V8419" s="19"/>
      <c r="W8419" s="19"/>
      <c r="X8419" s="19"/>
      <c r="Y8419" s="19"/>
      <c r="Z8419" s="19"/>
      <c r="AA8419" s="19"/>
    </row>
    <row r="8420" spans="1:27" s="1" customFormat="1" ht="11.1" customHeight="1" outlineLevel="1" x14ac:dyDescent="0.2">
      <c r="A8420" s="17">
        <v>15096</v>
      </c>
      <c r="B8420" s="17"/>
      <c r="C8420" s="17"/>
      <c r="D8420" s="18" t="s">
        <v>4169</v>
      </c>
      <c r="E8420" s="18"/>
      <c r="F8420" s="18"/>
      <c r="G8420" s="18"/>
      <c r="H8420" s="18"/>
      <c r="I8420" s="18"/>
      <c r="J8420" s="18"/>
      <c r="K8420" s="18"/>
      <c r="L8420" s="18"/>
      <c r="M8420" s="18"/>
      <c r="N8420" s="18"/>
      <c r="O8420" s="18"/>
      <c r="P8420" s="19">
        <v>140</v>
      </c>
      <c r="Q8420" s="19"/>
      <c r="R8420" s="19"/>
      <c r="S8420" s="19"/>
      <c r="T8420" s="19">
        <v>100</v>
      </c>
      <c r="U8420" s="19"/>
      <c r="V8420" s="19"/>
      <c r="W8420" s="19"/>
      <c r="X8420" s="19">
        <v>5</v>
      </c>
      <c r="Y8420" s="19"/>
      <c r="Z8420" s="19"/>
      <c r="AA8420" s="19"/>
    </row>
    <row r="8421" spans="1:27" s="1" customFormat="1" ht="11.1" customHeight="1" outlineLevel="1" x14ac:dyDescent="0.2">
      <c r="A8421" s="17"/>
      <c r="B8421" s="17"/>
      <c r="C8421" s="17"/>
      <c r="D8421" s="18"/>
      <c r="E8421" s="18"/>
      <c r="F8421" s="18"/>
      <c r="G8421" s="18"/>
      <c r="H8421" s="18"/>
      <c r="I8421" s="18"/>
      <c r="J8421" s="18"/>
      <c r="K8421" s="18"/>
      <c r="L8421" s="18"/>
      <c r="M8421" s="18"/>
      <c r="N8421" s="18"/>
      <c r="O8421" s="18"/>
      <c r="P8421" s="19"/>
      <c r="Q8421" s="19"/>
      <c r="R8421" s="19"/>
      <c r="S8421" s="19"/>
      <c r="T8421" s="19"/>
      <c r="U8421" s="19"/>
      <c r="V8421" s="19"/>
      <c r="W8421" s="19"/>
      <c r="X8421" s="19"/>
      <c r="Y8421" s="19"/>
      <c r="Z8421" s="19"/>
      <c r="AA8421" s="19"/>
    </row>
    <row r="8422" spans="1:27" s="1" customFormat="1" ht="14.1" customHeight="1" outlineLevel="1" x14ac:dyDescent="0.2">
      <c r="A8422" s="17">
        <v>16931</v>
      </c>
      <c r="B8422" s="17"/>
      <c r="C8422" s="17"/>
      <c r="D8422" s="18" t="s">
        <v>4170</v>
      </c>
      <c r="E8422" s="18"/>
      <c r="F8422" s="18"/>
      <c r="G8422" s="18"/>
      <c r="H8422" s="18"/>
      <c r="I8422" s="18"/>
      <c r="J8422" s="18"/>
      <c r="K8422" s="18"/>
      <c r="L8422" s="18"/>
      <c r="M8422" s="18"/>
      <c r="N8422" s="18"/>
      <c r="O8422" s="18"/>
      <c r="P8422" s="19">
        <v>300</v>
      </c>
      <c r="Q8422" s="19"/>
      <c r="R8422" s="19"/>
      <c r="S8422" s="19"/>
      <c r="T8422" s="19">
        <v>200</v>
      </c>
      <c r="U8422" s="19"/>
      <c r="V8422" s="19"/>
      <c r="W8422" s="19"/>
      <c r="X8422" s="19">
        <v>5</v>
      </c>
      <c r="Y8422" s="19"/>
      <c r="Z8422" s="19"/>
      <c r="AA8422" s="19"/>
    </row>
    <row r="8423" spans="1:27" s="1" customFormat="1" ht="14.1" customHeight="1" outlineLevel="1" x14ac:dyDescent="0.2">
      <c r="A8423" s="17"/>
      <c r="B8423" s="17"/>
      <c r="C8423" s="17"/>
      <c r="D8423" s="18"/>
      <c r="E8423" s="18"/>
      <c r="F8423" s="18"/>
      <c r="G8423" s="18"/>
      <c r="H8423" s="18"/>
      <c r="I8423" s="18"/>
      <c r="J8423" s="18"/>
      <c r="K8423" s="18"/>
      <c r="L8423" s="18"/>
      <c r="M8423" s="18"/>
      <c r="N8423" s="18"/>
      <c r="O8423" s="18"/>
      <c r="P8423" s="19"/>
      <c r="Q8423" s="19"/>
      <c r="R8423" s="19"/>
      <c r="S8423" s="19"/>
      <c r="T8423" s="19"/>
      <c r="U8423" s="19"/>
      <c r="V8423" s="19"/>
      <c r="W8423" s="19"/>
      <c r="X8423" s="19"/>
      <c r="Y8423" s="19"/>
      <c r="Z8423" s="19"/>
      <c r="AA8423" s="19"/>
    </row>
    <row r="8424" spans="1:27" s="1" customFormat="1" ht="11.1" customHeight="1" outlineLevel="1" x14ac:dyDescent="0.2">
      <c r="A8424" s="17">
        <v>10117</v>
      </c>
      <c r="B8424" s="17"/>
      <c r="C8424" s="17"/>
      <c r="D8424" s="18" t="s">
        <v>4171</v>
      </c>
      <c r="E8424" s="18"/>
      <c r="F8424" s="18"/>
      <c r="G8424" s="18"/>
      <c r="H8424" s="18"/>
      <c r="I8424" s="18"/>
      <c r="J8424" s="18"/>
      <c r="K8424" s="18"/>
      <c r="L8424" s="18"/>
      <c r="M8424" s="18"/>
      <c r="N8424" s="18"/>
      <c r="O8424" s="18"/>
      <c r="P8424" s="19">
        <v>200</v>
      </c>
      <c r="Q8424" s="19"/>
      <c r="R8424" s="19"/>
      <c r="S8424" s="19"/>
      <c r="T8424" s="19">
        <v>200</v>
      </c>
      <c r="U8424" s="19"/>
      <c r="V8424" s="19"/>
      <c r="W8424" s="19"/>
      <c r="X8424" s="19">
        <v>2</v>
      </c>
      <c r="Y8424" s="19"/>
      <c r="Z8424" s="19"/>
      <c r="AA8424" s="19"/>
    </row>
    <row r="8425" spans="1:27" s="1" customFormat="1" ht="11.1" customHeight="1" outlineLevel="1" x14ac:dyDescent="0.2">
      <c r="A8425" s="17"/>
      <c r="B8425" s="17"/>
      <c r="C8425" s="17"/>
      <c r="D8425" s="18"/>
      <c r="E8425" s="18"/>
      <c r="F8425" s="18"/>
      <c r="G8425" s="18"/>
      <c r="H8425" s="18"/>
      <c r="I8425" s="18"/>
      <c r="J8425" s="18"/>
      <c r="K8425" s="18"/>
      <c r="L8425" s="18"/>
      <c r="M8425" s="18"/>
      <c r="N8425" s="18"/>
      <c r="O8425" s="18"/>
      <c r="P8425" s="19"/>
      <c r="Q8425" s="19"/>
      <c r="R8425" s="19"/>
      <c r="S8425" s="19"/>
      <c r="T8425" s="19"/>
      <c r="U8425" s="19"/>
      <c r="V8425" s="19"/>
      <c r="W8425" s="19"/>
      <c r="X8425" s="19"/>
      <c r="Y8425" s="19"/>
      <c r="Z8425" s="19"/>
      <c r="AA8425" s="19"/>
    </row>
    <row r="8426" spans="1:27" s="1" customFormat="1" ht="14.1" customHeight="1" outlineLevel="1" x14ac:dyDescent="0.2">
      <c r="A8426" s="17">
        <v>17398</v>
      </c>
      <c r="B8426" s="17"/>
      <c r="C8426" s="17"/>
      <c r="D8426" s="18" t="s">
        <v>4172</v>
      </c>
      <c r="E8426" s="18"/>
      <c r="F8426" s="18"/>
      <c r="G8426" s="18"/>
      <c r="H8426" s="18"/>
      <c r="I8426" s="18"/>
      <c r="J8426" s="18"/>
      <c r="K8426" s="18"/>
      <c r="L8426" s="18"/>
      <c r="M8426" s="18"/>
      <c r="N8426" s="18"/>
      <c r="O8426" s="18"/>
      <c r="P8426" s="19">
        <v>350</v>
      </c>
      <c r="Q8426" s="19"/>
      <c r="R8426" s="19"/>
      <c r="S8426" s="19"/>
      <c r="T8426" s="19">
        <v>250</v>
      </c>
      <c r="U8426" s="19"/>
      <c r="V8426" s="19"/>
      <c r="W8426" s="19"/>
      <c r="X8426" s="19">
        <v>1</v>
      </c>
      <c r="Y8426" s="19"/>
      <c r="Z8426" s="19"/>
      <c r="AA8426" s="19"/>
    </row>
    <row r="8427" spans="1:27" s="1" customFormat="1" ht="14.1" customHeight="1" outlineLevel="1" x14ac:dyDescent="0.2">
      <c r="A8427" s="17"/>
      <c r="B8427" s="17"/>
      <c r="C8427" s="17"/>
      <c r="D8427" s="18"/>
      <c r="E8427" s="18"/>
      <c r="F8427" s="18"/>
      <c r="G8427" s="18"/>
      <c r="H8427" s="18"/>
      <c r="I8427" s="18"/>
      <c r="J8427" s="18"/>
      <c r="K8427" s="18"/>
      <c r="L8427" s="18"/>
      <c r="M8427" s="18"/>
      <c r="N8427" s="18"/>
      <c r="O8427" s="18"/>
      <c r="P8427" s="19"/>
      <c r="Q8427" s="19"/>
      <c r="R8427" s="19"/>
      <c r="S8427" s="19"/>
      <c r="T8427" s="19"/>
      <c r="U8427" s="19"/>
      <c r="V8427" s="19"/>
      <c r="W8427" s="19"/>
      <c r="X8427" s="19"/>
      <c r="Y8427" s="19"/>
      <c r="Z8427" s="19"/>
      <c r="AA8427" s="19"/>
    </row>
    <row r="8428" spans="1:27" s="1" customFormat="1" ht="14.1" customHeight="1" outlineLevel="1" x14ac:dyDescent="0.2">
      <c r="A8428" s="17">
        <v>16819</v>
      </c>
      <c r="B8428" s="17"/>
      <c r="C8428" s="17"/>
      <c r="D8428" s="18" t="s">
        <v>4173</v>
      </c>
      <c r="E8428" s="18"/>
      <c r="F8428" s="18"/>
      <c r="G8428" s="18"/>
      <c r="H8428" s="18"/>
      <c r="I8428" s="18"/>
      <c r="J8428" s="18"/>
      <c r="K8428" s="18"/>
      <c r="L8428" s="18"/>
      <c r="M8428" s="18"/>
      <c r="N8428" s="18"/>
      <c r="O8428" s="18"/>
      <c r="P8428" s="19">
        <v>450</v>
      </c>
      <c r="Q8428" s="19"/>
      <c r="R8428" s="19"/>
      <c r="S8428" s="19"/>
      <c r="T8428" s="19">
        <v>300</v>
      </c>
      <c r="U8428" s="19"/>
      <c r="V8428" s="19"/>
      <c r="W8428" s="19"/>
      <c r="X8428" s="19">
        <v>1</v>
      </c>
      <c r="Y8428" s="19"/>
      <c r="Z8428" s="19"/>
      <c r="AA8428" s="19"/>
    </row>
    <row r="8429" spans="1:27" s="1" customFormat="1" ht="14.1" customHeight="1" outlineLevel="1" x14ac:dyDescent="0.2">
      <c r="A8429" s="17"/>
      <c r="B8429" s="17"/>
      <c r="C8429" s="17"/>
      <c r="D8429" s="18"/>
      <c r="E8429" s="18"/>
      <c r="F8429" s="18"/>
      <c r="G8429" s="18"/>
      <c r="H8429" s="18"/>
      <c r="I8429" s="18"/>
      <c r="J8429" s="18"/>
      <c r="K8429" s="18"/>
      <c r="L8429" s="18"/>
      <c r="M8429" s="18"/>
      <c r="N8429" s="18"/>
      <c r="O8429" s="18"/>
      <c r="P8429" s="19"/>
      <c r="Q8429" s="19"/>
      <c r="R8429" s="19"/>
      <c r="S8429" s="19"/>
      <c r="T8429" s="19"/>
      <c r="U8429" s="19"/>
      <c r="V8429" s="19"/>
      <c r="W8429" s="19"/>
      <c r="X8429" s="19"/>
      <c r="Y8429" s="19"/>
      <c r="Z8429" s="19"/>
      <c r="AA8429" s="19"/>
    </row>
    <row r="8430" spans="1:27" s="1" customFormat="1" ht="14.1" customHeight="1" outlineLevel="1" x14ac:dyDescent="0.2">
      <c r="A8430" s="17">
        <v>16829</v>
      </c>
      <c r="B8430" s="17"/>
      <c r="C8430" s="17"/>
      <c r="D8430" s="18" t="s">
        <v>4174</v>
      </c>
      <c r="E8430" s="18"/>
      <c r="F8430" s="18"/>
      <c r="G8430" s="18"/>
      <c r="H8430" s="18"/>
      <c r="I8430" s="18"/>
      <c r="J8430" s="18"/>
      <c r="K8430" s="18"/>
      <c r="L8430" s="18"/>
      <c r="M8430" s="18"/>
      <c r="N8430" s="18"/>
      <c r="O8430" s="18"/>
      <c r="P8430" s="19">
        <v>200</v>
      </c>
      <c r="Q8430" s="19"/>
      <c r="R8430" s="19"/>
      <c r="S8430" s="19"/>
      <c r="T8430" s="19">
        <v>100</v>
      </c>
      <c r="U8430" s="19"/>
      <c r="V8430" s="19"/>
      <c r="W8430" s="19"/>
      <c r="X8430" s="19">
        <v>1</v>
      </c>
      <c r="Y8430" s="19"/>
      <c r="Z8430" s="19"/>
      <c r="AA8430" s="19"/>
    </row>
    <row r="8431" spans="1:27" s="1" customFormat="1" ht="14.1" customHeight="1" outlineLevel="1" x14ac:dyDescent="0.2">
      <c r="A8431" s="17"/>
      <c r="B8431" s="17"/>
      <c r="C8431" s="17"/>
      <c r="D8431" s="18"/>
      <c r="E8431" s="18"/>
      <c r="F8431" s="18"/>
      <c r="G8431" s="18"/>
      <c r="H8431" s="18"/>
      <c r="I8431" s="18"/>
      <c r="J8431" s="18"/>
      <c r="K8431" s="18"/>
      <c r="L8431" s="18"/>
      <c r="M8431" s="18"/>
      <c r="N8431" s="18"/>
      <c r="O8431" s="18"/>
      <c r="P8431" s="19"/>
      <c r="Q8431" s="19"/>
      <c r="R8431" s="19"/>
      <c r="S8431" s="19"/>
      <c r="T8431" s="19"/>
      <c r="U8431" s="19"/>
      <c r="V8431" s="19"/>
      <c r="W8431" s="19"/>
      <c r="X8431" s="19"/>
      <c r="Y8431" s="19"/>
      <c r="Z8431" s="19"/>
      <c r="AA8431" s="19"/>
    </row>
    <row r="8432" spans="1:27" s="1" customFormat="1" ht="14.1" customHeight="1" outlineLevel="1" x14ac:dyDescent="0.2">
      <c r="A8432" s="17">
        <v>16459</v>
      </c>
      <c r="B8432" s="17"/>
      <c r="C8432" s="17"/>
      <c r="D8432" s="18" t="s">
        <v>4175</v>
      </c>
      <c r="E8432" s="18"/>
      <c r="F8432" s="18"/>
      <c r="G8432" s="18"/>
      <c r="H8432" s="18"/>
      <c r="I8432" s="18"/>
      <c r="J8432" s="18"/>
      <c r="K8432" s="18"/>
      <c r="L8432" s="18"/>
      <c r="M8432" s="18"/>
      <c r="N8432" s="18"/>
      <c r="O8432" s="18"/>
      <c r="P8432" s="19">
        <v>350</v>
      </c>
      <c r="Q8432" s="19"/>
      <c r="R8432" s="19"/>
      <c r="S8432" s="19"/>
      <c r="T8432" s="19">
        <v>240</v>
      </c>
      <c r="U8432" s="19"/>
      <c r="V8432" s="19"/>
      <c r="W8432" s="19"/>
      <c r="X8432" s="19">
        <v>10</v>
      </c>
      <c r="Y8432" s="19"/>
      <c r="Z8432" s="19"/>
      <c r="AA8432" s="19"/>
    </row>
    <row r="8433" spans="1:27" s="1" customFormat="1" ht="14.1" customHeight="1" outlineLevel="1" x14ac:dyDescent="0.2">
      <c r="A8433" s="17"/>
      <c r="B8433" s="17"/>
      <c r="C8433" s="17"/>
      <c r="D8433" s="18"/>
      <c r="E8433" s="18"/>
      <c r="F8433" s="18"/>
      <c r="G8433" s="18"/>
      <c r="H8433" s="18"/>
      <c r="I8433" s="18"/>
      <c r="J8433" s="18"/>
      <c r="K8433" s="18"/>
      <c r="L8433" s="18"/>
      <c r="M8433" s="18"/>
      <c r="N8433" s="18"/>
      <c r="O8433" s="18"/>
      <c r="P8433" s="19"/>
      <c r="Q8433" s="19"/>
      <c r="R8433" s="19"/>
      <c r="S8433" s="19"/>
      <c r="T8433" s="19"/>
      <c r="U8433" s="19"/>
      <c r="V8433" s="19"/>
      <c r="W8433" s="19"/>
      <c r="X8433" s="19"/>
      <c r="Y8433" s="19"/>
      <c r="Z8433" s="19"/>
      <c r="AA8433" s="19"/>
    </row>
    <row r="8434" spans="1:27" s="1" customFormat="1" ht="14.1" customHeight="1" outlineLevel="1" x14ac:dyDescent="0.2">
      <c r="A8434" s="17">
        <v>11725</v>
      </c>
      <c r="B8434" s="17"/>
      <c r="C8434" s="17"/>
      <c r="D8434" s="18" t="s">
        <v>4176</v>
      </c>
      <c r="E8434" s="18"/>
      <c r="F8434" s="18"/>
      <c r="G8434" s="18"/>
      <c r="H8434" s="18"/>
      <c r="I8434" s="18"/>
      <c r="J8434" s="18"/>
      <c r="K8434" s="18"/>
      <c r="L8434" s="18"/>
      <c r="M8434" s="18"/>
      <c r="N8434" s="18"/>
      <c r="O8434" s="18"/>
      <c r="P8434" s="19">
        <v>320</v>
      </c>
      <c r="Q8434" s="19"/>
      <c r="R8434" s="19"/>
      <c r="S8434" s="19"/>
      <c r="T8434" s="19">
        <v>210</v>
      </c>
      <c r="U8434" s="19"/>
      <c r="V8434" s="19"/>
      <c r="W8434" s="19"/>
      <c r="X8434" s="19">
        <v>22</v>
      </c>
      <c r="Y8434" s="19"/>
      <c r="Z8434" s="19"/>
      <c r="AA8434" s="19"/>
    </row>
    <row r="8435" spans="1:27" s="1" customFormat="1" ht="14.1" customHeight="1" outlineLevel="1" x14ac:dyDescent="0.2">
      <c r="A8435" s="17"/>
      <c r="B8435" s="17"/>
      <c r="C8435" s="17"/>
      <c r="D8435" s="18"/>
      <c r="E8435" s="18"/>
      <c r="F8435" s="18"/>
      <c r="G8435" s="18"/>
      <c r="H8435" s="18"/>
      <c r="I8435" s="18"/>
      <c r="J8435" s="18"/>
      <c r="K8435" s="18"/>
      <c r="L8435" s="18"/>
      <c r="M8435" s="18"/>
      <c r="N8435" s="18"/>
      <c r="O8435" s="18"/>
      <c r="P8435" s="19"/>
      <c r="Q8435" s="19"/>
      <c r="R8435" s="19"/>
      <c r="S8435" s="19"/>
      <c r="T8435" s="19"/>
      <c r="U8435" s="19"/>
      <c r="V8435" s="19"/>
      <c r="W8435" s="19"/>
      <c r="X8435" s="19"/>
      <c r="Y8435" s="19"/>
      <c r="Z8435" s="19"/>
      <c r="AA8435" s="19"/>
    </row>
    <row r="8436" spans="1:27" s="1" customFormat="1" ht="14.1" customHeight="1" outlineLevel="1" x14ac:dyDescent="0.2">
      <c r="A8436" s="17">
        <v>11726</v>
      </c>
      <c r="B8436" s="17"/>
      <c r="C8436" s="17"/>
      <c r="D8436" s="18" t="s">
        <v>4177</v>
      </c>
      <c r="E8436" s="18"/>
      <c r="F8436" s="18"/>
      <c r="G8436" s="18"/>
      <c r="H8436" s="18"/>
      <c r="I8436" s="18"/>
      <c r="J8436" s="18"/>
      <c r="K8436" s="18"/>
      <c r="L8436" s="18"/>
      <c r="M8436" s="18"/>
      <c r="N8436" s="18"/>
      <c r="O8436" s="18"/>
      <c r="P8436" s="19">
        <v>220</v>
      </c>
      <c r="Q8436" s="19"/>
      <c r="R8436" s="19"/>
      <c r="S8436" s="19"/>
      <c r="T8436" s="19">
        <v>145</v>
      </c>
      <c r="U8436" s="19"/>
      <c r="V8436" s="19"/>
      <c r="W8436" s="19"/>
      <c r="X8436" s="19">
        <v>10</v>
      </c>
      <c r="Y8436" s="19"/>
      <c r="Z8436" s="19"/>
      <c r="AA8436" s="19"/>
    </row>
    <row r="8437" spans="1:27" s="1" customFormat="1" ht="14.1" customHeight="1" outlineLevel="1" x14ac:dyDescent="0.2">
      <c r="A8437" s="17"/>
      <c r="B8437" s="17"/>
      <c r="C8437" s="17"/>
      <c r="D8437" s="18"/>
      <c r="E8437" s="18"/>
      <c r="F8437" s="18"/>
      <c r="G8437" s="18"/>
      <c r="H8437" s="18"/>
      <c r="I8437" s="18"/>
      <c r="J8437" s="18"/>
      <c r="K8437" s="18"/>
      <c r="L8437" s="18"/>
      <c r="M8437" s="18"/>
      <c r="N8437" s="18"/>
      <c r="O8437" s="18"/>
      <c r="P8437" s="19"/>
      <c r="Q8437" s="19"/>
      <c r="R8437" s="19"/>
      <c r="S8437" s="19"/>
      <c r="T8437" s="19"/>
      <c r="U8437" s="19"/>
      <c r="V8437" s="19"/>
      <c r="W8437" s="19"/>
      <c r="X8437" s="19"/>
      <c r="Y8437" s="19"/>
      <c r="Z8437" s="19"/>
      <c r="AA8437" s="19"/>
    </row>
    <row r="8438" spans="1:27" s="1" customFormat="1" ht="14.1" customHeight="1" outlineLevel="1" x14ac:dyDescent="0.2">
      <c r="A8438" s="17">
        <v>16465</v>
      </c>
      <c r="B8438" s="17"/>
      <c r="C8438" s="17"/>
      <c r="D8438" s="18" t="s">
        <v>4178</v>
      </c>
      <c r="E8438" s="18"/>
      <c r="F8438" s="18"/>
      <c r="G8438" s="18"/>
      <c r="H8438" s="18"/>
      <c r="I8438" s="18"/>
      <c r="J8438" s="18"/>
      <c r="K8438" s="18"/>
      <c r="L8438" s="18"/>
      <c r="M8438" s="18"/>
      <c r="N8438" s="18"/>
      <c r="O8438" s="18"/>
      <c r="P8438" s="19">
        <v>390</v>
      </c>
      <c r="Q8438" s="19"/>
      <c r="R8438" s="19"/>
      <c r="S8438" s="19"/>
      <c r="T8438" s="19">
        <v>290</v>
      </c>
      <c r="U8438" s="19"/>
      <c r="V8438" s="19"/>
      <c r="W8438" s="19"/>
      <c r="X8438" s="19">
        <v>5</v>
      </c>
      <c r="Y8438" s="19"/>
      <c r="Z8438" s="19"/>
      <c r="AA8438" s="19"/>
    </row>
    <row r="8439" spans="1:27" s="1" customFormat="1" ht="14.1" customHeight="1" outlineLevel="1" x14ac:dyDescent="0.2">
      <c r="A8439" s="17"/>
      <c r="B8439" s="17"/>
      <c r="C8439" s="17"/>
      <c r="D8439" s="18"/>
      <c r="E8439" s="18"/>
      <c r="F8439" s="18"/>
      <c r="G8439" s="18"/>
      <c r="H8439" s="18"/>
      <c r="I8439" s="18"/>
      <c r="J8439" s="18"/>
      <c r="K8439" s="18"/>
      <c r="L8439" s="18"/>
      <c r="M8439" s="18"/>
      <c r="N8439" s="18"/>
      <c r="O8439" s="18"/>
      <c r="P8439" s="19"/>
      <c r="Q8439" s="19"/>
      <c r="R8439" s="19"/>
      <c r="S8439" s="19"/>
      <c r="T8439" s="19"/>
      <c r="U8439" s="19"/>
      <c r="V8439" s="19"/>
      <c r="W8439" s="19"/>
      <c r="X8439" s="19"/>
      <c r="Y8439" s="19"/>
      <c r="Z8439" s="19"/>
      <c r="AA8439" s="19"/>
    </row>
    <row r="8440" spans="1:27" s="1" customFormat="1" ht="14.1" customHeight="1" outlineLevel="1" x14ac:dyDescent="0.2">
      <c r="A8440" s="17">
        <v>16927</v>
      </c>
      <c r="B8440" s="17"/>
      <c r="C8440" s="17"/>
      <c r="D8440" s="18" t="s">
        <v>4179</v>
      </c>
      <c r="E8440" s="18"/>
      <c r="F8440" s="18"/>
      <c r="G8440" s="18"/>
      <c r="H8440" s="18"/>
      <c r="I8440" s="18"/>
      <c r="J8440" s="18"/>
      <c r="K8440" s="18"/>
      <c r="L8440" s="18"/>
      <c r="M8440" s="18"/>
      <c r="N8440" s="18"/>
      <c r="O8440" s="18"/>
      <c r="P8440" s="19">
        <v>300</v>
      </c>
      <c r="Q8440" s="19"/>
      <c r="R8440" s="19"/>
      <c r="S8440" s="19"/>
      <c r="T8440" s="19">
        <v>200</v>
      </c>
      <c r="U8440" s="19"/>
      <c r="V8440" s="19"/>
      <c r="W8440" s="19"/>
      <c r="X8440" s="19">
        <v>3</v>
      </c>
      <c r="Y8440" s="19"/>
      <c r="Z8440" s="19"/>
      <c r="AA8440" s="19"/>
    </row>
    <row r="8441" spans="1:27" s="1" customFormat="1" ht="14.1" customHeight="1" outlineLevel="1" x14ac:dyDescent="0.2">
      <c r="A8441" s="17"/>
      <c r="B8441" s="17"/>
      <c r="C8441" s="17"/>
      <c r="D8441" s="18"/>
      <c r="E8441" s="18"/>
      <c r="F8441" s="18"/>
      <c r="G8441" s="18"/>
      <c r="H8441" s="18"/>
      <c r="I8441" s="18"/>
      <c r="J8441" s="18"/>
      <c r="K8441" s="18"/>
      <c r="L8441" s="18"/>
      <c r="M8441" s="18"/>
      <c r="N8441" s="18"/>
      <c r="O8441" s="18"/>
      <c r="P8441" s="19"/>
      <c r="Q8441" s="19"/>
      <c r="R8441" s="19"/>
      <c r="S8441" s="19"/>
      <c r="T8441" s="19"/>
      <c r="U8441" s="19"/>
      <c r="V8441" s="19"/>
      <c r="W8441" s="19"/>
      <c r="X8441" s="19"/>
      <c r="Y8441" s="19"/>
      <c r="Z8441" s="19"/>
      <c r="AA8441" s="19"/>
    </row>
    <row r="8442" spans="1:27" s="1" customFormat="1" ht="14.1" customHeight="1" outlineLevel="1" x14ac:dyDescent="0.2">
      <c r="A8442" s="17">
        <v>16929</v>
      </c>
      <c r="B8442" s="17"/>
      <c r="C8442" s="17"/>
      <c r="D8442" s="18" t="s">
        <v>4180</v>
      </c>
      <c r="E8442" s="18"/>
      <c r="F8442" s="18"/>
      <c r="G8442" s="18"/>
      <c r="H8442" s="18"/>
      <c r="I8442" s="18"/>
      <c r="J8442" s="18"/>
      <c r="K8442" s="18"/>
      <c r="L8442" s="18"/>
      <c r="M8442" s="18"/>
      <c r="N8442" s="18"/>
      <c r="O8442" s="18"/>
      <c r="P8442" s="19">
        <v>300</v>
      </c>
      <c r="Q8442" s="19"/>
      <c r="R8442" s="19"/>
      <c r="S8442" s="19"/>
      <c r="T8442" s="19">
        <v>200</v>
      </c>
      <c r="U8442" s="19"/>
      <c r="V8442" s="19"/>
      <c r="W8442" s="19"/>
      <c r="X8442" s="19">
        <v>1</v>
      </c>
      <c r="Y8442" s="19"/>
      <c r="Z8442" s="19"/>
      <c r="AA8442" s="19"/>
    </row>
    <row r="8443" spans="1:27" s="1" customFormat="1" ht="14.1" customHeight="1" outlineLevel="1" x14ac:dyDescent="0.2">
      <c r="A8443" s="17"/>
      <c r="B8443" s="17"/>
      <c r="C8443" s="17"/>
      <c r="D8443" s="18"/>
      <c r="E8443" s="18"/>
      <c r="F8443" s="18"/>
      <c r="G8443" s="18"/>
      <c r="H8443" s="18"/>
      <c r="I8443" s="18"/>
      <c r="J8443" s="18"/>
      <c r="K8443" s="18"/>
      <c r="L8443" s="18"/>
      <c r="M8443" s="18"/>
      <c r="N8443" s="18"/>
      <c r="O8443" s="18"/>
      <c r="P8443" s="19"/>
      <c r="Q8443" s="19"/>
      <c r="R8443" s="19"/>
      <c r="S8443" s="19"/>
      <c r="T8443" s="19"/>
      <c r="U8443" s="19"/>
      <c r="V8443" s="19"/>
      <c r="W8443" s="19"/>
      <c r="X8443" s="19"/>
      <c r="Y8443" s="19"/>
      <c r="Z8443" s="19"/>
      <c r="AA8443" s="19"/>
    </row>
    <row r="8444" spans="1:27" s="1" customFormat="1" ht="14.1" customHeight="1" outlineLevel="1" x14ac:dyDescent="0.2">
      <c r="A8444" s="17">
        <v>16928</v>
      </c>
      <c r="B8444" s="17"/>
      <c r="C8444" s="17"/>
      <c r="D8444" s="18" t="s">
        <v>4181</v>
      </c>
      <c r="E8444" s="18"/>
      <c r="F8444" s="18"/>
      <c r="G8444" s="18"/>
      <c r="H8444" s="18"/>
      <c r="I8444" s="18"/>
      <c r="J8444" s="18"/>
      <c r="K8444" s="18"/>
      <c r="L8444" s="18"/>
      <c r="M8444" s="18"/>
      <c r="N8444" s="18"/>
      <c r="O8444" s="18"/>
      <c r="P8444" s="19">
        <v>300</v>
      </c>
      <c r="Q8444" s="19"/>
      <c r="R8444" s="19"/>
      <c r="S8444" s="19"/>
      <c r="T8444" s="19">
        <v>200</v>
      </c>
      <c r="U8444" s="19"/>
      <c r="V8444" s="19"/>
      <c r="W8444" s="19"/>
      <c r="X8444" s="19">
        <v>2</v>
      </c>
      <c r="Y8444" s="19"/>
      <c r="Z8444" s="19"/>
      <c r="AA8444" s="19"/>
    </row>
    <row r="8445" spans="1:27" s="1" customFormat="1" ht="14.1" customHeight="1" outlineLevel="1" x14ac:dyDescent="0.2">
      <c r="A8445" s="17"/>
      <c r="B8445" s="17"/>
      <c r="C8445" s="17"/>
      <c r="D8445" s="18"/>
      <c r="E8445" s="18"/>
      <c r="F8445" s="18"/>
      <c r="G8445" s="18"/>
      <c r="H8445" s="18"/>
      <c r="I8445" s="18"/>
      <c r="J8445" s="18"/>
      <c r="K8445" s="18"/>
      <c r="L8445" s="18"/>
      <c r="M8445" s="18"/>
      <c r="N8445" s="18"/>
      <c r="O8445" s="18"/>
      <c r="P8445" s="19"/>
      <c r="Q8445" s="19"/>
      <c r="R8445" s="19"/>
      <c r="S8445" s="19"/>
      <c r="T8445" s="19"/>
      <c r="U8445" s="19"/>
      <c r="V8445" s="19"/>
      <c r="W8445" s="19"/>
      <c r="X8445" s="19"/>
      <c r="Y8445" s="19"/>
      <c r="Z8445" s="19"/>
      <c r="AA8445" s="19"/>
    </row>
    <row r="8446" spans="1:27" s="1" customFormat="1" ht="14.1" customHeight="1" outlineLevel="1" x14ac:dyDescent="0.2">
      <c r="A8446" s="17">
        <v>13232</v>
      </c>
      <c r="B8446" s="17"/>
      <c r="C8446" s="17"/>
      <c r="D8446" s="18" t="s">
        <v>4182</v>
      </c>
      <c r="E8446" s="18"/>
      <c r="F8446" s="18"/>
      <c r="G8446" s="18"/>
      <c r="H8446" s="18"/>
      <c r="I8446" s="18"/>
      <c r="J8446" s="18"/>
      <c r="K8446" s="18"/>
      <c r="L8446" s="18"/>
      <c r="M8446" s="18"/>
      <c r="N8446" s="18"/>
      <c r="O8446" s="18"/>
      <c r="P8446" s="19">
        <v>650</v>
      </c>
      <c r="Q8446" s="19"/>
      <c r="R8446" s="19"/>
      <c r="S8446" s="19"/>
      <c r="T8446" s="19">
        <v>530</v>
      </c>
      <c r="U8446" s="19"/>
      <c r="V8446" s="19"/>
      <c r="W8446" s="19"/>
      <c r="X8446" s="19">
        <v>10</v>
      </c>
      <c r="Y8446" s="19"/>
      <c r="Z8446" s="19"/>
      <c r="AA8446" s="19"/>
    </row>
    <row r="8447" spans="1:27" s="1" customFormat="1" ht="14.1" customHeight="1" outlineLevel="1" x14ac:dyDescent="0.2">
      <c r="A8447" s="17"/>
      <c r="B8447" s="17"/>
      <c r="C8447" s="17"/>
      <c r="D8447" s="18"/>
      <c r="E8447" s="18"/>
      <c r="F8447" s="18"/>
      <c r="G8447" s="18"/>
      <c r="H8447" s="18"/>
      <c r="I8447" s="18"/>
      <c r="J8447" s="18"/>
      <c r="K8447" s="18"/>
      <c r="L8447" s="18"/>
      <c r="M8447" s="18"/>
      <c r="N8447" s="18"/>
      <c r="O8447" s="18"/>
      <c r="P8447" s="19"/>
      <c r="Q8447" s="19"/>
      <c r="R8447" s="19"/>
      <c r="S8447" s="19"/>
      <c r="T8447" s="19"/>
      <c r="U8447" s="19"/>
      <c r="V8447" s="19"/>
      <c r="W8447" s="19"/>
      <c r="X8447" s="19"/>
      <c r="Y8447" s="19"/>
      <c r="Z8447" s="19"/>
      <c r="AA8447" s="19"/>
    </row>
    <row r="8448" spans="1:27" s="1" customFormat="1" ht="14.1" customHeight="1" outlineLevel="1" x14ac:dyDescent="0.2">
      <c r="A8448" s="17">
        <v>13231</v>
      </c>
      <c r="B8448" s="17"/>
      <c r="C8448" s="17"/>
      <c r="D8448" s="18" t="s">
        <v>4183</v>
      </c>
      <c r="E8448" s="18"/>
      <c r="F8448" s="18"/>
      <c r="G8448" s="18"/>
      <c r="H8448" s="18"/>
      <c r="I8448" s="18"/>
      <c r="J8448" s="18"/>
      <c r="K8448" s="18"/>
      <c r="L8448" s="18"/>
      <c r="M8448" s="18"/>
      <c r="N8448" s="18"/>
      <c r="O8448" s="18"/>
      <c r="P8448" s="19">
        <v>650</v>
      </c>
      <c r="Q8448" s="19"/>
      <c r="R8448" s="19"/>
      <c r="S8448" s="19"/>
      <c r="T8448" s="19">
        <v>530</v>
      </c>
      <c r="U8448" s="19"/>
      <c r="V8448" s="19"/>
      <c r="W8448" s="19"/>
      <c r="X8448" s="19">
        <v>10</v>
      </c>
      <c r="Y8448" s="19"/>
      <c r="Z8448" s="19"/>
      <c r="AA8448" s="19"/>
    </row>
    <row r="8449" spans="1:27" s="1" customFormat="1" ht="14.1" customHeight="1" outlineLevel="1" x14ac:dyDescent="0.2">
      <c r="A8449" s="17"/>
      <c r="B8449" s="17"/>
      <c r="C8449" s="17"/>
      <c r="D8449" s="18"/>
      <c r="E8449" s="18"/>
      <c r="F8449" s="18"/>
      <c r="G8449" s="18"/>
      <c r="H8449" s="18"/>
      <c r="I8449" s="18"/>
      <c r="J8449" s="18"/>
      <c r="K8449" s="18"/>
      <c r="L8449" s="18"/>
      <c r="M8449" s="18"/>
      <c r="N8449" s="18"/>
      <c r="O8449" s="18"/>
      <c r="P8449" s="19"/>
      <c r="Q8449" s="19"/>
      <c r="R8449" s="19"/>
      <c r="S8449" s="19"/>
      <c r="T8449" s="19"/>
      <c r="U8449" s="19"/>
      <c r="V8449" s="19"/>
      <c r="W8449" s="19"/>
      <c r="X8449" s="19"/>
      <c r="Y8449" s="19"/>
      <c r="Z8449" s="19"/>
      <c r="AA8449" s="19"/>
    </row>
    <row r="8450" spans="1:27" s="1" customFormat="1" ht="14.1" customHeight="1" outlineLevel="1" x14ac:dyDescent="0.2">
      <c r="A8450" s="17">
        <v>13233</v>
      </c>
      <c r="B8450" s="17"/>
      <c r="C8450" s="17"/>
      <c r="D8450" s="18" t="s">
        <v>4184</v>
      </c>
      <c r="E8450" s="18"/>
      <c r="F8450" s="18"/>
      <c r="G8450" s="18"/>
      <c r="H8450" s="18"/>
      <c r="I8450" s="18"/>
      <c r="J8450" s="18"/>
      <c r="K8450" s="18"/>
      <c r="L8450" s="18"/>
      <c r="M8450" s="18"/>
      <c r="N8450" s="18"/>
      <c r="O8450" s="18"/>
      <c r="P8450" s="19">
        <v>650</v>
      </c>
      <c r="Q8450" s="19"/>
      <c r="R8450" s="19"/>
      <c r="S8450" s="19"/>
      <c r="T8450" s="19">
        <v>530</v>
      </c>
      <c r="U8450" s="19"/>
      <c r="V8450" s="19"/>
      <c r="W8450" s="19"/>
      <c r="X8450" s="19">
        <v>9</v>
      </c>
      <c r="Y8450" s="19"/>
      <c r="Z8450" s="19"/>
      <c r="AA8450" s="19"/>
    </row>
    <row r="8451" spans="1:27" s="1" customFormat="1" ht="14.1" customHeight="1" outlineLevel="1" x14ac:dyDescent="0.2">
      <c r="A8451" s="17"/>
      <c r="B8451" s="17"/>
      <c r="C8451" s="17"/>
      <c r="D8451" s="18"/>
      <c r="E8451" s="18"/>
      <c r="F8451" s="18"/>
      <c r="G8451" s="18"/>
      <c r="H8451" s="18"/>
      <c r="I8451" s="18"/>
      <c r="J8451" s="18"/>
      <c r="K8451" s="18"/>
      <c r="L8451" s="18"/>
      <c r="M8451" s="18"/>
      <c r="N8451" s="18"/>
      <c r="O8451" s="18"/>
      <c r="P8451" s="19"/>
      <c r="Q8451" s="19"/>
      <c r="R8451" s="19"/>
      <c r="S8451" s="19"/>
      <c r="T8451" s="19"/>
      <c r="U8451" s="19"/>
      <c r="V8451" s="19"/>
      <c r="W8451" s="19"/>
      <c r="X8451" s="19"/>
      <c r="Y8451" s="19"/>
      <c r="Z8451" s="19"/>
      <c r="AA8451" s="19"/>
    </row>
    <row r="8452" spans="1:27" s="1" customFormat="1" ht="14.1" customHeight="1" outlineLevel="1" x14ac:dyDescent="0.2">
      <c r="A8452" s="17">
        <v>14288</v>
      </c>
      <c r="B8452" s="17"/>
      <c r="C8452" s="17"/>
      <c r="D8452" s="18" t="s">
        <v>4185</v>
      </c>
      <c r="E8452" s="18"/>
      <c r="F8452" s="18"/>
      <c r="G8452" s="18"/>
      <c r="H8452" s="18"/>
      <c r="I8452" s="18"/>
      <c r="J8452" s="18"/>
      <c r="K8452" s="18"/>
      <c r="L8452" s="18"/>
      <c r="M8452" s="18"/>
      <c r="N8452" s="18"/>
      <c r="O8452" s="18"/>
      <c r="P8452" s="19">
        <v>650</v>
      </c>
      <c r="Q8452" s="19"/>
      <c r="R8452" s="19"/>
      <c r="S8452" s="19"/>
      <c r="T8452" s="19">
        <v>530</v>
      </c>
      <c r="U8452" s="19"/>
      <c r="V8452" s="19"/>
      <c r="W8452" s="19"/>
      <c r="X8452" s="19">
        <v>10</v>
      </c>
      <c r="Y8452" s="19"/>
      <c r="Z8452" s="19"/>
      <c r="AA8452" s="19"/>
    </row>
    <row r="8453" spans="1:27" s="1" customFormat="1" ht="14.1" customHeight="1" outlineLevel="1" x14ac:dyDescent="0.2">
      <c r="A8453" s="17"/>
      <c r="B8453" s="17"/>
      <c r="C8453" s="17"/>
      <c r="D8453" s="18"/>
      <c r="E8453" s="18"/>
      <c r="F8453" s="18"/>
      <c r="G8453" s="18"/>
      <c r="H8453" s="18"/>
      <c r="I8453" s="18"/>
      <c r="J8453" s="18"/>
      <c r="K8453" s="18"/>
      <c r="L8453" s="18"/>
      <c r="M8453" s="18"/>
      <c r="N8453" s="18"/>
      <c r="O8453" s="18"/>
      <c r="P8453" s="19"/>
      <c r="Q8453" s="19"/>
      <c r="R8453" s="19"/>
      <c r="S8453" s="19"/>
      <c r="T8453" s="19"/>
      <c r="U8453" s="19"/>
      <c r="V8453" s="19"/>
      <c r="W8453" s="19"/>
      <c r="X8453" s="19"/>
      <c r="Y8453" s="19"/>
      <c r="Z8453" s="19"/>
      <c r="AA8453" s="19"/>
    </row>
    <row r="8454" spans="1:27" s="1" customFormat="1" ht="14.1" customHeight="1" outlineLevel="1" x14ac:dyDescent="0.2">
      <c r="A8454" s="17">
        <v>17503</v>
      </c>
      <c r="B8454" s="17"/>
      <c r="C8454" s="17"/>
      <c r="D8454" s="18" t="s">
        <v>4186</v>
      </c>
      <c r="E8454" s="18"/>
      <c r="F8454" s="18"/>
      <c r="G8454" s="18"/>
      <c r="H8454" s="18"/>
      <c r="I8454" s="18"/>
      <c r="J8454" s="18"/>
      <c r="K8454" s="18"/>
      <c r="L8454" s="18"/>
      <c r="M8454" s="18"/>
      <c r="N8454" s="18"/>
      <c r="O8454" s="18"/>
      <c r="P8454" s="19">
        <v>600</v>
      </c>
      <c r="Q8454" s="19"/>
      <c r="R8454" s="19"/>
      <c r="S8454" s="19"/>
      <c r="T8454" s="19">
        <v>500</v>
      </c>
      <c r="U8454" s="19"/>
      <c r="V8454" s="19"/>
      <c r="W8454" s="19"/>
      <c r="X8454" s="19">
        <v>1</v>
      </c>
      <c r="Y8454" s="19"/>
      <c r="Z8454" s="19"/>
      <c r="AA8454" s="19"/>
    </row>
    <row r="8455" spans="1:27" s="1" customFormat="1" ht="14.1" customHeight="1" outlineLevel="1" x14ac:dyDescent="0.2">
      <c r="A8455" s="17"/>
      <c r="B8455" s="17"/>
      <c r="C8455" s="17"/>
      <c r="D8455" s="18"/>
      <c r="E8455" s="18"/>
      <c r="F8455" s="18"/>
      <c r="G8455" s="18"/>
      <c r="H8455" s="18"/>
      <c r="I8455" s="18"/>
      <c r="J8455" s="18"/>
      <c r="K8455" s="18"/>
      <c r="L8455" s="18"/>
      <c r="M8455" s="18"/>
      <c r="N8455" s="18"/>
      <c r="O8455" s="18"/>
      <c r="P8455" s="19"/>
      <c r="Q8455" s="19"/>
      <c r="R8455" s="19"/>
      <c r="S8455" s="19"/>
      <c r="T8455" s="19"/>
      <c r="U8455" s="19"/>
      <c r="V8455" s="19"/>
      <c r="W8455" s="19"/>
      <c r="X8455" s="19"/>
      <c r="Y8455" s="19"/>
      <c r="Z8455" s="19"/>
      <c r="AA8455" s="19"/>
    </row>
    <row r="8456" spans="1:27" s="1" customFormat="1" ht="14.1" customHeight="1" outlineLevel="1" x14ac:dyDescent="0.2">
      <c r="A8456" s="17">
        <v>13230</v>
      </c>
      <c r="B8456" s="17"/>
      <c r="C8456" s="17"/>
      <c r="D8456" s="18" t="s">
        <v>4187</v>
      </c>
      <c r="E8456" s="18"/>
      <c r="F8456" s="18"/>
      <c r="G8456" s="18"/>
      <c r="H8456" s="18"/>
      <c r="I8456" s="18"/>
      <c r="J8456" s="18"/>
      <c r="K8456" s="18"/>
      <c r="L8456" s="18"/>
      <c r="M8456" s="18"/>
      <c r="N8456" s="18"/>
      <c r="O8456" s="18"/>
      <c r="P8456" s="19">
        <v>310</v>
      </c>
      <c r="Q8456" s="19"/>
      <c r="R8456" s="19"/>
      <c r="S8456" s="19"/>
      <c r="T8456" s="19">
        <v>210</v>
      </c>
      <c r="U8456" s="19"/>
      <c r="V8456" s="19"/>
      <c r="W8456" s="19"/>
      <c r="X8456" s="19">
        <v>10</v>
      </c>
      <c r="Y8456" s="19"/>
      <c r="Z8456" s="19"/>
      <c r="AA8456" s="19"/>
    </row>
    <row r="8457" spans="1:27" s="1" customFormat="1" ht="14.1" customHeight="1" outlineLevel="1" x14ac:dyDescent="0.2">
      <c r="A8457" s="17"/>
      <c r="B8457" s="17"/>
      <c r="C8457" s="17"/>
      <c r="D8457" s="18"/>
      <c r="E8457" s="18"/>
      <c r="F8457" s="18"/>
      <c r="G8457" s="18"/>
      <c r="H8457" s="18"/>
      <c r="I8457" s="18"/>
      <c r="J8457" s="18"/>
      <c r="K8457" s="18"/>
      <c r="L8457" s="18"/>
      <c r="M8457" s="18"/>
      <c r="N8457" s="18"/>
      <c r="O8457" s="18"/>
      <c r="P8457" s="19"/>
      <c r="Q8457" s="19"/>
      <c r="R8457" s="19"/>
      <c r="S8457" s="19"/>
      <c r="T8457" s="19"/>
      <c r="U8457" s="19"/>
      <c r="V8457" s="19"/>
      <c r="W8457" s="19"/>
      <c r="X8457" s="19"/>
      <c r="Y8457" s="19"/>
      <c r="Z8457" s="19"/>
      <c r="AA8457" s="19"/>
    </row>
    <row r="8458" spans="1:27" s="1" customFormat="1" ht="14.1" customHeight="1" outlineLevel="1" x14ac:dyDescent="0.2">
      <c r="A8458" s="17">
        <v>13981</v>
      </c>
      <c r="B8458" s="17"/>
      <c r="C8458" s="17"/>
      <c r="D8458" s="18" t="s">
        <v>4188</v>
      </c>
      <c r="E8458" s="18"/>
      <c r="F8458" s="18"/>
      <c r="G8458" s="18"/>
      <c r="H8458" s="18"/>
      <c r="I8458" s="18"/>
      <c r="J8458" s="18"/>
      <c r="K8458" s="18"/>
      <c r="L8458" s="18"/>
      <c r="M8458" s="18"/>
      <c r="N8458" s="18"/>
      <c r="O8458" s="18"/>
      <c r="P8458" s="19">
        <v>550</v>
      </c>
      <c r="Q8458" s="19"/>
      <c r="R8458" s="19"/>
      <c r="S8458" s="19"/>
      <c r="T8458" s="19">
        <v>450</v>
      </c>
      <c r="U8458" s="19"/>
      <c r="V8458" s="19"/>
      <c r="W8458" s="19"/>
      <c r="X8458" s="19">
        <v>1</v>
      </c>
      <c r="Y8458" s="19"/>
      <c r="Z8458" s="19"/>
      <c r="AA8458" s="19"/>
    </row>
    <row r="8459" spans="1:27" s="1" customFormat="1" ht="14.1" customHeight="1" outlineLevel="1" x14ac:dyDescent="0.2">
      <c r="A8459" s="17"/>
      <c r="B8459" s="17"/>
      <c r="C8459" s="17"/>
      <c r="D8459" s="18"/>
      <c r="E8459" s="18"/>
      <c r="F8459" s="18"/>
      <c r="G8459" s="18"/>
      <c r="H8459" s="18"/>
      <c r="I8459" s="18"/>
      <c r="J8459" s="18"/>
      <c r="K8459" s="18"/>
      <c r="L8459" s="18"/>
      <c r="M8459" s="18"/>
      <c r="N8459" s="18"/>
      <c r="O8459" s="18"/>
      <c r="P8459" s="19"/>
      <c r="Q8459" s="19"/>
      <c r="R8459" s="19"/>
      <c r="S8459" s="19"/>
      <c r="T8459" s="19"/>
      <c r="U8459" s="19"/>
      <c r="V8459" s="19"/>
      <c r="W8459" s="19"/>
      <c r="X8459" s="19"/>
      <c r="Y8459" s="19"/>
      <c r="Z8459" s="19"/>
      <c r="AA8459" s="19"/>
    </row>
    <row r="8460" spans="1:27" s="1" customFormat="1" ht="14.1" customHeight="1" outlineLevel="1" x14ac:dyDescent="0.2">
      <c r="A8460" s="17">
        <v>17437</v>
      </c>
      <c r="B8460" s="17"/>
      <c r="C8460" s="17"/>
      <c r="D8460" s="18" t="s">
        <v>4189</v>
      </c>
      <c r="E8460" s="18"/>
      <c r="F8460" s="18"/>
      <c r="G8460" s="18"/>
      <c r="H8460" s="18"/>
      <c r="I8460" s="18"/>
      <c r="J8460" s="18"/>
      <c r="K8460" s="18"/>
      <c r="L8460" s="18"/>
      <c r="M8460" s="18"/>
      <c r="N8460" s="18"/>
      <c r="O8460" s="18"/>
      <c r="P8460" s="19">
        <v>600</v>
      </c>
      <c r="Q8460" s="19"/>
      <c r="R8460" s="19"/>
      <c r="S8460" s="19"/>
      <c r="T8460" s="19">
        <v>500</v>
      </c>
      <c r="U8460" s="19"/>
      <c r="V8460" s="19"/>
      <c r="W8460" s="19"/>
      <c r="X8460" s="19">
        <v>1</v>
      </c>
      <c r="Y8460" s="19"/>
      <c r="Z8460" s="19"/>
      <c r="AA8460" s="19"/>
    </row>
    <row r="8461" spans="1:27" s="1" customFormat="1" ht="14.1" customHeight="1" outlineLevel="1" x14ac:dyDescent="0.2">
      <c r="A8461" s="17"/>
      <c r="B8461" s="17"/>
      <c r="C8461" s="17"/>
      <c r="D8461" s="18"/>
      <c r="E8461" s="18"/>
      <c r="F8461" s="18"/>
      <c r="G8461" s="18"/>
      <c r="H8461" s="18"/>
      <c r="I8461" s="18"/>
      <c r="J8461" s="18"/>
      <c r="K8461" s="18"/>
      <c r="L8461" s="18"/>
      <c r="M8461" s="18"/>
      <c r="N8461" s="18"/>
      <c r="O8461" s="18"/>
      <c r="P8461" s="19"/>
      <c r="Q8461" s="19"/>
      <c r="R8461" s="19"/>
      <c r="S8461" s="19"/>
      <c r="T8461" s="19"/>
      <c r="U8461" s="19"/>
      <c r="V8461" s="19"/>
      <c r="W8461" s="19"/>
      <c r="X8461" s="19"/>
      <c r="Y8461" s="19"/>
      <c r="Z8461" s="19"/>
      <c r="AA8461" s="19"/>
    </row>
    <row r="8462" spans="1:27" s="1" customFormat="1" ht="14.1" customHeight="1" outlineLevel="1" x14ac:dyDescent="0.2">
      <c r="A8462" s="17">
        <v>17938</v>
      </c>
      <c r="B8462" s="17"/>
      <c r="C8462" s="17"/>
      <c r="D8462" s="18" t="s">
        <v>4190</v>
      </c>
      <c r="E8462" s="18"/>
      <c r="F8462" s="18"/>
      <c r="G8462" s="18"/>
      <c r="H8462" s="18"/>
      <c r="I8462" s="18"/>
      <c r="J8462" s="18"/>
      <c r="K8462" s="18"/>
      <c r="L8462" s="18"/>
      <c r="M8462" s="18"/>
      <c r="N8462" s="18"/>
      <c r="O8462" s="18"/>
      <c r="P8462" s="19">
        <v>600</v>
      </c>
      <c r="Q8462" s="19"/>
      <c r="R8462" s="19"/>
      <c r="S8462" s="19"/>
      <c r="T8462" s="19">
        <v>500</v>
      </c>
      <c r="U8462" s="19"/>
      <c r="V8462" s="19"/>
      <c r="W8462" s="19"/>
      <c r="X8462" s="19">
        <v>1</v>
      </c>
      <c r="Y8462" s="19"/>
      <c r="Z8462" s="19"/>
      <c r="AA8462" s="19"/>
    </row>
    <row r="8463" spans="1:27" s="1" customFormat="1" ht="14.1" customHeight="1" outlineLevel="1" x14ac:dyDescent="0.2">
      <c r="A8463" s="17"/>
      <c r="B8463" s="17"/>
      <c r="C8463" s="17"/>
      <c r="D8463" s="18"/>
      <c r="E8463" s="18"/>
      <c r="F8463" s="18"/>
      <c r="G8463" s="18"/>
      <c r="H8463" s="18"/>
      <c r="I8463" s="18"/>
      <c r="J8463" s="18"/>
      <c r="K8463" s="18"/>
      <c r="L8463" s="18"/>
      <c r="M8463" s="18"/>
      <c r="N8463" s="18"/>
      <c r="O8463" s="18"/>
      <c r="P8463" s="19"/>
      <c r="Q8463" s="19"/>
      <c r="R8463" s="19"/>
      <c r="S8463" s="19"/>
      <c r="T8463" s="19"/>
      <c r="U8463" s="19"/>
      <c r="V8463" s="19"/>
      <c r="W8463" s="19"/>
      <c r="X8463" s="19"/>
      <c r="Y8463" s="19"/>
      <c r="Z8463" s="19"/>
      <c r="AA8463" s="19"/>
    </row>
    <row r="8464" spans="1:27" s="1" customFormat="1" ht="14.1" customHeight="1" outlineLevel="1" x14ac:dyDescent="0.2">
      <c r="A8464" s="17">
        <v>13228</v>
      </c>
      <c r="B8464" s="17"/>
      <c r="C8464" s="17"/>
      <c r="D8464" s="18" t="s">
        <v>4191</v>
      </c>
      <c r="E8464" s="18"/>
      <c r="F8464" s="18"/>
      <c r="G8464" s="18"/>
      <c r="H8464" s="18"/>
      <c r="I8464" s="18"/>
      <c r="J8464" s="18"/>
      <c r="K8464" s="18"/>
      <c r="L8464" s="18"/>
      <c r="M8464" s="18"/>
      <c r="N8464" s="18"/>
      <c r="O8464" s="18"/>
      <c r="P8464" s="19">
        <v>315</v>
      </c>
      <c r="Q8464" s="19"/>
      <c r="R8464" s="19"/>
      <c r="S8464" s="19"/>
      <c r="T8464" s="19">
        <v>210</v>
      </c>
      <c r="U8464" s="19"/>
      <c r="V8464" s="19"/>
      <c r="W8464" s="19"/>
      <c r="X8464" s="19">
        <v>10</v>
      </c>
      <c r="Y8464" s="19"/>
      <c r="Z8464" s="19"/>
      <c r="AA8464" s="19"/>
    </row>
    <row r="8465" spans="1:27" s="1" customFormat="1" ht="14.1" customHeight="1" outlineLevel="1" x14ac:dyDescent="0.2">
      <c r="A8465" s="17"/>
      <c r="B8465" s="17"/>
      <c r="C8465" s="17"/>
      <c r="D8465" s="18"/>
      <c r="E8465" s="18"/>
      <c r="F8465" s="18"/>
      <c r="G8465" s="18"/>
      <c r="H8465" s="18"/>
      <c r="I8465" s="18"/>
      <c r="J8465" s="18"/>
      <c r="K8465" s="18"/>
      <c r="L8465" s="18"/>
      <c r="M8465" s="18"/>
      <c r="N8465" s="18"/>
      <c r="O8465" s="18"/>
      <c r="P8465" s="19"/>
      <c r="Q8465" s="19"/>
      <c r="R8465" s="19"/>
      <c r="S8465" s="19"/>
      <c r="T8465" s="19"/>
      <c r="U8465" s="19"/>
      <c r="V8465" s="19"/>
      <c r="W8465" s="19"/>
      <c r="X8465" s="19"/>
      <c r="Y8465" s="19"/>
      <c r="Z8465" s="19"/>
      <c r="AA8465" s="19"/>
    </row>
    <row r="8466" spans="1:27" s="1" customFormat="1" ht="14.1" customHeight="1" outlineLevel="1" x14ac:dyDescent="0.2">
      <c r="A8466" s="17">
        <v>13229</v>
      </c>
      <c r="B8466" s="17"/>
      <c r="C8466" s="17"/>
      <c r="D8466" s="18" t="s">
        <v>4192</v>
      </c>
      <c r="E8466" s="18"/>
      <c r="F8466" s="18"/>
      <c r="G8466" s="18"/>
      <c r="H8466" s="18"/>
      <c r="I8466" s="18"/>
      <c r="J8466" s="18"/>
      <c r="K8466" s="18"/>
      <c r="L8466" s="18"/>
      <c r="M8466" s="18"/>
      <c r="N8466" s="18"/>
      <c r="O8466" s="18"/>
      <c r="P8466" s="19">
        <v>315</v>
      </c>
      <c r="Q8466" s="19"/>
      <c r="R8466" s="19"/>
      <c r="S8466" s="19"/>
      <c r="T8466" s="19">
        <v>210</v>
      </c>
      <c r="U8466" s="19"/>
      <c r="V8466" s="19"/>
      <c r="W8466" s="19"/>
      <c r="X8466" s="19">
        <v>10</v>
      </c>
      <c r="Y8466" s="19"/>
      <c r="Z8466" s="19"/>
      <c r="AA8466" s="19"/>
    </row>
    <row r="8467" spans="1:27" s="1" customFormat="1" ht="14.1" customHeight="1" outlineLevel="1" x14ac:dyDescent="0.2">
      <c r="A8467" s="17"/>
      <c r="B8467" s="17"/>
      <c r="C8467" s="17"/>
      <c r="D8467" s="18"/>
      <c r="E8467" s="18"/>
      <c r="F8467" s="18"/>
      <c r="G8467" s="18"/>
      <c r="H8467" s="18"/>
      <c r="I8467" s="18"/>
      <c r="J8467" s="18"/>
      <c r="K8467" s="18"/>
      <c r="L8467" s="18"/>
      <c r="M8467" s="18"/>
      <c r="N8467" s="18"/>
      <c r="O8467" s="18"/>
      <c r="P8467" s="19"/>
      <c r="Q8467" s="19"/>
      <c r="R8467" s="19"/>
      <c r="S8467" s="19"/>
      <c r="T8467" s="19"/>
      <c r="U8467" s="19"/>
      <c r="V8467" s="19"/>
      <c r="W8467" s="19"/>
      <c r="X8467" s="19"/>
      <c r="Y8467" s="19"/>
      <c r="Z8467" s="19"/>
      <c r="AA8467" s="19"/>
    </row>
    <row r="8468" spans="1:27" s="1" customFormat="1" ht="14.1" customHeight="1" outlineLevel="1" x14ac:dyDescent="0.2">
      <c r="A8468" s="17">
        <v>13227</v>
      </c>
      <c r="B8468" s="17"/>
      <c r="C8468" s="17"/>
      <c r="D8468" s="18" t="s">
        <v>4193</v>
      </c>
      <c r="E8468" s="18"/>
      <c r="F8468" s="18"/>
      <c r="G8468" s="18"/>
      <c r="H8468" s="18"/>
      <c r="I8468" s="18"/>
      <c r="J8468" s="18"/>
      <c r="K8468" s="18"/>
      <c r="L8468" s="18"/>
      <c r="M8468" s="18"/>
      <c r="N8468" s="18"/>
      <c r="O8468" s="18"/>
      <c r="P8468" s="19">
        <v>315</v>
      </c>
      <c r="Q8468" s="19"/>
      <c r="R8468" s="19"/>
      <c r="S8468" s="19"/>
      <c r="T8468" s="19">
        <v>210</v>
      </c>
      <c r="U8468" s="19"/>
      <c r="V8468" s="19"/>
      <c r="W8468" s="19"/>
      <c r="X8468" s="19">
        <v>9</v>
      </c>
      <c r="Y8468" s="19"/>
      <c r="Z8468" s="19"/>
      <c r="AA8468" s="19"/>
    </row>
    <row r="8469" spans="1:27" s="1" customFormat="1" ht="14.1" customHeight="1" outlineLevel="1" x14ac:dyDescent="0.2">
      <c r="A8469" s="17"/>
      <c r="B8469" s="17"/>
      <c r="C8469" s="17"/>
      <c r="D8469" s="18"/>
      <c r="E8469" s="18"/>
      <c r="F8469" s="18"/>
      <c r="G8469" s="18"/>
      <c r="H8469" s="18"/>
      <c r="I8469" s="18"/>
      <c r="J8469" s="18"/>
      <c r="K8469" s="18"/>
      <c r="L8469" s="18"/>
      <c r="M8469" s="18"/>
      <c r="N8469" s="18"/>
      <c r="O8469" s="18"/>
      <c r="P8469" s="19"/>
      <c r="Q8469" s="19"/>
      <c r="R8469" s="19"/>
      <c r="S8469" s="19"/>
      <c r="T8469" s="19"/>
      <c r="U8469" s="19"/>
      <c r="V8469" s="19"/>
      <c r="W8469" s="19"/>
      <c r="X8469" s="19"/>
      <c r="Y8469" s="19"/>
      <c r="Z8469" s="19"/>
      <c r="AA8469" s="19"/>
    </row>
    <row r="8470" spans="1:27" s="1" customFormat="1" ht="14.1" customHeight="1" outlineLevel="1" x14ac:dyDescent="0.2">
      <c r="A8470" s="17">
        <v>16818</v>
      </c>
      <c r="B8470" s="17"/>
      <c r="C8470" s="17"/>
      <c r="D8470" s="18" t="s">
        <v>4194</v>
      </c>
      <c r="E8470" s="18"/>
      <c r="F8470" s="18"/>
      <c r="G8470" s="18"/>
      <c r="H8470" s="18"/>
      <c r="I8470" s="18"/>
      <c r="J8470" s="18"/>
      <c r="K8470" s="18"/>
      <c r="L8470" s="18"/>
      <c r="M8470" s="18"/>
      <c r="N8470" s="18"/>
      <c r="O8470" s="18"/>
      <c r="P8470" s="19">
        <v>550</v>
      </c>
      <c r="Q8470" s="19"/>
      <c r="R8470" s="19"/>
      <c r="S8470" s="19"/>
      <c r="T8470" s="19">
        <v>400</v>
      </c>
      <c r="U8470" s="19"/>
      <c r="V8470" s="19"/>
      <c r="W8470" s="19"/>
      <c r="X8470" s="19">
        <v>1</v>
      </c>
      <c r="Y8470" s="19"/>
      <c r="Z8470" s="19"/>
      <c r="AA8470" s="19"/>
    </row>
    <row r="8471" spans="1:27" s="1" customFormat="1" ht="14.1" customHeight="1" outlineLevel="1" x14ac:dyDescent="0.2">
      <c r="A8471" s="17"/>
      <c r="B8471" s="17"/>
      <c r="C8471" s="17"/>
      <c r="D8471" s="18"/>
      <c r="E8471" s="18"/>
      <c r="F8471" s="18"/>
      <c r="G8471" s="18"/>
      <c r="H8471" s="18"/>
      <c r="I8471" s="18"/>
      <c r="J8471" s="18"/>
      <c r="K8471" s="18"/>
      <c r="L8471" s="18"/>
      <c r="M8471" s="18"/>
      <c r="N8471" s="18"/>
      <c r="O8471" s="18"/>
      <c r="P8471" s="19"/>
      <c r="Q8471" s="19"/>
      <c r="R8471" s="19"/>
      <c r="S8471" s="19"/>
      <c r="T8471" s="19"/>
      <c r="U8471" s="19"/>
      <c r="V8471" s="19"/>
      <c r="W8471" s="19"/>
      <c r="X8471" s="19"/>
      <c r="Y8471" s="19"/>
      <c r="Z8471" s="19"/>
      <c r="AA8471" s="19"/>
    </row>
    <row r="8472" spans="1:27" s="1" customFormat="1" ht="14.1" customHeight="1" outlineLevel="1" x14ac:dyDescent="0.2">
      <c r="A8472" s="17">
        <v>16251</v>
      </c>
      <c r="B8472" s="17"/>
      <c r="C8472" s="17"/>
      <c r="D8472" s="18" t="s">
        <v>4195</v>
      </c>
      <c r="E8472" s="18"/>
      <c r="F8472" s="18"/>
      <c r="G8472" s="18"/>
      <c r="H8472" s="18"/>
      <c r="I8472" s="18"/>
      <c r="J8472" s="18"/>
      <c r="K8472" s="18"/>
      <c r="L8472" s="18"/>
      <c r="M8472" s="18"/>
      <c r="N8472" s="18"/>
      <c r="O8472" s="18"/>
      <c r="P8472" s="19">
        <v>300</v>
      </c>
      <c r="Q8472" s="19"/>
      <c r="R8472" s="19"/>
      <c r="S8472" s="19"/>
      <c r="T8472" s="19">
        <v>200</v>
      </c>
      <c r="U8472" s="19"/>
      <c r="V8472" s="19"/>
      <c r="W8472" s="19"/>
      <c r="X8472" s="19">
        <v>1</v>
      </c>
      <c r="Y8472" s="19"/>
      <c r="Z8472" s="19"/>
      <c r="AA8472" s="19"/>
    </row>
    <row r="8473" spans="1:27" s="1" customFormat="1" ht="14.1" customHeight="1" outlineLevel="1" x14ac:dyDescent="0.2">
      <c r="A8473" s="17"/>
      <c r="B8473" s="17"/>
      <c r="C8473" s="17"/>
      <c r="D8473" s="18"/>
      <c r="E8473" s="18"/>
      <c r="F8473" s="18"/>
      <c r="G8473" s="18"/>
      <c r="H8473" s="18"/>
      <c r="I8473" s="18"/>
      <c r="J8473" s="18"/>
      <c r="K8473" s="18"/>
      <c r="L8473" s="18"/>
      <c r="M8473" s="18"/>
      <c r="N8473" s="18"/>
      <c r="O8473" s="18"/>
      <c r="P8473" s="19"/>
      <c r="Q8473" s="19"/>
      <c r="R8473" s="19"/>
      <c r="S8473" s="19"/>
      <c r="T8473" s="19"/>
      <c r="U8473" s="19"/>
      <c r="V8473" s="19"/>
      <c r="W8473" s="19"/>
      <c r="X8473" s="19"/>
      <c r="Y8473" s="19"/>
      <c r="Z8473" s="19"/>
      <c r="AA8473" s="19"/>
    </row>
    <row r="8474" spans="1:27" s="1" customFormat="1" ht="14.1" customHeight="1" outlineLevel="1" x14ac:dyDescent="0.2">
      <c r="A8474" s="17">
        <v>14353</v>
      </c>
      <c r="B8474" s="17"/>
      <c r="C8474" s="17"/>
      <c r="D8474" s="18" t="s">
        <v>4196</v>
      </c>
      <c r="E8474" s="18"/>
      <c r="F8474" s="18"/>
      <c r="G8474" s="18"/>
      <c r="H8474" s="18"/>
      <c r="I8474" s="18"/>
      <c r="J8474" s="18"/>
      <c r="K8474" s="18"/>
      <c r="L8474" s="18"/>
      <c r="M8474" s="18"/>
      <c r="N8474" s="18"/>
      <c r="O8474" s="18"/>
      <c r="P8474" s="19">
        <v>320</v>
      </c>
      <c r="Q8474" s="19"/>
      <c r="R8474" s="19"/>
      <c r="S8474" s="19"/>
      <c r="T8474" s="19">
        <v>250</v>
      </c>
      <c r="U8474" s="19"/>
      <c r="V8474" s="19"/>
      <c r="W8474" s="19"/>
      <c r="X8474" s="19">
        <v>10</v>
      </c>
      <c r="Y8474" s="19"/>
      <c r="Z8474" s="19"/>
      <c r="AA8474" s="19"/>
    </row>
    <row r="8475" spans="1:27" s="1" customFormat="1" ht="14.1" customHeight="1" outlineLevel="1" x14ac:dyDescent="0.2">
      <c r="A8475" s="17"/>
      <c r="B8475" s="17"/>
      <c r="C8475" s="17"/>
      <c r="D8475" s="18"/>
      <c r="E8475" s="18"/>
      <c r="F8475" s="18"/>
      <c r="G8475" s="18"/>
      <c r="H8475" s="18"/>
      <c r="I8475" s="18"/>
      <c r="J8475" s="18"/>
      <c r="K8475" s="18"/>
      <c r="L8475" s="18"/>
      <c r="M8475" s="18"/>
      <c r="N8475" s="18"/>
      <c r="O8475" s="18"/>
      <c r="P8475" s="19"/>
      <c r="Q8475" s="19"/>
      <c r="R8475" s="19"/>
      <c r="S8475" s="19"/>
      <c r="T8475" s="19"/>
      <c r="U8475" s="19"/>
      <c r="V8475" s="19"/>
      <c r="W8475" s="19"/>
      <c r="X8475" s="19"/>
      <c r="Y8475" s="19"/>
      <c r="Z8475" s="19"/>
      <c r="AA8475" s="19"/>
    </row>
    <row r="8476" spans="1:27" s="1" customFormat="1" ht="11.1" customHeight="1" x14ac:dyDescent="0.2">
      <c r="A8476" s="16" t="s">
        <v>4197</v>
      </c>
      <c r="B8476" s="16"/>
      <c r="C8476" s="16"/>
      <c r="D8476" s="16"/>
      <c r="E8476" s="16"/>
      <c r="F8476" s="16"/>
      <c r="G8476" s="16"/>
      <c r="H8476" s="16"/>
      <c r="I8476" s="16"/>
      <c r="J8476" s="16"/>
      <c r="K8476" s="16"/>
      <c r="L8476" s="16"/>
      <c r="M8476" s="16"/>
      <c r="N8476" s="16"/>
      <c r="O8476" s="16"/>
      <c r="P8476" s="16"/>
      <c r="Q8476" s="16"/>
      <c r="R8476" s="16"/>
      <c r="S8476" s="16"/>
      <c r="T8476" s="16"/>
      <c r="U8476" s="16"/>
      <c r="V8476" s="16"/>
      <c r="W8476" s="16"/>
      <c r="X8476" s="16"/>
      <c r="Y8476" s="16"/>
      <c r="Z8476" s="16"/>
      <c r="AA8476" s="16"/>
    </row>
    <row r="8477" spans="1:27" s="1" customFormat="1" ht="11.1" customHeight="1" x14ac:dyDescent="0.2">
      <c r="A8477" s="16"/>
      <c r="B8477" s="16"/>
      <c r="C8477" s="16"/>
      <c r="D8477" s="16"/>
      <c r="E8477" s="16"/>
      <c r="F8477" s="16"/>
      <c r="G8477" s="16"/>
      <c r="H8477" s="16"/>
      <c r="I8477" s="16"/>
      <c r="J8477" s="16"/>
      <c r="K8477" s="16"/>
      <c r="L8477" s="16"/>
      <c r="M8477" s="16"/>
      <c r="N8477" s="16"/>
      <c r="O8477" s="16"/>
      <c r="P8477" s="16"/>
      <c r="Q8477" s="16"/>
      <c r="R8477" s="16"/>
      <c r="S8477" s="16"/>
      <c r="T8477" s="16"/>
      <c r="U8477" s="16"/>
      <c r="V8477" s="16"/>
      <c r="W8477" s="16"/>
      <c r="X8477" s="16"/>
      <c r="Y8477" s="16"/>
      <c r="Z8477" s="16"/>
      <c r="AA8477" s="16"/>
    </row>
    <row r="8478" spans="1:27" s="1" customFormat="1" ht="14.1" customHeight="1" outlineLevel="1" x14ac:dyDescent="0.2">
      <c r="A8478" s="17">
        <v>17845</v>
      </c>
      <c r="B8478" s="17"/>
      <c r="C8478" s="17"/>
      <c r="D8478" s="18" t="s">
        <v>4198</v>
      </c>
      <c r="E8478" s="18"/>
      <c r="F8478" s="18"/>
      <c r="G8478" s="18"/>
      <c r="H8478" s="18"/>
      <c r="I8478" s="18"/>
      <c r="J8478" s="18"/>
      <c r="K8478" s="18"/>
      <c r="L8478" s="18"/>
      <c r="M8478" s="18"/>
      <c r="N8478" s="18"/>
      <c r="O8478" s="18"/>
      <c r="P8478" s="19">
        <v>300</v>
      </c>
      <c r="Q8478" s="19"/>
      <c r="R8478" s="19"/>
      <c r="S8478" s="19"/>
      <c r="T8478" s="19">
        <v>200</v>
      </c>
      <c r="U8478" s="19"/>
      <c r="V8478" s="19"/>
      <c r="W8478" s="19"/>
      <c r="X8478" s="19">
        <v>1</v>
      </c>
      <c r="Y8478" s="19"/>
      <c r="Z8478" s="19"/>
      <c r="AA8478" s="19"/>
    </row>
    <row r="8479" spans="1:27" s="1" customFormat="1" ht="14.1" customHeight="1" outlineLevel="1" x14ac:dyDescent="0.2">
      <c r="A8479" s="17"/>
      <c r="B8479" s="17"/>
      <c r="C8479" s="17"/>
      <c r="D8479" s="18"/>
      <c r="E8479" s="18"/>
      <c r="F8479" s="18"/>
      <c r="G8479" s="18"/>
      <c r="H8479" s="18"/>
      <c r="I8479" s="18"/>
      <c r="J8479" s="18"/>
      <c r="K8479" s="18"/>
      <c r="L8479" s="18"/>
      <c r="M8479" s="18"/>
      <c r="N8479" s="18"/>
      <c r="O8479" s="18"/>
      <c r="P8479" s="19"/>
      <c r="Q8479" s="19"/>
      <c r="R8479" s="19"/>
      <c r="S8479" s="19"/>
      <c r="T8479" s="19"/>
      <c r="U8479" s="19"/>
      <c r="V8479" s="19"/>
      <c r="W8479" s="19"/>
      <c r="X8479" s="19"/>
      <c r="Y8479" s="19"/>
      <c r="Z8479" s="19"/>
      <c r="AA8479" s="19"/>
    </row>
    <row r="8480" spans="1:27" s="1" customFormat="1" ht="14.1" customHeight="1" outlineLevel="1" x14ac:dyDescent="0.2">
      <c r="A8480" s="17">
        <v>17835</v>
      </c>
      <c r="B8480" s="17"/>
      <c r="C8480" s="17"/>
      <c r="D8480" s="18" t="s">
        <v>4199</v>
      </c>
      <c r="E8480" s="18"/>
      <c r="F8480" s="18"/>
      <c r="G8480" s="18"/>
      <c r="H8480" s="18"/>
      <c r="I8480" s="18"/>
      <c r="J8480" s="18"/>
      <c r="K8480" s="18"/>
      <c r="L8480" s="18"/>
      <c r="M8480" s="18"/>
      <c r="N8480" s="18"/>
      <c r="O8480" s="18"/>
      <c r="P8480" s="20">
        <v>2300</v>
      </c>
      <c r="Q8480" s="20"/>
      <c r="R8480" s="20"/>
      <c r="S8480" s="20"/>
      <c r="T8480" s="20">
        <v>2000</v>
      </c>
      <c r="U8480" s="20"/>
      <c r="V8480" s="20"/>
      <c r="W8480" s="20"/>
      <c r="X8480" s="19">
        <v>1</v>
      </c>
      <c r="Y8480" s="19"/>
      <c r="Z8480" s="19"/>
      <c r="AA8480" s="19"/>
    </row>
    <row r="8481" spans="1:27" s="1" customFormat="1" ht="14.1" customHeight="1" outlineLevel="1" x14ac:dyDescent="0.2">
      <c r="A8481" s="17"/>
      <c r="B8481" s="17"/>
      <c r="C8481" s="17"/>
      <c r="D8481" s="18"/>
      <c r="E8481" s="18"/>
      <c r="F8481" s="18"/>
      <c r="G8481" s="18"/>
      <c r="H8481" s="18"/>
      <c r="I8481" s="18"/>
      <c r="J8481" s="18"/>
      <c r="K8481" s="18"/>
      <c r="L8481" s="18"/>
      <c r="M8481" s="18"/>
      <c r="N8481" s="18"/>
      <c r="O8481" s="18"/>
      <c r="P8481" s="20"/>
      <c r="Q8481" s="20"/>
      <c r="R8481" s="20"/>
      <c r="S8481" s="20"/>
      <c r="T8481" s="20"/>
      <c r="U8481" s="20"/>
      <c r="V8481" s="20"/>
      <c r="W8481" s="20"/>
      <c r="X8481" s="19"/>
      <c r="Y8481" s="19"/>
      <c r="Z8481" s="19"/>
      <c r="AA8481" s="19"/>
    </row>
    <row r="8482" spans="1:27" s="1" customFormat="1" ht="14.1" customHeight="1" outlineLevel="1" x14ac:dyDescent="0.2">
      <c r="A8482" s="17">
        <v>16754</v>
      </c>
      <c r="B8482" s="17"/>
      <c r="C8482" s="17"/>
      <c r="D8482" s="18" t="s">
        <v>4200</v>
      </c>
      <c r="E8482" s="18"/>
      <c r="F8482" s="18"/>
      <c r="G8482" s="18"/>
      <c r="H8482" s="18"/>
      <c r="I8482" s="18"/>
      <c r="J8482" s="18"/>
      <c r="K8482" s="18"/>
      <c r="L8482" s="18"/>
      <c r="M8482" s="18"/>
      <c r="N8482" s="18"/>
      <c r="O8482" s="18"/>
      <c r="P8482" s="19">
        <v>900</v>
      </c>
      <c r="Q8482" s="19"/>
      <c r="R8482" s="19"/>
      <c r="S8482" s="19"/>
      <c r="T8482" s="19">
        <v>700</v>
      </c>
      <c r="U8482" s="19"/>
      <c r="V8482" s="19"/>
      <c r="W8482" s="19"/>
      <c r="X8482" s="19">
        <v>2</v>
      </c>
      <c r="Y8482" s="19"/>
      <c r="Z8482" s="19"/>
      <c r="AA8482" s="19"/>
    </row>
    <row r="8483" spans="1:27" s="1" customFormat="1" ht="14.1" customHeight="1" outlineLevel="1" x14ac:dyDescent="0.2">
      <c r="A8483" s="17"/>
      <c r="B8483" s="17"/>
      <c r="C8483" s="17"/>
      <c r="D8483" s="18"/>
      <c r="E8483" s="18"/>
      <c r="F8483" s="18"/>
      <c r="G8483" s="18"/>
      <c r="H8483" s="18"/>
      <c r="I8483" s="18"/>
      <c r="J8483" s="18"/>
      <c r="K8483" s="18"/>
      <c r="L8483" s="18"/>
      <c r="M8483" s="18"/>
      <c r="N8483" s="18"/>
      <c r="O8483" s="18"/>
      <c r="P8483" s="19"/>
      <c r="Q8483" s="19"/>
      <c r="R8483" s="19"/>
      <c r="S8483" s="19"/>
      <c r="T8483" s="19"/>
      <c r="U8483" s="19"/>
      <c r="V8483" s="19"/>
      <c r="W8483" s="19"/>
      <c r="X8483" s="19"/>
      <c r="Y8483" s="19"/>
      <c r="Z8483" s="19"/>
      <c r="AA8483" s="19"/>
    </row>
    <row r="8484" spans="1:27" s="1" customFormat="1" ht="14.1" customHeight="1" outlineLevel="1" x14ac:dyDescent="0.2">
      <c r="A8484" s="17">
        <v>16752</v>
      </c>
      <c r="B8484" s="17"/>
      <c r="C8484" s="17"/>
      <c r="D8484" s="18" t="s">
        <v>4201</v>
      </c>
      <c r="E8484" s="18"/>
      <c r="F8484" s="18"/>
      <c r="G8484" s="18"/>
      <c r="H8484" s="18"/>
      <c r="I8484" s="18"/>
      <c r="J8484" s="18"/>
      <c r="K8484" s="18"/>
      <c r="L8484" s="18"/>
      <c r="M8484" s="18"/>
      <c r="N8484" s="18"/>
      <c r="O8484" s="18"/>
      <c r="P8484" s="19">
        <v>150</v>
      </c>
      <c r="Q8484" s="19"/>
      <c r="R8484" s="19"/>
      <c r="S8484" s="19"/>
      <c r="T8484" s="19">
        <v>100</v>
      </c>
      <c r="U8484" s="19"/>
      <c r="V8484" s="19"/>
      <c r="W8484" s="19"/>
      <c r="X8484" s="19">
        <v>1</v>
      </c>
      <c r="Y8484" s="19"/>
      <c r="Z8484" s="19"/>
      <c r="AA8484" s="19"/>
    </row>
    <row r="8485" spans="1:27" s="1" customFormat="1" ht="14.1" customHeight="1" outlineLevel="1" x14ac:dyDescent="0.2">
      <c r="A8485" s="17"/>
      <c r="B8485" s="17"/>
      <c r="C8485" s="17"/>
      <c r="D8485" s="18"/>
      <c r="E8485" s="18"/>
      <c r="F8485" s="18"/>
      <c r="G8485" s="18"/>
      <c r="H8485" s="18"/>
      <c r="I8485" s="18"/>
      <c r="J8485" s="18"/>
      <c r="K8485" s="18"/>
      <c r="L8485" s="18"/>
      <c r="M8485" s="18"/>
      <c r="N8485" s="18"/>
      <c r="O8485" s="18"/>
      <c r="P8485" s="19"/>
      <c r="Q8485" s="19"/>
      <c r="R8485" s="19"/>
      <c r="S8485" s="19"/>
      <c r="T8485" s="19"/>
      <c r="U8485" s="19"/>
      <c r="V8485" s="19"/>
      <c r="W8485" s="19"/>
      <c r="X8485" s="19"/>
      <c r="Y8485" s="19"/>
      <c r="Z8485" s="19"/>
      <c r="AA8485" s="19"/>
    </row>
    <row r="8486" spans="1:27" s="1" customFormat="1" ht="14.1" customHeight="1" outlineLevel="1" x14ac:dyDescent="0.2">
      <c r="A8486" s="17">
        <v>17838</v>
      </c>
      <c r="B8486" s="17"/>
      <c r="C8486" s="17"/>
      <c r="D8486" s="18" t="s">
        <v>4202</v>
      </c>
      <c r="E8486" s="18"/>
      <c r="F8486" s="18"/>
      <c r="G8486" s="18"/>
      <c r="H8486" s="18"/>
      <c r="I8486" s="18"/>
      <c r="J8486" s="18"/>
      <c r="K8486" s="18"/>
      <c r="L8486" s="18"/>
      <c r="M8486" s="18"/>
      <c r="N8486" s="18"/>
      <c r="O8486" s="18"/>
      <c r="P8486" s="19">
        <v>150</v>
      </c>
      <c r="Q8486" s="19"/>
      <c r="R8486" s="19"/>
      <c r="S8486" s="19"/>
      <c r="T8486" s="19">
        <v>100</v>
      </c>
      <c r="U8486" s="19"/>
      <c r="V8486" s="19"/>
      <c r="W8486" s="19"/>
      <c r="X8486" s="19">
        <v>1</v>
      </c>
      <c r="Y8486" s="19"/>
      <c r="Z8486" s="19"/>
      <c r="AA8486" s="19"/>
    </row>
    <row r="8487" spans="1:27" s="1" customFormat="1" ht="14.1" customHeight="1" outlineLevel="1" x14ac:dyDescent="0.2">
      <c r="A8487" s="17"/>
      <c r="B8487" s="17"/>
      <c r="C8487" s="17"/>
      <c r="D8487" s="18"/>
      <c r="E8487" s="18"/>
      <c r="F8487" s="18"/>
      <c r="G8487" s="18"/>
      <c r="H8487" s="18"/>
      <c r="I8487" s="18"/>
      <c r="J8487" s="18"/>
      <c r="K8487" s="18"/>
      <c r="L8487" s="18"/>
      <c r="M8487" s="18"/>
      <c r="N8487" s="18"/>
      <c r="O8487" s="18"/>
      <c r="P8487" s="19"/>
      <c r="Q8487" s="19"/>
      <c r="R8487" s="19"/>
      <c r="S8487" s="19"/>
      <c r="T8487" s="19"/>
      <c r="U8487" s="19"/>
      <c r="V8487" s="19"/>
      <c r="W8487" s="19"/>
      <c r="X8487" s="19"/>
      <c r="Y8487" s="19"/>
      <c r="Z8487" s="19"/>
      <c r="AA8487" s="19"/>
    </row>
    <row r="8488" spans="1:27" s="1" customFormat="1" ht="11.1" customHeight="1" outlineLevel="1" x14ac:dyDescent="0.2">
      <c r="A8488" s="17">
        <v>16759</v>
      </c>
      <c r="B8488" s="17"/>
      <c r="C8488" s="17"/>
      <c r="D8488" s="18" t="s">
        <v>4203</v>
      </c>
      <c r="E8488" s="18"/>
      <c r="F8488" s="18"/>
      <c r="G8488" s="18"/>
      <c r="H8488" s="18"/>
      <c r="I8488" s="18"/>
      <c r="J8488" s="18"/>
      <c r="K8488" s="18"/>
      <c r="L8488" s="18"/>
      <c r="M8488" s="18"/>
      <c r="N8488" s="18"/>
      <c r="O8488" s="18"/>
      <c r="P8488" s="20">
        <v>2000</v>
      </c>
      <c r="Q8488" s="20"/>
      <c r="R8488" s="20"/>
      <c r="S8488" s="20"/>
      <c r="T8488" s="20">
        <v>1500</v>
      </c>
      <c r="U8488" s="20"/>
      <c r="V8488" s="20"/>
      <c r="W8488" s="20"/>
      <c r="X8488" s="19">
        <v>1</v>
      </c>
      <c r="Y8488" s="19"/>
      <c r="Z8488" s="19"/>
      <c r="AA8488" s="19"/>
    </row>
    <row r="8489" spans="1:27" s="1" customFormat="1" ht="11.1" customHeight="1" outlineLevel="1" x14ac:dyDescent="0.2">
      <c r="A8489" s="17"/>
      <c r="B8489" s="17"/>
      <c r="C8489" s="17"/>
      <c r="D8489" s="18"/>
      <c r="E8489" s="18"/>
      <c r="F8489" s="18"/>
      <c r="G8489" s="18"/>
      <c r="H8489" s="18"/>
      <c r="I8489" s="18"/>
      <c r="J8489" s="18"/>
      <c r="K8489" s="18"/>
      <c r="L8489" s="18"/>
      <c r="M8489" s="18"/>
      <c r="N8489" s="18"/>
      <c r="O8489" s="18"/>
      <c r="P8489" s="20"/>
      <c r="Q8489" s="20"/>
      <c r="R8489" s="20"/>
      <c r="S8489" s="20"/>
      <c r="T8489" s="20"/>
      <c r="U8489" s="20"/>
      <c r="V8489" s="20"/>
      <c r="W8489" s="20"/>
      <c r="X8489" s="19"/>
      <c r="Y8489" s="19"/>
      <c r="Z8489" s="19"/>
      <c r="AA8489" s="19"/>
    </row>
    <row r="8490" spans="1:27" s="1" customFormat="1" ht="14.1" customHeight="1" outlineLevel="1" x14ac:dyDescent="0.2">
      <c r="A8490" s="17">
        <v>17833</v>
      </c>
      <c r="B8490" s="17"/>
      <c r="C8490" s="17"/>
      <c r="D8490" s="18" t="s">
        <v>4204</v>
      </c>
      <c r="E8490" s="18"/>
      <c r="F8490" s="18"/>
      <c r="G8490" s="18"/>
      <c r="H8490" s="18"/>
      <c r="I8490" s="18"/>
      <c r="J8490" s="18"/>
      <c r="K8490" s="18"/>
      <c r="L8490" s="18"/>
      <c r="M8490" s="18"/>
      <c r="N8490" s="18"/>
      <c r="O8490" s="18"/>
      <c r="P8490" s="20">
        <v>3300</v>
      </c>
      <c r="Q8490" s="20"/>
      <c r="R8490" s="20"/>
      <c r="S8490" s="20"/>
      <c r="T8490" s="20">
        <v>3000</v>
      </c>
      <c r="U8490" s="20"/>
      <c r="V8490" s="20"/>
      <c r="W8490" s="20"/>
      <c r="X8490" s="19">
        <v>1</v>
      </c>
      <c r="Y8490" s="19"/>
      <c r="Z8490" s="19"/>
      <c r="AA8490" s="19"/>
    </row>
    <row r="8491" spans="1:27" s="1" customFormat="1" ht="14.1" customHeight="1" outlineLevel="1" x14ac:dyDescent="0.2">
      <c r="A8491" s="17"/>
      <c r="B8491" s="17"/>
      <c r="C8491" s="17"/>
      <c r="D8491" s="18"/>
      <c r="E8491" s="18"/>
      <c r="F8491" s="18"/>
      <c r="G8491" s="18"/>
      <c r="H8491" s="18"/>
      <c r="I8491" s="18"/>
      <c r="J8491" s="18"/>
      <c r="K8491" s="18"/>
      <c r="L8491" s="18"/>
      <c r="M8491" s="18"/>
      <c r="N8491" s="18"/>
      <c r="O8491" s="18"/>
      <c r="P8491" s="20"/>
      <c r="Q8491" s="20"/>
      <c r="R8491" s="20"/>
      <c r="S8491" s="20"/>
      <c r="T8491" s="20"/>
      <c r="U8491" s="20"/>
      <c r="V8491" s="20"/>
      <c r="W8491" s="20"/>
      <c r="X8491" s="19"/>
      <c r="Y8491" s="19"/>
      <c r="Z8491" s="19"/>
      <c r="AA8491" s="19"/>
    </row>
    <row r="8492" spans="1:27" s="1" customFormat="1" ht="14.1" customHeight="1" outlineLevel="1" x14ac:dyDescent="0.2">
      <c r="A8492" s="17">
        <v>17834</v>
      </c>
      <c r="B8492" s="17"/>
      <c r="C8492" s="17"/>
      <c r="D8492" s="18" t="s">
        <v>4205</v>
      </c>
      <c r="E8492" s="18"/>
      <c r="F8492" s="18"/>
      <c r="G8492" s="18"/>
      <c r="H8492" s="18"/>
      <c r="I8492" s="18"/>
      <c r="J8492" s="18"/>
      <c r="K8492" s="18"/>
      <c r="L8492" s="18"/>
      <c r="M8492" s="18"/>
      <c r="N8492" s="18"/>
      <c r="O8492" s="18"/>
      <c r="P8492" s="19">
        <v>450</v>
      </c>
      <c r="Q8492" s="19"/>
      <c r="R8492" s="19"/>
      <c r="S8492" s="19"/>
      <c r="T8492" s="19">
        <v>300</v>
      </c>
      <c r="U8492" s="19"/>
      <c r="V8492" s="19"/>
      <c r="W8492" s="19"/>
      <c r="X8492" s="19">
        <v>1</v>
      </c>
      <c r="Y8492" s="19"/>
      <c r="Z8492" s="19"/>
      <c r="AA8492" s="19"/>
    </row>
    <row r="8493" spans="1:27" s="1" customFormat="1" ht="14.1" customHeight="1" outlineLevel="1" x14ac:dyDescent="0.2">
      <c r="A8493" s="17"/>
      <c r="B8493" s="17"/>
      <c r="C8493" s="17"/>
      <c r="D8493" s="18"/>
      <c r="E8493" s="18"/>
      <c r="F8493" s="18"/>
      <c r="G8493" s="18"/>
      <c r="H8493" s="18"/>
      <c r="I8493" s="18"/>
      <c r="J8493" s="18"/>
      <c r="K8493" s="18"/>
      <c r="L8493" s="18"/>
      <c r="M8493" s="18"/>
      <c r="N8493" s="18"/>
      <c r="O8493" s="18"/>
      <c r="P8493" s="19"/>
      <c r="Q8493" s="19"/>
      <c r="R8493" s="19"/>
      <c r="S8493" s="19"/>
      <c r="T8493" s="19"/>
      <c r="U8493" s="19"/>
      <c r="V8493" s="19"/>
      <c r="W8493" s="19"/>
      <c r="X8493" s="19"/>
      <c r="Y8493" s="19"/>
      <c r="Z8493" s="19"/>
      <c r="AA8493" s="19"/>
    </row>
    <row r="8494" spans="1:27" s="1" customFormat="1" ht="14.1" customHeight="1" outlineLevel="1" x14ac:dyDescent="0.2">
      <c r="A8494" s="17">
        <v>17842</v>
      </c>
      <c r="B8494" s="17"/>
      <c r="C8494" s="17"/>
      <c r="D8494" s="18" t="s">
        <v>4206</v>
      </c>
      <c r="E8494" s="18"/>
      <c r="F8494" s="18"/>
      <c r="G8494" s="18"/>
      <c r="H8494" s="18"/>
      <c r="I8494" s="18"/>
      <c r="J8494" s="18"/>
      <c r="K8494" s="18"/>
      <c r="L8494" s="18"/>
      <c r="M8494" s="18"/>
      <c r="N8494" s="18"/>
      <c r="O8494" s="18"/>
      <c r="P8494" s="19">
        <v>300</v>
      </c>
      <c r="Q8494" s="19"/>
      <c r="R8494" s="19"/>
      <c r="S8494" s="19"/>
      <c r="T8494" s="19">
        <v>200</v>
      </c>
      <c r="U8494" s="19"/>
      <c r="V8494" s="19"/>
      <c r="W8494" s="19"/>
      <c r="X8494" s="19">
        <v>1</v>
      </c>
      <c r="Y8494" s="19"/>
      <c r="Z8494" s="19"/>
      <c r="AA8494" s="19"/>
    </row>
    <row r="8495" spans="1:27" s="1" customFormat="1" ht="14.1" customHeight="1" outlineLevel="1" x14ac:dyDescent="0.2">
      <c r="A8495" s="17"/>
      <c r="B8495" s="17"/>
      <c r="C8495" s="17"/>
      <c r="D8495" s="18"/>
      <c r="E8495" s="18"/>
      <c r="F8495" s="18"/>
      <c r="G8495" s="18"/>
      <c r="H8495" s="18"/>
      <c r="I8495" s="18"/>
      <c r="J8495" s="18"/>
      <c r="K8495" s="18"/>
      <c r="L8495" s="18"/>
      <c r="M8495" s="18"/>
      <c r="N8495" s="18"/>
      <c r="O8495" s="18"/>
      <c r="P8495" s="19"/>
      <c r="Q8495" s="19"/>
      <c r="R8495" s="19"/>
      <c r="S8495" s="19"/>
      <c r="T8495" s="19"/>
      <c r="U8495" s="19"/>
      <c r="V8495" s="19"/>
      <c r="W8495" s="19"/>
      <c r="X8495" s="19"/>
      <c r="Y8495" s="19"/>
      <c r="Z8495" s="19"/>
      <c r="AA8495" s="19"/>
    </row>
    <row r="8496" spans="1:27" s="1" customFormat="1" ht="14.1" customHeight="1" outlineLevel="1" x14ac:dyDescent="0.2">
      <c r="A8496" s="17">
        <v>16753</v>
      </c>
      <c r="B8496" s="17"/>
      <c r="C8496" s="17"/>
      <c r="D8496" s="18" t="s">
        <v>4207</v>
      </c>
      <c r="E8496" s="18"/>
      <c r="F8496" s="18"/>
      <c r="G8496" s="18"/>
      <c r="H8496" s="18"/>
      <c r="I8496" s="18"/>
      <c r="J8496" s="18"/>
      <c r="K8496" s="18"/>
      <c r="L8496" s="18"/>
      <c r="M8496" s="18"/>
      <c r="N8496" s="18"/>
      <c r="O8496" s="18"/>
      <c r="P8496" s="19">
        <v>500</v>
      </c>
      <c r="Q8496" s="19"/>
      <c r="R8496" s="19"/>
      <c r="S8496" s="19"/>
      <c r="T8496" s="19">
        <v>400</v>
      </c>
      <c r="U8496" s="19"/>
      <c r="V8496" s="19"/>
      <c r="W8496" s="19"/>
      <c r="X8496" s="19">
        <v>2</v>
      </c>
      <c r="Y8496" s="19"/>
      <c r="Z8496" s="19"/>
      <c r="AA8496" s="19"/>
    </row>
    <row r="8497" spans="1:27" s="1" customFormat="1" ht="14.1" customHeight="1" outlineLevel="1" x14ac:dyDescent="0.2">
      <c r="A8497" s="17"/>
      <c r="B8497" s="17"/>
      <c r="C8497" s="17"/>
      <c r="D8497" s="18"/>
      <c r="E8497" s="18"/>
      <c r="F8497" s="18"/>
      <c r="G8497" s="18"/>
      <c r="H8497" s="18"/>
      <c r="I8497" s="18"/>
      <c r="J8497" s="18"/>
      <c r="K8497" s="18"/>
      <c r="L8497" s="18"/>
      <c r="M8497" s="18"/>
      <c r="N8497" s="18"/>
      <c r="O8497" s="18"/>
      <c r="P8497" s="19"/>
      <c r="Q8497" s="19"/>
      <c r="R8497" s="19"/>
      <c r="S8497" s="19"/>
      <c r="T8497" s="19"/>
      <c r="U8497" s="19"/>
      <c r="V8497" s="19"/>
      <c r="W8497" s="19"/>
      <c r="X8497" s="19"/>
      <c r="Y8497" s="19"/>
      <c r="Z8497" s="19"/>
      <c r="AA8497" s="19"/>
    </row>
    <row r="8498" spans="1:27" s="1" customFormat="1" ht="14.1" customHeight="1" outlineLevel="1" x14ac:dyDescent="0.2">
      <c r="A8498" s="17">
        <v>17836</v>
      </c>
      <c r="B8498" s="17"/>
      <c r="C8498" s="17"/>
      <c r="D8498" s="18" t="s">
        <v>4208</v>
      </c>
      <c r="E8498" s="18"/>
      <c r="F8498" s="18"/>
      <c r="G8498" s="18"/>
      <c r="H8498" s="18"/>
      <c r="I8498" s="18"/>
      <c r="J8498" s="18"/>
      <c r="K8498" s="18"/>
      <c r="L8498" s="18"/>
      <c r="M8498" s="18"/>
      <c r="N8498" s="18"/>
      <c r="O8498" s="18"/>
      <c r="P8498" s="20">
        <v>1200</v>
      </c>
      <c r="Q8498" s="20"/>
      <c r="R8498" s="20"/>
      <c r="S8498" s="20"/>
      <c r="T8498" s="19">
        <v>900</v>
      </c>
      <c r="U8498" s="19"/>
      <c r="V8498" s="19"/>
      <c r="W8498" s="19"/>
      <c r="X8498" s="19">
        <v>1</v>
      </c>
      <c r="Y8498" s="19"/>
      <c r="Z8498" s="19"/>
      <c r="AA8498" s="19"/>
    </row>
    <row r="8499" spans="1:27" s="1" customFormat="1" ht="14.1" customHeight="1" outlineLevel="1" x14ac:dyDescent="0.2">
      <c r="A8499" s="17"/>
      <c r="B8499" s="17"/>
      <c r="C8499" s="17"/>
      <c r="D8499" s="18"/>
      <c r="E8499" s="18"/>
      <c r="F8499" s="18"/>
      <c r="G8499" s="18"/>
      <c r="H8499" s="18"/>
      <c r="I8499" s="18"/>
      <c r="J8499" s="18"/>
      <c r="K8499" s="18"/>
      <c r="L8499" s="18"/>
      <c r="M8499" s="18"/>
      <c r="N8499" s="18"/>
      <c r="O8499" s="18"/>
      <c r="P8499" s="20"/>
      <c r="Q8499" s="20"/>
      <c r="R8499" s="20"/>
      <c r="S8499" s="20"/>
      <c r="T8499" s="19"/>
      <c r="U8499" s="19"/>
      <c r="V8499" s="19"/>
      <c r="W8499" s="19"/>
      <c r="X8499" s="19"/>
      <c r="Y8499" s="19"/>
      <c r="Z8499" s="19"/>
      <c r="AA8499" s="19"/>
    </row>
    <row r="8500" spans="1:27" s="1" customFormat="1" ht="14.1" customHeight="1" outlineLevel="1" x14ac:dyDescent="0.2">
      <c r="A8500" s="17">
        <v>16748</v>
      </c>
      <c r="B8500" s="17"/>
      <c r="C8500" s="17"/>
      <c r="D8500" s="18" t="s">
        <v>4209</v>
      </c>
      <c r="E8500" s="18"/>
      <c r="F8500" s="18"/>
      <c r="G8500" s="18"/>
      <c r="H8500" s="18"/>
      <c r="I8500" s="18"/>
      <c r="J8500" s="18"/>
      <c r="K8500" s="18"/>
      <c r="L8500" s="18"/>
      <c r="M8500" s="18"/>
      <c r="N8500" s="18"/>
      <c r="O8500" s="18"/>
      <c r="P8500" s="19">
        <v>500</v>
      </c>
      <c r="Q8500" s="19"/>
      <c r="R8500" s="19"/>
      <c r="S8500" s="19"/>
      <c r="T8500" s="19">
        <v>400</v>
      </c>
      <c r="U8500" s="19"/>
      <c r="V8500" s="19"/>
      <c r="W8500" s="19"/>
      <c r="X8500" s="19">
        <v>1</v>
      </c>
      <c r="Y8500" s="19"/>
      <c r="Z8500" s="19"/>
      <c r="AA8500" s="19"/>
    </row>
    <row r="8501" spans="1:27" s="1" customFormat="1" ht="14.1" customHeight="1" outlineLevel="1" x14ac:dyDescent="0.2">
      <c r="A8501" s="17"/>
      <c r="B8501" s="17"/>
      <c r="C8501" s="17"/>
      <c r="D8501" s="18"/>
      <c r="E8501" s="18"/>
      <c r="F8501" s="18"/>
      <c r="G8501" s="18"/>
      <c r="H8501" s="18"/>
      <c r="I8501" s="18"/>
      <c r="J8501" s="18"/>
      <c r="K8501" s="18"/>
      <c r="L8501" s="18"/>
      <c r="M8501" s="18"/>
      <c r="N8501" s="18"/>
      <c r="O8501" s="18"/>
      <c r="P8501" s="19"/>
      <c r="Q8501" s="19"/>
      <c r="R8501" s="19"/>
      <c r="S8501" s="19"/>
      <c r="T8501" s="19"/>
      <c r="U8501" s="19"/>
      <c r="V8501" s="19"/>
      <c r="W8501" s="19"/>
      <c r="X8501" s="19"/>
      <c r="Y8501" s="19"/>
      <c r="Z8501" s="19"/>
      <c r="AA8501" s="19"/>
    </row>
    <row r="8502" spans="1:27" s="1" customFormat="1" ht="14.1" customHeight="1" outlineLevel="1" x14ac:dyDescent="0.2">
      <c r="A8502" s="17">
        <v>17146</v>
      </c>
      <c r="B8502" s="17"/>
      <c r="C8502" s="17"/>
      <c r="D8502" s="18" t="s">
        <v>4210</v>
      </c>
      <c r="E8502" s="18"/>
      <c r="F8502" s="18"/>
      <c r="G8502" s="18"/>
      <c r="H8502" s="18"/>
      <c r="I8502" s="18"/>
      <c r="J8502" s="18"/>
      <c r="K8502" s="18"/>
      <c r="L8502" s="18"/>
      <c r="M8502" s="18"/>
      <c r="N8502" s="18"/>
      <c r="O8502" s="18"/>
      <c r="P8502" s="19">
        <v>250</v>
      </c>
      <c r="Q8502" s="19"/>
      <c r="R8502" s="19"/>
      <c r="S8502" s="19"/>
      <c r="T8502" s="19">
        <v>170</v>
      </c>
      <c r="U8502" s="19"/>
      <c r="V8502" s="19"/>
      <c r="W8502" s="19"/>
      <c r="X8502" s="19">
        <v>20</v>
      </c>
      <c r="Y8502" s="19"/>
      <c r="Z8502" s="19"/>
      <c r="AA8502" s="19"/>
    </row>
    <row r="8503" spans="1:27" s="1" customFormat="1" ht="14.1" customHeight="1" outlineLevel="1" x14ac:dyDescent="0.2">
      <c r="A8503" s="17"/>
      <c r="B8503" s="17"/>
      <c r="C8503" s="17"/>
      <c r="D8503" s="18"/>
      <c r="E8503" s="18"/>
      <c r="F8503" s="18"/>
      <c r="G8503" s="18"/>
      <c r="H8503" s="18"/>
      <c r="I8503" s="18"/>
      <c r="J8503" s="18"/>
      <c r="K8503" s="18"/>
      <c r="L8503" s="18"/>
      <c r="M8503" s="18"/>
      <c r="N8503" s="18"/>
      <c r="O8503" s="18"/>
      <c r="P8503" s="19"/>
      <c r="Q8503" s="19"/>
      <c r="R8503" s="19"/>
      <c r="S8503" s="19"/>
      <c r="T8503" s="19"/>
      <c r="U8503" s="19"/>
      <c r="V8503" s="19"/>
      <c r="W8503" s="19"/>
      <c r="X8503" s="19"/>
      <c r="Y8503" s="19"/>
      <c r="Z8503" s="19"/>
      <c r="AA8503" s="19"/>
    </row>
    <row r="8504" spans="1:27" s="1" customFormat="1" ht="14.1" customHeight="1" outlineLevel="1" x14ac:dyDescent="0.2">
      <c r="A8504" s="17">
        <v>17150</v>
      </c>
      <c r="B8504" s="17"/>
      <c r="C8504" s="17"/>
      <c r="D8504" s="18" t="s">
        <v>4211</v>
      </c>
      <c r="E8504" s="18"/>
      <c r="F8504" s="18"/>
      <c r="G8504" s="18"/>
      <c r="H8504" s="18"/>
      <c r="I8504" s="18"/>
      <c r="J8504" s="18"/>
      <c r="K8504" s="18"/>
      <c r="L8504" s="18"/>
      <c r="M8504" s="18"/>
      <c r="N8504" s="18"/>
      <c r="O8504" s="18"/>
      <c r="P8504" s="19">
        <v>250</v>
      </c>
      <c r="Q8504" s="19"/>
      <c r="R8504" s="19"/>
      <c r="S8504" s="19"/>
      <c r="T8504" s="19">
        <v>170</v>
      </c>
      <c r="U8504" s="19"/>
      <c r="V8504" s="19"/>
      <c r="W8504" s="19"/>
      <c r="X8504" s="19">
        <v>20</v>
      </c>
      <c r="Y8504" s="19"/>
      <c r="Z8504" s="19"/>
      <c r="AA8504" s="19"/>
    </row>
    <row r="8505" spans="1:27" s="1" customFormat="1" ht="14.1" customHeight="1" outlineLevel="1" x14ac:dyDescent="0.2">
      <c r="A8505" s="17"/>
      <c r="B8505" s="17"/>
      <c r="C8505" s="17"/>
      <c r="D8505" s="18"/>
      <c r="E8505" s="18"/>
      <c r="F8505" s="18"/>
      <c r="G8505" s="18"/>
      <c r="H8505" s="18"/>
      <c r="I8505" s="18"/>
      <c r="J8505" s="18"/>
      <c r="K8505" s="18"/>
      <c r="L8505" s="18"/>
      <c r="M8505" s="18"/>
      <c r="N8505" s="18"/>
      <c r="O8505" s="18"/>
      <c r="P8505" s="19"/>
      <c r="Q8505" s="19"/>
      <c r="R8505" s="19"/>
      <c r="S8505" s="19"/>
      <c r="T8505" s="19"/>
      <c r="U8505" s="19"/>
      <c r="V8505" s="19"/>
      <c r="W8505" s="19"/>
      <c r="X8505" s="19"/>
      <c r="Y8505" s="19"/>
      <c r="Z8505" s="19"/>
      <c r="AA8505" s="19"/>
    </row>
    <row r="8506" spans="1:27" s="1" customFormat="1" ht="14.1" customHeight="1" outlineLevel="1" x14ac:dyDescent="0.2">
      <c r="A8506" s="17">
        <v>17151</v>
      </c>
      <c r="B8506" s="17"/>
      <c r="C8506" s="17"/>
      <c r="D8506" s="18" t="s">
        <v>4212</v>
      </c>
      <c r="E8506" s="18"/>
      <c r="F8506" s="18"/>
      <c r="G8506" s="18"/>
      <c r="H8506" s="18"/>
      <c r="I8506" s="18"/>
      <c r="J8506" s="18"/>
      <c r="K8506" s="18"/>
      <c r="L8506" s="18"/>
      <c r="M8506" s="18"/>
      <c r="N8506" s="18"/>
      <c r="O8506" s="18"/>
      <c r="P8506" s="19">
        <v>250</v>
      </c>
      <c r="Q8506" s="19"/>
      <c r="R8506" s="19"/>
      <c r="S8506" s="19"/>
      <c r="T8506" s="19">
        <v>170</v>
      </c>
      <c r="U8506" s="19"/>
      <c r="V8506" s="19"/>
      <c r="W8506" s="19"/>
      <c r="X8506" s="19">
        <v>20</v>
      </c>
      <c r="Y8506" s="19"/>
      <c r="Z8506" s="19"/>
      <c r="AA8506" s="19"/>
    </row>
    <row r="8507" spans="1:27" s="1" customFormat="1" ht="14.1" customHeight="1" outlineLevel="1" x14ac:dyDescent="0.2">
      <c r="A8507" s="17"/>
      <c r="B8507" s="17"/>
      <c r="C8507" s="17"/>
      <c r="D8507" s="18"/>
      <c r="E8507" s="18"/>
      <c r="F8507" s="18"/>
      <c r="G8507" s="18"/>
      <c r="H8507" s="18"/>
      <c r="I8507" s="18"/>
      <c r="J8507" s="18"/>
      <c r="K8507" s="18"/>
      <c r="L8507" s="18"/>
      <c r="M8507" s="18"/>
      <c r="N8507" s="18"/>
      <c r="O8507" s="18"/>
      <c r="P8507" s="19"/>
      <c r="Q8507" s="19"/>
      <c r="R8507" s="19"/>
      <c r="S8507" s="19"/>
      <c r="T8507" s="19"/>
      <c r="U8507" s="19"/>
      <c r="V8507" s="19"/>
      <c r="W8507" s="19"/>
      <c r="X8507" s="19"/>
      <c r="Y8507" s="19"/>
      <c r="Z8507" s="19"/>
      <c r="AA8507" s="19"/>
    </row>
    <row r="8508" spans="1:27" s="1" customFormat="1" ht="14.1" customHeight="1" outlineLevel="1" x14ac:dyDescent="0.2">
      <c r="A8508" s="17">
        <v>17149</v>
      </c>
      <c r="B8508" s="17"/>
      <c r="C8508" s="17"/>
      <c r="D8508" s="18" t="s">
        <v>4213</v>
      </c>
      <c r="E8508" s="18"/>
      <c r="F8508" s="18"/>
      <c r="G8508" s="18"/>
      <c r="H8508" s="18"/>
      <c r="I8508" s="18"/>
      <c r="J8508" s="18"/>
      <c r="K8508" s="18"/>
      <c r="L8508" s="18"/>
      <c r="M8508" s="18"/>
      <c r="N8508" s="18"/>
      <c r="O8508" s="18"/>
      <c r="P8508" s="19">
        <v>250</v>
      </c>
      <c r="Q8508" s="19"/>
      <c r="R8508" s="19"/>
      <c r="S8508" s="19"/>
      <c r="T8508" s="19">
        <v>170</v>
      </c>
      <c r="U8508" s="19"/>
      <c r="V8508" s="19"/>
      <c r="W8508" s="19"/>
      <c r="X8508" s="19">
        <v>20</v>
      </c>
      <c r="Y8508" s="19"/>
      <c r="Z8508" s="19"/>
      <c r="AA8508" s="19"/>
    </row>
    <row r="8509" spans="1:27" s="1" customFormat="1" ht="14.1" customHeight="1" outlineLevel="1" x14ac:dyDescent="0.2">
      <c r="A8509" s="17"/>
      <c r="B8509" s="17"/>
      <c r="C8509" s="17"/>
      <c r="D8509" s="18"/>
      <c r="E8509" s="18"/>
      <c r="F8509" s="18"/>
      <c r="G8509" s="18"/>
      <c r="H8509" s="18"/>
      <c r="I8509" s="18"/>
      <c r="J8509" s="18"/>
      <c r="K8509" s="18"/>
      <c r="L8509" s="18"/>
      <c r="M8509" s="18"/>
      <c r="N8509" s="18"/>
      <c r="O8509" s="18"/>
      <c r="P8509" s="19"/>
      <c r="Q8509" s="19"/>
      <c r="R8509" s="19"/>
      <c r="S8509" s="19"/>
      <c r="T8509" s="19"/>
      <c r="U8509" s="19"/>
      <c r="V8509" s="19"/>
      <c r="W8509" s="19"/>
      <c r="X8509" s="19"/>
      <c r="Y8509" s="19"/>
      <c r="Z8509" s="19"/>
      <c r="AA8509" s="19"/>
    </row>
    <row r="8510" spans="1:27" s="1" customFormat="1" ht="14.1" customHeight="1" outlineLevel="1" x14ac:dyDescent="0.2">
      <c r="A8510" s="17">
        <v>17139</v>
      </c>
      <c r="B8510" s="17"/>
      <c r="C8510" s="17"/>
      <c r="D8510" s="18" t="s">
        <v>4214</v>
      </c>
      <c r="E8510" s="18"/>
      <c r="F8510" s="18"/>
      <c r="G8510" s="18"/>
      <c r="H8510" s="18"/>
      <c r="I8510" s="18"/>
      <c r="J8510" s="18"/>
      <c r="K8510" s="18"/>
      <c r="L8510" s="18"/>
      <c r="M8510" s="18"/>
      <c r="N8510" s="18"/>
      <c r="O8510" s="18"/>
      <c r="P8510" s="19">
        <v>250</v>
      </c>
      <c r="Q8510" s="19"/>
      <c r="R8510" s="19"/>
      <c r="S8510" s="19"/>
      <c r="T8510" s="19">
        <v>170</v>
      </c>
      <c r="U8510" s="19"/>
      <c r="V8510" s="19"/>
      <c r="W8510" s="19"/>
      <c r="X8510" s="19">
        <v>20</v>
      </c>
      <c r="Y8510" s="19"/>
      <c r="Z8510" s="19"/>
      <c r="AA8510" s="19"/>
    </row>
    <row r="8511" spans="1:27" s="1" customFormat="1" ht="14.1" customHeight="1" outlineLevel="1" x14ac:dyDescent="0.2">
      <c r="A8511" s="17"/>
      <c r="B8511" s="17"/>
      <c r="C8511" s="17"/>
      <c r="D8511" s="18"/>
      <c r="E8511" s="18"/>
      <c r="F8511" s="18"/>
      <c r="G8511" s="18"/>
      <c r="H8511" s="18"/>
      <c r="I8511" s="18"/>
      <c r="J8511" s="18"/>
      <c r="K8511" s="18"/>
      <c r="L8511" s="18"/>
      <c r="M8511" s="18"/>
      <c r="N8511" s="18"/>
      <c r="O8511" s="18"/>
      <c r="P8511" s="19"/>
      <c r="Q8511" s="19"/>
      <c r="R8511" s="19"/>
      <c r="S8511" s="19"/>
      <c r="T8511" s="19"/>
      <c r="U8511" s="19"/>
      <c r="V8511" s="19"/>
      <c r="W8511" s="19"/>
      <c r="X8511" s="19"/>
      <c r="Y8511" s="19"/>
      <c r="Z8511" s="19"/>
      <c r="AA8511" s="19"/>
    </row>
    <row r="8512" spans="1:27" s="1" customFormat="1" ht="14.1" customHeight="1" outlineLevel="1" x14ac:dyDescent="0.2">
      <c r="A8512" s="17">
        <v>17142</v>
      </c>
      <c r="B8512" s="17"/>
      <c r="C8512" s="17"/>
      <c r="D8512" s="18" t="s">
        <v>4215</v>
      </c>
      <c r="E8512" s="18"/>
      <c r="F8512" s="18"/>
      <c r="G8512" s="18"/>
      <c r="H8512" s="18"/>
      <c r="I8512" s="18"/>
      <c r="J8512" s="18"/>
      <c r="K8512" s="18"/>
      <c r="L8512" s="18"/>
      <c r="M8512" s="18"/>
      <c r="N8512" s="18"/>
      <c r="O8512" s="18"/>
      <c r="P8512" s="19">
        <v>250</v>
      </c>
      <c r="Q8512" s="19"/>
      <c r="R8512" s="19"/>
      <c r="S8512" s="19"/>
      <c r="T8512" s="19">
        <v>170</v>
      </c>
      <c r="U8512" s="19"/>
      <c r="V8512" s="19"/>
      <c r="W8512" s="19"/>
      <c r="X8512" s="19">
        <v>20</v>
      </c>
      <c r="Y8512" s="19"/>
      <c r="Z8512" s="19"/>
      <c r="AA8512" s="19"/>
    </row>
    <row r="8513" spans="1:27" s="1" customFormat="1" ht="14.1" customHeight="1" outlineLevel="1" x14ac:dyDescent="0.2">
      <c r="A8513" s="17"/>
      <c r="B8513" s="17"/>
      <c r="C8513" s="17"/>
      <c r="D8513" s="18"/>
      <c r="E8513" s="18"/>
      <c r="F8513" s="18"/>
      <c r="G8513" s="18"/>
      <c r="H8513" s="18"/>
      <c r="I8513" s="18"/>
      <c r="J8513" s="18"/>
      <c r="K8513" s="18"/>
      <c r="L8513" s="18"/>
      <c r="M8513" s="18"/>
      <c r="N8513" s="18"/>
      <c r="O8513" s="18"/>
      <c r="P8513" s="19"/>
      <c r="Q8513" s="19"/>
      <c r="R8513" s="19"/>
      <c r="S8513" s="19"/>
      <c r="T8513" s="19"/>
      <c r="U8513" s="19"/>
      <c r="V8513" s="19"/>
      <c r="W8513" s="19"/>
      <c r="X8513" s="19"/>
      <c r="Y8513" s="19"/>
      <c r="Z8513" s="19"/>
      <c r="AA8513" s="19"/>
    </row>
    <row r="8514" spans="1:27" s="1" customFormat="1" ht="14.1" customHeight="1" outlineLevel="1" x14ac:dyDescent="0.2">
      <c r="A8514" s="17">
        <v>17155</v>
      </c>
      <c r="B8514" s="17"/>
      <c r="C8514" s="17"/>
      <c r="D8514" s="18" t="s">
        <v>4216</v>
      </c>
      <c r="E8514" s="18"/>
      <c r="F8514" s="18"/>
      <c r="G8514" s="18"/>
      <c r="H8514" s="18"/>
      <c r="I8514" s="18"/>
      <c r="J8514" s="18"/>
      <c r="K8514" s="18"/>
      <c r="L8514" s="18"/>
      <c r="M8514" s="18"/>
      <c r="N8514" s="18"/>
      <c r="O8514" s="18"/>
      <c r="P8514" s="19">
        <v>250</v>
      </c>
      <c r="Q8514" s="19"/>
      <c r="R8514" s="19"/>
      <c r="S8514" s="19"/>
      <c r="T8514" s="19">
        <v>170</v>
      </c>
      <c r="U8514" s="19"/>
      <c r="V8514" s="19"/>
      <c r="W8514" s="19"/>
      <c r="X8514" s="19">
        <v>15</v>
      </c>
      <c r="Y8514" s="19"/>
      <c r="Z8514" s="19"/>
      <c r="AA8514" s="19"/>
    </row>
    <row r="8515" spans="1:27" s="1" customFormat="1" ht="14.1" customHeight="1" outlineLevel="1" x14ac:dyDescent="0.2">
      <c r="A8515" s="17"/>
      <c r="B8515" s="17"/>
      <c r="C8515" s="17"/>
      <c r="D8515" s="18"/>
      <c r="E8515" s="18"/>
      <c r="F8515" s="18"/>
      <c r="G8515" s="18"/>
      <c r="H8515" s="18"/>
      <c r="I8515" s="18"/>
      <c r="J8515" s="18"/>
      <c r="K8515" s="18"/>
      <c r="L8515" s="18"/>
      <c r="M8515" s="18"/>
      <c r="N8515" s="18"/>
      <c r="O8515" s="18"/>
      <c r="P8515" s="19"/>
      <c r="Q8515" s="19"/>
      <c r="R8515" s="19"/>
      <c r="S8515" s="19"/>
      <c r="T8515" s="19"/>
      <c r="U8515" s="19"/>
      <c r="V8515" s="19"/>
      <c r="W8515" s="19"/>
      <c r="X8515" s="19"/>
      <c r="Y8515" s="19"/>
      <c r="Z8515" s="19"/>
      <c r="AA8515" s="19"/>
    </row>
    <row r="8516" spans="1:27" s="1" customFormat="1" ht="14.1" customHeight="1" outlineLevel="1" x14ac:dyDescent="0.2">
      <c r="A8516" s="17">
        <v>17148</v>
      </c>
      <c r="B8516" s="17"/>
      <c r="C8516" s="17"/>
      <c r="D8516" s="18" t="s">
        <v>4217</v>
      </c>
      <c r="E8516" s="18"/>
      <c r="F8516" s="18"/>
      <c r="G8516" s="18"/>
      <c r="H8516" s="18"/>
      <c r="I8516" s="18"/>
      <c r="J8516" s="18"/>
      <c r="K8516" s="18"/>
      <c r="L8516" s="18"/>
      <c r="M8516" s="18"/>
      <c r="N8516" s="18"/>
      <c r="O8516" s="18"/>
      <c r="P8516" s="19">
        <v>250</v>
      </c>
      <c r="Q8516" s="19"/>
      <c r="R8516" s="19"/>
      <c r="S8516" s="19"/>
      <c r="T8516" s="19">
        <v>170</v>
      </c>
      <c r="U8516" s="19"/>
      <c r="V8516" s="19"/>
      <c r="W8516" s="19"/>
      <c r="X8516" s="19">
        <v>20</v>
      </c>
      <c r="Y8516" s="19"/>
      <c r="Z8516" s="19"/>
      <c r="AA8516" s="19"/>
    </row>
    <row r="8517" spans="1:27" s="1" customFormat="1" ht="14.1" customHeight="1" outlineLevel="1" x14ac:dyDescent="0.2">
      <c r="A8517" s="17"/>
      <c r="B8517" s="17"/>
      <c r="C8517" s="17"/>
      <c r="D8517" s="18"/>
      <c r="E8517" s="18"/>
      <c r="F8517" s="18"/>
      <c r="G8517" s="18"/>
      <c r="H8517" s="18"/>
      <c r="I8517" s="18"/>
      <c r="J8517" s="18"/>
      <c r="K8517" s="18"/>
      <c r="L8517" s="18"/>
      <c r="M8517" s="18"/>
      <c r="N8517" s="18"/>
      <c r="O8517" s="18"/>
      <c r="P8517" s="19"/>
      <c r="Q8517" s="19"/>
      <c r="R8517" s="19"/>
      <c r="S8517" s="19"/>
      <c r="T8517" s="19"/>
      <c r="U8517" s="19"/>
      <c r="V8517" s="19"/>
      <c r="W8517" s="19"/>
      <c r="X8517" s="19"/>
      <c r="Y8517" s="19"/>
      <c r="Z8517" s="19"/>
      <c r="AA8517" s="19"/>
    </row>
    <row r="8518" spans="1:27" s="1" customFormat="1" ht="14.1" customHeight="1" outlineLevel="1" x14ac:dyDescent="0.2">
      <c r="A8518" s="17">
        <v>17143</v>
      </c>
      <c r="B8518" s="17"/>
      <c r="C8518" s="17"/>
      <c r="D8518" s="18" t="s">
        <v>4218</v>
      </c>
      <c r="E8518" s="18"/>
      <c r="F8518" s="18"/>
      <c r="G8518" s="18"/>
      <c r="H8518" s="18"/>
      <c r="I8518" s="18"/>
      <c r="J8518" s="18"/>
      <c r="K8518" s="18"/>
      <c r="L8518" s="18"/>
      <c r="M8518" s="18"/>
      <c r="N8518" s="18"/>
      <c r="O8518" s="18"/>
      <c r="P8518" s="19">
        <v>250</v>
      </c>
      <c r="Q8518" s="19"/>
      <c r="R8518" s="19"/>
      <c r="S8518" s="19"/>
      <c r="T8518" s="19">
        <v>170</v>
      </c>
      <c r="U8518" s="19"/>
      <c r="V8518" s="19"/>
      <c r="W8518" s="19"/>
      <c r="X8518" s="19">
        <v>20</v>
      </c>
      <c r="Y8518" s="19"/>
      <c r="Z8518" s="19"/>
      <c r="AA8518" s="19"/>
    </row>
    <row r="8519" spans="1:27" s="1" customFormat="1" ht="14.1" customHeight="1" outlineLevel="1" x14ac:dyDescent="0.2">
      <c r="A8519" s="17"/>
      <c r="B8519" s="17"/>
      <c r="C8519" s="17"/>
      <c r="D8519" s="18"/>
      <c r="E8519" s="18"/>
      <c r="F8519" s="18"/>
      <c r="G8519" s="18"/>
      <c r="H8519" s="18"/>
      <c r="I8519" s="18"/>
      <c r="J8519" s="18"/>
      <c r="K8519" s="18"/>
      <c r="L8519" s="18"/>
      <c r="M8519" s="18"/>
      <c r="N8519" s="18"/>
      <c r="O8519" s="18"/>
      <c r="P8519" s="19"/>
      <c r="Q8519" s="19"/>
      <c r="R8519" s="19"/>
      <c r="S8519" s="19"/>
      <c r="T8519" s="19"/>
      <c r="U8519" s="19"/>
      <c r="V8519" s="19"/>
      <c r="W8519" s="19"/>
      <c r="X8519" s="19"/>
      <c r="Y8519" s="19"/>
      <c r="Z8519" s="19"/>
      <c r="AA8519" s="19"/>
    </row>
    <row r="8520" spans="1:27" s="1" customFormat="1" ht="14.1" customHeight="1" outlineLevel="1" x14ac:dyDescent="0.2">
      <c r="A8520" s="17">
        <v>17147</v>
      </c>
      <c r="B8520" s="17"/>
      <c r="C8520" s="17"/>
      <c r="D8520" s="18" t="s">
        <v>4219</v>
      </c>
      <c r="E8520" s="18"/>
      <c r="F8520" s="18"/>
      <c r="G8520" s="18"/>
      <c r="H8520" s="18"/>
      <c r="I8520" s="18"/>
      <c r="J8520" s="18"/>
      <c r="K8520" s="18"/>
      <c r="L8520" s="18"/>
      <c r="M8520" s="18"/>
      <c r="N8520" s="18"/>
      <c r="O8520" s="18"/>
      <c r="P8520" s="19">
        <v>250</v>
      </c>
      <c r="Q8520" s="19"/>
      <c r="R8520" s="19"/>
      <c r="S8520" s="19"/>
      <c r="T8520" s="19">
        <v>170</v>
      </c>
      <c r="U8520" s="19"/>
      <c r="V8520" s="19"/>
      <c r="W8520" s="19"/>
      <c r="X8520" s="19">
        <v>20</v>
      </c>
      <c r="Y8520" s="19"/>
      <c r="Z8520" s="19"/>
      <c r="AA8520" s="19"/>
    </row>
    <row r="8521" spans="1:27" s="1" customFormat="1" ht="14.1" customHeight="1" outlineLevel="1" x14ac:dyDescent="0.2">
      <c r="A8521" s="17"/>
      <c r="B8521" s="17"/>
      <c r="C8521" s="17"/>
      <c r="D8521" s="18"/>
      <c r="E8521" s="18"/>
      <c r="F8521" s="18"/>
      <c r="G8521" s="18"/>
      <c r="H8521" s="18"/>
      <c r="I8521" s="18"/>
      <c r="J8521" s="18"/>
      <c r="K8521" s="18"/>
      <c r="L8521" s="18"/>
      <c r="M8521" s="18"/>
      <c r="N8521" s="18"/>
      <c r="O8521" s="18"/>
      <c r="P8521" s="19"/>
      <c r="Q8521" s="19"/>
      <c r="R8521" s="19"/>
      <c r="S8521" s="19"/>
      <c r="T8521" s="19"/>
      <c r="U8521" s="19"/>
      <c r="V8521" s="19"/>
      <c r="W8521" s="19"/>
      <c r="X8521" s="19"/>
      <c r="Y8521" s="19"/>
      <c r="Z8521" s="19"/>
      <c r="AA8521" s="19"/>
    </row>
    <row r="8522" spans="1:27" s="1" customFormat="1" ht="14.1" customHeight="1" outlineLevel="1" x14ac:dyDescent="0.2">
      <c r="A8522" s="17">
        <v>17144</v>
      </c>
      <c r="B8522" s="17"/>
      <c r="C8522" s="17"/>
      <c r="D8522" s="18" t="s">
        <v>4220</v>
      </c>
      <c r="E8522" s="18"/>
      <c r="F8522" s="18"/>
      <c r="G8522" s="18"/>
      <c r="H8522" s="18"/>
      <c r="I8522" s="18"/>
      <c r="J8522" s="18"/>
      <c r="K8522" s="18"/>
      <c r="L8522" s="18"/>
      <c r="M8522" s="18"/>
      <c r="N8522" s="18"/>
      <c r="O8522" s="18"/>
      <c r="P8522" s="19">
        <v>250</v>
      </c>
      <c r="Q8522" s="19"/>
      <c r="R8522" s="19"/>
      <c r="S8522" s="19"/>
      <c r="T8522" s="19">
        <v>170</v>
      </c>
      <c r="U8522" s="19"/>
      <c r="V8522" s="19"/>
      <c r="W8522" s="19"/>
      <c r="X8522" s="19">
        <v>20</v>
      </c>
      <c r="Y8522" s="19"/>
      <c r="Z8522" s="19"/>
      <c r="AA8522" s="19"/>
    </row>
    <row r="8523" spans="1:27" s="1" customFormat="1" ht="14.1" customHeight="1" outlineLevel="1" x14ac:dyDescent="0.2">
      <c r="A8523" s="17"/>
      <c r="B8523" s="17"/>
      <c r="C8523" s="17"/>
      <c r="D8523" s="18"/>
      <c r="E8523" s="18"/>
      <c r="F8523" s="18"/>
      <c r="G8523" s="18"/>
      <c r="H8523" s="18"/>
      <c r="I8523" s="18"/>
      <c r="J8523" s="18"/>
      <c r="K8523" s="18"/>
      <c r="L8523" s="18"/>
      <c r="M8523" s="18"/>
      <c r="N8523" s="18"/>
      <c r="O8523" s="18"/>
      <c r="P8523" s="19"/>
      <c r="Q8523" s="19"/>
      <c r="R8523" s="19"/>
      <c r="S8523" s="19"/>
      <c r="T8523" s="19"/>
      <c r="U8523" s="19"/>
      <c r="V8523" s="19"/>
      <c r="W8523" s="19"/>
      <c r="X8523" s="19"/>
      <c r="Y8523" s="19"/>
      <c r="Z8523" s="19"/>
      <c r="AA8523" s="19"/>
    </row>
    <row r="8524" spans="1:27" s="1" customFormat="1" ht="14.1" customHeight="1" outlineLevel="1" x14ac:dyDescent="0.2">
      <c r="A8524" s="17">
        <v>17153</v>
      </c>
      <c r="B8524" s="17"/>
      <c r="C8524" s="17"/>
      <c r="D8524" s="18" t="s">
        <v>4221</v>
      </c>
      <c r="E8524" s="18"/>
      <c r="F8524" s="18"/>
      <c r="G8524" s="18"/>
      <c r="H8524" s="18"/>
      <c r="I8524" s="18"/>
      <c r="J8524" s="18"/>
      <c r="K8524" s="18"/>
      <c r="L8524" s="18"/>
      <c r="M8524" s="18"/>
      <c r="N8524" s="18"/>
      <c r="O8524" s="18"/>
      <c r="P8524" s="19">
        <v>250</v>
      </c>
      <c r="Q8524" s="19"/>
      <c r="R8524" s="19"/>
      <c r="S8524" s="19"/>
      <c r="T8524" s="19">
        <v>170</v>
      </c>
      <c r="U8524" s="19"/>
      <c r="V8524" s="19"/>
      <c r="W8524" s="19"/>
      <c r="X8524" s="19">
        <v>20</v>
      </c>
      <c r="Y8524" s="19"/>
      <c r="Z8524" s="19"/>
      <c r="AA8524" s="19"/>
    </row>
    <row r="8525" spans="1:27" s="1" customFormat="1" ht="14.1" customHeight="1" outlineLevel="1" x14ac:dyDescent="0.2">
      <c r="A8525" s="17"/>
      <c r="B8525" s="17"/>
      <c r="C8525" s="17"/>
      <c r="D8525" s="18"/>
      <c r="E8525" s="18"/>
      <c r="F8525" s="18"/>
      <c r="G8525" s="18"/>
      <c r="H8525" s="18"/>
      <c r="I8525" s="18"/>
      <c r="J8525" s="18"/>
      <c r="K8525" s="18"/>
      <c r="L8525" s="18"/>
      <c r="M8525" s="18"/>
      <c r="N8525" s="18"/>
      <c r="O8525" s="18"/>
      <c r="P8525" s="19"/>
      <c r="Q8525" s="19"/>
      <c r="R8525" s="19"/>
      <c r="S8525" s="19"/>
      <c r="T8525" s="19"/>
      <c r="U8525" s="19"/>
      <c r="V8525" s="19"/>
      <c r="W8525" s="19"/>
      <c r="X8525" s="19"/>
      <c r="Y8525" s="19"/>
      <c r="Z8525" s="19"/>
      <c r="AA8525" s="19"/>
    </row>
    <row r="8526" spans="1:27" s="1" customFormat="1" ht="14.1" customHeight="1" outlineLevel="1" x14ac:dyDescent="0.2">
      <c r="A8526" s="17">
        <v>17141</v>
      </c>
      <c r="B8526" s="17"/>
      <c r="C8526" s="17"/>
      <c r="D8526" s="18" t="s">
        <v>4222</v>
      </c>
      <c r="E8526" s="18"/>
      <c r="F8526" s="18"/>
      <c r="G8526" s="18"/>
      <c r="H8526" s="18"/>
      <c r="I8526" s="18"/>
      <c r="J8526" s="18"/>
      <c r="K8526" s="18"/>
      <c r="L8526" s="18"/>
      <c r="M8526" s="18"/>
      <c r="N8526" s="18"/>
      <c r="O8526" s="18"/>
      <c r="P8526" s="19">
        <v>250</v>
      </c>
      <c r="Q8526" s="19"/>
      <c r="R8526" s="19"/>
      <c r="S8526" s="19"/>
      <c r="T8526" s="19">
        <v>170</v>
      </c>
      <c r="U8526" s="19"/>
      <c r="V8526" s="19"/>
      <c r="W8526" s="19"/>
      <c r="X8526" s="19">
        <v>20</v>
      </c>
      <c r="Y8526" s="19"/>
      <c r="Z8526" s="19"/>
      <c r="AA8526" s="19"/>
    </row>
    <row r="8527" spans="1:27" s="1" customFormat="1" ht="14.1" customHeight="1" outlineLevel="1" x14ac:dyDescent="0.2">
      <c r="A8527" s="17"/>
      <c r="B8527" s="17"/>
      <c r="C8527" s="17"/>
      <c r="D8527" s="18"/>
      <c r="E8527" s="18"/>
      <c r="F8527" s="18"/>
      <c r="G8527" s="18"/>
      <c r="H8527" s="18"/>
      <c r="I8527" s="18"/>
      <c r="J8527" s="18"/>
      <c r="K8527" s="18"/>
      <c r="L8527" s="18"/>
      <c r="M8527" s="18"/>
      <c r="N8527" s="18"/>
      <c r="O8527" s="18"/>
      <c r="P8527" s="19"/>
      <c r="Q8527" s="19"/>
      <c r="R8527" s="19"/>
      <c r="S8527" s="19"/>
      <c r="T8527" s="19"/>
      <c r="U8527" s="19"/>
      <c r="V8527" s="19"/>
      <c r="W8527" s="19"/>
      <c r="X8527" s="19"/>
      <c r="Y8527" s="19"/>
      <c r="Z8527" s="19"/>
      <c r="AA8527" s="19"/>
    </row>
    <row r="8528" spans="1:27" s="1" customFormat="1" ht="14.1" customHeight="1" outlineLevel="1" x14ac:dyDescent="0.2">
      <c r="A8528" s="17">
        <v>17152</v>
      </c>
      <c r="B8528" s="17"/>
      <c r="C8528" s="17"/>
      <c r="D8528" s="18" t="s">
        <v>4223</v>
      </c>
      <c r="E8528" s="18"/>
      <c r="F8528" s="18"/>
      <c r="G8528" s="18"/>
      <c r="H8528" s="18"/>
      <c r="I8528" s="18"/>
      <c r="J8528" s="18"/>
      <c r="K8528" s="18"/>
      <c r="L8528" s="18"/>
      <c r="M8528" s="18"/>
      <c r="N8528" s="18"/>
      <c r="O8528" s="18"/>
      <c r="P8528" s="19">
        <v>250</v>
      </c>
      <c r="Q8528" s="19"/>
      <c r="R8528" s="19"/>
      <c r="S8528" s="19"/>
      <c r="T8528" s="19">
        <v>170</v>
      </c>
      <c r="U8528" s="19"/>
      <c r="V8528" s="19"/>
      <c r="W8528" s="19"/>
      <c r="X8528" s="19">
        <v>20</v>
      </c>
      <c r="Y8528" s="19"/>
      <c r="Z8528" s="19"/>
      <c r="AA8528" s="19"/>
    </row>
    <row r="8529" spans="1:27" s="1" customFormat="1" ht="14.1" customHeight="1" outlineLevel="1" x14ac:dyDescent="0.2">
      <c r="A8529" s="17"/>
      <c r="B8529" s="17"/>
      <c r="C8529" s="17"/>
      <c r="D8529" s="18"/>
      <c r="E8529" s="18"/>
      <c r="F8529" s="18"/>
      <c r="G8529" s="18"/>
      <c r="H8529" s="18"/>
      <c r="I8529" s="18"/>
      <c r="J8529" s="18"/>
      <c r="K8529" s="18"/>
      <c r="L8529" s="18"/>
      <c r="M8529" s="18"/>
      <c r="N8529" s="18"/>
      <c r="O8529" s="18"/>
      <c r="P8529" s="19"/>
      <c r="Q8529" s="19"/>
      <c r="R8529" s="19"/>
      <c r="S8529" s="19"/>
      <c r="T8529" s="19"/>
      <c r="U8529" s="19"/>
      <c r="V8529" s="19"/>
      <c r="W8529" s="19"/>
      <c r="X8529" s="19"/>
      <c r="Y8529" s="19"/>
      <c r="Z8529" s="19"/>
      <c r="AA8529" s="19"/>
    </row>
    <row r="8530" spans="1:27" s="1" customFormat="1" ht="14.1" customHeight="1" outlineLevel="1" x14ac:dyDescent="0.2">
      <c r="A8530" s="17">
        <v>17145</v>
      </c>
      <c r="B8530" s="17"/>
      <c r="C8530" s="17"/>
      <c r="D8530" s="18" t="s">
        <v>4224</v>
      </c>
      <c r="E8530" s="18"/>
      <c r="F8530" s="18"/>
      <c r="G8530" s="18"/>
      <c r="H8530" s="18"/>
      <c r="I8530" s="18"/>
      <c r="J8530" s="18"/>
      <c r="K8530" s="18"/>
      <c r="L8530" s="18"/>
      <c r="M8530" s="18"/>
      <c r="N8530" s="18"/>
      <c r="O8530" s="18"/>
      <c r="P8530" s="19">
        <v>250</v>
      </c>
      <c r="Q8530" s="19"/>
      <c r="R8530" s="19"/>
      <c r="S8530" s="19"/>
      <c r="T8530" s="19">
        <v>170</v>
      </c>
      <c r="U8530" s="19"/>
      <c r="V8530" s="19"/>
      <c r="W8530" s="19"/>
      <c r="X8530" s="19">
        <v>40</v>
      </c>
      <c r="Y8530" s="19"/>
      <c r="Z8530" s="19"/>
      <c r="AA8530" s="19"/>
    </row>
    <row r="8531" spans="1:27" s="1" customFormat="1" ht="14.1" customHeight="1" outlineLevel="1" x14ac:dyDescent="0.2">
      <c r="A8531" s="17"/>
      <c r="B8531" s="17"/>
      <c r="C8531" s="17"/>
      <c r="D8531" s="18"/>
      <c r="E8531" s="18"/>
      <c r="F8531" s="18"/>
      <c r="G8531" s="18"/>
      <c r="H8531" s="18"/>
      <c r="I8531" s="18"/>
      <c r="J8531" s="18"/>
      <c r="K8531" s="18"/>
      <c r="L8531" s="18"/>
      <c r="M8531" s="18"/>
      <c r="N8531" s="18"/>
      <c r="O8531" s="18"/>
      <c r="P8531" s="19"/>
      <c r="Q8531" s="19"/>
      <c r="R8531" s="19"/>
      <c r="S8531" s="19"/>
      <c r="T8531" s="19"/>
      <c r="U8531" s="19"/>
      <c r="V8531" s="19"/>
      <c r="W8531" s="19"/>
      <c r="X8531" s="19"/>
      <c r="Y8531" s="19"/>
      <c r="Z8531" s="19"/>
      <c r="AA8531" s="19"/>
    </row>
    <row r="8532" spans="1:27" s="1" customFormat="1" ht="14.1" customHeight="1" outlineLevel="1" x14ac:dyDescent="0.2">
      <c r="A8532" s="17">
        <v>17138</v>
      </c>
      <c r="B8532" s="17"/>
      <c r="C8532" s="17"/>
      <c r="D8532" s="18" t="s">
        <v>4225</v>
      </c>
      <c r="E8532" s="18"/>
      <c r="F8532" s="18"/>
      <c r="G8532" s="18"/>
      <c r="H8532" s="18"/>
      <c r="I8532" s="18"/>
      <c r="J8532" s="18"/>
      <c r="K8532" s="18"/>
      <c r="L8532" s="18"/>
      <c r="M8532" s="18"/>
      <c r="N8532" s="18"/>
      <c r="O8532" s="18"/>
      <c r="P8532" s="19">
        <v>250</v>
      </c>
      <c r="Q8532" s="19"/>
      <c r="R8532" s="19"/>
      <c r="S8532" s="19"/>
      <c r="T8532" s="19">
        <v>170</v>
      </c>
      <c r="U8532" s="19"/>
      <c r="V8532" s="19"/>
      <c r="W8532" s="19"/>
      <c r="X8532" s="19">
        <v>20</v>
      </c>
      <c r="Y8532" s="19"/>
      <c r="Z8532" s="19"/>
      <c r="AA8532" s="19"/>
    </row>
    <row r="8533" spans="1:27" s="1" customFormat="1" ht="14.1" customHeight="1" outlineLevel="1" x14ac:dyDescent="0.2">
      <c r="A8533" s="17"/>
      <c r="B8533" s="17"/>
      <c r="C8533" s="17"/>
      <c r="D8533" s="18"/>
      <c r="E8533" s="18"/>
      <c r="F8533" s="18"/>
      <c r="G8533" s="18"/>
      <c r="H8533" s="18"/>
      <c r="I8533" s="18"/>
      <c r="J8533" s="18"/>
      <c r="K8533" s="18"/>
      <c r="L8533" s="18"/>
      <c r="M8533" s="18"/>
      <c r="N8533" s="18"/>
      <c r="O8533" s="18"/>
      <c r="P8533" s="19"/>
      <c r="Q8533" s="19"/>
      <c r="R8533" s="19"/>
      <c r="S8533" s="19"/>
      <c r="T8533" s="19"/>
      <c r="U8533" s="19"/>
      <c r="V8533" s="19"/>
      <c r="W8533" s="19"/>
      <c r="X8533" s="19"/>
      <c r="Y8533" s="19"/>
      <c r="Z8533" s="19"/>
      <c r="AA8533" s="19"/>
    </row>
    <row r="8534" spans="1:27" s="1" customFormat="1" ht="14.1" customHeight="1" outlineLevel="1" x14ac:dyDescent="0.2">
      <c r="A8534" s="17">
        <v>17137</v>
      </c>
      <c r="B8534" s="17"/>
      <c r="C8534" s="17"/>
      <c r="D8534" s="18" t="s">
        <v>4226</v>
      </c>
      <c r="E8534" s="18"/>
      <c r="F8534" s="18"/>
      <c r="G8534" s="18"/>
      <c r="H8534" s="18"/>
      <c r="I8534" s="18"/>
      <c r="J8534" s="18"/>
      <c r="K8534" s="18"/>
      <c r="L8534" s="18"/>
      <c r="M8534" s="18"/>
      <c r="N8534" s="18"/>
      <c r="O8534" s="18"/>
      <c r="P8534" s="19">
        <v>250</v>
      </c>
      <c r="Q8534" s="19"/>
      <c r="R8534" s="19"/>
      <c r="S8534" s="19"/>
      <c r="T8534" s="19">
        <v>170</v>
      </c>
      <c r="U8534" s="19"/>
      <c r="V8534" s="19"/>
      <c r="W8534" s="19"/>
      <c r="X8534" s="19">
        <v>20</v>
      </c>
      <c r="Y8534" s="19"/>
      <c r="Z8534" s="19"/>
      <c r="AA8534" s="19"/>
    </row>
    <row r="8535" spans="1:27" s="1" customFormat="1" ht="14.1" customHeight="1" outlineLevel="1" x14ac:dyDescent="0.2">
      <c r="A8535" s="17"/>
      <c r="B8535" s="17"/>
      <c r="C8535" s="17"/>
      <c r="D8535" s="18"/>
      <c r="E8535" s="18"/>
      <c r="F8535" s="18"/>
      <c r="G8535" s="18"/>
      <c r="H8535" s="18"/>
      <c r="I8535" s="18"/>
      <c r="J8535" s="18"/>
      <c r="K8535" s="18"/>
      <c r="L8535" s="18"/>
      <c r="M8535" s="18"/>
      <c r="N8535" s="18"/>
      <c r="O8535" s="18"/>
      <c r="P8535" s="19"/>
      <c r="Q8535" s="19"/>
      <c r="R8535" s="19"/>
      <c r="S8535" s="19"/>
      <c r="T8535" s="19"/>
      <c r="U8535" s="19"/>
      <c r="V8535" s="19"/>
      <c r="W8535" s="19"/>
      <c r="X8535" s="19"/>
      <c r="Y8535" s="19"/>
      <c r="Z8535" s="19"/>
      <c r="AA8535" s="19"/>
    </row>
    <row r="8536" spans="1:27" s="1" customFormat="1" ht="14.1" customHeight="1" outlineLevel="1" x14ac:dyDescent="0.2">
      <c r="A8536" s="17">
        <v>17140</v>
      </c>
      <c r="B8536" s="17"/>
      <c r="C8536" s="17"/>
      <c r="D8536" s="18" t="s">
        <v>4227</v>
      </c>
      <c r="E8536" s="18"/>
      <c r="F8536" s="18"/>
      <c r="G8536" s="18"/>
      <c r="H8536" s="18"/>
      <c r="I8536" s="18"/>
      <c r="J8536" s="18"/>
      <c r="K8536" s="18"/>
      <c r="L8536" s="18"/>
      <c r="M8536" s="18"/>
      <c r="N8536" s="18"/>
      <c r="O8536" s="18"/>
      <c r="P8536" s="19">
        <v>250</v>
      </c>
      <c r="Q8536" s="19"/>
      <c r="R8536" s="19"/>
      <c r="S8536" s="19"/>
      <c r="T8536" s="19">
        <v>170</v>
      </c>
      <c r="U8536" s="19"/>
      <c r="V8536" s="19"/>
      <c r="W8536" s="19"/>
      <c r="X8536" s="19">
        <v>20</v>
      </c>
      <c r="Y8536" s="19"/>
      <c r="Z8536" s="19"/>
      <c r="AA8536" s="19"/>
    </row>
    <row r="8537" spans="1:27" s="1" customFormat="1" ht="14.1" customHeight="1" outlineLevel="1" x14ac:dyDescent="0.2">
      <c r="A8537" s="17"/>
      <c r="B8537" s="17"/>
      <c r="C8537" s="17"/>
      <c r="D8537" s="18"/>
      <c r="E8537" s="18"/>
      <c r="F8537" s="18"/>
      <c r="G8537" s="18"/>
      <c r="H8537" s="18"/>
      <c r="I8537" s="18"/>
      <c r="J8537" s="18"/>
      <c r="K8537" s="18"/>
      <c r="L8537" s="18"/>
      <c r="M8537" s="18"/>
      <c r="N8537" s="18"/>
      <c r="O8537" s="18"/>
      <c r="P8537" s="19"/>
      <c r="Q8537" s="19"/>
      <c r="R8537" s="19"/>
      <c r="S8537" s="19"/>
      <c r="T8537" s="19"/>
      <c r="U8537" s="19"/>
      <c r="V8537" s="19"/>
      <c r="W8537" s="19"/>
      <c r="X8537" s="19"/>
      <c r="Y8537" s="19"/>
      <c r="Z8537" s="19"/>
      <c r="AA8537" s="19"/>
    </row>
    <row r="8538" spans="1:27" s="1" customFormat="1" ht="14.1" customHeight="1" outlineLevel="1" x14ac:dyDescent="0.2">
      <c r="A8538" s="17">
        <v>17156</v>
      </c>
      <c r="B8538" s="17"/>
      <c r="C8538" s="17"/>
      <c r="D8538" s="18" t="s">
        <v>4228</v>
      </c>
      <c r="E8538" s="18"/>
      <c r="F8538" s="18"/>
      <c r="G8538" s="18"/>
      <c r="H8538" s="18"/>
      <c r="I8538" s="18"/>
      <c r="J8538" s="18"/>
      <c r="K8538" s="18"/>
      <c r="L8538" s="18"/>
      <c r="M8538" s="18"/>
      <c r="N8538" s="18"/>
      <c r="O8538" s="18"/>
      <c r="P8538" s="19">
        <v>250</v>
      </c>
      <c r="Q8538" s="19"/>
      <c r="R8538" s="19"/>
      <c r="S8538" s="19"/>
      <c r="T8538" s="19">
        <v>170</v>
      </c>
      <c r="U8538" s="19"/>
      <c r="V8538" s="19"/>
      <c r="W8538" s="19"/>
      <c r="X8538" s="19">
        <v>20</v>
      </c>
      <c r="Y8538" s="19"/>
      <c r="Z8538" s="19"/>
      <c r="AA8538" s="19"/>
    </row>
    <row r="8539" spans="1:27" s="1" customFormat="1" ht="14.1" customHeight="1" outlineLevel="1" x14ac:dyDescent="0.2">
      <c r="A8539" s="17"/>
      <c r="B8539" s="17"/>
      <c r="C8539" s="17"/>
      <c r="D8539" s="18"/>
      <c r="E8539" s="18"/>
      <c r="F8539" s="18"/>
      <c r="G8539" s="18"/>
      <c r="H8539" s="18"/>
      <c r="I8539" s="18"/>
      <c r="J8539" s="18"/>
      <c r="K8539" s="18"/>
      <c r="L8539" s="18"/>
      <c r="M8539" s="18"/>
      <c r="N8539" s="18"/>
      <c r="O8539" s="18"/>
      <c r="P8539" s="19"/>
      <c r="Q8539" s="19"/>
      <c r="R8539" s="19"/>
      <c r="S8539" s="19"/>
      <c r="T8539" s="19"/>
      <c r="U8539" s="19"/>
      <c r="V8539" s="19"/>
      <c r="W8539" s="19"/>
      <c r="X8539" s="19"/>
      <c r="Y8539" s="19"/>
      <c r="Z8539" s="19"/>
      <c r="AA8539" s="19"/>
    </row>
    <row r="8540" spans="1:27" s="1" customFormat="1" ht="14.1" customHeight="1" outlineLevel="1" x14ac:dyDescent="0.2">
      <c r="A8540" s="17">
        <v>17840</v>
      </c>
      <c r="B8540" s="17"/>
      <c r="C8540" s="17"/>
      <c r="D8540" s="18" t="s">
        <v>4229</v>
      </c>
      <c r="E8540" s="18"/>
      <c r="F8540" s="18"/>
      <c r="G8540" s="18"/>
      <c r="H8540" s="18"/>
      <c r="I8540" s="18"/>
      <c r="J8540" s="18"/>
      <c r="K8540" s="18"/>
      <c r="L8540" s="18"/>
      <c r="M8540" s="18"/>
      <c r="N8540" s="18"/>
      <c r="O8540" s="18"/>
      <c r="P8540" s="20">
        <v>1100</v>
      </c>
      <c r="Q8540" s="20"/>
      <c r="R8540" s="20"/>
      <c r="S8540" s="20"/>
      <c r="T8540" s="19">
        <v>900</v>
      </c>
      <c r="U8540" s="19"/>
      <c r="V8540" s="19"/>
      <c r="W8540" s="19"/>
      <c r="X8540" s="19">
        <v>1</v>
      </c>
      <c r="Y8540" s="19"/>
      <c r="Z8540" s="19"/>
      <c r="AA8540" s="19"/>
    </row>
    <row r="8541" spans="1:27" s="1" customFormat="1" ht="14.1" customHeight="1" outlineLevel="1" x14ac:dyDescent="0.2">
      <c r="A8541" s="17"/>
      <c r="B8541" s="17"/>
      <c r="C8541" s="17"/>
      <c r="D8541" s="18"/>
      <c r="E8541" s="18"/>
      <c r="F8541" s="18"/>
      <c r="G8541" s="18"/>
      <c r="H8541" s="18"/>
      <c r="I8541" s="18"/>
      <c r="J8541" s="18"/>
      <c r="K8541" s="18"/>
      <c r="L8541" s="18"/>
      <c r="M8541" s="18"/>
      <c r="N8541" s="18"/>
      <c r="O8541" s="18"/>
      <c r="P8541" s="20"/>
      <c r="Q8541" s="20"/>
      <c r="R8541" s="20"/>
      <c r="S8541" s="20"/>
      <c r="T8541" s="19"/>
      <c r="U8541" s="19"/>
      <c r="V8541" s="19"/>
      <c r="W8541" s="19"/>
      <c r="X8541" s="19"/>
      <c r="Y8541" s="19"/>
      <c r="Z8541" s="19"/>
      <c r="AA8541" s="19"/>
    </row>
    <row r="8542" spans="1:27" s="1" customFormat="1" ht="14.1" customHeight="1" outlineLevel="1" x14ac:dyDescent="0.2">
      <c r="A8542" s="17">
        <v>16747</v>
      </c>
      <c r="B8542" s="17"/>
      <c r="C8542" s="17"/>
      <c r="D8542" s="18" t="s">
        <v>4230</v>
      </c>
      <c r="E8542" s="18"/>
      <c r="F8542" s="18"/>
      <c r="G8542" s="18"/>
      <c r="H8542" s="18"/>
      <c r="I8542" s="18"/>
      <c r="J8542" s="18"/>
      <c r="K8542" s="18"/>
      <c r="L8542" s="18"/>
      <c r="M8542" s="18"/>
      <c r="N8542" s="18"/>
      <c r="O8542" s="18"/>
      <c r="P8542" s="19">
        <v>250</v>
      </c>
      <c r="Q8542" s="19"/>
      <c r="R8542" s="19"/>
      <c r="S8542" s="19"/>
      <c r="T8542" s="19">
        <v>150</v>
      </c>
      <c r="U8542" s="19"/>
      <c r="V8542" s="19"/>
      <c r="W8542" s="19"/>
      <c r="X8542" s="19">
        <v>1</v>
      </c>
      <c r="Y8542" s="19"/>
      <c r="Z8542" s="19"/>
      <c r="AA8542" s="19"/>
    </row>
    <row r="8543" spans="1:27" s="1" customFormat="1" ht="14.1" customHeight="1" outlineLevel="1" x14ac:dyDescent="0.2">
      <c r="A8543" s="17"/>
      <c r="B8543" s="17"/>
      <c r="C8543" s="17"/>
      <c r="D8543" s="18"/>
      <c r="E8543" s="18"/>
      <c r="F8543" s="18"/>
      <c r="G8543" s="18"/>
      <c r="H8543" s="18"/>
      <c r="I8543" s="18"/>
      <c r="J8543" s="18"/>
      <c r="K8543" s="18"/>
      <c r="L8543" s="18"/>
      <c r="M8543" s="18"/>
      <c r="N8543" s="18"/>
      <c r="O8543" s="18"/>
      <c r="P8543" s="19"/>
      <c r="Q8543" s="19"/>
      <c r="R8543" s="19"/>
      <c r="S8543" s="19"/>
      <c r="T8543" s="19"/>
      <c r="U8543" s="19"/>
      <c r="V8543" s="19"/>
      <c r="W8543" s="19"/>
      <c r="X8543" s="19"/>
      <c r="Y8543" s="19"/>
      <c r="Z8543" s="19"/>
      <c r="AA8543" s="19"/>
    </row>
    <row r="8544" spans="1:27" s="1" customFormat="1" ht="14.1" customHeight="1" outlineLevel="1" x14ac:dyDescent="0.2">
      <c r="A8544" s="17">
        <v>16757</v>
      </c>
      <c r="B8544" s="17"/>
      <c r="C8544" s="17"/>
      <c r="D8544" s="18" t="s">
        <v>4231</v>
      </c>
      <c r="E8544" s="18"/>
      <c r="F8544" s="18"/>
      <c r="G8544" s="18"/>
      <c r="H8544" s="18"/>
      <c r="I8544" s="18"/>
      <c r="J8544" s="18"/>
      <c r="K8544" s="18"/>
      <c r="L8544" s="18"/>
      <c r="M8544" s="18"/>
      <c r="N8544" s="18"/>
      <c r="O8544" s="18"/>
      <c r="P8544" s="19">
        <v>500</v>
      </c>
      <c r="Q8544" s="19"/>
      <c r="R8544" s="19"/>
      <c r="S8544" s="19"/>
      <c r="T8544" s="19">
        <v>400</v>
      </c>
      <c r="U8544" s="19"/>
      <c r="V8544" s="19"/>
      <c r="W8544" s="19"/>
      <c r="X8544" s="19">
        <v>1</v>
      </c>
      <c r="Y8544" s="19"/>
      <c r="Z8544" s="19"/>
      <c r="AA8544" s="19"/>
    </row>
    <row r="8545" spans="1:27" s="1" customFormat="1" ht="14.1" customHeight="1" outlineLevel="1" x14ac:dyDescent="0.2">
      <c r="A8545" s="17"/>
      <c r="B8545" s="17"/>
      <c r="C8545" s="17"/>
      <c r="D8545" s="18"/>
      <c r="E8545" s="18"/>
      <c r="F8545" s="18"/>
      <c r="G8545" s="18"/>
      <c r="H8545" s="18"/>
      <c r="I8545" s="18"/>
      <c r="J8545" s="18"/>
      <c r="K8545" s="18"/>
      <c r="L8545" s="18"/>
      <c r="M8545" s="18"/>
      <c r="N8545" s="18"/>
      <c r="O8545" s="18"/>
      <c r="P8545" s="19"/>
      <c r="Q8545" s="19"/>
      <c r="R8545" s="19"/>
      <c r="S8545" s="19"/>
      <c r="T8545" s="19"/>
      <c r="U8545" s="19"/>
      <c r="V8545" s="19"/>
      <c r="W8545" s="19"/>
      <c r="X8545" s="19"/>
      <c r="Y8545" s="19"/>
      <c r="Z8545" s="19"/>
      <c r="AA8545" s="19"/>
    </row>
    <row r="8546" spans="1:27" s="1" customFormat="1" ht="14.1" customHeight="1" outlineLevel="1" x14ac:dyDescent="0.2">
      <c r="A8546" s="17">
        <v>16961</v>
      </c>
      <c r="B8546" s="17"/>
      <c r="C8546" s="17"/>
      <c r="D8546" s="18" t="s">
        <v>4232</v>
      </c>
      <c r="E8546" s="18"/>
      <c r="F8546" s="18"/>
      <c r="G8546" s="18"/>
      <c r="H8546" s="18"/>
      <c r="I8546" s="18"/>
      <c r="J8546" s="18"/>
      <c r="K8546" s="18"/>
      <c r="L8546" s="18"/>
      <c r="M8546" s="18"/>
      <c r="N8546" s="18"/>
      <c r="O8546" s="18"/>
      <c r="P8546" s="19">
        <v>500</v>
      </c>
      <c r="Q8546" s="19"/>
      <c r="R8546" s="19"/>
      <c r="S8546" s="19"/>
      <c r="T8546" s="19">
        <v>400</v>
      </c>
      <c r="U8546" s="19"/>
      <c r="V8546" s="19"/>
      <c r="W8546" s="19"/>
      <c r="X8546" s="19">
        <v>1</v>
      </c>
      <c r="Y8546" s="19"/>
      <c r="Z8546" s="19"/>
      <c r="AA8546" s="19"/>
    </row>
    <row r="8547" spans="1:27" s="1" customFormat="1" ht="14.1" customHeight="1" outlineLevel="1" x14ac:dyDescent="0.2">
      <c r="A8547" s="17"/>
      <c r="B8547" s="17"/>
      <c r="C8547" s="17"/>
      <c r="D8547" s="18"/>
      <c r="E8547" s="18"/>
      <c r="F8547" s="18"/>
      <c r="G8547" s="18"/>
      <c r="H8547" s="18"/>
      <c r="I8547" s="18"/>
      <c r="J8547" s="18"/>
      <c r="K8547" s="18"/>
      <c r="L8547" s="18"/>
      <c r="M8547" s="18"/>
      <c r="N8547" s="18"/>
      <c r="O8547" s="18"/>
      <c r="P8547" s="19"/>
      <c r="Q8547" s="19"/>
      <c r="R8547" s="19"/>
      <c r="S8547" s="19"/>
      <c r="T8547" s="19"/>
      <c r="U8547" s="19"/>
      <c r="V8547" s="19"/>
      <c r="W8547" s="19"/>
      <c r="X8547" s="19"/>
      <c r="Y8547" s="19"/>
      <c r="Z8547" s="19"/>
      <c r="AA8547" s="19"/>
    </row>
    <row r="8548" spans="1:27" s="1" customFormat="1" ht="14.1" customHeight="1" outlineLevel="1" x14ac:dyDescent="0.2">
      <c r="A8548" s="17">
        <v>17837</v>
      </c>
      <c r="B8548" s="17"/>
      <c r="C8548" s="17"/>
      <c r="D8548" s="18" t="s">
        <v>4233</v>
      </c>
      <c r="E8548" s="18"/>
      <c r="F8548" s="18"/>
      <c r="G8548" s="18"/>
      <c r="H8548" s="18"/>
      <c r="I8548" s="18"/>
      <c r="J8548" s="18"/>
      <c r="K8548" s="18"/>
      <c r="L8548" s="18"/>
      <c r="M8548" s="18"/>
      <c r="N8548" s="18"/>
      <c r="O8548" s="18"/>
      <c r="P8548" s="19">
        <v>450</v>
      </c>
      <c r="Q8548" s="19"/>
      <c r="R8548" s="19"/>
      <c r="S8548" s="19"/>
      <c r="T8548" s="19">
        <v>300</v>
      </c>
      <c r="U8548" s="19"/>
      <c r="V8548" s="19"/>
      <c r="W8548" s="19"/>
      <c r="X8548" s="19">
        <v>1</v>
      </c>
      <c r="Y8548" s="19"/>
      <c r="Z8548" s="19"/>
      <c r="AA8548" s="19"/>
    </row>
    <row r="8549" spans="1:27" s="1" customFormat="1" ht="14.1" customHeight="1" outlineLevel="1" x14ac:dyDescent="0.2">
      <c r="A8549" s="17"/>
      <c r="B8549" s="17"/>
      <c r="C8549" s="17"/>
      <c r="D8549" s="18"/>
      <c r="E8549" s="18"/>
      <c r="F8549" s="18"/>
      <c r="G8549" s="18"/>
      <c r="H8549" s="18"/>
      <c r="I8549" s="18"/>
      <c r="J8549" s="18"/>
      <c r="K8549" s="18"/>
      <c r="L8549" s="18"/>
      <c r="M8549" s="18"/>
      <c r="N8549" s="18"/>
      <c r="O8549" s="18"/>
      <c r="P8549" s="19"/>
      <c r="Q8549" s="19"/>
      <c r="R8549" s="19"/>
      <c r="S8549" s="19"/>
      <c r="T8549" s="19"/>
      <c r="U8549" s="19"/>
      <c r="V8549" s="19"/>
      <c r="W8549" s="19"/>
      <c r="X8549" s="19"/>
      <c r="Y8549" s="19"/>
      <c r="Z8549" s="19"/>
      <c r="AA8549" s="19"/>
    </row>
    <row r="8550" spans="1:27" s="1" customFormat="1" ht="11.1" customHeight="1" x14ac:dyDescent="0.2">
      <c r="A8550" s="16" t="s">
        <v>4234</v>
      </c>
      <c r="B8550" s="16"/>
      <c r="C8550" s="16"/>
      <c r="D8550" s="16"/>
      <c r="E8550" s="16"/>
      <c r="F8550" s="16"/>
      <c r="G8550" s="16"/>
      <c r="H8550" s="16"/>
      <c r="I8550" s="16"/>
      <c r="J8550" s="16"/>
      <c r="K8550" s="16"/>
      <c r="L8550" s="16"/>
      <c r="M8550" s="16"/>
      <c r="N8550" s="16"/>
      <c r="O8550" s="16"/>
      <c r="P8550" s="16"/>
      <c r="Q8550" s="16"/>
      <c r="R8550" s="16"/>
      <c r="S8550" s="16"/>
      <c r="T8550" s="16"/>
      <c r="U8550" s="16"/>
      <c r="V8550" s="16"/>
      <c r="W8550" s="16"/>
      <c r="X8550" s="16"/>
      <c r="Y8550" s="16"/>
      <c r="Z8550" s="16"/>
      <c r="AA8550" s="16"/>
    </row>
    <row r="8551" spans="1:27" s="1" customFormat="1" ht="11.1" customHeight="1" x14ac:dyDescent="0.2">
      <c r="A8551" s="16"/>
      <c r="B8551" s="16"/>
      <c r="C8551" s="16"/>
      <c r="D8551" s="16"/>
      <c r="E8551" s="16"/>
      <c r="F8551" s="16"/>
      <c r="G8551" s="16"/>
      <c r="H8551" s="16"/>
      <c r="I8551" s="16"/>
      <c r="J8551" s="16"/>
      <c r="K8551" s="16"/>
      <c r="L8551" s="16"/>
      <c r="M8551" s="16"/>
      <c r="N8551" s="16"/>
      <c r="O8551" s="16"/>
      <c r="P8551" s="16"/>
      <c r="Q8551" s="16"/>
      <c r="R8551" s="16"/>
      <c r="S8551" s="16"/>
      <c r="T8551" s="16"/>
      <c r="U8551" s="16"/>
      <c r="V8551" s="16"/>
      <c r="W8551" s="16"/>
      <c r="X8551" s="16"/>
      <c r="Y8551" s="16"/>
      <c r="Z8551" s="16"/>
      <c r="AA8551" s="16"/>
    </row>
    <row r="8552" spans="1:27" s="1" customFormat="1" ht="14.1" customHeight="1" outlineLevel="1" x14ac:dyDescent="0.2">
      <c r="A8552" s="17">
        <v>12913</v>
      </c>
      <c r="B8552" s="17"/>
      <c r="C8552" s="17"/>
      <c r="D8552" s="18" t="s">
        <v>4235</v>
      </c>
      <c r="E8552" s="18"/>
      <c r="F8552" s="18"/>
      <c r="G8552" s="18"/>
      <c r="H8552" s="18"/>
      <c r="I8552" s="18"/>
      <c r="J8552" s="18"/>
      <c r="K8552" s="18"/>
      <c r="L8552" s="18"/>
      <c r="M8552" s="18"/>
      <c r="N8552" s="18"/>
      <c r="O8552" s="18"/>
      <c r="P8552" s="19">
        <v>890</v>
      </c>
      <c r="Q8552" s="19"/>
      <c r="R8552" s="19"/>
      <c r="S8552" s="19"/>
      <c r="T8552" s="19">
        <v>800</v>
      </c>
      <c r="U8552" s="19"/>
      <c r="V8552" s="19"/>
      <c r="W8552" s="19"/>
      <c r="X8552" s="19">
        <v>1</v>
      </c>
      <c r="Y8552" s="19"/>
      <c r="Z8552" s="19"/>
      <c r="AA8552" s="19"/>
    </row>
    <row r="8553" spans="1:27" s="1" customFormat="1" ht="14.1" customHeight="1" outlineLevel="1" x14ac:dyDescent="0.2">
      <c r="A8553" s="17"/>
      <c r="B8553" s="17"/>
      <c r="C8553" s="17"/>
      <c r="D8553" s="18"/>
      <c r="E8553" s="18"/>
      <c r="F8553" s="18"/>
      <c r="G8553" s="18"/>
      <c r="H8553" s="18"/>
      <c r="I8553" s="18"/>
      <c r="J8553" s="18"/>
      <c r="K8553" s="18"/>
      <c r="L8553" s="18"/>
      <c r="M8553" s="18"/>
      <c r="N8553" s="18"/>
      <c r="O8553" s="18"/>
      <c r="P8553" s="19"/>
      <c r="Q8553" s="19"/>
      <c r="R8553" s="19"/>
      <c r="S8553" s="19"/>
      <c r="T8553" s="19"/>
      <c r="U8553" s="19"/>
      <c r="V8553" s="19"/>
      <c r="W8553" s="19"/>
      <c r="X8553" s="19"/>
      <c r="Y8553" s="19"/>
      <c r="Z8553" s="19"/>
      <c r="AA8553" s="19"/>
    </row>
    <row r="8554" spans="1:27" s="1" customFormat="1" ht="11.1" customHeight="1" x14ac:dyDescent="0.2">
      <c r="A8554" s="16" t="s">
        <v>4236</v>
      </c>
      <c r="B8554" s="16"/>
      <c r="C8554" s="16"/>
      <c r="D8554" s="16"/>
      <c r="E8554" s="16"/>
      <c r="F8554" s="16"/>
      <c r="G8554" s="16"/>
      <c r="H8554" s="16"/>
      <c r="I8554" s="16"/>
      <c r="J8554" s="16"/>
      <c r="K8554" s="16"/>
      <c r="L8554" s="16"/>
      <c r="M8554" s="16"/>
      <c r="N8554" s="16"/>
      <c r="O8554" s="16"/>
      <c r="P8554" s="16"/>
      <c r="Q8554" s="16"/>
      <c r="R8554" s="16"/>
      <c r="S8554" s="16"/>
      <c r="T8554" s="16"/>
      <c r="U8554" s="16"/>
      <c r="V8554" s="16"/>
      <c r="W8554" s="16"/>
      <c r="X8554" s="16"/>
      <c r="Y8554" s="16"/>
      <c r="Z8554" s="16"/>
      <c r="AA8554" s="16"/>
    </row>
    <row r="8555" spans="1:27" s="1" customFormat="1" ht="11.1" customHeight="1" x14ac:dyDescent="0.2">
      <c r="A8555" s="16"/>
      <c r="B8555" s="16"/>
      <c r="C8555" s="16"/>
      <c r="D8555" s="16"/>
      <c r="E8555" s="16"/>
      <c r="F8555" s="16"/>
      <c r="G8555" s="16"/>
      <c r="H8555" s="16"/>
      <c r="I8555" s="16"/>
      <c r="J8555" s="16"/>
      <c r="K8555" s="16"/>
      <c r="L8555" s="16"/>
      <c r="M8555" s="16"/>
      <c r="N8555" s="16"/>
      <c r="O8555" s="16"/>
      <c r="P8555" s="16"/>
      <c r="Q8555" s="16"/>
      <c r="R8555" s="16"/>
      <c r="S8555" s="16"/>
      <c r="T8555" s="16"/>
      <c r="U8555" s="16"/>
      <c r="V8555" s="16"/>
      <c r="W8555" s="16"/>
      <c r="X8555" s="16"/>
      <c r="Y8555" s="16"/>
      <c r="Z8555" s="16"/>
      <c r="AA8555" s="16"/>
    </row>
    <row r="8556" spans="1:27" s="1" customFormat="1" ht="11.1" customHeight="1" outlineLevel="1" x14ac:dyDescent="0.2">
      <c r="A8556" s="17">
        <v>1607</v>
      </c>
      <c r="B8556" s="17"/>
      <c r="C8556" s="17"/>
      <c r="D8556" s="18" t="s">
        <v>4237</v>
      </c>
      <c r="E8556" s="18"/>
      <c r="F8556" s="18"/>
      <c r="G8556" s="18"/>
      <c r="H8556" s="18"/>
      <c r="I8556" s="18"/>
      <c r="J8556" s="18"/>
      <c r="K8556" s="18"/>
      <c r="L8556" s="18"/>
      <c r="M8556" s="18"/>
      <c r="N8556" s="18"/>
      <c r="O8556" s="18"/>
      <c r="P8556" s="19">
        <v>200</v>
      </c>
      <c r="Q8556" s="19"/>
      <c r="R8556" s="19"/>
      <c r="S8556" s="19"/>
      <c r="T8556" s="19">
        <v>150</v>
      </c>
      <c r="U8556" s="19"/>
      <c r="V8556" s="19"/>
      <c r="W8556" s="19"/>
      <c r="X8556" s="19">
        <v>1</v>
      </c>
      <c r="Y8556" s="19"/>
      <c r="Z8556" s="19"/>
      <c r="AA8556" s="19"/>
    </row>
    <row r="8557" spans="1:27" s="1" customFormat="1" ht="11.1" customHeight="1" outlineLevel="1" x14ac:dyDescent="0.2">
      <c r="A8557" s="17"/>
      <c r="B8557" s="17"/>
      <c r="C8557" s="17"/>
      <c r="D8557" s="18"/>
      <c r="E8557" s="18"/>
      <c r="F8557" s="18"/>
      <c r="G8557" s="18"/>
      <c r="H8557" s="18"/>
      <c r="I8557" s="18"/>
      <c r="J8557" s="18"/>
      <c r="K8557" s="18"/>
      <c r="L8557" s="18"/>
      <c r="M8557" s="18"/>
      <c r="N8557" s="18"/>
      <c r="O8557" s="18"/>
      <c r="P8557" s="19"/>
      <c r="Q8557" s="19"/>
      <c r="R8557" s="19"/>
      <c r="S8557" s="19"/>
      <c r="T8557" s="19"/>
      <c r="U8557" s="19"/>
      <c r="V8557" s="19"/>
      <c r="W8557" s="19"/>
      <c r="X8557" s="19"/>
      <c r="Y8557" s="19"/>
      <c r="Z8557" s="19"/>
      <c r="AA8557" s="19"/>
    </row>
    <row r="8558" spans="1:27" s="1" customFormat="1" ht="11.1" customHeight="1" outlineLevel="1" x14ac:dyDescent="0.2">
      <c r="A8558" s="17">
        <v>1609</v>
      </c>
      <c r="B8558" s="17"/>
      <c r="C8558" s="17"/>
      <c r="D8558" s="18" t="s">
        <v>4238</v>
      </c>
      <c r="E8558" s="18"/>
      <c r="F8558" s="18"/>
      <c r="G8558" s="18"/>
      <c r="H8558" s="18"/>
      <c r="I8558" s="18"/>
      <c r="J8558" s="18"/>
      <c r="K8558" s="18"/>
      <c r="L8558" s="18"/>
      <c r="M8558" s="18"/>
      <c r="N8558" s="18"/>
      <c r="O8558" s="18"/>
      <c r="P8558" s="20">
        <v>1000</v>
      </c>
      <c r="Q8558" s="20"/>
      <c r="R8558" s="20"/>
      <c r="S8558" s="20"/>
      <c r="T8558" s="19">
        <v>850</v>
      </c>
      <c r="U8558" s="19"/>
      <c r="V8558" s="19"/>
      <c r="W8558" s="19"/>
      <c r="X8558" s="19">
        <v>1</v>
      </c>
      <c r="Y8558" s="19"/>
      <c r="Z8558" s="19"/>
      <c r="AA8558" s="19"/>
    </row>
    <row r="8559" spans="1:27" s="1" customFormat="1" ht="11.1" customHeight="1" outlineLevel="1" x14ac:dyDescent="0.2">
      <c r="A8559" s="17"/>
      <c r="B8559" s="17"/>
      <c r="C8559" s="17"/>
      <c r="D8559" s="18"/>
      <c r="E8559" s="18"/>
      <c r="F8559" s="18"/>
      <c r="G8559" s="18"/>
      <c r="H8559" s="18"/>
      <c r="I8559" s="18"/>
      <c r="J8559" s="18"/>
      <c r="K8559" s="18"/>
      <c r="L8559" s="18"/>
      <c r="M8559" s="18"/>
      <c r="N8559" s="18"/>
      <c r="O8559" s="18"/>
      <c r="P8559" s="20"/>
      <c r="Q8559" s="20"/>
      <c r="R8559" s="20"/>
      <c r="S8559" s="20"/>
      <c r="T8559" s="19"/>
      <c r="U8559" s="19"/>
      <c r="V8559" s="19"/>
      <c r="W8559" s="19"/>
      <c r="X8559" s="19"/>
      <c r="Y8559" s="19"/>
      <c r="Z8559" s="19"/>
      <c r="AA8559" s="19"/>
    </row>
    <row r="8560" spans="1:27" s="1" customFormat="1" ht="11.1" customHeight="1" x14ac:dyDescent="0.2">
      <c r="A8560" s="16" t="s">
        <v>4239</v>
      </c>
      <c r="B8560" s="16"/>
      <c r="C8560" s="16"/>
      <c r="D8560" s="16"/>
      <c r="E8560" s="16"/>
      <c r="F8560" s="16"/>
      <c r="G8560" s="16"/>
      <c r="H8560" s="16"/>
      <c r="I8560" s="16"/>
      <c r="J8560" s="16"/>
      <c r="K8560" s="16"/>
      <c r="L8560" s="16"/>
      <c r="M8560" s="16"/>
      <c r="N8560" s="16"/>
      <c r="O8560" s="16"/>
      <c r="P8560" s="16"/>
      <c r="Q8560" s="16"/>
      <c r="R8560" s="16"/>
      <c r="S8560" s="16"/>
      <c r="T8560" s="16"/>
      <c r="U8560" s="16"/>
      <c r="V8560" s="16"/>
      <c r="W8560" s="16"/>
      <c r="X8560" s="16"/>
      <c r="Y8560" s="16"/>
      <c r="Z8560" s="16"/>
      <c r="AA8560" s="16"/>
    </row>
    <row r="8561" spans="1:27" s="1" customFormat="1" ht="11.1" customHeight="1" x14ac:dyDescent="0.2">
      <c r="A8561" s="16"/>
      <c r="B8561" s="16"/>
      <c r="C8561" s="16"/>
      <c r="D8561" s="16"/>
      <c r="E8561" s="16"/>
      <c r="F8561" s="16"/>
      <c r="G8561" s="16"/>
      <c r="H8561" s="16"/>
      <c r="I8561" s="16"/>
      <c r="J8561" s="16"/>
      <c r="K8561" s="16"/>
      <c r="L8561" s="16"/>
      <c r="M8561" s="16"/>
      <c r="N8561" s="16"/>
      <c r="O8561" s="16"/>
      <c r="P8561" s="16"/>
      <c r="Q8561" s="16"/>
      <c r="R8561" s="16"/>
      <c r="S8561" s="16"/>
      <c r="T8561" s="16"/>
      <c r="U8561" s="16"/>
      <c r="V8561" s="16"/>
      <c r="W8561" s="16"/>
      <c r="X8561" s="16"/>
      <c r="Y8561" s="16"/>
      <c r="Z8561" s="16"/>
      <c r="AA8561" s="16"/>
    </row>
    <row r="8562" spans="1:27" s="1" customFormat="1" ht="11.1" customHeight="1" outlineLevel="1" x14ac:dyDescent="0.2">
      <c r="A8562" s="17">
        <v>16734</v>
      </c>
      <c r="B8562" s="17"/>
      <c r="C8562" s="17"/>
      <c r="D8562" s="18" t="s">
        <v>4240</v>
      </c>
      <c r="E8562" s="18"/>
      <c r="F8562" s="18"/>
      <c r="G8562" s="18"/>
      <c r="H8562" s="18"/>
      <c r="I8562" s="18"/>
      <c r="J8562" s="18"/>
      <c r="K8562" s="18"/>
      <c r="L8562" s="18"/>
      <c r="M8562" s="18"/>
      <c r="N8562" s="18"/>
      <c r="O8562" s="18"/>
      <c r="P8562" s="19">
        <v>400</v>
      </c>
      <c r="Q8562" s="19"/>
      <c r="R8562" s="19"/>
      <c r="S8562" s="19"/>
      <c r="T8562" s="19">
        <v>300</v>
      </c>
      <c r="U8562" s="19"/>
      <c r="V8562" s="19"/>
      <c r="W8562" s="19"/>
      <c r="X8562" s="19">
        <v>1</v>
      </c>
      <c r="Y8562" s="19"/>
      <c r="Z8562" s="19"/>
      <c r="AA8562" s="19"/>
    </row>
    <row r="8563" spans="1:27" s="1" customFormat="1" ht="11.1" customHeight="1" outlineLevel="1" x14ac:dyDescent="0.2">
      <c r="A8563" s="17"/>
      <c r="B8563" s="17"/>
      <c r="C8563" s="17"/>
      <c r="D8563" s="18"/>
      <c r="E8563" s="18"/>
      <c r="F8563" s="18"/>
      <c r="G8563" s="18"/>
      <c r="H8563" s="18"/>
      <c r="I8563" s="18"/>
      <c r="J8563" s="18"/>
      <c r="K8563" s="18"/>
      <c r="L8563" s="18"/>
      <c r="M8563" s="18"/>
      <c r="N8563" s="18"/>
      <c r="O8563" s="18"/>
      <c r="P8563" s="19"/>
      <c r="Q8563" s="19"/>
      <c r="R8563" s="19"/>
      <c r="S8563" s="19"/>
      <c r="T8563" s="19"/>
      <c r="U8563" s="19"/>
      <c r="V8563" s="19"/>
      <c r="W8563" s="19"/>
      <c r="X8563" s="19"/>
      <c r="Y8563" s="19"/>
      <c r="Z8563" s="19"/>
      <c r="AA8563" s="19"/>
    </row>
    <row r="8564" spans="1:27" s="1" customFormat="1" ht="11.1" customHeight="1" outlineLevel="1" x14ac:dyDescent="0.2">
      <c r="A8564" s="17">
        <v>12678</v>
      </c>
      <c r="B8564" s="17"/>
      <c r="C8564" s="17"/>
      <c r="D8564" s="18" t="s">
        <v>4241</v>
      </c>
      <c r="E8564" s="18"/>
      <c r="F8564" s="18"/>
      <c r="G8564" s="18"/>
      <c r="H8564" s="18"/>
      <c r="I8564" s="18"/>
      <c r="J8564" s="18"/>
      <c r="K8564" s="18"/>
      <c r="L8564" s="18"/>
      <c r="M8564" s="18"/>
      <c r="N8564" s="18"/>
      <c r="O8564" s="18"/>
      <c r="P8564" s="19">
        <v>400</v>
      </c>
      <c r="Q8564" s="19"/>
      <c r="R8564" s="19"/>
      <c r="S8564" s="19"/>
      <c r="T8564" s="19">
        <v>350</v>
      </c>
      <c r="U8564" s="19"/>
      <c r="V8564" s="19"/>
      <c r="W8564" s="19"/>
      <c r="X8564" s="19">
        <v>1</v>
      </c>
      <c r="Y8564" s="19"/>
      <c r="Z8564" s="19"/>
      <c r="AA8564" s="19"/>
    </row>
    <row r="8565" spans="1:27" s="1" customFormat="1" ht="11.1" customHeight="1" outlineLevel="1" x14ac:dyDescent="0.2">
      <c r="A8565" s="17"/>
      <c r="B8565" s="17"/>
      <c r="C8565" s="17"/>
      <c r="D8565" s="18"/>
      <c r="E8565" s="18"/>
      <c r="F8565" s="18"/>
      <c r="G8565" s="18"/>
      <c r="H8565" s="18"/>
      <c r="I8565" s="18"/>
      <c r="J8565" s="18"/>
      <c r="K8565" s="18"/>
      <c r="L8565" s="18"/>
      <c r="M8565" s="18"/>
      <c r="N8565" s="18"/>
      <c r="O8565" s="18"/>
      <c r="P8565" s="19"/>
      <c r="Q8565" s="19"/>
      <c r="R8565" s="19"/>
      <c r="S8565" s="19"/>
      <c r="T8565" s="19"/>
      <c r="U8565" s="19"/>
      <c r="V8565" s="19"/>
      <c r="W8565" s="19"/>
      <c r="X8565" s="19"/>
      <c r="Y8565" s="19"/>
      <c r="Z8565" s="19"/>
      <c r="AA8565" s="19"/>
    </row>
    <row r="8566" spans="1:27" s="1" customFormat="1" ht="14.1" customHeight="1" outlineLevel="1" x14ac:dyDescent="0.2">
      <c r="A8566" s="17">
        <v>16733</v>
      </c>
      <c r="B8566" s="17"/>
      <c r="C8566" s="17"/>
      <c r="D8566" s="18" t="s">
        <v>4242</v>
      </c>
      <c r="E8566" s="18"/>
      <c r="F8566" s="18"/>
      <c r="G8566" s="18"/>
      <c r="H8566" s="18"/>
      <c r="I8566" s="18"/>
      <c r="J8566" s="18"/>
      <c r="K8566" s="18"/>
      <c r="L8566" s="18"/>
      <c r="M8566" s="18"/>
      <c r="N8566" s="18"/>
      <c r="O8566" s="18"/>
      <c r="P8566" s="19">
        <v>150</v>
      </c>
      <c r="Q8566" s="19"/>
      <c r="R8566" s="19"/>
      <c r="S8566" s="19"/>
      <c r="T8566" s="19">
        <v>100</v>
      </c>
      <c r="U8566" s="19"/>
      <c r="V8566" s="19"/>
      <c r="W8566" s="19"/>
      <c r="X8566" s="19">
        <v>1</v>
      </c>
      <c r="Y8566" s="19"/>
      <c r="Z8566" s="19"/>
      <c r="AA8566" s="19"/>
    </row>
    <row r="8567" spans="1:27" s="1" customFormat="1" ht="14.1" customHeight="1" outlineLevel="1" x14ac:dyDescent="0.2">
      <c r="A8567" s="17"/>
      <c r="B8567" s="17"/>
      <c r="C8567" s="17"/>
      <c r="D8567" s="18"/>
      <c r="E8567" s="18"/>
      <c r="F8567" s="18"/>
      <c r="G8567" s="18"/>
      <c r="H8567" s="18"/>
      <c r="I8567" s="18"/>
      <c r="J8567" s="18"/>
      <c r="K8567" s="18"/>
      <c r="L8567" s="18"/>
      <c r="M8567" s="18"/>
      <c r="N8567" s="18"/>
      <c r="O8567" s="18"/>
      <c r="P8567" s="19"/>
      <c r="Q8567" s="19"/>
      <c r="R8567" s="19"/>
      <c r="S8567" s="19"/>
      <c r="T8567" s="19"/>
      <c r="U8567" s="19"/>
      <c r="V8567" s="19"/>
      <c r="W8567" s="19"/>
      <c r="X8567" s="19"/>
      <c r="Y8567" s="19"/>
      <c r="Z8567" s="19"/>
      <c r="AA8567" s="19"/>
    </row>
    <row r="8568" spans="1:27" s="1" customFormat="1" ht="11.1" customHeight="1" outlineLevel="1" x14ac:dyDescent="0.2">
      <c r="A8568" s="17">
        <v>12680</v>
      </c>
      <c r="B8568" s="17"/>
      <c r="C8568" s="17"/>
      <c r="D8568" s="18" t="s">
        <v>4243</v>
      </c>
      <c r="E8568" s="18"/>
      <c r="F8568" s="18"/>
      <c r="G8568" s="18"/>
      <c r="H8568" s="18"/>
      <c r="I8568" s="18"/>
      <c r="J8568" s="18"/>
      <c r="K8568" s="18"/>
      <c r="L8568" s="18"/>
      <c r="M8568" s="18"/>
      <c r="N8568" s="18"/>
      <c r="O8568" s="18"/>
      <c r="P8568" s="19">
        <v>80</v>
      </c>
      <c r="Q8568" s="19"/>
      <c r="R8568" s="19"/>
      <c r="S8568" s="19"/>
      <c r="T8568" s="19">
        <v>50</v>
      </c>
      <c r="U8568" s="19"/>
      <c r="V8568" s="19"/>
      <c r="W8568" s="19"/>
      <c r="X8568" s="19">
        <v>1</v>
      </c>
      <c r="Y8568" s="19"/>
      <c r="Z8568" s="19"/>
      <c r="AA8568" s="19"/>
    </row>
    <row r="8569" spans="1:27" s="1" customFormat="1" ht="11.1" customHeight="1" outlineLevel="1" x14ac:dyDescent="0.2">
      <c r="A8569" s="17"/>
      <c r="B8569" s="17"/>
      <c r="C8569" s="17"/>
      <c r="D8569" s="18"/>
      <c r="E8569" s="18"/>
      <c r="F8569" s="18"/>
      <c r="G8569" s="18"/>
      <c r="H8569" s="18"/>
      <c r="I8569" s="18"/>
      <c r="J8569" s="18"/>
      <c r="K8569" s="18"/>
      <c r="L8569" s="18"/>
      <c r="M8569" s="18"/>
      <c r="N8569" s="18"/>
      <c r="O8569" s="18"/>
      <c r="P8569" s="19"/>
      <c r="Q8569" s="19"/>
      <c r="R8569" s="19"/>
      <c r="S8569" s="19"/>
      <c r="T8569" s="19"/>
      <c r="U8569" s="19"/>
      <c r="V8569" s="19"/>
      <c r="W8569" s="19"/>
      <c r="X8569" s="19"/>
      <c r="Y8569" s="19"/>
      <c r="Z8569" s="19"/>
      <c r="AA8569" s="19"/>
    </row>
    <row r="8570" spans="1:27" s="1" customFormat="1" ht="14.1" customHeight="1" outlineLevel="1" x14ac:dyDescent="0.2">
      <c r="A8570" s="17">
        <v>16732</v>
      </c>
      <c r="B8570" s="17"/>
      <c r="C8570" s="17"/>
      <c r="D8570" s="18" t="s">
        <v>4244</v>
      </c>
      <c r="E8570" s="18"/>
      <c r="F8570" s="18"/>
      <c r="G8570" s="18"/>
      <c r="H8570" s="18"/>
      <c r="I8570" s="18"/>
      <c r="J8570" s="18"/>
      <c r="K8570" s="18"/>
      <c r="L8570" s="18"/>
      <c r="M8570" s="18"/>
      <c r="N8570" s="18"/>
      <c r="O8570" s="18"/>
      <c r="P8570" s="20">
        <v>1000</v>
      </c>
      <c r="Q8570" s="20"/>
      <c r="R8570" s="20"/>
      <c r="S8570" s="20"/>
      <c r="T8570" s="20">
        <v>1000</v>
      </c>
      <c r="U8570" s="20"/>
      <c r="V8570" s="20"/>
      <c r="W8570" s="20"/>
      <c r="X8570" s="19">
        <v>1</v>
      </c>
      <c r="Y8570" s="19"/>
      <c r="Z8570" s="19"/>
      <c r="AA8570" s="19"/>
    </row>
    <row r="8571" spans="1:27" s="1" customFormat="1" ht="14.1" customHeight="1" outlineLevel="1" x14ac:dyDescent="0.2">
      <c r="A8571" s="17"/>
      <c r="B8571" s="17"/>
      <c r="C8571" s="17"/>
      <c r="D8571" s="18"/>
      <c r="E8571" s="18"/>
      <c r="F8571" s="18"/>
      <c r="G8571" s="18"/>
      <c r="H8571" s="18"/>
      <c r="I8571" s="18"/>
      <c r="J8571" s="18"/>
      <c r="K8571" s="18"/>
      <c r="L8571" s="18"/>
      <c r="M8571" s="18"/>
      <c r="N8571" s="18"/>
      <c r="O8571" s="18"/>
      <c r="P8571" s="20"/>
      <c r="Q8571" s="20"/>
      <c r="R8571" s="20"/>
      <c r="S8571" s="20"/>
      <c r="T8571" s="20"/>
      <c r="U8571" s="20"/>
      <c r="V8571" s="20"/>
      <c r="W8571" s="20"/>
      <c r="X8571" s="19"/>
      <c r="Y8571" s="19"/>
      <c r="Z8571" s="19"/>
      <c r="AA8571" s="19"/>
    </row>
    <row r="8572" spans="1:27" s="1" customFormat="1" ht="11.1" customHeight="1" outlineLevel="1" x14ac:dyDescent="0.2">
      <c r="A8572" s="17">
        <v>12683</v>
      </c>
      <c r="B8572" s="17"/>
      <c r="C8572" s="17"/>
      <c r="D8572" s="18" t="s">
        <v>4245</v>
      </c>
      <c r="E8572" s="18"/>
      <c r="F8572" s="18"/>
      <c r="G8572" s="18"/>
      <c r="H8572" s="18"/>
      <c r="I8572" s="18"/>
      <c r="J8572" s="18"/>
      <c r="K8572" s="18"/>
      <c r="L8572" s="18"/>
      <c r="M8572" s="18"/>
      <c r="N8572" s="18"/>
      <c r="O8572" s="18"/>
      <c r="P8572" s="20">
        <v>1700</v>
      </c>
      <c r="Q8572" s="20"/>
      <c r="R8572" s="20"/>
      <c r="S8572" s="20"/>
      <c r="T8572" s="20">
        <v>1500</v>
      </c>
      <c r="U8572" s="20"/>
      <c r="V8572" s="20"/>
      <c r="W8572" s="20"/>
      <c r="X8572" s="19">
        <v>1</v>
      </c>
      <c r="Y8572" s="19"/>
      <c r="Z8572" s="19"/>
      <c r="AA8572" s="19"/>
    </row>
    <row r="8573" spans="1:27" s="1" customFormat="1" ht="11.1" customHeight="1" outlineLevel="1" x14ac:dyDescent="0.2">
      <c r="A8573" s="17"/>
      <c r="B8573" s="17"/>
      <c r="C8573" s="17"/>
      <c r="D8573" s="18"/>
      <c r="E8573" s="18"/>
      <c r="F8573" s="18"/>
      <c r="G8573" s="18"/>
      <c r="H8573" s="18"/>
      <c r="I8573" s="18"/>
      <c r="J8573" s="18"/>
      <c r="K8573" s="18"/>
      <c r="L8573" s="18"/>
      <c r="M8573" s="18"/>
      <c r="N8573" s="18"/>
      <c r="O8573" s="18"/>
      <c r="P8573" s="20"/>
      <c r="Q8573" s="20"/>
      <c r="R8573" s="20"/>
      <c r="S8573" s="20"/>
      <c r="T8573" s="20"/>
      <c r="U8573" s="20"/>
      <c r="V8573" s="20"/>
      <c r="W8573" s="20"/>
      <c r="X8573" s="19"/>
      <c r="Y8573" s="19"/>
      <c r="Z8573" s="19"/>
      <c r="AA8573" s="19"/>
    </row>
    <row r="8574" spans="1:27" s="1" customFormat="1" ht="14.1" customHeight="1" outlineLevel="1" x14ac:dyDescent="0.2">
      <c r="A8574" s="17">
        <v>16735</v>
      </c>
      <c r="B8574" s="17"/>
      <c r="C8574" s="17"/>
      <c r="D8574" s="18" t="s">
        <v>4246</v>
      </c>
      <c r="E8574" s="18"/>
      <c r="F8574" s="18"/>
      <c r="G8574" s="18"/>
      <c r="H8574" s="18"/>
      <c r="I8574" s="18"/>
      <c r="J8574" s="18"/>
      <c r="K8574" s="18"/>
      <c r="L8574" s="18"/>
      <c r="M8574" s="18"/>
      <c r="N8574" s="18"/>
      <c r="O8574" s="18"/>
      <c r="P8574" s="19">
        <v>200</v>
      </c>
      <c r="Q8574" s="19"/>
      <c r="R8574" s="19"/>
      <c r="S8574" s="19"/>
      <c r="T8574" s="19">
        <v>150</v>
      </c>
      <c r="U8574" s="19"/>
      <c r="V8574" s="19"/>
      <c r="W8574" s="19"/>
      <c r="X8574" s="19">
        <v>1</v>
      </c>
      <c r="Y8574" s="19"/>
      <c r="Z8574" s="19"/>
      <c r="AA8574" s="19"/>
    </row>
    <row r="8575" spans="1:27" s="1" customFormat="1" ht="14.1" customHeight="1" outlineLevel="1" x14ac:dyDescent="0.2">
      <c r="A8575" s="17"/>
      <c r="B8575" s="17"/>
      <c r="C8575" s="17"/>
      <c r="D8575" s="18"/>
      <c r="E8575" s="18"/>
      <c r="F8575" s="18"/>
      <c r="G8575" s="18"/>
      <c r="H8575" s="18"/>
      <c r="I8575" s="18"/>
      <c r="J8575" s="18"/>
      <c r="K8575" s="18"/>
      <c r="L8575" s="18"/>
      <c r="M8575" s="18"/>
      <c r="N8575" s="18"/>
      <c r="O8575" s="18"/>
      <c r="P8575" s="19"/>
      <c r="Q8575" s="19"/>
      <c r="R8575" s="19"/>
      <c r="S8575" s="19"/>
      <c r="T8575" s="19"/>
      <c r="U8575" s="19"/>
      <c r="V8575" s="19"/>
      <c r="W8575" s="19"/>
      <c r="X8575" s="19"/>
      <c r="Y8575" s="19"/>
      <c r="Z8575" s="19"/>
      <c r="AA8575" s="19"/>
    </row>
    <row r="8576" spans="1:27" s="1" customFormat="1" ht="14.1" customHeight="1" outlineLevel="1" x14ac:dyDescent="0.2">
      <c r="A8576" s="17">
        <v>12679</v>
      </c>
      <c r="B8576" s="17"/>
      <c r="C8576" s="17"/>
      <c r="D8576" s="18" t="s">
        <v>4247</v>
      </c>
      <c r="E8576" s="18"/>
      <c r="F8576" s="18"/>
      <c r="G8576" s="18"/>
      <c r="H8576" s="18"/>
      <c r="I8576" s="18"/>
      <c r="J8576" s="18"/>
      <c r="K8576" s="18"/>
      <c r="L8576" s="18"/>
      <c r="M8576" s="18"/>
      <c r="N8576" s="18"/>
      <c r="O8576" s="18"/>
      <c r="P8576" s="19">
        <v>350</v>
      </c>
      <c r="Q8576" s="19"/>
      <c r="R8576" s="19"/>
      <c r="S8576" s="19"/>
      <c r="T8576" s="19">
        <v>300</v>
      </c>
      <c r="U8576" s="19"/>
      <c r="V8576" s="19"/>
      <c r="W8576" s="19"/>
      <c r="X8576" s="19">
        <v>1</v>
      </c>
      <c r="Y8576" s="19"/>
      <c r="Z8576" s="19"/>
      <c r="AA8576" s="19"/>
    </row>
    <row r="8577" spans="1:27" s="1" customFormat="1" ht="14.1" customHeight="1" outlineLevel="1" x14ac:dyDescent="0.2">
      <c r="A8577" s="17"/>
      <c r="B8577" s="17"/>
      <c r="C8577" s="17"/>
      <c r="D8577" s="18"/>
      <c r="E8577" s="18"/>
      <c r="F8577" s="18"/>
      <c r="G8577" s="18"/>
      <c r="H8577" s="18"/>
      <c r="I8577" s="18"/>
      <c r="J8577" s="18"/>
      <c r="K8577" s="18"/>
      <c r="L8577" s="18"/>
      <c r="M8577" s="18"/>
      <c r="N8577" s="18"/>
      <c r="O8577" s="18"/>
      <c r="P8577" s="19"/>
      <c r="Q8577" s="19"/>
      <c r="R8577" s="19"/>
      <c r="S8577" s="19"/>
      <c r="T8577" s="19"/>
      <c r="U8577" s="19"/>
      <c r="V8577" s="19"/>
      <c r="W8577" s="19"/>
      <c r="X8577" s="19"/>
      <c r="Y8577" s="19"/>
      <c r="Z8577" s="19"/>
      <c r="AA8577" s="19"/>
    </row>
    <row r="8578" spans="1:27" s="1" customFormat="1" ht="14.1" customHeight="1" outlineLevel="1" x14ac:dyDescent="0.2">
      <c r="A8578" s="17">
        <v>16737</v>
      </c>
      <c r="B8578" s="17"/>
      <c r="C8578" s="17"/>
      <c r="D8578" s="18" t="s">
        <v>4248</v>
      </c>
      <c r="E8578" s="18"/>
      <c r="F8578" s="18"/>
      <c r="G8578" s="18"/>
      <c r="H8578" s="18"/>
      <c r="I8578" s="18"/>
      <c r="J8578" s="18"/>
      <c r="K8578" s="18"/>
      <c r="L8578" s="18"/>
      <c r="M8578" s="18"/>
      <c r="N8578" s="18"/>
      <c r="O8578" s="18"/>
      <c r="P8578" s="19">
        <v>150</v>
      </c>
      <c r="Q8578" s="19"/>
      <c r="R8578" s="19"/>
      <c r="S8578" s="19"/>
      <c r="T8578" s="19">
        <v>100</v>
      </c>
      <c r="U8578" s="19"/>
      <c r="V8578" s="19"/>
      <c r="W8578" s="19"/>
      <c r="X8578" s="19">
        <v>1</v>
      </c>
      <c r="Y8578" s="19"/>
      <c r="Z8578" s="19"/>
      <c r="AA8578" s="19"/>
    </row>
    <row r="8579" spans="1:27" s="1" customFormat="1" ht="14.1" customHeight="1" outlineLevel="1" x14ac:dyDescent="0.2">
      <c r="A8579" s="17"/>
      <c r="B8579" s="17"/>
      <c r="C8579" s="17"/>
      <c r="D8579" s="18"/>
      <c r="E8579" s="18"/>
      <c r="F8579" s="18"/>
      <c r="G8579" s="18"/>
      <c r="H8579" s="18"/>
      <c r="I8579" s="18"/>
      <c r="J8579" s="18"/>
      <c r="K8579" s="18"/>
      <c r="L8579" s="18"/>
      <c r="M8579" s="18"/>
      <c r="N8579" s="18"/>
      <c r="O8579" s="18"/>
      <c r="P8579" s="19"/>
      <c r="Q8579" s="19"/>
      <c r="R8579" s="19"/>
      <c r="S8579" s="19"/>
      <c r="T8579" s="19"/>
      <c r="U8579" s="19"/>
      <c r="V8579" s="19"/>
      <c r="W8579" s="19"/>
      <c r="X8579" s="19"/>
      <c r="Y8579" s="19"/>
      <c r="Z8579" s="19"/>
      <c r="AA8579" s="19"/>
    </row>
    <row r="8580" spans="1:27" s="1" customFormat="1" ht="14.1" customHeight="1" outlineLevel="1" x14ac:dyDescent="0.2">
      <c r="A8580" s="17">
        <v>12677</v>
      </c>
      <c r="B8580" s="17"/>
      <c r="C8580" s="17"/>
      <c r="D8580" s="18" t="s">
        <v>4249</v>
      </c>
      <c r="E8580" s="18"/>
      <c r="F8580" s="18"/>
      <c r="G8580" s="18"/>
      <c r="H8580" s="18"/>
      <c r="I8580" s="18"/>
      <c r="J8580" s="18"/>
      <c r="K8580" s="18"/>
      <c r="L8580" s="18"/>
      <c r="M8580" s="18"/>
      <c r="N8580" s="18"/>
      <c r="O8580" s="18"/>
      <c r="P8580" s="19">
        <v>240</v>
      </c>
      <c r="Q8580" s="19"/>
      <c r="R8580" s="19"/>
      <c r="S8580" s="19"/>
      <c r="T8580" s="19">
        <v>190</v>
      </c>
      <c r="U8580" s="19"/>
      <c r="V8580" s="19"/>
      <c r="W8580" s="19"/>
      <c r="X8580" s="19">
        <v>1</v>
      </c>
      <c r="Y8580" s="19"/>
      <c r="Z8580" s="19"/>
      <c r="AA8580" s="19"/>
    </row>
    <row r="8581" spans="1:27" s="1" customFormat="1" ht="14.1" customHeight="1" outlineLevel="1" x14ac:dyDescent="0.2">
      <c r="A8581" s="17"/>
      <c r="B8581" s="17"/>
      <c r="C8581" s="17"/>
      <c r="D8581" s="18"/>
      <c r="E8581" s="18"/>
      <c r="F8581" s="18"/>
      <c r="G8581" s="18"/>
      <c r="H8581" s="18"/>
      <c r="I8581" s="18"/>
      <c r="J8581" s="18"/>
      <c r="K8581" s="18"/>
      <c r="L8581" s="18"/>
      <c r="M8581" s="18"/>
      <c r="N8581" s="18"/>
      <c r="O8581" s="18"/>
      <c r="P8581" s="19"/>
      <c r="Q8581" s="19"/>
      <c r="R8581" s="19"/>
      <c r="S8581" s="19"/>
      <c r="T8581" s="19"/>
      <c r="U8581" s="19"/>
      <c r="V8581" s="19"/>
      <c r="W8581" s="19"/>
      <c r="X8581" s="19"/>
      <c r="Y8581" s="19"/>
      <c r="Z8581" s="19"/>
      <c r="AA8581" s="19"/>
    </row>
    <row r="8582" spans="1:27" s="1" customFormat="1" ht="14.1" customHeight="1" outlineLevel="1" x14ac:dyDescent="0.2">
      <c r="A8582" s="17">
        <v>12681</v>
      </c>
      <c r="B8582" s="17"/>
      <c r="C8582" s="17"/>
      <c r="D8582" s="18" t="s">
        <v>4250</v>
      </c>
      <c r="E8582" s="18"/>
      <c r="F8582" s="18"/>
      <c r="G8582" s="18"/>
      <c r="H8582" s="18"/>
      <c r="I8582" s="18"/>
      <c r="J8582" s="18"/>
      <c r="K8582" s="18"/>
      <c r="L8582" s="18"/>
      <c r="M8582" s="18"/>
      <c r="N8582" s="18"/>
      <c r="O8582" s="18"/>
      <c r="P8582" s="19">
        <v>185</v>
      </c>
      <c r="Q8582" s="19"/>
      <c r="R8582" s="19"/>
      <c r="S8582" s="19"/>
      <c r="T8582" s="19">
        <v>150</v>
      </c>
      <c r="U8582" s="19"/>
      <c r="V8582" s="19"/>
      <c r="W8582" s="19"/>
      <c r="X8582" s="19">
        <v>1</v>
      </c>
      <c r="Y8582" s="19"/>
      <c r="Z8582" s="19"/>
      <c r="AA8582" s="19"/>
    </row>
    <row r="8583" spans="1:27" s="1" customFormat="1" ht="14.1" customHeight="1" outlineLevel="1" x14ac:dyDescent="0.2">
      <c r="A8583" s="17"/>
      <c r="B8583" s="17"/>
      <c r="C8583" s="17"/>
      <c r="D8583" s="18"/>
      <c r="E8583" s="18"/>
      <c r="F8583" s="18"/>
      <c r="G8583" s="18"/>
      <c r="H8583" s="18"/>
      <c r="I8583" s="18"/>
      <c r="J8583" s="18"/>
      <c r="K8583" s="18"/>
      <c r="L8583" s="18"/>
      <c r="M8583" s="18"/>
      <c r="N8583" s="18"/>
      <c r="O8583" s="18"/>
      <c r="P8583" s="19"/>
      <c r="Q8583" s="19"/>
      <c r="R8583" s="19"/>
      <c r="S8583" s="19"/>
      <c r="T8583" s="19"/>
      <c r="U8583" s="19"/>
      <c r="V8583" s="19"/>
      <c r="W8583" s="19"/>
      <c r="X8583" s="19"/>
      <c r="Y8583" s="19"/>
      <c r="Z8583" s="19"/>
      <c r="AA8583" s="19"/>
    </row>
    <row r="8584" spans="1:27" s="1" customFormat="1" ht="14.1" customHeight="1" outlineLevel="1" x14ac:dyDescent="0.2">
      <c r="A8584" s="17">
        <v>16731</v>
      </c>
      <c r="B8584" s="17"/>
      <c r="C8584" s="17"/>
      <c r="D8584" s="18" t="s">
        <v>4251</v>
      </c>
      <c r="E8584" s="18"/>
      <c r="F8584" s="18"/>
      <c r="G8584" s="18"/>
      <c r="H8584" s="18"/>
      <c r="I8584" s="18"/>
      <c r="J8584" s="18"/>
      <c r="K8584" s="18"/>
      <c r="L8584" s="18"/>
      <c r="M8584" s="18"/>
      <c r="N8584" s="18"/>
      <c r="O8584" s="18"/>
      <c r="P8584" s="19">
        <v>350</v>
      </c>
      <c r="Q8584" s="19"/>
      <c r="R8584" s="19"/>
      <c r="S8584" s="19"/>
      <c r="T8584" s="19">
        <v>300</v>
      </c>
      <c r="U8584" s="19"/>
      <c r="V8584" s="19"/>
      <c r="W8584" s="19"/>
      <c r="X8584" s="19">
        <v>1</v>
      </c>
      <c r="Y8584" s="19"/>
      <c r="Z8584" s="19"/>
      <c r="AA8584" s="19"/>
    </row>
    <row r="8585" spans="1:27" s="1" customFormat="1" ht="14.1" customHeight="1" outlineLevel="1" x14ac:dyDescent="0.2">
      <c r="A8585" s="17"/>
      <c r="B8585" s="17"/>
      <c r="C8585" s="17"/>
      <c r="D8585" s="18"/>
      <c r="E8585" s="18"/>
      <c r="F8585" s="18"/>
      <c r="G8585" s="18"/>
      <c r="H8585" s="18"/>
      <c r="I8585" s="18"/>
      <c r="J8585" s="18"/>
      <c r="K8585" s="18"/>
      <c r="L8585" s="18"/>
      <c r="M8585" s="18"/>
      <c r="N8585" s="18"/>
      <c r="O8585" s="18"/>
      <c r="P8585" s="19"/>
      <c r="Q8585" s="19"/>
      <c r="R8585" s="19"/>
      <c r="S8585" s="19"/>
      <c r="T8585" s="19"/>
      <c r="U8585" s="19"/>
      <c r="V8585" s="19"/>
      <c r="W8585" s="19"/>
      <c r="X8585" s="19"/>
      <c r="Y8585" s="19"/>
      <c r="Z8585" s="19"/>
      <c r="AA8585" s="19"/>
    </row>
    <row r="8586" spans="1:27" s="1" customFormat="1" ht="14.1" customHeight="1" outlineLevel="1" x14ac:dyDescent="0.2">
      <c r="A8586" s="17">
        <v>16736</v>
      </c>
      <c r="B8586" s="17"/>
      <c r="C8586" s="17"/>
      <c r="D8586" s="18" t="s">
        <v>4252</v>
      </c>
      <c r="E8586" s="18"/>
      <c r="F8586" s="18"/>
      <c r="G8586" s="18"/>
      <c r="H8586" s="18"/>
      <c r="I8586" s="18"/>
      <c r="J8586" s="18"/>
      <c r="K8586" s="18"/>
      <c r="L8586" s="18"/>
      <c r="M8586" s="18"/>
      <c r="N8586" s="18"/>
      <c r="O8586" s="18"/>
      <c r="P8586" s="19">
        <v>200</v>
      </c>
      <c r="Q8586" s="19"/>
      <c r="R8586" s="19"/>
      <c r="S8586" s="19"/>
      <c r="T8586" s="19">
        <v>150</v>
      </c>
      <c r="U8586" s="19"/>
      <c r="V8586" s="19"/>
      <c r="W8586" s="19"/>
      <c r="X8586" s="19">
        <v>1</v>
      </c>
      <c r="Y8586" s="19"/>
      <c r="Z8586" s="19"/>
      <c r="AA8586" s="19"/>
    </row>
    <row r="8587" spans="1:27" s="1" customFormat="1" ht="14.1" customHeight="1" outlineLevel="1" x14ac:dyDescent="0.2">
      <c r="A8587" s="17"/>
      <c r="B8587" s="17"/>
      <c r="C8587" s="17"/>
      <c r="D8587" s="18"/>
      <c r="E8587" s="18"/>
      <c r="F8587" s="18"/>
      <c r="G8587" s="18"/>
      <c r="H8587" s="18"/>
      <c r="I8587" s="18"/>
      <c r="J8587" s="18"/>
      <c r="K8587" s="18"/>
      <c r="L8587" s="18"/>
      <c r="M8587" s="18"/>
      <c r="N8587" s="18"/>
      <c r="O8587" s="18"/>
      <c r="P8587" s="19"/>
      <c r="Q8587" s="19"/>
      <c r="R8587" s="19"/>
      <c r="S8587" s="19"/>
      <c r="T8587" s="19"/>
      <c r="U8587" s="19"/>
      <c r="V8587" s="19"/>
      <c r="W8587" s="19"/>
      <c r="X8587" s="19"/>
      <c r="Y8587" s="19"/>
      <c r="Z8587" s="19"/>
      <c r="AA8587" s="19"/>
    </row>
    <row r="8588" spans="1:27" s="1" customFormat="1" ht="11.1" customHeight="1" x14ac:dyDescent="0.2">
      <c r="A8588" s="16" t="s">
        <v>4253</v>
      </c>
      <c r="B8588" s="16"/>
      <c r="C8588" s="16"/>
      <c r="D8588" s="16"/>
      <c r="E8588" s="16"/>
      <c r="F8588" s="16"/>
      <c r="G8588" s="16"/>
      <c r="H8588" s="16"/>
      <c r="I8588" s="16"/>
      <c r="J8588" s="16"/>
      <c r="K8588" s="16"/>
      <c r="L8588" s="16"/>
      <c r="M8588" s="16"/>
      <c r="N8588" s="16"/>
      <c r="O8588" s="16"/>
      <c r="P8588" s="16"/>
      <c r="Q8588" s="16"/>
      <c r="R8588" s="16"/>
      <c r="S8588" s="16"/>
      <c r="T8588" s="16"/>
      <c r="U8588" s="16"/>
      <c r="V8588" s="16"/>
      <c r="W8588" s="16"/>
      <c r="X8588" s="16"/>
      <c r="Y8588" s="16"/>
      <c r="Z8588" s="16"/>
      <c r="AA8588" s="16"/>
    </row>
    <row r="8589" spans="1:27" s="1" customFormat="1" ht="11.1" customHeight="1" x14ac:dyDescent="0.2">
      <c r="A8589" s="16"/>
      <c r="B8589" s="16"/>
      <c r="C8589" s="16"/>
      <c r="D8589" s="16"/>
      <c r="E8589" s="16"/>
      <c r="F8589" s="16"/>
      <c r="G8589" s="16"/>
      <c r="H8589" s="16"/>
      <c r="I8589" s="16"/>
      <c r="J8589" s="16"/>
      <c r="K8589" s="16"/>
      <c r="L8589" s="16"/>
      <c r="M8589" s="16"/>
      <c r="N8589" s="16"/>
      <c r="O8589" s="16"/>
      <c r="P8589" s="16"/>
      <c r="Q8589" s="16"/>
      <c r="R8589" s="16"/>
      <c r="S8589" s="16"/>
      <c r="T8589" s="16"/>
      <c r="U8589" s="16"/>
      <c r="V8589" s="16"/>
      <c r="W8589" s="16"/>
      <c r="X8589" s="16"/>
      <c r="Y8589" s="16"/>
      <c r="Z8589" s="16"/>
      <c r="AA8589" s="16"/>
    </row>
    <row r="8590" spans="1:27" s="1" customFormat="1" ht="11.1" customHeight="1" outlineLevel="1" x14ac:dyDescent="0.2">
      <c r="A8590" s="17">
        <v>8686</v>
      </c>
      <c r="B8590" s="17"/>
      <c r="C8590" s="17"/>
      <c r="D8590" s="18" t="s">
        <v>4254</v>
      </c>
      <c r="E8590" s="18"/>
      <c r="F8590" s="18"/>
      <c r="G8590" s="18"/>
      <c r="H8590" s="18"/>
      <c r="I8590" s="18"/>
      <c r="J8590" s="18"/>
      <c r="K8590" s="18"/>
      <c r="L8590" s="18"/>
      <c r="M8590" s="18"/>
      <c r="N8590" s="18"/>
      <c r="O8590" s="18"/>
      <c r="P8590" s="19">
        <v>80</v>
      </c>
      <c r="Q8590" s="19"/>
      <c r="R8590" s="19"/>
      <c r="S8590" s="19"/>
      <c r="T8590" s="19">
        <v>50</v>
      </c>
      <c r="U8590" s="19"/>
      <c r="V8590" s="19"/>
      <c r="W8590" s="19"/>
      <c r="X8590" s="19">
        <v>1</v>
      </c>
      <c r="Y8590" s="19"/>
      <c r="Z8590" s="19"/>
      <c r="AA8590" s="19"/>
    </row>
    <row r="8591" spans="1:27" s="1" customFormat="1" ht="11.1" customHeight="1" outlineLevel="1" x14ac:dyDescent="0.2">
      <c r="A8591" s="17"/>
      <c r="B8591" s="17"/>
      <c r="C8591" s="17"/>
      <c r="D8591" s="18"/>
      <c r="E8591" s="18"/>
      <c r="F8591" s="18"/>
      <c r="G8591" s="18"/>
      <c r="H8591" s="18"/>
      <c r="I8591" s="18"/>
      <c r="J8591" s="18"/>
      <c r="K8591" s="18"/>
      <c r="L8591" s="18"/>
      <c r="M8591" s="18"/>
      <c r="N8591" s="18"/>
      <c r="O8591" s="18"/>
      <c r="P8591" s="19"/>
      <c r="Q8591" s="19"/>
      <c r="R8591" s="19"/>
      <c r="S8591" s="19"/>
      <c r="T8591" s="19"/>
      <c r="U8591" s="19"/>
      <c r="V8591" s="19"/>
      <c r="W8591" s="19"/>
      <c r="X8591" s="19"/>
      <c r="Y8591" s="19"/>
      <c r="Z8591" s="19"/>
      <c r="AA8591" s="19"/>
    </row>
    <row r="8592" spans="1:27" s="1" customFormat="1" ht="11.1" customHeight="1" outlineLevel="1" x14ac:dyDescent="0.2">
      <c r="A8592" s="17">
        <v>16457</v>
      </c>
      <c r="B8592" s="17"/>
      <c r="C8592" s="17"/>
      <c r="D8592" s="18" t="s">
        <v>4255</v>
      </c>
      <c r="E8592" s="18"/>
      <c r="F8592" s="18"/>
      <c r="G8592" s="18"/>
      <c r="H8592" s="18"/>
      <c r="I8592" s="18"/>
      <c r="J8592" s="18"/>
      <c r="K8592" s="18"/>
      <c r="L8592" s="18"/>
      <c r="M8592" s="18"/>
      <c r="N8592" s="18"/>
      <c r="O8592" s="18"/>
      <c r="P8592" s="19">
        <v>250</v>
      </c>
      <c r="Q8592" s="19"/>
      <c r="R8592" s="19"/>
      <c r="S8592" s="19"/>
      <c r="T8592" s="19">
        <v>150</v>
      </c>
      <c r="U8592" s="19"/>
      <c r="V8592" s="19"/>
      <c r="W8592" s="19"/>
      <c r="X8592" s="19">
        <v>1</v>
      </c>
      <c r="Y8592" s="19"/>
      <c r="Z8592" s="19"/>
      <c r="AA8592" s="19"/>
    </row>
    <row r="8593" spans="1:27" s="1" customFormat="1" ht="11.1" customHeight="1" outlineLevel="1" x14ac:dyDescent="0.2">
      <c r="A8593" s="17"/>
      <c r="B8593" s="17"/>
      <c r="C8593" s="17"/>
      <c r="D8593" s="18"/>
      <c r="E8593" s="18"/>
      <c r="F8593" s="18"/>
      <c r="G8593" s="18"/>
      <c r="H8593" s="18"/>
      <c r="I8593" s="18"/>
      <c r="J8593" s="18"/>
      <c r="K8593" s="18"/>
      <c r="L8593" s="18"/>
      <c r="M8593" s="18"/>
      <c r="N8593" s="18"/>
      <c r="O8593" s="18"/>
      <c r="P8593" s="19"/>
      <c r="Q8593" s="19"/>
      <c r="R8593" s="19"/>
      <c r="S8593" s="19"/>
      <c r="T8593" s="19"/>
      <c r="U8593" s="19"/>
      <c r="V8593" s="19"/>
      <c r="W8593" s="19"/>
      <c r="X8593" s="19"/>
      <c r="Y8593" s="19"/>
      <c r="Z8593" s="19"/>
      <c r="AA8593" s="19"/>
    </row>
    <row r="8594" spans="1:27" s="1" customFormat="1" ht="11.1" customHeight="1" outlineLevel="1" x14ac:dyDescent="0.2">
      <c r="A8594" s="17">
        <v>1608</v>
      </c>
      <c r="B8594" s="17"/>
      <c r="C8594" s="17"/>
      <c r="D8594" s="18" t="s">
        <v>4256</v>
      </c>
      <c r="E8594" s="18"/>
      <c r="F8594" s="18"/>
      <c r="G8594" s="18"/>
      <c r="H8594" s="18"/>
      <c r="I8594" s="18"/>
      <c r="J8594" s="18"/>
      <c r="K8594" s="18"/>
      <c r="L8594" s="18"/>
      <c r="M8594" s="18"/>
      <c r="N8594" s="18"/>
      <c r="O8594" s="18"/>
      <c r="P8594" s="19">
        <v>200</v>
      </c>
      <c r="Q8594" s="19"/>
      <c r="R8594" s="19"/>
      <c r="S8594" s="19"/>
      <c r="T8594" s="19">
        <v>150</v>
      </c>
      <c r="U8594" s="19"/>
      <c r="V8594" s="19"/>
      <c r="W8594" s="19"/>
      <c r="X8594" s="19">
        <v>1</v>
      </c>
      <c r="Y8594" s="19"/>
      <c r="Z8594" s="19"/>
      <c r="AA8594" s="19"/>
    </row>
    <row r="8595" spans="1:27" s="1" customFormat="1" ht="11.1" customHeight="1" outlineLevel="1" x14ac:dyDescent="0.2">
      <c r="A8595" s="17"/>
      <c r="B8595" s="17"/>
      <c r="C8595" s="17"/>
      <c r="D8595" s="18"/>
      <c r="E8595" s="18"/>
      <c r="F8595" s="18"/>
      <c r="G8595" s="18"/>
      <c r="H8595" s="18"/>
      <c r="I8595" s="18"/>
      <c r="J8595" s="18"/>
      <c r="K8595" s="18"/>
      <c r="L8595" s="18"/>
      <c r="M8595" s="18"/>
      <c r="N8595" s="18"/>
      <c r="O8595" s="18"/>
      <c r="P8595" s="19"/>
      <c r="Q8595" s="19"/>
      <c r="R8595" s="19"/>
      <c r="S8595" s="19"/>
      <c r="T8595" s="19"/>
      <c r="U8595" s="19"/>
      <c r="V8595" s="19"/>
      <c r="W8595" s="19"/>
      <c r="X8595" s="19"/>
      <c r="Y8595" s="19"/>
      <c r="Z8595" s="19"/>
      <c r="AA8595" s="19"/>
    </row>
    <row r="8596" spans="1:27" s="1" customFormat="1" ht="11.1" customHeight="1" outlineLevel="1" x14ac:dyDescent="0.2">
      <c r="A8596" s="17">
        <v>16470</v>
      </c>
      <c r="B8596" s="17"/>
      <c r="C8596" s="17"/>
      <c r="D8596" s="18" t="s">
        <v>4257</v>
      </c>
      <c r="E8596" s="18"/>
      <c r="F8596" s="18"/>
      <c r="G8596" s="18"/>
      <c r="H8596" s="18"/>
      <c r="I8596" s="18"/>
      <c r="J8596" s="18"/>
      <c r="K8596" s="18"/>
      <c r="L8596" s="18"/>
      <c r="M8596" s="18"/>
      <c r="N8596" s="18"/>
      <c r="O8596" s="18"/>
      <c r="P8596" s="19">
        <v>490</v>
      </c>
      <c r="Q8596" s="19"/>
      <c r="R8596" s="19"/>
      <c r="S8596" s="19"/>
      <c r="T8596" s="19">
        <v>400</v>
      </c>
      <c r="U8596" s="19"/>
      <c r="V8596" s="19"/>
      <c r="W8596" s="19"/>
      <c r="X8596" s="19">
        <v>1</v>
      </c>
      <c r="Y8596" s="19"/>
      <c r="Z8596" s="19"/>
      <c r="AA8596" s="19"/>
    </row>
    <row r="8597" spans="1:27" s="1" customFormat="1" ht="11.1" customHeight="1" outlineLevel="1" x14ac:dyDescent="0.2">
      <c r="A8597" s="17"/>
      <c r="B8597" s="17"/>
      <c r="C8597" s="17"/>
      <c r="D8597" s="18"/>
      <c r="E8597" s="18"/>
      <c r="F8597" s="18"/>
      <c r="G8597" s="18"/>
      <c r="H8597" s="18"/>
      <c r="I8597" s="18"/>
      <c r="J8597" s="18"/>
      <c r="K8597" s="18"/>
      <c r="L8597" s="18"/>
      <c r="M8597" s="18"/>
      <c r="N8597" s="18"/>
      <c r="O8597" s="18"/>
      <c r="P8597" s="19"/>
      <c r="Q8597" s="19"/>
      <c r="R8597" s="19"/>
      <c r="S8597" s="19"/>
      <c r="T8597" s="19"/>
      <c r="U8597" s="19"/>
      <c r="V8597" s="19"/>
      <c r="W8597" s="19"/>
      <c r="X8597" s="19"/>
      <c r="Y8597" s="19"/>
      <c r="Z8597" s="19"/>
      <c r="AA8597" s="19"/>
    </row>
    <row r="8598" spans="1:27" s="1" customFormat="1" ht="11.1" customHeight="1" outlineLevel="1" x14ac:dyDescent="0.2">
      <c r="A8598" s="17">
        <v>8687</v>
      </c>
      <c r="B8598" s="17"/>
      <c r="C8598" s="17"/>
      <c r="D8598" s="18" t="s">
        <v>4258</v>
      </c>
      <c r="E8598" s="18"/>
      <c r="F8598" s="18"/>
      <c r="G8598" s="18"/>
      <c r="H8598" s="18"/>
      <c r="I8598" s="18"/>
      <c r="J8598" s="18"/>
      <c r="K8598" s="18"/>
      <c r="L8598" s="18"/>
      <c r="M8598" s="18"/>
      <c r="N8598" s="18"/>
      <c r="O8598" s="18"/>
      <c r="P8598" s="19">
        <v>140</v>
      </c>
      <c r="Q8598" s="19"/>
      <c r="R8598" s="19"/>
      <c r="S8598" s="19"/>
      <c r="T8598" s="19">
        <v>100</v>
      </c>
      <c r="U8598" s="19"/>
      <c r="V8598" s="19"/>
      <c r="W8598" s="19"/>
      <c r="X8598" s="19">
        <v>1</v>
      </c>
      <c r="Y8598" s="19"/>
      <c r="Z8598" s="19"/>
      <c r="AA8598" s="19"/>
    </row>
    <row r="8599" spans="1:27" s="1" customFormat="1" ht="11.1" customHeight="1" outlineLevel="1" x14ac:dyDescent="0.2">
      <c r="A8599" s="17"/>
      <c r="B8599" s="17"/>
      <c r="C8599" s="17"/>
      <c r="D8599" s="18"/>
      <c r="E8599" s="18"/>
      <c r="F8599" s="18"/>
      <c r="G8599" s="18"/>
      <c r="H8599" s="18"/>
      <c r="I8599" s="18"/>
      <c r="J8599" s="18"/>
      <c r="K8599" s="18"/>
      <c r="L8599" s="18"/>
      <c r="M8599" s="18"/>
      <c r="N8599" s="18"/>
      <c r="O8599" s="18"/>
      <c r="P8599" s="19"/>
      <c r="Q8599" s="19"/>
      <c r="R8599" s="19"/>
      <c r="S8599" s="19"/>
      <c r="T8599" s="19"/>
      <c r="U8599" s="19"/>
      <c r="V8599" s="19"/>
      <c r="W8599" s="19"/>
      <c r="X8599" s="19"/>
      <c r="Y8599" s="19"/>
      <c r="Z8599" s="19"/>
      <c r="AA8599" s="19"/>
    </row>
    <row r="8600" spans="1:27" s="1" customFormat="1" ht="11.1" customHeight="1" outlineLevel="1" x14ac:dyDescent="0.2">
      <c r="A8600" s="17">
        <v>5739</v>
      </c>
      <c r="B8600" s="17"/>
      <c r="C8600" s="17"/>
      <c r="D8600" s="18" t="s">
        <v>4259</v>
      </c>
      <c r="E8600" s="18"/>
      <c r="F8600" s="18"/>
      <c r="G8600" s="18"/>
      <c r="H8600" s="18"/>
      <c r="I8600" s="18"/>
      <c r="J8600" s="18"/>
      <c r="K8600" s="18"/>
      <c r="L8600" s="18"/>
      <c r="M8600" s="18"/>
      <c r="N8600" s="18"/>
      <c r="O8600" s="18"/>
      <c r="P8600" s="19">
        <v>200</v>
      </c>
      <c r="Q8600" s="19"/>
      <c r="R8600" s="19"/>
      <c r="S8600" s="19"/>
      <c r="T8600" s="19">
        <v>160</v>
      </c>
      <c r="U8600" s="19"/>
      <c r="V8600" s="19"/>
      <c r="W8600" s="19"/>
      <c r="X8600" s="19">
        <v>1</v>
      </c>
      <c r="Y8600" s="19"/>
      <c r="Z8600" s="19"/>
      <c r="AA8600" s="19"/>
    </row>
    <row r="8601" spans="1:27" s="1" customFormat="1" ht="11.1" customHeight="1" outlineLevel="1" x14ac:dyDescent="0.2">
      <c r="A8601" s="17"/>
      <c r="B8601" s="17"/>
      <c r="C8601" s="17"/>
      <c r="D8601" s="18"/>
      <c r="E8601" s="18"/>
      <c r="F8601" s="18"/>
      <c r="G8601" s="18"/>
      <c r="H8601" s="18"/>
      <c r="I8601" s="18"/>
      <c r="J8601" s="18"/>
      <c r="K8601" s="18"/>
      <c r="L8601" s="18"/>
      <c r="M8601" s="18"/>
      <c r="N8601" s="18"/>
      <c r="O8601" s="18"/>
      <c r="P8601" s="19"/>
      <c r="Q8601" s="19"/>
      <c r="R8601" s="19"/>
      <c r="S8601" s="19"/>
      <c r="T8601" s="19"/>
      <c r="U8601" s="19"/>
      <c r="V8601" s="19"/>
      <c r="W8601" s="19"/>
      <c r="X8601" s="19"/>
      <c r="Y8601" s="19"/>
      <c r="Z8601" s="19"/>
      <c r="AA8601" s="19"/>
    </row>
    <row r="8602" spans="1:27" s="1" customFormat="1" ht="11.1" customHeight="1" outlineLevel="1" x14ac:dyDescent="0.2">
      <c r="A8602" s="17">
        <v>9308</v>
      </c>
      <c r="B8602" s="17"/>
      <c r="C8602" s="17"/>
      <c r="D8602" s="18" t="s">
        <v>4260</v>
      </c>
      <c r="E8602" s="18"/>
      <c r="F8602" s="18"/>
      <c r="G8602" s="18"/>
      <c r="H8602" s="18"/>
      <c r="I8602" s="18"/>
      <c r="J8602" s="18"/>
      <c r="K8602" s="18"/>
      <c r="L8602" s="18"/>
      <c r="M8602" s="18"/>
      <c r="N8602" s="18"/>
      <c r="O8602" s="18"/>
      <c r="P8602" s="19">
        <v>400</v>
      </c>
      <c r="Q8602" s="19"/>
      <c r="R8602" s="19"/>
      <c r="S8602" s="19"/>
      <c r="T8602" s="19">
        <v>350</v>
      </c>
      <c r="U8602" s="19"/>
      <c r="V8602" s="19"/>
      <c r="W8602" s="19"/>
      <c r="X8602" s="19">
        <v>1</v>
      </c>
      <c r="Y8602" s="19"/>
      <c r="Z8602" s="19"/>
      <c r="AA8602" s="19"/>
    </row>
    <row r="8603" spans="1:27" s="1" customFormat="1" ht="11.1" customHeight="1" outlineLevel="1" x14ac:dyDescent="0.2">
      <c r="A8603" s="17"/>
      <c r="B8603" s="17"/>
      <c r="C8603" s="17"/>
      <c r="D8603" s="18"/>
      <c r="E8603" s="18"/>
      <c r="F8603" s="18"/>
      <c r="G8603" s="18"/>
      <c r="H8603" s="18"/>
      <c r="I8603" s="18"/>
      <c r="J8603" s="18"/>
      <c r="K8603" s="18"/>
      <c r="L8603" s="18"/>
      <c r="M8603" s="18"/>
      <c r="N8603" s="18"/>
      <c r="O8603" s="18"/>
      <c r="P8603" s="19"/>
      <c r="Q8603" s="19"/>
      <c r="R8603" s="19"/>
      <c r="S8603" s="19"/>
      <c r="T8603" s="19"/>
      <c r="U8603" s="19"/>
      <c r="V8603" s="19"/>
      <c r="W8603" s="19"/>
      <c r="X8603" s="19"/>
      <c r="Y8603" s="19"/>
      <c r="Z8603" s="19"/>
      <c r="AA8603" s="19"/>
    </row>
    <row r="8604" spans="1:27" s="1" customFormat="1" ht="11.1" customHeight="1" outlineLevel="1" x14ac:dyDescent="0.2">
      <c r="A8604" s="17">
        <v>1584</v>
      </c>
      <c r="B8604" s="17"/>
      <c r="C8604" s="17"/>
      <c r="D8604" s="18" t="s">
        <v>4261</v>
      </c>
      <c r="E8604" s="18"/>
      <c r="F8604" s="18"/>
      <c r="G8604" s="18"/>
      <c r="H8604" s="18"/>
      <c r="I8604" s="18"/>
      <c r="J8604" s="18"/>
      <c r="K8604" s="18"/>
      <c r="L8604" s="18"/>
      <c r="M8604" s="18"/>
      <c r="N8604" s="18"/>
      <c r="O8604" s="18"/>
      <c r="P8604" s="19">
        <v>260</v>
      </c>
      <c r="Q8604" s="19"/>
      <c r="R8604" s="19"/>
      <c r="S8604" s="19"/>
      <c r="T8604" s="19">
        <v>220</v>
      </c>
      <c r="U8604" s="19"/>
      <c r="V8604" s="19"/>
      <c r="W8604" s="19"/>
      <c r="X8604" s="19">
        <v>1</v>
      </c>
      <c r="Y8604" s="19"/>
      <c r="Z8604" s="19"/>
      <c r="AA8604" s="19"/>
    </row>
    <row r="8605" spans="1:27" s="1" customFormat="1" ht="11.1" customHeight="1" outlineLevel="1" x14ac:dyDescent="0.2">
      <c r="A8605" s="17"/>
      <c r="B8605" s="17"/>
      <c r="C8605" s="17"/>
      <c r="D8605" s="18"/>
      <c r="E8605" s="18"/>
      <c r="F8605" s="18"/>
      <c r="G8605" s="18"/>
      <c r="H8605" s="18"/>
      <c r="I8605" s="18"/>
      <c r="J8605" s="18"/>
      <c r="K8605" s="18"/>
      <c r="L8605" s="18"/>
      <c r="M8605" s="18"/>
      <c r="N8605" s="18"/>
      <c r="O8605" s="18"/>
      <c r="P8605" s="19"/>
      <c r="Q8605" s="19"/>
      <c r="R8605" s="19"/>
      <c r="S8605" s="19"/>
      <c r="T8605" s="19"/>
      <c r="U8605" s="19"/>
      <c r="V8605" s="19"/>
      <c r="W8605" s="19"/>
      <c r="X8605" s="19"/>
      <c r="Y8605" s="19"/>
      <c r="Z8605" s="19"/>
      <c r="AA8605" s="19"/>
    </row>
    <row r="8606" spans="1:27" s="1" customFormat="1" ht="11.1" customHeight="1" outlineLevel="1" x14ac:dyDescent="0.2">
      <c r="A8606" s="17">
        <v>16469</v>
      </c>
      <c r="B8606" s="17"/>
      <c r="C8606" s="17"/>
      <c r="D8606" s="18" t="s">
        <v>4262</v>
      </c>
      <c r="E8606" s="18"/>
      <c r="F8606" s="18"/>
      <c r="G8606" s="18"/>
      <c r="H8606" s="18"/>
      <c r="I8606" s="18"/>
      <c r="J8606" s="18"/>
      <c r="K8606" s="18"/>
      <c r="L8606" s="18"/>
      <c r="M8606" s="18"/>
      <c r="N8606" s="18"/>
      <c r="O8606" s="18"/>
      <c r="P8606" s="19">
        <v>200</v>
      </c>
      <c r="Q8606" s="19"/>
      <c r="R8606" s="19"/>
      <c r="S8606" s="19"/>
      <c r="T8606" s="19">
        <v>150</v>
      </c>
      <c r="U8606" s="19"/>
      <c r="V8606" s="19"/>
      <c r="W8606" s="19"/>
      <c r="X8606" s="19">
        <v>1</v>
      </c>
      <c r="Y8606" s="19"/>
      <c r="Z8606" s="19"/>
      <c r="AA8606" s="19"/>
    </row>
    <row r="8607" spans="1:27" s="1" customFormat="1" ht="11.1" customHeight="1" outlineLevel="1" x14ac:dyDescent="0.2">
      <c r="A8607" s="17"/>
      <c r="B8607" s="17"/>
      <c r="C8607" s="17"/>
      <c r="D8607" s="18"/>
      <c r="E8607" s="18"/>
      <c r="F8607" s="18"/>
      <c r="G8607" s="18"/>
      <c r="H8607" s="18"/>
      <c r="I8607" s="18"/>
      <c r="J8607" s="18"/>
      <c r="K8607" s="18"/>
      <c r="L8607" s="18"/>
      <c r="M8607" s="18"/>
      <c r="N8607" s="18"/>
      <c r="O8607" s="18"/>
      <c r="P8607" s="19"/>
      <c r="Q8607" s="19"/>
      <c r="R8607" s="19"/>
      <c r="S8607" s="19"/>
      <c r="T8607" s="19"/>
      <c r="U8607" s="19"/>
      <c r="V8607" s="19"/>
      <c r="W8607" s="19"/>
      <c r="X8607" s="19"/>
      <c r="Y8607" s="19"/>
      <c r="Z8607" s="19"/>
      <c r="AA8607" s="19"/>
    </row>
    <row r="8608" spans="1:27" s="1" customFormat="1" ht="11.1" customHeight="1" x14ac:dyDescent="0.2">
      <c r="A8608" s="16" t="s">
        <v>4263</v>
      </c>
      <c r="B8608" s="16"/>
      <c r="C8608" s="16"/>
      <c r="D8608" s="16"/>
      <c r="E8608" s="16"/>
      <c r="F8608" s="16"/>
      <c r="G8608" s="16"/>
      <c r="H8608" s="16"/>
      <c r="I8608" s="16"/>
      <c r="J8608" s="16"/>
      <c r="K8608" s="16"/>
      <c r="L8608" s="16"/>
      <c r="M8608" s="16"/>
      <c r="N8608" s="16"/>
      <c r="O8608" s="16"/>
      <c r="P8608" s="16"/>
      <c r="Q8608" s="16"/>
      <c r="R8608" s="16"/>
      <c r="S8608" s="16"/>
      <c r="T8608" s="16"/>
      <c r="U8608" s="16"/>
      <c r="V8608" s="16"/>
      <c r="W8608" s="16"/>
      <c r="X8608" s="16"/>
      <c r="Y8608" s="16"/>
      <c r="Z8608" s="16"/>
      <c r="AA8608" s="16"/>
    </row>
    <row r="8609" spans="1:27" s="1" customFormat="1" ht="11.1" customHeight="1" x14ac:dyDescent="0.2">
      <c r="A8609" s="16"/>
      <c r="B8609" s="16"/>
      <c r="C8609" s="16"/>
      <c r="D8609" s="16"/>
      <c r="E8609" s="16"/>
      <c r="F8609" s="16"/>
      <c r="G8609" s="16"/>
      <c r="H8609" s="16"/>
      <c r="I8609" s="16"/>
      <c r="J8609" s="16"/>
      <c r="K8609" s="16"/>
      <c r="L8609" s="16"/>
      <c r="M8609" s="16"/>
      <c r="N8609" s="16"/>
      <c r="O8609" s="16"/>
      <c r="P8609" s="16"/>
      <c r="Q8609" s="16"/>
      <c r="R8609" s="16"/>
      <c r="S8609" s="16"/>
      <c r="T8609" s="16"/>
      <c r="U8609" s="16"/>
      <c r="V8609" s="16"/>
      <c r="W8609" s="16"/>
      <c r="X8609" s="16"/>
      <c r="Y8609" s="16"/>
      <c r="Z8609" s="16"/>
      <c r="AA8609" s="16"/>
    </row>
    <row r="8610" spans="1:27" s="1" customFormat="1" ht="11.1" customHeight="1" outlineLevel="1" x14ac:dyDescent="0.2">
      <c r="A8610" s="17">
        <v>6989</v>
      </c>
      <c r="B8610" s="17"/>
      <c r="C8610" s="17"/>
      <c r="D8610" s="18" t="s">
        <v>4264</v>
      </c>
      <c r="E8610" s="18"/>
      <c r="F8610" s="18"/>
      <c r="G8610" s="18"/>
      <c r="H8610" s="18"/>
      <c r="I8610" s="18"/>
      <c r="J8610" s="18"/>
      <c r="K8610" s="18"/>
      <c r="L8610" s="18"/>
      <c r="M8610" s="18"/>
      <c r="N8610" s="18"/>
      <c r="O8610" s="18"/>
      <c r="P8610" s="19">
        <v>140</v>
      </c>
      <c r="Q8610" s="19"/>
      <c r="R8610" s="19"/>
      <c r="S8610" s="19"/>
      <c r="T8610" s="19">
        <v>110</v>
      </c>
      <c r="U8610" s="19"/>
      <c r="V8610" s="19"/>
      <c r="W8610" s="19"/>
      <c r="X8610" s="19">
        <v>1</v>
      </c>
      <c r="Y8610" s="19"/>
      <c r="Z8610" s="19"/>
      <c r="AA8610" s="19"/>
    </row>
    <row r="8611" spans="1:27" s="1" customFormat="1" ht="11.1" customHeight="1" outlineLevel="1" x14ac:dyDescent="0.2">
      <c r="A8611" s="17"/>
      <c r="B8611" s="17"/>
      <c r="C8611" s="17"/>
      <c r="D8611" s="18"/>
      <c r="E8611" s="18"/>
      <c r="F8611" s="18"/>
      <c r="G8611" s="18"/>
      <c r="H8611" s="18"/>
      <c r="I8611" s="18"/>
      <c r="J8611" s="18"/>
      <c r="K8611" s="18"/>
      <c r="L8611" s="18"/>
      <c r="M8611" s="18"/>
      <c r="N8611" s="18"/>
      <c r="O8611" s="18"/>
      <c r="P8611" s="19"/>
      <c r="Q8611" s="19"/>
      <c r="R8611" s="19"/>
      <c r="S8611" s="19"/>
      <c r="T8611" s="19"/>
      <c r="U8611" s="19"/>
      <c r="V8611" s="19"/>
      <c r="W8611" s="19"/>
      <c r="X8611" s="19"/>
      <c r="Y8611" s="19"/>
      <c r="Z8611" s="19"/>
      <c r="AA8611" s="19"/>
    </row>
    <row r="8612" spans="1:27" s="1" customFormat="1" ht="11.1" customHeight="1" outlineLevel="1" x14ac:dyDescent="0.2">
      <c r="A8612" s="17">
        <v>1507</v>
      </c>
      <c r="B8612" s="17"/>
      <c r="C8612" s="17"/>
      <c r="D8612" s="18" t="s">
        <v>4265</v>
      </c>
      <c r="E8612" s="18"/>
      <c r="F8612" s="18"/>
      <c r="G8612" s="18"/>
      <c r="H8612" s="18"/>
      <c r="I8612" s="18"/>
      <c r="J8612" s="18"/>
      <c r="K8612" s="18"/>
      <c r="L8612" s="18"/>
      <c r="M8612" s="18"/>
      <c r="N8612" s="18"/>
      <c r="O8612" s="18"/>
      <c r="P8612" s="19">
        <v>450</v>
      </c>
      <c r="Q8612" s="19"/>
      <c r="R8612" s="19"/>
      <c r="S8612" s="19"/>
      <c r="T8612" s="19">
        <v>390</v>
      </c>
      <c r="U8612" s="19"/>
      <c r="V8612" s="19"/>
      <c r="W8612" s="19"/>
      <c r="X8612" s="19">
        <v>1</v>
      </c>
      <c r="Y8612" s="19"/>
      <c r="Z8612" s="19"/>
      <c r="AA8612" s="19"/>
    </row>
    <row r="8613" spans="1:27" s="1" customFormat="1" ht="11.1" customHeight="1" outlineLevel="1" x14ac:dyDescent="0.2">
      <c r="A8613" s="17"/>
      <c r="B8613" s="17"/>
      <c r="C8613" s="17"/>
      <c r="D8613" s="18"/>
      <c r="E8613" s="18"/>
      <c r="F8613" s="18"/>
      <c r="G8613" s="18"/>
      <c r="H8613" s="18"/>
      <c r="I8613" s="18"/>
      <c r="J8613" s="18"/>
      <c r="K8613" s="18"/>
      <c r="L8613" s="18"/>
      <c r="M8613" s="18"/>
      <c r="N8613" s="18"/>
      <c r="O8613" s="18"/>
      <c r="P8613" s="19"/>
      <c r="Q8613" s="19"/>
      <c r="R8613" s="19"/>
      <c r="S8613" s="19"/>
      <c r="T8613" s="19"/>
      <c r="U8613" s="19"/>
      <c r="V8613" s="19"/>
      <c r="W8613" s="19"/>
      <c r="X8613" s="19"/>
      <c r="Y8613" s="19"/>
      <c r="Z8613" s="19"/>
      <c r="AA8613" s="19"/>
    </row>
    <row r="8614" spans="1:27" s="1" customFormat="1" ht="11.1" customHeight="1" x14ac:dyDescent="0.2">
      <c r="A8614" s="16" t="s">
        <v>4266</v>
      </c>
      <c r="B8614" s="16"/>
      <c r="C8614" s="16"/>
      <c r="D8614" s="16"/>
      <c r="E8614" s="16"/>
      <c r="F8614" s="16"/>
      <c r="G8614" s="16"/>
      <c r="H8614" s="16"/>
      <c r="I8614" s="16"/>
      <c r="J8614" s="16"/>
      <c r="K8614" s="16"/>
      <c r="L8614" s="16"/>
      <c r="M8614" s="16"/>
      <c r="N8614" s="16"/>
      <c r="O8614" s="16"/>
      <c r="P8614" s="16"/>
      <c r="Q8614" s="16"/>
      <c r="R8614" s="16"/>
      <c r="S8614" s="16"/>
      <c r="T8614" s="16"/>
      <c r="U8614" s="16"/>
      <c r="V8614" s="16"/>
      <c r="W8614" s="16"/>
      <c r="X8614" s="16"/>
      <c r="Y8614" s="16"/>
      <c r="Z8614" s="16"/>
      <c r="AA8614" s="16"/>
    </row>
    <row r="8615" spans="1:27" s="1" customFormat="1" ht="11.1" customHeight="1" x14ac:dyDescent="0.2">
      <c r="A8615" s="16"/>
      <c r="B8615" s="16"/>
      <c r="C8615" s="16"/>
      <c r="D8615" s="16"/>
      <c r="E8615" s="16"/>
      <c r="F8615" s="16"/>
      <c r="G8615" s="16"/>
      <c r="H8615" s="16"/>
      <c r="I8615" s="16"/>
      <c r="J8615" s="16"/>
      <c r="K8615" s="16"/>
      <c r="L8615" s="16"/>
      <c r="M8615" s="16"/>
      <c r="N8615" s="16"/>
      <c r="O8615" s="16"/>
      <c r="P8615" s="16"/>
      <c r="Q8615" s="16"/>
      <c r="R8615" s="16"/>
      <c r="S8615" s="16"/>
      <c r="T8615" s="16"/>
      <c r="U8615" s="16"/>
      <c r="V8615" s="16"/>
      <c r="W8615" s="16"/>
      <c r="X8615" s="16"/>
      <c r="Y8615" s="16"/>
      <c r="Z8615" s="16"/>
      <c r="AA8615" s="16"/>
    </row>
    <row r="8616" spans="1:27" s="1" customFormat="1" ht="11.1" customHeight="1" outlineLevel="1" x14ac:dyDescent="0.2">
      <c r="A8616" s="17">
        <v>12957</v>
      </c>
      <c r="B8616" s="17"/>
      <c r="C8616" s="17"/>
      <c r="D8616" s="18" t="s">
        <v>4267</v>
      </c>
      <c r="E8616" s="18"/>
      <c r="F8616" s="18"/>
      <c r="G8616" s="18"/>
      <c r="H8616" s="18"/>
      <c r="I8616" s="18"/>
      <c r="J8616" s="18"/>
      <c r="K8616" s="18"/>
      <c r="L8616" s="18"/>
      <c r="M8616" s="18"/>
      <c r="N8616" s="18"/>
      <c r="O8616" s="18"/>
      <c r="P8616" s="19">
        <v>400</v>
      </c>
      <c r="Q8616" s="19"/>
      <c r="R8616" s="19"/>
      <c r="S8616" s="19"/>
      <c r="T8616" s="19">
        <v>350</v>
      </c>
      <c r="U8616" s="19"/>
      <c r="V8616" s="19"/>
      <c r="W8616" s="19"/>
      <c r="X8616" s="19">
        <v>1</v>
      </c>
      <c r="Y8616" s="19"/>
      <c r="Z8616" s="19"/>
      <c r="AA8616" s="19"/>
    </row>
    <row r="8617" spans="1:27" s="1" customFormat="1" ht="11.1" customHeight="1" outlineLevel="1" x14ac:dyDescent="0.2">
      <c r="A8617" s="17"/>
      <c r="B8617" s="17"/>
      <c r="C8617" s="17"/>
      <c r="D8617" s="18"/>
      <c r="E8617" s="18"/>
      <c r="F8617" s="18"/>
      <c r="G8617" s="18"/>
      <c r="H8617" s="18"/>
      <c r="I8617" s="18"/>
      <c r="J8617" s="18"/>
      <c r="K8617" s="18"/>
      <c r="L8617" s="18"/>
      <c r="M8617" s="18"/>
      <c r="N8617" s="18"/>
      <c r="O8617" s="18"/>
      <c r="P8617" s="19"/>
      <c r="Q8617" s="19"/>
      <c r="R8617" s="19"/>
      <c r="S8617" s="19"/>
      <c r="T8617" s="19"/>
      <c r="U8617" s="19"/>
      <c r="V8617" s="19"/>
      <c r="W8617" s="19"/>
      <c r="X8617" s="19"/>
      <c r="Y8617" s="19"/>
      <c r="Z8617" s="19"/>
      <c r="AA8617" s="19"/>
    </row>
    <row r="8618" spans="1:27" s="1" customFormat="1" ht="11.1" customHeight="1" outlineLevel="1" x14ac:dyDescent="0.2">
      <c r="A8618" s="17">
        <v>12964</v>
      </c>
      <c r="B8618" s="17"/>
      <c r="C8618" s="17"/>
      <c r="D8618" s="18" t="s">
        <v>4268</v>
      </c>
      <c r="E8618" s="18"/>
      <c r="F8618" s="18"/>
      <c r="G8618" s="18"/>
      <c r="H8618" s="18"/>
      <c r="I8618" s="18"/>
      <c r="J8618" s="18"/>
      <c r="K8618" s="18"/>
      <c r="L8618" s="18"/>
      <c r="M8618" s="18"/>
      <c r="N8618" s="18"/>
      <c r="O8618" s="18"/>
      <c r="P8618" s="19">
        <v>400</v>
      </c>
      <c r="Q8618" s="19"/>
      <c r="R8618" s="19"/>
      <c r="S8618" s="19"/>
      <c r="T8618" s="19">
        <v>350</v>
      </c>
      <c r="U8618" s="19"/>
      <c r="V8618" s="19"/>
      <c r="W8618" s="19"/>
      <c r="X8618" s="19">
        <v>1</v>
      </c>
      <c r="Y8618" s="19"/>
      <c r="Z8618" s="19"/>
      <c r="AA8618" s="19"/>
    </row>
    <row r="8619" spans="1:27" s="1" customFormat="1" ht="11.1" customHeight="1" outlineLevel="1" x14ac:dyDescent="0.2">
      <c r="A8619" s="17"/>
      <c r="B8619" s="17"/>
      <c r="C8619" s="17"/>
      <c r="D8619" s="18"/>
      <c r="E8619" s="18"/>
      <c r="F8619" s="18"/>
      <c r="G8619" s="18"/>
      <c r="H8619" s="18"/>
      <c r="I8619" s="18"/>
      <c r="J8619" s="18"/>
      <c r="K8619" s="18"/>
      <c r="L8619" s="18"/>
      <c r="M8619" s="18"/>
      <c r="N8619" s="18"/>
      <c r="O8619" s="18"/>
      <c r="P8619" s="19"/>
      <c r="Q8619" s="19"/>
      <c r="R8619" s="19"/>
      <c r="S8619" s="19"/>
      <c r="T8619" s="19"/>
      <c r="U8619" s="19"/>
      <c r="V8619" s="19"/>
      <c r="W8619" s="19"/>
      <c r="X8619" s="19"/>
      <c r="Y8619" s="19"/>
      <c r="Z8619" s="19"/>
      <c r="AA8619" s="19"/>
    </row>
    <row r="8620" spans="1:27" s="1" customFormat="1" ht="11.1" customHeight="1" outlineLevel="1" x14ac:dyDescent="0.2">
      <c r="A8620" s="17">
        <v>12958</v>
      </c>
      <c r="B8620" s="17"/>
      <c r="C8620" s="17"/>
      <c r="D8620" s="18" t="s">
        <v>4269</v>
      </c>
      <c r="E8620" s="18"/>
      <c r="F8620" s="18"/>
      <c r="G8620" s="18"/>
      <c r="H8620" s="18"/>
      <c r="I8620" s="18"/>
      <c r="J8620" s="18"/>
      <c r="K8620" s="18"/>
      <c r="L8620" s="18"/>
      <c r="M8620" s="18"/>
      <c r="N8620" s="18"/>
      <c r="O8620" s="18"/>
      <c r="P8620" s="19">
        <v>80</v>
      </c>
      <c r="Q8620" s="19"/>
      <c r="R8620" s="19"/>
      <c r="S8620" s="19"/>
      <c r="T8620" s="19">
        <v>50</v>
      </c>
      <c r="U8620" s="19"/>
      <c r="V8620" s="19"/>
      <c r="W8620" s="19"/>
      <c r="X8620" s="19">
        <v>1</v>
      </c>
      <c r="Y8620" s="19"/>
      <c r="Z8620" s="19"/>
      <c r="AA8620" s="19"/>
    </row>
    <row r="8621" spans="1:27" s="1" customFormat="1" ht="11.1" customHeight="1" outlineLevel="1" x14ac:dyDescent="0.2">
      <c r="A8621" s="17"/>
      <c r="B8621" s="17"/>
      <c r="C8621" s="17"/>
      <c r="D8621" s="18"/>
      <c r="E8621" s="18"/>
      <c r="F8621" s="18"/>
      <c r="G8621" s="18"/>
      <c r="H8621" s="18"/>
      <c r="I8621" s="18"/>
      <c r="J8621" s="18"/>
      <c r="K8621" s="18"/>
      <c r="L8621" s="18"/>
      <c r="M8621" s="18"/>
      <c r="N8621" s="18"/>
      <c r="O8621" s="18"/>
      <c r="P8621" s="19"/>
      <c r="Q8621" s="19"/>
      <c r="R8621" s="19"/>
      <c r="S8621" s="19"/>
      <c r="T8621" s="19"/>
      <c r="U8621" s="19"/>
      <c r="V8621" s="19"/>
      <c r="W8621" s="19"/>
      <c r="X8621" s="19"/>
      <c r="Y8621" s="19"/>
      <c r="Z8621" s="19"/>
      <c r="AA8621" s="19"/>
    </row>
    <row r="8622" spans="1:27" s="1" customFormat="1" ht="11.1" customHeight="1" outlineLevel="1" x14ac:dyDescent="0.2">
      <c r="A8622" s="17">
        <v>12962</v>
      </c>
      <c r="B8622" s="17"/>
      <c r="C8622" s="17"/>
      <c r="D8622" s="18" t="s">
        <v>4270</v>
      </c>
      <c r="E8622" s="18"/>
      <c r="F8622" s="18"/>
      <c r="G8622" s="18"/>
      <c r="H8622" s="18"/>
      <c r="I8622" s="18"/>
      <c r="J8622" s="18"/>
      <c r="K8622" s="18"/>
      <c r="L8622" s="18"/>
      <c r="M8622" s="18"/>
      <c r="N8622" s="18"/>
      <c r="O8622" s="18"/>
      <c r="P8622" s="19">
        <v>80</v>
      </c>
      <c r="Q8622" s="19"/>
      <c r="R8622" s="19"/>
      <c r="S8622" s="19"/>
      <c r="T8622" s="19">
        <v>50</v>
      </c>
      <c r="U8622" s="19"/>
      <c r="V8622" s="19"/>
      <c r="W8622" s="19"/>
      <c r="X8622" s="19">
        <v>1</v>
      </c>
      <c r="Y8622" s="19"/>
      <c r="Z8622" s="19"/>
      <c r="AA8622" s="19"/>
    </row>
    <row r="8623" spans="1:27" s="1" customFormat="1" ht="11.1" customHeight="1" outlineLevel="1" x14ac:dyDescent="0.2">
      <c r="A8623" s="17"/>
      <c r="B8623" s="17"/>
      <c r="C8623" s="17"/>
      <c r="D8623" s="18"/>
      <c r="E8623" s="18"/>
      <c r="F8623" s="18"/>
      <c r="G8623" s="18"/>
      <c r="H8623" s="18"/>
      <c r="I8623" s="18"/>
      <c r="J8623" s="18"/>
      <c r="K8623" s="18"/>
      <c r="L8623" s="18"/>
      <c r="M8623" s="18"/>
      <c r="N8623" s="18"/>
      <c r="O8623" s="18"/>
      <c r="P8623" s="19"/>
      <c r="Q8623" s="19"/>
      <c r="R8623" s="19"/>
      <c r="S8623" s="19"/>
      <c r="T8623" s="19"/>
      <c r="U8623" s="19"/>
      <c r="V8623" s="19"/>
      <c r="W8623" s="19"/>
      <c r="X8623" s="19"/>
      <c r="Y8623" s="19"/>
      <c r="Z8623" s="19"/>
      <c r="AA8623" s="19"/>
    </row>
    <row r="8624" spans="1:27" s="1" customFormat="1" ht="11.1" customHeight="1" outlineLevel="1" x14ac:dyDescent="0.2">
      <c r="A8624" s="17">
        <v>12953</v>
      </c>
      <c r="B8624" s="17"/>
      <c r="C8624" s="17"/>
      <c r="D8624" s="18" t="s">
        <v>4271</v>
      </c>
      <c r="E8624" s="18"/>
      <c r="F8624" s="18"/>
      <c r="G8624" s="18"/>
      <c r="H8624" s="18"/>
      <c r="I8624" s="18"/>
      <c r="J8624" s="18"/>
      <c r="K8624" s="18"/>
      <c r="L8624" s="18"/>
      <c r="M8624" s="18"/>
      <c r="N8624" s="18"/>
      <c r="O8624" s="18"/>
      <c r="P8624" s="19">
        <v>100</v>
      </c>
      <c r="Q8624" s="19"/>
      <c r="R8624" s="19"/>
      <c r="S8624" s="19"/>
      <c r="T8624" s="19">
        <v>70</v>
      </c>
      <c r="U8624" s="19"/>
      <c r="V8624" s="19"/>
      <c r="W8624" s="19"/>
      <c r="X8624" s="19">
        <v>1</v>
      </c>
      <c r="Y8624" s="19"/>
      <c r="Z8624" s="19"/>
      <c r="AA8624" s="19"/>
    </row>
    <row r="8625" spans="1:27" s="1" customFormat="1" ht="11.1" customHeight="1" outlineLevel="1" x14ac:dyDescent="0.2">
      <c r="A8625" s="17"/>
      <c r="B8625" s="17"/>
      <c r="C8625" s="17"/>
      <c r="D8625" s="18"/>
      <c r="E8625" s="18"/>
      <c r="F8625" s="18"/>
      <c r="G8625" s="18"/>
      <c r="H8625" s="18"/>
      <c r="I8625" s="18"/>
      <c r="J8625" s="18"/>
      <c r="K8625" s="18"/>
      <c r="L8625" s="18"/>
      <c r="M8625" s="18"/>
      <c r="N8625" s="18"/>
      <c r="O8625" s="18"/>
      <c r="P8625" s="19"/>
      <c r="Q8625" s="19"/>
      <c r="R8625" s="19"/>
      <c r="S8625" s="19"/>
      <c r="T8625" s="19"/>
      <c r="U8625" s="19"/>
      <c r="V8625" s="19"/>
      <c r="W8625" s="19"/>
      <c r="X8625" s="19"/>
      <c r="Y8625" s="19"/>
      <c r="Z8625" s="19"/>
      <c r="AA8625" s="19"/>
    </row>
    <row r="8626" spans="1:27" s="1" customFormat="1" ht="14.1" customHeight="1" outlineLevel="1" x14ac:dyDescent="0.2">
      <c r="A8626" s="17">
        <v>12955</v>
      </c>
      <c r="B8626" s="17"/>
      <c r="C8626" s="17"/>
      <c r="D8626" s="18" t="s">
        <v>4272</v>
      </c>
      <c r="E8626" s="18"/>
      <c r="F8626" s="18"/>
      <c r="G8626" s="18"/>
      <c r="H8626" s="18"/>
      <c r="I8626" s="18"/>
      <c r="J8626" s="18"/>
      <c r="K8626" s="18"/>
      <c r="L8626" s="18"/>
      <c r="M8626" s="18"/>
      <c r="N8626" s="18"/>
      <c r="O8626" s="18"/>
      <c r="P8626" s="19">
        <v>250</v>
      </c>
      <c r="Q8626" s="19"/>
      <c r="R8626" s="19"/>
      <c r="S8626" s="19"/>
      <c r="T8626" s="19">
        <v>190</v>
      </c>
      <c r="U8626" s="19"/>
      <c r="V8626" s="19"/>
      <c r="W8626" s="19"/>
      <c r="X8626" s="19">
        <v>1</v>
      </c>
      <c r="Y8626" s="19"/>
      <c r="Z8626" s="19"/>
      <c r="AA8626" s="19"/>
    </row>
    <row r="8627" spans="1:27" s="1" customFormat="1" ht="14.1" customHeight="1" outlineLevel="1" x14ac:dyDescent="0.2">
      <c r="A8627" s="17"/>
      <c r="B8627" s="17"/>
      <c r="C8627" s="17"/>
      <c r="D8627" s="18"/>
      <c r="E8627" s="18"/>
      <c r="F8627" s="18"/>
      <c r="G8627" s="18"/>
      <c r="H8627" s="18"/>
      <c r="I8627" s="18"/>
      <c r="J8627" s="18"/>
      <c r="K8627" s="18"/>
      <c r="L8627" s="18"/>
      <c r="M8627" s="18"/>
      <c r="N8627" s="18"/>
      <c r="O8627" s="18"/>
      <c r="P8627" s="19"/>
      <c r="Q8627" s="19"/>
      <c r="R8627" s="19"/>
      <c r="S8627" s="19"/>
      <c r="T8627" s="19"/>
      <c r="U8627" s="19"/>
      <c r="V8627" s="19"/>
      <c r="W8627" s="19"/>
      <c r="X8627" s="19"/>
      <c r="Y8627" s="19"/>
      <c r="Z8627" s="19"/>
      <c r="AA8627" s="19"/>
    </row>
    <row r="8628" spans="1:27" s="1" customFormat="1" ht="14.1" customHeight="1" outlineLevel="1" x14ac:dyDescent="0.2">
      <c r="A8628" s="17">
        <v>12960</v>
      </c>
      <c r="B8628" s="17"/>
      <c r="C8628" s="17"/>
      <c r="D8628" s="18" t="s">
        <v>4273</v>
      </c>
      <c r="E8628" s="18"/>
      <c r="F8628" s="18"/>
      <c r="G8628" s="18"/>
      <c r="H8628" s="18"/>
      <c r="I8628" s="18"/>
      <c r="J8628" s="18"/>
      <c r="K8628" s="18"/>
      <c r="L8628" s="18"/>
      <c r="M8628" s="18"/>
      <c r="N8628" s="18"/>
      <c r="O8628" s="18"/>
      <c r="P8628" s="19">
        <v>250</v>
      </c>
      <c r="Q8628" s="19"/>
      <c r="R8628" s="19"/>
      <c r="S8628" s="19"/>
      <c r="T8628" s="19">
        <v>190</v>
      </c>
      <c r="U8628" s="19"/>
      <c r="V8628" s="19"/>
      <c r="W8628" s="19"/>
      <c r="X8628" s="19">
        <v>1</v>
      </c>
      <c r="Y8628" s="19"/>
      <c r="Z8628" s="19"/>
      <c r="AA8628" s="19"/>
    </row>
    <row r="8629" spans="1:27" s="1" customFormat="1" ht="14.1" customHeight="1" outlineLevel="1" x14ac:dyDescent="0.2">
      <c r="A8629" s="17"/>
      <c r="B8629" s="17"/>
      <c r="C8629" s="17"/>
      <c r="D8629" s="18"/>
      <c r="E8629" s="18"/>
      <c r="F8629" s="18"/>
      <c r="G8629" s="18"/>
      <c r="H8629" s="18"/>
      <c r="I8629" s="18"/>
      <c r="J8629" s="18"/>
      <c r="K8629" s="18"/>
      <c r="L8629" s="18"/>
      <c r="M8629" s="18"/>
      <c r="N8629" s="18"/>
      <c r="O8629" s="18"/>
      <c r="P8629" s="19"/>
      <c r="Q8629" s="19"/>
      <c r="R8629" s="19"/>
      <c r="S8629" s="19"/>
      <c r="T8629" s="19"/>
      <c r="U8629" s="19"/>
      <c r="V8629" s="19"/>
      <c r="W8629" s="19"/>
      <c r="X8629" s="19"/>
      <c r="Y8629" s="19"/>
      <c r="Z8629" s="19"/>
      <c r="AA8629" s="19"/>
    </row>
    <row r="8630" spans="1:27" s="1" customFormat="1" ht="14.1" customHeight="1" outlineLevel="1" x14ac:dyDescent="0.2">
      <c r="A8630" s="17">
        <v>12952</v>
      </c>
      <c r="B8630" s="17"/>
      <c r="C8630" s="17"/>
      <c r="D8630" s="18" t="s">
        <v>4274</v>
      </c>
      <c r="E8630" s="18"/>
      <c r="F8630" s="18"/>
      <c r="G8630" s="18"/>
      <c r="H8630" s="18"/>
      <c r="I8630" s="18"/>
      <c r="J8630" s="18"/>
      <c r="K8630" s="18"/>
      <c r="L8630" s="18"/>
      <c r="M8630" s="18"/>
      <c r="N8630" s="18"/>
      <c r="O8630" s="18"/>
      <c r="P8630" s="19">
        <v>160</v>
      </c>
      <c r="Q8630" s="19"/>
      <c r="R8630" s="19"/>
      <c r="S8630" s="19"/>
      <c r="T8630" s="19">
        <v>120</v>
      </c>
      <c r="U8630" s="19"/>
      <c r="V8630" s="19"/>
      <c r="W8630" s="19"/>
      <c r="X8630" s="19">
        <v>1</v>
      </c>
      <c r="Y8630" s="19"/>
      <c r="Z8630" s="19"/>
      <c r="AA8630" s="19"/>
    </row>
    <row r="8631" spans="1:27" s="1" customFormat="1" ht="14.1" customHeight="1" outlineLevel="1" x14ac:dyDescent="0.2">
      <c r="A8631" s="17"/>
      <c r="B8631" s="17"/>
      <c r="C8631" s="17"/>
      <c r="D8631" s="18"/>
      <c r="E8631" s="18"/>
      <c r="F8631" s="18"/>
      <c r="G8631" s="18"/>
      <c r="H8631" s="18"/>
      <c r="I8631" s="18"/>
      <c r="J8631" s="18"/>
      <c r="K8631" s="18"/>
      <c r="L8631" s="18"/>
      <c r="M8631" s="18"/>
      <c r="N8631" s="18"/>
      <c r="O8631" s="18"/>
      <c r="P8631" s="19"/>
      <c r="Q8631" s="19"/>
      <c r="R8631" s="19"/>
      <c r="S8631" s="19"/>
      <c r="T8631" s="19"/>
      <c r="U8631" s="19"/>
      <c r="V8631" s="19"/>
      <c r="W8631" s="19"/>
      <c r="X8631" s="19"/>
      <c r="Y8631" s="19"/>
      <c r="Z8631" s="19"/>
      <c r="AA8631" s="19"/>
    </row>
    <row r="8632" spans="1:27" s="1" customFormat="1" ht="11.1" customHeight="1" outlineLevel="1" x14ac:dyDescent="0.2">
      <c r="A8632" s="17">
        <v>12956</v>
      </c>
      <c r="B8632" s="17"/>
      <c r="C8632" s="17"/>
      <c r="D8632" s="18" t="s">
        <v>4275</v>
      </c>
      <c r="E8632" s="18"/>
      <c r="F8632" s="18"/>
      <c r="G8632" s="18"/>
      <c r="H8632" s="18"/>
      <c r="I8632" s="18"/>
      <c r="J8632" s="18"/>
      <c r="K8632" s="18"/>
      <c r="L8632" s="18"/>
      <c r="M8632" s="18"/>
      <c r="N8632" s="18"/>
      <c r="O8632" s="18"/>
      <c r="P8632" s="19">
        <v>290</v>
      </c>
      <c r="Q8632" s="19"/>
      <c r="R8632" s="19"/>
      <c r="S8632" s="19"/>
      <c r="T8632" s="19">
        <v>250</v>
      </c>
      <c r="U8632" s="19"/>
      <c r="V8632" s="19"/>
      <c r="W8632" s="19"/>
      <c r="X8632" s="19">
        <v>1</v>
      </c>
      <c r="Y8632" s="19"/>
      <c r="Z8632" s="19"/>
      <c r="AA8632" s="19"/>
    </row>
    <row r="8633" spans="1:27" s="1" customFormat="1" ht="11.1" customHeight="1" outlineLevel="1" x14ac:dyDescent="0.2">
      <c r="A8633" s="17"/>
      <c r="B8633" s="17"/>
      <c r="C8633" s="17"/>
      <c r="D8633" s="18"/>
      <c r="E8633" s="18"/>
      <c r="F8633" s="18"/>
      <c r="G8633" s="18"/>
      <c r="H8633" s="18"/>
      <c r="I8633" s="18"/>
      <c r="J8633" s="18"/>
      <c r="K8633" s="18"/>
      <c r="L8633" s="18"/>
      <c r="M8633" s="18"/>
      <c r="N8633" s="18"/>
      <c r="O8633" s="18"/>
      <c r="P8633" s="19"/>
      <c r="Q8633" s="19"/>
      <c r="R8633" s="19"/>
      <c r="S8633" s="19"/>
      <c r="T8633" s="19"/>
      <c r="U8633" s="19"/>
      <c r="V8633" s="19"/>
      <c r="W8633" s="19"/>
      <c r="X8633" s="19"/>
      <c r="Y8633" s="19"/>
      <c r="Z8633" s="19"/>
      <c r="AA8633" s="19"/>
    </row>
    <row r="8634" spans="1:27" s="1" customFormat="1" ht="14.1" customHeight="1" outlineLevel="1" x14ac:dyDescent="0.2">
      <c r="A8634" s="17">
        <v>6205</v>
      </c>
      <c r="B8634" s="17"/>
      <c r="C8634" s="17"/>
      <c r="D8634" s="18" t="s">
        <v>4276</v>
      </c>
      <c r="E8634" s="18"/>
      <c r="F8634" s="18"/>
      <c r="G8634" s="18"/>
      <c r="H8634" s="18"/>
      <c r="I8634" s="18"/>
      <c r="J8634" s="18"/>
      <c r="K8634" s="18"/>
      <c r="L8634" s="18"/>
      <c r="M8634" s="18"/>
      <c r="N8634" s="18"/>
      <c r="O8634" s="18"/>
      <c r="P8634" s="19">
        <v>220</v>
      </c>
      <c r="Q8634" s="19"/>
      <c r="R8634" s="19"/>
      <c r="S8634" s="19"/>
      <c r="T8634" s="19">
        <v>245</v>
      </c>
      <c r="U8634" s="19"/>
      <c r="V8634" s="19"/>
      <c r="W8634" s="19"/>
      <c r="X8634" s="19">
        <v>1</v>
      </c>
      <c r="Y8634" s="19"/>
      <c r="Z8634" s="19"/>
      <c r="AA8634" s="19"/>
    </row>
    <row r="8635" spans="1:27" s="1" customFormat="1" ht="14.1" customHeight="1" outlineLevel="1" x14ac:dyDescent="0.2">
      <c r="A8635" s="17"/>
      <c r="B8635" s="17"/>
      <c r="C8635" s="17"/>
      <c r="D8635" s="18"/>
      <c r="E8635" s="18"/>
      <c r="F8635" s="18"/>
      <c r="G8635" s="18"/>
      <c r="H8635" s="18"/>
      <c r="I8635" s="18"/>
      <c r="J8635" s="18"/>
      <c r="K8635" s="18"/>
      <c r="L8635" s="18"/>
      <c r="M8635" s="18"/>
      <c r="N8635" s="18"/>
      <c r="O8635" s="18"/>
      <c r="P8635" s="19"/>
      <c r="Q8635" s="19"/>
      <c r="R8635" s="19"/>
      <c r="S8635" s="19"/>
      <c r="T8635" s="19"/>
      <c r="U8635" s="19"/>
      <c r="V8635" s="19"/>
      <c r="W8635" s="19"/>
      <c r="X8635" s="19"/>
      <c r="Y8635" s="19"/>
      <c r="Z8635" s="19"/>
      <c r="AA8635" s="19"/>
    </row>
    <row r="8636" spans="1:27" s="1" customFormat="1" ht="11.1" customHeight="1" outlineLevel="1" x14ac:dyDescent="0.2">
      <c r="A8636" s="17">
        <v>11168</v>
      </c>
      <c r="B8636" s="17"/>
      <c r="C8636" s="17"/>
      <c r="D8636" s="18" t="s">
        <v>4277</v>
      </c>
      <c r="E8636" s="18"/>
      <c r="F8636" s="18"/>
      <c r="G8636" s="18"/>
      <c r="H8636" s="18"/>
      <c r="I8636" s="18"/>
      <c r="J8636" s="18"/>
      <c r="K8636" s="18"/>
      <c r="L8636" s="18"/>
      <c r="M8636" s="18"/>
      <c r="N8636" s="18"/>
      <c r="O8636" s="18"/>
      <c r="P8636" s="19">
        <v>330</v>
      </c>
      <c r="Q8636" s="19"/>
      <c r="R8636" s="19"/>
      <c r="S8636" s="19"/>
      <c r="T8636" s="19">
        <v>240</v>
      </c>
      <c r="U8636" s="19"/>
      <c r="V8636" s="19"/>
      <c r="W8636" s="19"/>
      <c r="X8636" s="19">
        <v>2</v>
      </c>
      <c r="Y8636" s="19"/>
      <c r="Z8636" s="19"/>
      <c r="AA8636" s="19"/>
    </row>
    <row r="8637" spans="1:27" s="1" customFormat="1" ht="11.1" customHeight="1" outlineLevel="1" x14ac:dyDescent="0.2">
      <c r="A8637" s="17"/>
      <c r="B8637" s="17"/>
      <c r="C8637" s="17"/>
      <c r="D8637" s="18"/>
      <c r="E8637" s="18"/>
      <c r="F8637" s="18"/>
      <c r="G8637" s="18"/>
      <c r="H8637" s="18"/>
      <c r="I8637" s="18"/>
      <c r="J8637" s="18"/>
      <c r="K8637" s="18"/>
      <c r="L8637" s="18"/>
      <c r="M8637" s="18"/>
      <c r="N8637" s="18"/>
      <c r="O8637" s="18"/>
      <c r="P8637" s="19"/>
      <c r="Q8637" s="19"/>
      <c r="R8637" s="19"/>
      <c r="S8637" s="19"/>
      <c r="T8637" s="19"/>
      <c r="U8637" s="19"/>
      <c r="V8637" s="19"/>
      <c r="W8637" s="19"/>
      <c r="X8637" s="19"/>
      <c r="Y8637" s="19"/>
      <c r="Z8637" s="19"/>
      <c r="AA8637" s="19"/>
    </row>
    <row r="8638" spans="1:27" s="1" customFormat="1" ht="11.1" customHeight="1" outlineLevel="1" x14ac:dyDescent="0.2">
      <c r="A8638" s="17">
        <v>11752</v>
      </c>
      <c r="B8638" s="17"/>
      <c r="C8638" s="17"/>
      <c r="D8638" s="18" t="s">
        <v>4278</v>
      </c>
      <c r="E8638" s="18"/>
      <c r="F8638" s="18"/>
      <c r="G8638" s="18"/>
      <c r="H8638" s="18"/>
      <c r="I8638" s="18"/>
      <c r="J8638" s="18"/>
      <c r="K8638" s="18"/>
      <c r="L8638" s="18"/>
      <c r="M8638" s="18"/>
      <c r="N8638" s="18"/>
      <c r="O8638" s="18"/>
      <c r="P8638" s="19">
        <v>240</v>
      </c>
      <c r="Q8638" s="19"/>
      <c r="R8638" s="19"/>
      <c r="S8638" s="19"/>
      <c r="T8638" s="19">
        <v>180</v>
      </c>
      <c r="U8638" s="19"/>
      <c r="V8638" s="19"/>
      <c r="W8638" s="19"/>
      <c r="X8638" s="19">
        <v>1</v>
      </c>
      <c r="Y8638" s="19"/>
      <c r="Z8638" s="19"/>
      <c r="AA8638" s="19"/>
    </row>
    <row r="8639" spans="1:27" s="1" customFormat="1" ht="11.1" customHeight="1" outlineLevel="1" x14ac:dyDescent="0.2">
      <c r="A8639" s="17"/>
      <c r="B8639" s="17"/>
      <c r="C8639" s="17"/>
      <c r="D8639" s="18"/>
      <c r="E8639" s="18"/>
      <c r="F8639" s="18"/>
      <c r="G8639" s="18"/>
      <c r="H8639" s="18"/>
      <c r="I8639" s="18"/>
      <c r="J8639" s="18"/>
      <c r="K8639" s="18"/>
      <c r="L8639" s="18"/>
      <c r="M8639" s="18"/>
      <c r="N8639" s="18"/>
      <c r="O8639" s="18"/>
      <c r="P8639" s="19"/>
      <c r="Q8639" s="19"/>
      <c r="R8639" s="19"/>
      <c r="S8639" s="19"/>
      <c r="T8639" s="19"/>
      <c r="U8639" s="19"/>
      <c r="V8639" s="19"/>
      <c r="W8639" s="19"/>
      <c r="X8639" s="19"/>
      <c r="Y8639" s="19"/>
      <c r="Z8639" s="19"/>
      <c r="AA8639" s="19"/>
    </row>
    <row r="8640" spans="1:27" s="1" customFormat="1" ht="11.1" customHeight="1" outlineLevel="1" x14ac:dyDescent="0.2">
      <c r="A8640" s="17">
        <v>11171</v>
      </c>
      <c r="B8640" s="17"/>
      <c r="C8640" s="17"/>
      <c r="D8640" s="18" t="s">
        <v>4279</v>
      </c>
      <c r="E8640" s="18"/>
      <c r="F8640" s="18"/>
      <c r="G8640" s="18"/>
      <c r="H8640" s="18"/>
      <c r="I8640" s="18"/>
      <c r="J8640" s="18"/>
      <c r="K8640" s="18"/>
      <c r="L8640" s="18"/>
      <c r="M8640" s="18"/>
      <c r="N8640" s="18"/>
      <c r="O8640" s="18"/>
      <c r="P8640" s="19">
        <v>400</v>
      </c>
      <c r="Q8640" s="19"/>
      <c r="R8640" s="19"/>
      <c r="S8640" s="19"/>
      <c r="T8640" s="19">
        <v>310</v>
      </c>
      <c r="U8640" s="19"/>
      <c r="V8640" s="19"/>
      <c r="W8640" s="19"/>
      <c r="X8640" s="19">
        <v>2</v>
      </c>
      <c r="Y8640" s="19"/>
      <c r="Z8640" s="19"/>
      <c r="AA8640" s="19"/>
    </row>
    <row r="8641" spans="1:27" s="1" customFormat="1" ht="11.1" customHeight="1" outlineLevel="1" x14ac:dyDescent="0.2">
      <c r="A8641" s="17"/>
      <c r="B8641" s="17"/>
      <c r="C8641" s="17"/>
      <c r="D8641" s="18"/>
      <c r="E8641" s="18"/>
      <c r="F8641" s="18"/>
      <c r="G8641" s="18"/>
      <c r="H8641" s="18"/>
      <c r="I8641" s="18"/>
      <c r="J8641" s="18"/>
      <c r="K8641" s="18"/>
      <c r="L8641" s="18"/>
      <c r="M8641" s="18"/>
      <c r="N8641" s="18"/>
      <c r="O8641" s="18"/>
      <c r="P8641" s="19"/>
      <c r="Q8641" s="19"/>
      <c r="R8641" s="19"/>
      <c r="S8641" s="19"/>
      <c r="T8641" s="19"/>
      <c r="U8641" s="19"/>
      <c r="V8641" s="19"/>
      <c r="W8641" s="19"/>
      <c r="X8641" s="19"/>
      <c r="Y8641" s="19"/>
      <c r="Z8641" s="19"/>
      <c r="AA8641" s="19"/>
    </row>
    <row r="8642" spans="1:27" s="1" customFormat="1" ht="11.1" customHeight="1" outlineLevel="1" x14ac:dyDescent="0.2">
      <c r="A8642" s="17">
        <v>11169</v>
      </c>
      <c r="B8642" s="17"/>
      <c r="C8642" s="17"/>
      <c r="D8642" s="18" t="s">
        <v>4280</v>
      </c>
      <c r="E8642" s="18"/>
      <c r="F8642" s="18"/>
      <c r="G8642" s="18"/>
      <c r="H8642" s="18"/>
      <c r="I8642" s="18"/>
      <c r="J8642" s="18"/>
      <c r="K8642" s="18"/>
      <c r="L8642" s="18"/>
      <c r="M8642" s="18"/>
      <c r="N8642" s="18"/>
      <c r="O8642" s="18"/>
      <c r="P8642" s="19">
        <v>330</v>
      </c>
      <c r="Q8642" s="19"/>
      <c r="R8642" s="19"/>
      <c r="S8642" s="19"/>
      <c r="T8642" s="19">
        <v>240</v>
      </c>
      <c r="U8642" s="19"/>
      <c r="V8642" s="19"/>
      <c r="W8642" s="19"/>
      <c r="X8642" s="19">
        <v>2</v>
      </c>
      <c r="Y8642" s="19"/>
      <c r="Z8642" s="19"/>
      <c r="AA8642" s="19"/>
    </row>
    <row r="8643" spans="1:27" s="1" customFormat="1" ht="11.1" customHeight="1" outlineLevel="1" x14ac:dyDescent="0.2">
      <c r="A8643" s="17"/>
      <c r="B8643" s="17"/>
      <c r="C8643" s="17"/>
      <c r="D8643" s="18"/>
      <c r="E8643" s="18"/>
      <c r="F8643" s="18"/>
      <c r="G8643" s="18"/>
      <c r="H8643" s="18"/>
      <c r="I8643" s="18"/>
      <c r="J8643" s="18"/>
      <c r="K8643" s="18"/>
      <c r="L8643" s="18"/>
      <c r="M8643" s="18"/>
      <c r="N8643" s="18"/>
      <c r="O8643" s="18"/>
      <c r="P8643" s="19"/>
      <c r="Q8643" s="19"/>
      <c r="R8643" s="19"/>
      <c r="S8643" s="19"/>
      <c r="T8643" s="19"/>
      <c r="U8643" s="19"/>
      <c r="V8643" s="19"/>
      <c r="W8643" s="19"/>
      <c r="X8643" s="19"/>
      <c r="Y8643" s="19"/>
      <c r="Z8643" s="19"/>
      <c r="AA8643" s="19"/>
    </row>
    <row r="8644" spans="1:27" s="1" customFormat="1" ht="11.1" customHeight="1" outlineLevel="1" x14ac:dyDescent="0.2">
      <c r="A8644" s="17">
        <v>11170</v>
      </c>
      <c r="B8644" s="17"/>
      <c r="C8644" s="17"/>
      <c r="D8644" s="18" t="s">
        <v>4281</v>
      </c>
      <c r="E8644" s="18"/>
      <c r="F8644" s="18"/>
      <c r="G8644" s="18"/>
      <c r="H8644" s="18"/>
      <c r="I8644" s="18"/>
      <c r="J8644" s="18"/>
      <c r="K8644" s="18"/>
      <c r="L8644" s="18"/>
      <c r="M8644" s="18"/>
      <c r="N8644" s="18"/>
      <c r="O8644" s="18"/>
      <c r="P8644" s="19">
        <v>330</v>
      </c>
      <c r="Q8644" s="19"/>
      <c r="R8644" s="19"/>
      <c r="S8644" s="19"/>
      <c r="T8644" s="19">
        <v>240</v>
      </c>
      <c r="U8644" s="19"/>
      <c r="V8644" s="19"/>
      <c r="W8644" s="19"/>
      <c r="X8644" s="19">
        <v>2</v>
      </c>
      <c r="Y8644" s="19"/>
      <c r="Z8644" s="19"/>
      <c r="AA8644" s="19"/>
    </row>
    <row r="8645" spans="1:27" s="1" customFormat="1" ht="11.1" customHeight="1" outlineLevel="1" x14ac:dyDescent="0.2">
      <c r="A8645" s="17"/>
      <c r="B8645" s="17"/>
      <c r="C8645" s="17"/>
      <c r="D8645" s="18"/>
      <c r="E8645" s="18"/>
      <c r="F8645" s="18"/>
      <c r="G8645" s="18"/>
      <c r="H8645" s="18"/>
      <c r="I8645" s="18"/>
      <c r="J8645" s="18"/>
      <c r="K8645" s="18"/>
      <c r="L8645" s="18"/>
      <c r="M8645" s="18"/>
      <c r="N8645" s="18"/>
      <c r="O8645" s="18"/>
      <c r="P8645" s="19"/>
      <c r="Q8645" s="19"/>
      <c r="R8645" s="19"/>
      <c r="S8645" s="19"/>
      <c r="T8645" s="19"/>
      <c r="U8645" s="19"/>
      <c r="V8645" s="19"/>
      <c r="W8645" s="19"/>
      <c r="X8645" s="19"/>
      <c r="Y8645" s="19"/>
      <c r="Z8645" s="19"/>
      <c r="AA8645" s="19"/>
    </row>
    <row r="8646" spans="1:27" s="1" customFormat="1" ht="14.1" customHeight="1" outlineLevel="1" x14ac:dyDescent="0.2">
      <c r="A8646" s="17">
        <v>12959</v>
      </c>
      <c r="B8646" s="17"/>
      <c r="C8646" s="17"/>
      <c r="D8646" s="18" t="s">
        <v>4282</v>
      </c>
      <c r="E8646" s="18"/>
      <c r="F8646" s="18"/>
      <c r="G8646" s="18"/>
      <c r="H8646" s="18"/>
      <c r="I8646" s="18"/>
      <c r="J8646" s="18"/>
      <c r="K8646" s="18"/>
      <c r="L8646" s="18"/>
      <c r="M8646" s="18"/>
      <c r="N8646" s="18"/>
      <c r="O8646" s="18"/>
      <c r="P8646" s="19">
        <v>150</v>
      </c>
      <c r="Q8646" s="19"/>
      <c r="R8646" s="19"/>
      <c r="S8646" s="19"/>
      <c r="T8646" s="19">
        <v>120</v>
      </c>
      <c r="U8646" s="19"/>
      <c r="V8646" s="19"/>
      <c r="W8646" s="19"/>
      <c r="X8646" s="19">
        <v>1</v>
      </c>
      <c r="Y8646" s="19"/>
      <c r="Z8646" s="19"/>
      <c r="AA8646" s="19"/>
    </row>
    <row r="8647" spans="1:27" s="1" customFormat="1" ht="14.1" customHeight="1" outlineLevel="1" x14ac:dyDescent="0.2">
      <c r="A8647" s="17"/>
      <c r="B8647" s="17"/>
      <c r="C8647" s="17"/>
      <c r="D8647" s="18"/>
      <c r="E8647" s="18"/>
      <c r="F8647" s="18"/>
      <c r="G8647" s="18"/>
      <c r="H8647" s="18"/>
      <c r="I8647" s="18"/>
      <c r="J8647" s="18"/>
      <c r="K8647" s="18"/>
      <c r="L8647" s="18"/>
      <c r="M8647" s="18"/>
      <c r="N8647" s="18"/>
      <c r="O8647" s="18"/>
      <c r="P8647" s="19"/>
      <c r="Q8647" s="19"/>
      <c r="R8647" s="19"/>
      <c r="S8647" s="19"/>
      <c r="T8647" s="19"/>
      <c r="U8647" s="19"/>
      <c r="V8647" s="19"/>
      <c r="W8647" s="19"/>
      <c r="X8647" s="19"/>
      <c r="Y8647" s="19"/>
      <c r="Z8647" s="19"/>
      <c r="AA8647" s="19"/>
    </row>
    <row r="8648" spans="1:27" s="1" customFormat="1" ht="14.1" customHeight="1" outlineLevel="1" x14ac:dyDescent="0.2">
      <c r="A8648" s="17">
        <v>12963</v>
      </c>
      <c r="B8648" s="17"/>
      <c r="C8648" s="17"/>
      <c r="D8648" s="18" t="s">
        <v>4283</v>
      </c>
      <c r="E8648" s="18"/>
      <c r="F8648" s="18"/>
      <c r="G8648" s="18"/>
      <c r="H8648" s="18"/>
      <c r="I8648" s="18"/>
      <c r="J8648" s="18"/>
      <c r="K8648" s="18"/>
      <c r="L8648" s="18"/>
      <c r="M8648" s="18"/>
      <c r="N8648" s="18"/>
      <c r="O8648" s="18"/>
      <c r="P8648" s="19">
        <v>150</v>
      </c>
      <c r="Q8648" s="19"/>
      <c r="R8648" s="19"/>
      <c r="S8648" s="19"/>
      <c r="T8648" s="19">
        <v>120</v>
      </c>
      <c r="U8648" s="19"/>
      <c r="V8648" s="19"/>
      <c r="W8648" s="19"/>
      <c r="X8648" s="19">
        <v>1</v>
      </c>
      <c r="Y8648" s="19"/>
      <c r="Z8648" s="19"/>
      <c r="AA8648" s="19"/>
    </row>
    <row r="8649" spans="1:27" s="1" customFormat="1" ht="14.1" customHeight="1" outlineLevel="1" x14ac:dyDescent="0.2">
      <c r="A8649" s="17"/>
      <c r="B8649" s="17"/>
      <c r="C8649" s="17"/>
      <c r="D8649" s="18"/>
      <c r="E8649" s="18"/>
      <c r="F8649" s="18"/>
      <c r="G8649" s="18"/>
      <c r="H8649" s="18"/>
      <c r="I8649" s="18"/>
      <c r="J8649" s="18"/>
      <c r="K8649" s="18"/>
      <c r="L8649" s="18"/>
      <c r="M8649" s="18"/>
      <c r="N8649" s="18"/>
      <c r="O8649" s="18"/>
      <c r="P8649" s="19"/>
      <c r="Q8649" s="19"/>
      <c r="R8649" s="19"/>
      <c r="S8649" s="19"/>
      <c r="T8649" s="19"/>
      <c r="U8649" s="19"/>
      <c r="V8649" s="19"/>
      <c r="W8649" s="19"/>
      <c r="X8649" s="19"/>
      <c r="Y8649" s="19"/>
      <c r="Z8649" s="19"/>
      <c r="AA8649" s="19"/>
    </row>
    <row r="8650" spans="1:27" s="1" customFormat="1" ht="14.1" customHeight="1" outlineLevel="1" x14ac:dyDescent="0.2">
      <c r="A8650" s="17">
        <v>12954</v>
      </c>
      <c r="B8650" s="17"/>
      <c r="C8650" s="17"/>
      <c r="D8650" s="18" t="s">
        <v>4284</v>
      </c>
      <c r="E8650" s="18"/>
      <c r="F8650" s="18"/>
      <c r="G8650" s="18"/>
      <c r="H8650" s="18"/>
      <c r="I8650" s="18"/>
      <c r="J8650" s="18"/>
      <c r="K8650" s="18"/>
      <c r="L8650" s="18"/>
      <c r="M8650" s="18"/>
      <c r="N8650" s="18"/>
      <c r="O8650" s="18"/>
      <c r="P8650" s="19">
        <v>160</v>
      </c>
      <c r="Q8650" s="19"/>
      <c r="R8650" s="19"/>
      <c r="S8650" s="19"/>
      <c r="T8650" s="19">
        <v>120</v>
      </c>
      <c r="U8650" s="19"/>
      <c r="V8650" s="19"/>
      <c r="W8650" s="19"/>
      <c r="X8650" s="19">
        <v>1</v>
      </c>
      <c r="Y8650" s="19"/>
      <c r="Z8650" s="19"/>
      <c r="AA8650" s="19"/>
    </row>
    <row r="8651" spans="1:27" s="1" customFormat="1" ht="14.1" customHeight="1" outlineLevel="1" x14ac:dyDescent="0.2">
      <c r="A8651" s="17"/>
      <c r="B8651" s="17"/>
      <c r="C8651" s="17"/>
      <c r="D8651" s="18"/>
      <c r="E8651" s="18"/>
      <c r="F8651" s="18"/>
      <c r="G8651" s="18"/>
      <c r="H8651" s="18"/>
      <c r="I8651" s="18"/>
      <c r="J8651" s="18"/>
      <c r="K8651" s="18"/>
      <c r="L8651" s="18"/>
      <c r="M8651" s="18"/>
      <c r="N8651" s="18"/>
      <c r="O8651" s="18"/>
      <c r="P8651" s="19"/>
      <c r="Q8651" s="19"/>
      <c r="R8651" s="19"/>
      <c r="S8651" s="19"/>
      <c r="T8651" s="19"/>
      <c r="U8651" s="19"/>
      <c r="V8651" s="19"/>
      <c r="W8651" s="19"/>
      <c r="X8651" s="19"/>
      <c r="Y8651" s="19"/>
      <c r="Z8651" s="19"/>
      <c r="AA8651" s="19"/>
    </row>
    <row r="8652" spans="1:27" s="1" customFormat="1" ht="14.1" customHeight="1" outlineLevel="1" x14ac:dyDescent="0.2">
      <c r="A8652" s="17">
        <v>12951</v>
      </c>
      <c r="B8652" s="17"/>
      <c r="C8652" s="17"/>
      <c r="D8652" s="18" t="s">
        <v>4285</v>
      </c>
      <c r="E8652" s="18"/>
      <c r="F8652" s="18"/>
      <c r="G8652" s="18"/>
      <c r="H8652" s="18"/>
      <c r="I8652" s="18"/>
      <c r="J8652" s="18"/>
      <c r="K8652" s="18"/>
      <c r="L8652" s="18"/>
      <c r="M8652" s="18"/>
      <c r="N8652" s="18"/>
      <c r="O8652" s="18"/>
      <c r="P8652" s="19">
        <v>205</v>
      </c>
      <c r="Q8652" s="19"/>
      <c r="R8652" s="19"/>
      <c r="S8652" s="19"/>
      <c r="T8652" s="19">
        <v>160</v>
      </c>
      <c r="U8652" s="19"/>
      <c r="V8652" s="19"/>
      <c r="W8652" s="19"/>
      <c r="X8652" s="19">
        <v>1</v>
      </c>
      <c r="Y8652" s="19"/>
      <c r="Z8652" s="19"/>
      <c r="AA8652" s="19"/>
    </row>
    <row r="8653" spans="1:27" s="1" customFormat="1" ht="14.1" customHeight="1" outlineLevel="1" x14ac:dyDescent="0.2">
      <c r="A8653" s="17"/>
      <c r="B8653" s="17"/>
      <c r="C8653" s="17"/>
      <c r="D8653" s="18"/>
      <c r="E8653" s="18"/>
      <c r="F8653" s="18"/>
      <c r="G8653" s="18"/>
      <c r="H8653" s="18"/>
      <c r="I8653" s="18"/>
      <c r="J8653" s="18"/>
      <c r="K8653" s="18"/>
      <c r="L8653" s="18"/>
      <c r="M8653" s="18"/>
      <c r="N8653" s="18"/>
      <c r="O8653" s="18"/>
      <c r="P8653" s="19"/>
      <c r="Q8653" s="19"/>
      <c r="R8653" s="19"/>
      <c r="S8653" s="19"/>
      <c r="T8653" s="19"/>
      <c r="U8653" s="19"/>
      <c r="V8653" s="19"/>
      <c r="W8653" s="19"/>
      <c r="X8653" s="19"/>
      <c r="Y8653" s="19"/>
      <c r="Z8653" s="19"/>
      <c r="AA8653" s="19"/>
    </row>
    <row r="8654" spans="1:27" s="1" customFormat="1" ht="14.1" customHeight="1" outlineLevel="1" x14ac:dyDescent="0.2">
      <c r="A8654" s="17">
        <v>12961</v>
      </c>
      <c r="B8654" s="17"/>
      <c r="C8654" s="17"/>
      <c r="D8654" s="18" t="s">
        <v>4286</v>
      </c>
      <c r="E8654" s="18"/>
      <c r="F8654" s="18"/>
      <c r="G8654" s="18"/>
      <c r="H8654" s="18"/>
      <c r="I8654" s="18"/>
      <c r="J8654" s="18"/>
      <c r="K8654" s="18"/>
      <c r="L8654" s="18"/>
      <c r="M8654" s="18"/>
      <c r="N8654" s="18"/>
      <c r="O8654" s="18"/>
      <c r="P8654" s="19">
        <v>240</v>
      </c>
      <c r="Q8654" s="19"/>
      <c r="R8654" s="19"/>
      <c r="S8654" s="19"/>
      <c r="T8654" s="19">
        <v>190</v>
      </c>
      <c r="U8654" s="19"/>
      <c r="V8654" s="19"/>
      <c r="W8654" s="19"/>
      <c r="X8654" s="19">
        <v>1</v>
      </c>
      <c r="Y8654" s="19"/>
      <c r="Z8654" s="19"/>
      <c r="AA8654" s="19"/>
    </row>
    <row r="8655" spans="1:27" s="1" customFormat="1" ht="14.1" customHeight="1" outlineLevel="1" x14ac:dyDescent="0.2">
      <c r="A8655" s="17"/>
      <c r="B8655" s="17"/>
      <c r="C8655" s="17"/>
      <c r="D8655" s="18"/>
      <c r="E8655" s="18"/>
      <c r="F8655" s="18"/>
      <c r="G8655" s="18"/>
      <c r="H8655" s="18"/>
      <c r="I8655" s="18"/>
      <c r="J8655" s="18"/>
      <c r="K8655" s="18"/>
      <c r="L8655" s="18"/>
      <c r="M8655" s="18"/>
      <c r="N8655" s="18"/>
      <c r="O8655" s="18"/>
      <c r="P8655" s="19"/>
      <c r="Q8655" s="19"/>
      <c r="R8655" s="19"/>
      <c r="S8655" s="19"/>
      <c r="T8655" s="19"/>
      <c r="U8655" s="19"/>
      <c r="V8655" s="19"/>
      <c r="W8655" s="19"/>
      <c r="X8655" s="19"/>
      <c r="Y8655" s="19"/>
      <c r="Z8655" s="19"/>
      <c r="AA8655" s="19"/>
    </row>
    <row r="8656" spans="1:27" s="1" customFormat="1" ht="11.1" customHeight="1" x14ac:dyDescent="0.2">
      <c r="A8656" s="16" t="s">
        <v>4287</v>
      </c>
      <c r="B8656" s="16"/>
      <c r="C8656" s="16"/>
      <c r="D8656" s="16"/>
      <c r="E8656" s="16"/>
      <c r="F8656" s="16"/>
      <c r="G8656" s="16"/>
      <c r="H8656" s="16"/>
      <c r="I8656" s="16"/>
      <c r="J8656" s="16"/>
      <c r="K8656" s="16"/>
      <c r="L8656" s="16"/>
      <c r="M8656" s="16"/>
      <c r="N8656" s="16"/>
      <c r="O8656" s="16"/>
      <c r="P8656" s="16"/>
      <c r="Q8656" s="16"/>
      <c r="R8656" s="16"/>
      <c r="S8656" s="16"/>
      <c r="T8656" s="16"/>
      <c r="U8656" s="16"/>
      <c r="V8656" s="16"/>
      <c r="W8656" s="16"/>
      <c r="X8656" s="16"/>
      <c r="Y8656" s="16"/>
      <c r="Z8656" s="16"/>
      <c r="AA8656" s="16"/>
    </row>
    <row r="8657" spans="1:27" s="1" customFormat="1" ht="11.1" customHeight="1" x14ac:dyDescent="0.2">
      <c r="A8657" s="16"/>
      <c r="B8657" s="16"/>
      <c r="C8657" s="16"/>
      <c r="D8657" s="16"/>
      <c r="E8657" s="16"/>
      <c r="F8657" s="16"/>
      <c r="G8657" s="16"/>
      <c r="H8657" s="16"/>
      <c r="I8657" s="16"/>
      <c r="J8657" s="16"/>
      <c r="K8657" s="16"/>
      <c r="L8657" s="16"/>
      <c r="M8657" s="16"/>
      <c r="N8657" s="16"/>
      <c r="O8657" s="16"/>
      <c r="P8657" s="16"/>
      <c r="Q8657" s="16"/>
      <c r="R8657" s="16"/>
      <c r="S8657" s="16"/>
      <c r="T8657" s="16"/>
      <c r="U8657" s="16"/>
      <c r="V8657" s="16"/>
      <c r="W8657" s="16"/>
      <c r="X8657" s="16"/>
      <c r="Y8657" s="16"/>
      <c r="Z8657" s="16"/>
      <c r="AA8657" s="16"/>
    </row>
    <row r="8658" spans="1:27" s="1" customFormat="1" ht="14.1" customHeight="1" outlineLevel="1" x14ac:dyDescent="0.2">
      <c r="A8658" s="17">
        <v>6682</v>
      </c>
      <c r="B8658" s="17"/>
      <c r="C8658" s="17"/>
      <c r="D8658" s="18" t="s">
        <v>4288</v>
      </c>
      <c r="E8658" s="18"/>
      <c r="F8658" s="18"/>
      <c r="G8658" s="18"/>
      <c r="H8658" s="18"/>
      <c r="I8658" s="18"/>
      <c r="J8658" s="18"/>
      <c r="K8658" s="18"/>
      <c r="L8658" s="18"/>
      <c r="M8658" s="18"/>
      <c r="N8658" s="18"/>
      <c r="O8658" s="18"/>
      <c r="P8658" s="19">
        <v>290</v>
      </c>
      <c r="Q8658" s="19"/>
      <c r="R8658" s="19"/>
      <c r="S8658" s="19"/>
      <c r="T8658" s="19">
        <v>240</v>
      </c>
      <c r="U8658" s="19"/>
      <c r="V8658" s="19"/>
      <c r="W8658" s="19"/>
      <c r="X8658" s="19">
        <v>7</v>
      </c>
      <c r="Y8658" s="19"/>
      <c r="Z8658" s="19"/>
      <c r="AA8658" s="19"/>
    </row>
    <row r="8659" spans="1:27" s="1" customFormat="1" ht="14.1" customHeight="1" outlineLevel="1" x14ac:dyDescent="0.2">
      <c r="A8659" s="17"/>
      <c r="B8659" s="17"/>
      <c r="C8659" s="17"/>
      <c r="D8659" s="18"/>
      <c r="E8659" s="18"/>
      <c r="F8659" s="18"/>
      <c r="G8659" s="18"/>
      <c r="H8659" s="18"/>
      <c r="I8659" s="18"/>
      <c r="J8659" s="18"/>
      <c r="K8659" s="18"/>
      <c r="L8659" s="18"/>
      <c r="M8659" s="18"/>
      <c r="N8659" s="18"/>
      <c r="O8659" s="18"/>
      <c r="P8659" s="19"/>
      <c r="Q8659" s="19"/>
      <c r="R8659" s="19"/>
      <c r="S8659" s="19"/>
      <c r="T8659" s="19"/>
      <c r="U8659" s="19"/>
      <c r="V8659" s="19"/>
      <c r="W8659" s="19"/>
      <c r="X8659" s="19"/>
      <c r="Y8659" s="19"/>
      <c r="Z8659" s="19"/>
      <c r="AA8659" s="19"/>
    </row>
    <row r="8660" spans="1:27" s="1" customFormat="1" ht="11.1" customHeight="1" x14ac:dyDescent="0.2">
      <c r="A8660" s="16" t="s">
        <v>4289</v>
      </c>
      <c r="B8660" s="16"/>
      <c r="C8660" s="16"/>
      <c r="D8660" s="16"/>
      <c r="E8660" s="16"/>
      <c r="F8660" s="16"/>
      <c r="G8660" s="16"/>
      <c r="H8660" s="16"/>
      <c r="I8660" s="16"/>
      <c r="J8660" s="16"/>
      <c r="K8660" s="16"/>
      <c r="L8660" s="16"/>
      <c r="M8660" s="16"/>
      <c r="N8660" s="16"/>
      <c r="O8660" s="16"/>
      <c r="P8660" s="16"/>
      <c r="Q8660" s="16"/>
      <c r="R8660" s="16"/>
      <c r="S8660" s="16"/>
      <c r="T8660" s="16"/>
      <c r="U8660" s="16"/>
      <c r="V8660" s="16"/>
      <c r="W8660" s="16"/>
      <c r="X8660" s="16"/>
      <c r="Y8660" s="16"/>
      <c r="Z8660" s="16"/>
      <c r="AA8660" s="16"/>
    </row>
    <row r="8661" spans="1:27" s="1" customFormat="1" ht="11.1" customHeight="1" x14ac:dyDescent="0.2">
      <c r="A8661" s="16"/>
      <c r="B8661" s="16"/>
      <c r="C8661" s="16"/>
      <c r="D8661" s="16"/>
      <c r="E8661" s="16"/>
      <c r="F8661" s="16"/>
      <c r="G8661" s="16"/>
      <c r="H8661" s="16"/>
      <c r="I8661" s="16"/>
      <c r="J8661" s="16"/>
      <c r="K8661" s="16"/>
      <c r="L8661" s="16"/>
      <c r="M8661" s="16"/>
      <c r="N8661" s="16"/>
      <c r="O8661" s="16"/>
      <c r="P8661" s="16"/>
      <c r="Q8661" s="16"/>
      <c r="R8661" s="16"/>
      <c r="S8661" s="16"/>
      <c r="T8661" s="16"/>
      <c r="U8661" s="16"/>
      <c r="V8661" s="16"/>
      <c r="W8661" s="16"/>
      <c r="X8661" s="16"/>
      <c r="Y8661" s="16"/>
      <c r="Z8661" s="16"/>
      <c r="AA8661" s="16"/>
    </row>
    <row r="8662" spans="1:27" s="1" customFormat="1" ht="14.1" customHeight="1" outlineLevel="1" x14ac:dyDescent="0.2">
      <c r="A8662" s="17">
        <v>11473</v>
      </c>
      <c r="B8662" s="17"/>
      <c r="C8662" s="17"/>
      <c r="D8662" s="18" t="s">
        <v>4290</v>
      </c>
      <c r="E8662" s="18"/>
      <c r="F8662" s="18"/>
      <c r="G8662" s="18"/>
      <c r="H8662" s="18"/>
      <c r="I8662" s="18"/>
      <c r="J8662" s="18"/>
      <c r="K8662" s="18"/>
      <c r="L8662" s="18"/>
      <c r="M8662" s="18"/>
      <c r="N8662" s="18"/>
      <c r="O8662" s="18"/>
      <c r="P8662" s="19">
        <v>190</v>
      </c>
      <c r="Q8662" s="19"/>
      <c r="R8662" s="19"/>
      <c r="S8662" s="19"/>
      <c r="T8662" s="19">
        <v>140</v>
      </c>
      <c r="U8662" s="19"/>
      <c r="V8662" s="19"/>
      <c r="W8662" s="19"/>
      <c r="X8662" s="19">
        <v>2</v>
      </c>
      <c r="Y8662" s="19"/>
      <c r="Z8662" s="19"/>
      <c r="AA8662" s="19"/>
    </row>
    <row r="8663" spans="1:27" s="1" customFormat="1" ht="14.1" customHeight="1" outlineLevel="1" x14ac:dyDescent="0.2">
      <c r="A8663" s="17"/>
      <c r="B8663" s="17"/>
      <c r="C8663" s="17"/>
      <c r="D8663" s="18"/>
      <c r="E8663" s="18"/>
      <c r="F8663" s="18"/>
      <c r="G8663" s="18"/>
      <c r="H8663" s="18"/>
      <c r="I8663" s="18"/>
      <c r="J8663" s="18"/>
      <c r="K8663" s="18"/>
      <c r="L8663" s="18"/>
      <c r="M8663" s="18"/>
      <c r="N8663" s="18"/>
      <c r="O8663" s="18"/>
      <c r="P8663" s="19"/>
      <c r="Q8663" s="19"/>
      <c r="R8663" s="19"/>
      <c r="S8663" s="19"/>
      <c r="T8663" s="19"/>
      <c r="U8663" s="19"/>
      <c r="V8663" s="19"/>
      <c r="W8663" s="19"/>
      <c r="X8663" s="19"/>
      <c r="Y8663" s="19"/>
      <c r="Z8663" s="19"/>
      <c r="AA8663" s="19"/>
    </row>
    <row r="8664" spans="1:27" s="1" customFormat="1" ht="14.1" customHeight="1" outlineLevel="1" x14ac:dyDescent="0.2">
      <c r="A8664" s="17">
        <v>11474</v>
      </c>
      <c r="B8664" s="17"/>
      <c r="C8664" s="17"/>
      <c r="D8664" s="18" t="s">
        <v>4291</v>
      </c>
      <c r="E8664" s="18"/>
      <c r="F8664" s="18"/>
      <c r="G8664" s="18"/>
      <c r="H8664" s="18"/>
      <c r="I8664" s="18"/>
      <c r="J8664" s="18"/>
      <c r="K8664" s="18"/>
      <c r="L8664" s="18"/>
      <c r="M8664" s="18"/>
      <c r="N8664" s="18"/>
      <c r="O8664" s="18"/>
      <c r="P8664" s="19">
        <v>210</v>
      </c>
      <c r="Q8664" s="19"/>
      <c r="R8664" s="19"/>
      <c r="S8664" s="19"/>
      <c r="T8664" s="19">
        <v>160</v>
      </c>
      <c r="U8664" s="19"/>
      <c r="V8664" s="19"/>
      <c r="W8664" s="19"/>
      <c r="X8664" s="19">
        <v>11</v>
      </c>
      <c r="Y8664" s="19"/>
      <c r="Z8664" s="19"/>
      <c r="AA8664" s="19"/>
    </row>
    <row r="8665" spans="1:27" s="1" customFormat="1" ht="14.1" customHeight="1" outlineLevel="1" x14ac:dyDescent="0.2">
      <c r="A8665" s="17"/>
      <c r="B8665" s="17"/>
      <c r="C8665" s="17"/>
      <c r="D8665" s="18"/>
      <c r="E8665" s="18"/>
      <c r="F8665" s="18"/>
      <c r="G8665" s="18"/>
      <c r="H8665" s="18"/>
      <c r="I8665" s="18"/>
      <c r="J8665" s="18"/>
      <c r="K8665" s="18"/>
      <c r="L8665" s="18"/>
      <c r="M8665" s="18"/>
      <c r="N8665" s="18"/>
      <c r="O8665" s="18"/>
      <c r="P8665" s="19"/>
      <c r="Q8665" s="19"/>
      <c r="R8665" s="19"/>
      <c r="S8665" s="19"/>
      <c r="T8665" s="19"/>
      <c r="U8665" s="19"/>
      <c r="V8665" s="19"/>
      <c r="W8665" s="19"/>
      <c r="X8665" s="19"/>
      <c r="Y8665" s="19"/>
      <c r="Z8665" s="19"/>
      <c r="AA8665" s="19"/>
    </row>
    <row r="8666" spans="1:27" s="1" customFormat="1" ht="14.1" customHeight="1" outlineLevel="1" x14ac:dyDescent="0.2">
      <c r="A8666" s="17">
        <v>11754</v>
      </c>
      <c r="B8666" s="17"/>
      <c r="C8666" s="17"/>
      <c r="D8666" s="18" t="s">
        <v>4292</v>
      </c>
      <c r="E8666" s="18"/>
      <c r="F8666" s="18"/>
      <c r="G8666" s="18"/>
      <c r="H8666" s="18"/>
      <c r="I8666" s="18"/>
      <c r="J8666" s="18"/>
      <c r="K8666" s="18"/>
      <c r="L8666" s="18"/>
      <c r="M8666" s="18"/>
      <c r="N8666" s="18"/>
      <c r="O8666" s="18"/>
      <c r="P8666" s="19">
        <v>200</v>
      </c>
      <c r="Q8666" s="19"/>
      <c r="R8666" s="19"/>
      <c r="S8666" s="19"/>
      <c r="T8666" s="19">
        <v>150</v>
      </c>
      <c r="U8666" s="19"/>
      <c r="V8666" s="19"/>
      <c r="W8666" s="19"/>
      <c r="X8666" s="19">
        <v>4</v>
      </c>
      <c r="Y8666" s="19"/>
      <c r="Z8666" s="19"/>
      <c r="AA8666" s="19"/>
    </row>
    <row r="8667" spans="1:27" s="1" customFormat="1" ht="14.1" customHeight="1" outlineLevel="1" x14ac:dyDescent="0.2">
      <c r="A8667" s="17"/>
      <c r="B8667" s="17"/>
      <c r="C8667" s="17"/>
      <c r="D8667" s="18"/>
      <c r="E8667" s="18"/>
      <c r="F8667" s="18"/>
      <c r="G8667" s="18"/>
      <c r="H8667" s="18"/>
      <c r="I8667" s="18"/>
      <c r="J8667" s="18"/>
      <c r="K8667" s="18"/>
      <c r="L8667" s="18"/>
      <c r="M8667" s="18"/>
      <c r="N8667" s="18"/>
      <c r="O8667" s="18"/>
      <c r="P8667" s="19"/>
      <c r="Q8667" s="19"/>
      <c r="R8667" s="19"/>
      <c r="S8667" s="19"/>
      <c r="T8667" s="19"/>
      <c r="U8667" s="19"/>
      <c r="V8667" s="19"/>
      <c r="W8667" s="19"/>
      <c r="X8667" s="19"/>
      <c r="Y8667" s="19"/>
      <c r="Z8667" s="19"/>
      <c r="AA8667" s="19"/>
    </row>
    <row r="8668" spans="1:27" s="1" customFormat="1" ht="14.1" customHeight="1" outlineLevel="1" x14ac:dyDescent="0.2">
      <c r="A8668" s="17">
        <v>11475</v>
      </c>
      <c r="B8668" s="17"/>
      <c r="C8668" s="17"/>
      <c r="D8668" s="18" t="s">
        <v>4293</v>
      </c>
      <c r="E8668" s="18"/>
      <c r="F8668" s="18"/>
      <c r="G8668" s="18"/>
      <c r="H8668" s="18"/>
      <c r="I8668" s="18"/>
      <c r="J8668" s="18"/>
      <c r="K8668" s="18"/>
      <c r="L8668" s="18"/>
      <c r="M8668" s="18"/>
      <c r="N8668" s="18"/>
      <c r="O8668" s="18"/>
      <c r="P8668" s="19">
        <v>200</v>
      </c>
      <c r="Q8668" s="19"/>
      <c r="R8668" s="19"/>
      <c r="S8668" s="19"/>
      <c r="T8668" s="19">
        <v>150</v>
      </c>
      <c r="U8668" s="19"/>
      <c r="V8668" s="19"/>
      <c r="W8668" s="19"/>
      <c r="X8668" s="19">
        <v>8</v>
      </c>
      <c r="Y8668" s="19"/>
      <c r="Z8668" s="19"/>
      <c r="AA8668" s="19"/>
    </row>
    <row r="8669" spans="1:27" s="1" customFormat="1" ht="14.1" customHeight="1" outlineLevel="1" x14ac:dyDescent="0.2">
      <c r="A8669" s="17"/>
      <c r="B8669" s="17"/>
      <c r="C8669" s="17"/>
      <c r="D8669" s="18"/>
      <c r="E8669" s="18"/>
      <c r="F8669" s="18"/>
      <c r="G8669" s="18"/>
      <c r="H8669" s="18"/>
      <c r="I8669" s="18"/>
      <c r="J8669" s="18"/>
      <c r="K8669" s="18"/>
      <c r="L8669" s="18"/>
      <c r="M8669" s="18"/>
      <c r="N8669" s="18"/>
      <c r="O8669" s="18"/>
      <c r="P8669" s="19"/>
      <c r="Q8669" s="19"/>
      <c r="R8669" s="19"/>
      <c r="S8669" s="19"/>
      <c r="T8669" s="19"/>
      <c r="U8669" s="19"/>
      <c r="V8669" s="19"/>
      <c r="W8669" s="19"/>
      <c r="X8669" s="19"/>
      <c r="Y8669" s="19"/>
      <c r="Z8669" s="19"/>
      <c r="AA8669" s="19"/>
    </row>
    <row r="8670" spans="1:27" s="1" customFormat="1" ht="14.1" customHeight="1" outlineLevel="1" x14ac:dyDescent="0.2">
      <c r="A8670" s="17">
        <v>11476</v>
      </c>
      <c r="B8670" s="17"/>
      <c r="C8670" s="17"/>
      <c r="D8670" s="18" t="s">
        <v>4294</v>
      </c>
      <c r="E8670" s="18"/>
      <c r="F8670" s="18"/>
      <c r="G8670" s="18"/>
      <c r="H8670" s="18"/>
      <c r="I8670" s="18"/>
      <c r="J8670" s="18"/>
      <c r="K8670" s="18"/>
      <c r="L8670" s="18"/>
      <c r="M8670" s="18"/>
      <c r="N8670" s="18"/>
      <c r="O8670" s="18"/>
      <c r="P8670" s="19">
        <v>210</v>
      </c>
      <c r="Q8670" s="19"/>
      <c r="R8670" s="19"/>
      <c r="S8670" s="19"/>
      <c r="T8670" s="19">
        <v>160</v>
      </c>
      <c r="U8670" s="19"/>
      <c r="V8670" s="19"/>
      <c r="W8670" s="19"/>
      <c r="X8670" s="19">
        <v>10</v>
      </c>
      <c r="Y8670" s="19"/>
      <c r="Z8670" s="19"/>
      <c r="AA8670" s="19"/>
    </row>
    <row r="8671" spans="1:27" s="1" customFormat="1" ht="14.1" customHeight="1" outlineLevel="1" x14ac:dyDescent="0.2">
      <c r="A8671" s="17"/>
      <c r="B8671" s="17"/>
      <c r="C8671" s="17"/>
      <c r="D8671" s="18"/>
      <c r="E8671" s="18"/>
      <c r="F8671" s="18"/>
      <c r="G8671" s="18"/>
      <c r="H8671" s="18"/>
      <c r="I8671" s="18"/>
      <c r="J8671" s="18"/>
      <c r="K8671" s="18"/>
      <c r="L8671" s="18"/>
      <c r="M8671" s="18"/>
      <c r="N8671" s="18"/>
      <c r="O8671" s="18"/>
      <c r="P8671" s="19"/>
      <c r="Q8671" s="19"/>
      <c r="R8671" s="19"/>
      <c r="S8671" s="19"/>
      <c r="T8671" s="19"/>
      <c r="U8671" s="19"/>
      <c r="V8671" s="19"/>
      <c r="W8671" s="19"/>
      <c r="X8671" s="19"/>
      <c r="Y8671" s="19"/>
      <c r="Z8671" s="19"/>
      <c r="AA8671" s="19"/>
    </row>
    <row r="8672" spans="1:27" s="1" customFormat="1" ht="14.1" customHeight="1" outlineLevel="1" x14ac:dyDescent="0.2">
      <c r="A8672" s="17">
        <v>11477</v>
      </c>
      <c r="B8672" s="17"/>
      <c r="C8672" s="17"/>
      <c r="D8672" s="18" t="s">
        <v>4295</v>
      </c>
      <c r="E8672" s="18"/>
      <c r="F8672" s="18"/>
      <c r="G8672" s="18"/>
      <c r="H8672" s="18"/>
      <c r="I8672" s="18"/>
      <c r="J8672" s="18"/>
      <c r="K8672" s="18"/>
      <c r="L8672" s="18"/>
      <c r="M8672" s="18"/>
      <c r="N8672" s="18"/>
      <c r="O8672" s="18"/>
      <c r="P8672" s="19">
        <v>170</v>
      </c>
      <c r="Q8672" s="19"/>
      <c r="R8672" s="19"/>
      <c r="S8672" s="19"/>
      <c r="T8672" s="19">
        <v>130</v>
      </c>
      <c r="U8672" s="19"/>
      <c r="V8672" s="19"/>
      <c r="W8672" s="19"/>
      <c r="X8672" s="19">
        <v>9</v>
      </c>
      <c r="Y8672" s="19"/>
      <c r="Z8672" s="19"/>
      <c r="AA8672" s="19"/>
    </row>
    <row r="8673" spans="1:27" s="1" customFormat="1" ht="14.1" customHeight="1" outlineLevel="1" x14ac:dyDescent="0.2">
      <c r="A8673" s="17"/>
      <c r="B8673" s="17"/>
      <c r="C8673" s="17"/>
      <c r="D8673" s="18"/>
      <c r="E8673" s="18"/>
      <c r="F8673" s="18"/>
      <c r="G8673" s="18"/>
      <c r="H8673" s="18"/>
      <c r="I8673" s="18"/>
      <c r="J8673" s="18"/>
      <c r="K8673" s="18"/>
      <c r="L8673" s="18"/>
      <c r="M8673" s="18"/>
      <c r="N8673" s="18"/>
      <c r="O8673" s="18"/>
      <c r="P8673" s="19"/>
      <c r="Q8673" s="19"/>
      <c r="R8673" s="19"/>
      <c r="S8673" s="19"/>
      <c r="T8673" s="19"/>
      <c r="U8673" s="19"/>
      <c r="V8673" s="19"/>
      <c r="W8673" s="19"/>
      <c r="X8673" s="19"/>
      <c r="Y8673" s="19"/>
      <c r="Z8673" s="19"/>
      <c r="AA8673" s="19"/>
    </row>
    <row r="8674" spans="1:27" s="1" customFormat="1" ht="14.1" customHeight="1" outlineLevel="1" x14ac:dyDescent="0.2">
      <c r="A8674" s="17">
        <v>14354</v>
      </c>
      <c r="B8674" s="17"/>
      <c r="C8674" s="17"/>
      <c r="D8674" s="18" t="s">
        <v>4296</v>
      </c>
      <c r="E8674" s="18"/>
      <c r="F8674" s="18"/>
      <c r="G8674" s="18"/>
      <c r="H8674" s="18"/>
      <c r="I8674" s="18"/>
      <c r="J8674" s="18"/>
      <c r="K8674" s="18"/>
      <c r="L8674" s="18"/>
      <c r="M8674" s="18"/>
      <c r="N8674" s="18"/>
      <c r="O8674" s="18"/>
      <c r="P8674" s="19">
        <v>200</v>
      </c>
      <c r="Q8674" s="19"/>
      <c r="R8674" s="19"/>
      <c r="S8674" s="19"/>
      <c r="T8674" s="19">
        <v>150</v>
      </c>
      <c r="U8674" s="19"/>
      <c r="V8674" s="19"/>
      <c r="W8674" s="19"/>
      <c r="X8674" s="19">
        <v>8</v>
      </c>
      <c r="Y8674" s="19"/>
      <c r="Z8674" s="19"/>
      <c r="AA8674" s="19"/>
    </row>
    <row r="8675" spans="1:27" s="1" customFormat="1" ht="14.1" customHeight="1" outlineLevel="1" x14ac:dyDescent="0.2">
      <c r="A8675" s="17"/>
      <c r="B8675" s="17"/>
      <c r="C8675" s="17"/>
      <c r="D8675" s="18"/>
      <c r="E8675" s="18"/>
      <c r="F8675" s="18"/>
      <c r="G8675" s="18"/>
      <c r="H8675" s="18"/>
      <c r="I8675" s="18"/>
      <c r="J8675" s="18"/>
      <c r="K8675" s="18"/>
      <c r="L8675" s="18"/>
      <c r="M8675" s="18"/>
      <c r="N8675" s="18"/>
      <c r="O8675" s="18"/>
      <c r="P8675" s="19"/>
      <c r="Q8675" s="19"/>
      <c r="R8675" s="19"/>
      <c r="S8675" s="19"/>
      <c r="T8675" s="19"/>
      <c r="U8675" s="19"/>
      <c r="V8675" s="19"/>
      <c r="W8675" s="19"/>
      <c r="X8675" s="19"/>
      <c r="Y8675" s="19"/>
      <c r="Z8675" s="19"/>
      <c r="AA8675" s="19"/>
    </row>
    <row r="8676" spans="1:27" s="1" customFormat="1" ht="14.1" customHeight="1" outlineLevel="1" x14ac:dyDescent="0.2">
      <c r="A8676" s="17">
        <v>11755</v>
      </c>
      <c r="B8676" s="17"/>
      <c r="C8676" s="17"/>
      <c r="D8676" s="18" t="s">
        <v>4297</v>
      </c>
      <c r="E8676" s="18"/>
      <c r="F8676" s="18"/>
      <c r="G8676" s="18"/>
      <c r="H8676" s="18"/>
      <c r="I8676" s="18"/>
      <c r="J8676" s="18"/>
      <c r="K8676" s="18"/>
      <c r="L8676" s="18"/>
      <c r="M8676" s="18"/>
      <c r="N8676" s="18"/>
      <c r="O8676" s="18"/>
      <c r="P8676" s="19">
        <v>200</v>
      </c>
      <c r="Q8676" s="19"/>
      <c r="R8676" s="19"/>
      <c r="S8676" s="19"/>
      <c r="T8676" s="19">
        <v>150</v>
      </c>
      <c r="U8676" s="19"/>
      <c r="V8676" s="19"/>
      <c r="W8676" s="19"/>
      <c r="X8676" s="19">
        <v>10</v>
      </c>
      <c r="Y8676" s="19"/>
      <c r="Z8676" s="19"/>
      <c r="AA8676" s="19"/>
    </row>
    <row r="8677" spans="1:27" s="1" customFormat="1" ht="14.1" customHeight="1" outlineLevel="1" x14ac:dyDescent="0.2">
      <c r="A8677" s="17"/>
      <c r="B8677" s="17"/>
      <c r="C8677" s="17"/>
      <c r="D8677" s="18"/>
      <c r="E8677" s="18"/>
      <c r="F8677" s="18"/>
      <c r="G8677" s="18"/>
      <c r="H8677" s="18"/>
      <c r="I8677" s="18"/>
      <c r="J8677" s="18"/>
      <c r="K8677" s="18"/>
      <c r="L8677" s="18"/>
      <c r="M8677" s="18"/>
      <c r="N8677" s="18"/>
      <c r="O8677" s="18"/>
      <c r="P8677" s="19"/>
      <c r="Q8677" s="19"/>
      <c r="R8677" s="19"/>
      <c r="S8677" s="19"/>
      <c r="T8677" s="19"/>
      <c r="U8677" s="19"/>
      <c r="V8677" s="19"/>
      <c r="W8677" s="19"/>
      <c r="X8677" s="19"/>
      <c r="Y8677" s="19"/>
      <c r="Z8677" s="19"/>
      <c r="AA8677" s="19"/>
    </row>
    <row r="8678" spans="1:27" s="1" customFormat="1" ht="14.1" customHeight="1" outlineLevel="1" x14ac:dyDescent="0.2">
      <c r="A8678" s="17">
        <v>14355</v>
      </c>
      <c r="B8678" s="17"/>
      <c r="C8678" s="17"/>
      <c r="D8678" s="18" t="s">
        <v>4298</v>
      </c>
      <c r="E8678" s="18"/>
      <c r="F8678" s="18"/>
      <c r="G8678" s="18"/>
      <c r="H8678" s="18"/>
      <c r="I8678" s="18"/>
      <c r="J8678" s="18"/>
      <c r="K8678" s="18"/>
      <c r="L8678" s="18"/>
      <c r="M8678" s="18"/>
      <c r="N8678" s="18"/>
      <c r="O8678" s="18"/>
      <c r="P8678" s="19">
        <v>460</v>
      </c>
      <c r="Q8678" s="19"/>
      <c r="R8678" s="19"/>
      <c r="S8678" s="19"/>
      <c r="T8678" s="19">
        <v>390</v>
      </c>
      <c r="U8678" s="19"/>
      <c r="V8678" s="19"/>
      <c r="W8678" s="19"/>
      <c r="X8678" s="19">
        <v>8</v>
      </c>
      <c r="Y8678" s="19"/>
      <c r="Z8678" s="19"/>
      <c r="AA8678" s="19"/>
    </row>
    <row r="8679" spans="1:27" s="1" customFormat="1" ht="14.1" customHeight="1" outlineLevel="1" x14ac:dyDescent="0.2">
      <c r="A8679" s="17"/>
      <c r="B8679" s="17"/>
      <c r="C8679" s="17"/>
      <c r="D8679" s="18"/>
      <c r="E8679" s="18"/>
      <c r="F8679" s="18"/>
      <c r="G8679" s="18"/>
      <c r="H8679" s="18"/>
      <c r="I8679" s="18"/>
      <c r="J8679" s="18"/>
      <c r="K8679" s="18"/>
      <c r="L8679" s="18"/>
      <c r="M8679" s="18"/>
      <c r="N8679" s="18"/>
      <c r="O8679" s="18"/>
      <c r="P8679" s="19"/>
      <c r="Q8679" s="19"/>
      <c r="R8679" s="19"/>
      <c r="S8679" s="19"/>
      <c r="T8679" s="19"/>
      <c r="U8679" s="19"/>
      <c r="V8679" s="19"/>
      <c r="W8679" s="19"/>
      <c r="X8679" s="19"/>
      <c r="Y8679" s="19"/>
      <c r="Z8679" s="19"/>
      <c r="AA8679" s="19"/>
    </row>
    <row r="8680" spans="1:27" s="1" customFormat="1" ht="14.1" customHeight="1" outlineLevel="1" x14ac:dyDescent="0.2">
      <c r="A8680" s="17">
        <v>11756</v>
      </c>
      <c r="B8680" s="17"/>
      <c r="C8680" s="17"/>
      <c r="D8680" s="18" t="s">
        <v>4299</v>
      </c>
      <c r="E8680" s="18"/>
      <c r="F8680" s="18"/>
      <c r="G8680" s="18"/>
      <c r="H8680" s="18"/>
      <c r="I8680" s="18"/>
      <c r="J8680" s="18"/>
      <c r="K8680" s="18"/>
      <c r="L8680" s="18"/>
      <c r="M8680" s="18"/>
      <c r="N8680" s="18"/>
      <c r="O8680" s="18"/>
      <c r="P8680" s="19">
        <v>340</v>
      </c>
      <c r="Q8680" s="19"/>
      <c r="R8680" s="19"/>
      <c r="S8680" s="19"/>
      <c r="T8680" s="19">
        <v>270</v>
      </c>
      <c r="U8680" s="19"/>
      <c r="V8680" s="19"/>
      <c r="W8680" s="19"/>
      <c r="X8680" s="19">
        <v>1</v>
      </c>
      <c r="Y8680" s="19"/>
      <c r="Z8680" s="19"/>
      <c r="AA8680" s="19"/>
    </row>
    <row r="8681" spans="1:27" s="1" customFormat="1" ht="14.1" customHeight="1" outlineLevel="1" x14ac:dyDescent="0.2">
      <c r="A8681" s="17"/>
      <c r="B8681" s="17"/>
      <c r="C8681" s="17"/>
      <c r="D8681" s="18"/>
      <c r="E8681" s="18"/>
      <c r="F8681" s="18"/>
      <c r="G8681" s="18"/>
      <c r="H8681" s="18"/>
      <c r="I8681" s="18"/>
      <c r="J8681" s="18"/>
      <c r="K8681" s="18"/>
      <c r="L8681" s="18"/>
      <c r="M8681" s="18"/>
      <c r="N8681" s="18"/>
      <c r="O8681" s="18"/>
      <c r="P8681" s="19"/>
      <c r="Q8681" s="19"/>
      <c r="R8681" s="19"/>
      <c r="S8681" s="19"/>
      <c r="T8681" s="19"/>
      <c r="U8681" s="19"/>
      <c r="V8681" s="19"/>
      <c r="W8681" s="19"/>
      <c r="X8681" s="19"/>
      <c r="Y8681" s="19"/>
      <c r="Z8681" s="19"/>
      <c r="AA8681" s="19"/>
    </row>
    <row r="8682" spans="1:27" s="1" customFormat="1" ht="14.1" customHeight="1" outlineLevel="1" x14ac:dyDescent="0.2">
      <c r="A8682" s="17">
        <v>14356</v>
      </c>
      <c r="B8682" s="17"/>
      <c r="C8682" s="17"/>
      <c r="D8682" s="18" t="s">
        <v>4300</v>
      </c>
      <c r="E8682" s="18"/>
      <c r="F8682" s="18"/>
      <c r="G8682" s="18"/>
      <c r="H8682" s="18"/>
      <c r="I8682" s="18"/>
      <c r="J8682" s="18"/>
      <c r="K8682" s="18"/>
      <c r="L8682" s="18"/>
      <c r="M8682" s="18"/>
      <c r="N8682" s="18"/>
      <c r="O8682" s="18"/>
      <c r="P8682" s="19">
        <v>210</v>
      </c>
      <c r="Q8682" s="19"/>
      <c r="R8682" s="19"/>
      <c r="S8682" s="19"/>
      <c r="T8682" s="19">
        <v>160</v>
      </c>
      <c r="U8682" s="19"/>
      <c r="V8682" s="19"/>
      <c r="W8682" s="19"/>
      <c r="X8682" s="19">
        <v>10</v>
      </c>
      <c r="Y8682" s="19"/>
      <c r="Z8682" s="19"/>
      <c r="AA8682" s="19"/>
    </row>
    <row r="8683" spans="1:27" s="1" customFormat="1" ht="14.1" customHeight="1" outlineLevel="1" x14ac:dyDescent="0.2">
      <c r="A8683" s="17"/>
      <c r="B8683" s="17"/>
      <c r="C8683" s="17"/>
      <c r="D8683" s="18"/>
      <c r="E8683" s="18"/>
      <c r="F8683" s="18"/>
      <c r="G8683" s="18"/>
      <c r="H8683" s="18"/>
      <c r="I8683" s="18"/>
      <c r="J8683" s="18"/>
      <c r="K8683" s="18"/>
      <c r="L8683" s="18"/>
      <c r="M8683" s="18"/>
      <c r="N8683" s="18"/>
      <c r="O8683" s="18"/>
      <c r="P8683" s="19"/>
      <c r="Q8683" s="19"/>
      <c r="R8683" s="19"/>
      <c r="S8683" s="19"/>
      <c r="T8683" s="19"/>
      <c r="U8683" s="19"/>
      <c r="V8683" s="19"/>
      <c r="W8683" s="19"/>
      <c r="X8683" s="19"/>
      <c r="Y8683" s="19"/>
      <c r="Z8683" s="19"/>
      <c r="AA8683" s="19"/>
    </row>
    <row r="8684" spans="1:27" s="1" customFormat="1" ht="11.1" customHeight="1" outlineLevel="1" x14ac:dyDescent="0.2">
      <c r="A8684" s="17">
        <v>1515</v>
      </c>
      <c r="B8684" s="17"/>
      <c r="C8684" s="17"/>
      <c r="D8684" s="18" t="s">
        <v>4301</v>
      </c>
      <c r="E8684" s="18"/>
      <c r="F8684" s="18"/>
      <c r="G8684" s="18"/>
      <c r="H8684" s="18"/>
      <c r="I8684" s="18"/>
      <c r="J8684" s="18"/>
      <c r="K8684" s="18"/>
      <c r="L8684" s="18"/>
      <c r="M8684" s="18"/>
      <c r="N8684" s="18"/>
      <c r="O8684" s="18"/>
      <c r="P8684" s="19">
        <v>100</v>
      </c>
      <c r="Q8684" s="19"/>
      <c r="R8684" s="19"/>
      <c r="S8684" s="19"/>
      <c r="T8684" s="19">
        <v>75</v>
      </c>
      <c r="U8684" s="19"/>
      <c r="V8684" s="19"/>
      <c r="W8684" s="19"/>
      <c r="X8684" s="19">
        <v>3</v>
      </c>
      <c r="Y8684" s="19"/>
      <c r="Z8684" s="19"/>
      <c r="AA8684" s="19"/>
    </row>
    <row r="8685" spans="1:27" s="1" customFormat="1" ht="11.1" customHeight="1" outlineLevel="1" x14ac:dyDescent="0.2">
      <c r="A8685" s="17"/>
      <c r="B8685" s="17"/>
      <c r="C8685" s="17"/>
      <c r="D8685" s="18"/>
      <c r="E8685" s="18"/>
      <c r="F8685" s="18"/>
      <c r="G8685" s="18"/>
      <c r="H8685" s="18"/>
      <c r="I8685" s="18"/>
      <c r="J8685" s="18"/>
      <c r="K8685" s="18"/>
      <c r="L8685" s="18"/>
      <c r="M8685" s="18"/>
      <c r="N8685" s="18"/>
      <c r="O8685" s="18"/>
      <c r="P8685" s="19"/>
      <c r="Q8685" s="19"/>
      <c r="R8685" s="19"/>
      <c r="S8685" s="19"/>
      <c r="T8685" s="19"/>
      <c r="U8685" s="19"/>
      <c r="V8685" s="19"/>
      <c r="W8685" s="19"/>
      <c r="X8685" s="19"/>
      <c r="Y8685" s="19"/>
      <c r="Z8685" s="19"/>
      <c r="AA8685" s="19"/>
    </row>
    <row r="8686" spans="1:27" s="1" customFormat="1" ht="11.1" customHeight="1" outlineLevel="1" x14ac:dyDescent="0.2">
      <c r="A8686" s="17">
        <v>1518</v>
      </c>
      <c r="B8686" s="17"/>
      <c r="C8686" s="17"/>
      <c r="D8686" s="18" t="s">
        <v>4302</v>
      </c>
      <c r="E8686" s="18"/>
      <c r="F8686" s="18"/>
      <c r="G8686" s="18"/>
      <c r="H8686" s="18"/>
      <c r="I8686" s="18"/>
      <c r="J8686" s="18"/>
      <c r="K8686" s="18"/>
      <c r="L8686" s="18"/>
      <c r="M8686" s="18"/>
      <c r="N8686" s="18"/>
      <c r="O8686" s="18"/>
      <c r="P8686" s="19">
        <v>270</v>
      </c>
      <c r="Q8686" s="19"/>
      <c r="R8686" s="19"/>
      <c r="S8686" s="19"/>
      <c r="T8686" s="19">
        <v>220</v>
      </c>
      <c r="U8686" s="19"/>
      <c r="V8686" s="19"/>
      <c r="W8686" s="19"/>
      <c r="X8686" s="19">
        <v>1</v>
      </c>
      <c r="Y8686" s="19"/>
      <c r="Z8686" s="19"/>
      <c r="AA8686" s="19"/>
    </row>
    <row r="8687" spans="1:27" s="1" customFormat="1" ht="11.1" customHeight="1" outlineLevel="1" x14ac:dyDescent="0.2">
      <c r="A8687" s="17"/>
      <c r="B8687" s="17"/>
      <c r="C8687" s="17"/>
      <c r="D8687" s="18"/>
      <c r="E8687" s="18"/>
      <c r="F8687" s="18"/>
      <c r="G8687" s="18"/>
      <c r="H8687" s="18"/>
      <c r="I8687" s="18"/>
      <c r="J8687" s="18"/>
      <c r="K8687" s="18"/>
      <c r="L8687" s="18"/>
      <c r="M8687" s="18"/>
      <c r="N8687" s="18"/>
      <c r="O8687" s="18"/>
      <c r="P8687" s="19"/>
      <c r="Q8687" s="19"/>
      <c r="R8687" s="19"/>
      <c r="S8687" s="19"/>
      <c r="T8687" s="19"/>
      <c r="U8687" s="19"/>
      <c r="V8687" s="19"/>
      <c r="W8687" s="19"/>
      <c r="X8687" s="19"/>
      <c r="Y8687" s="19"/>
      <c r="Z8687" s="19"/>
      <c r="AA8687" s="19"/>
    </row>
    <row r="8688" spans="1:27" s="1" customFormat="1" ht="14.1" customHeight="1" outlineLevel="1" x14ac:dyDescent="0.2">
      <c r="A8688" s="17">
        <v>5738</v>
      </c>
      <c r="B8688" s="17"/>
      <c r="C8688" s="17"/>
      <c r="D8688" s="18" t="s">
        <v>4303</v>
      </c>
      <c r="E8688" s="18"/>
      <c r="F8688" s="18"/>
      <c r="G8688" s="18"/>
      <c r="H8688" s="18"/>
      <c r="I8688" s="18"/>
      <c r="J8688" s="18"/>
      <c r="K8688" s="18"/>
      <c r="L8688" s="18"/>
      <c r="M8688" s="18"/>
      <c r="N8688" s="18"/>
      <c r="O8688" s="18"/>
      <c r="P8688" s="19">
        <v>350</v>
      </c>
      <c r="Q8688" s="19"/>
      <c r="R8688" s="19"/>
      <c r="S8688" s="19"/>
      <c r="T8688" s="19">
        <v>300</v>
      </c>
      <c r="U8688" s="19"/>
      <c r="V8688" s="19"/>
      <c r="W8688" s="19"/>
      <c r="X8688" s="19">
        <v>1</v>
      </c>
      <c r="Y8688" s="19"/>
      <c r="Z8688" s="19"/>
      <c r="AA8688" s="19"/>
    </row>
    <row r="8689" spans="1:27" s="1" customFormat="1" ht="14.1" customHeight="1" outlineLevel="1" x14ac:dyDescent="0.2">
      <c r="A8689" s="17"/>
      <c r="B8689" s="17"/>
      <c r="C8689" s="17"/>
      <c r="D8689" s="18"/>
      <c r="E8689" s="18"/>
      <c r="F8689" s="18"/>
      <c r="G8689" s="18"/>
      <c r="H8689" s="18"/>
      <c r="I8689" s="18"/>
      <c r="J8689" s="18"/>
      <c r="K8689" s="18"/>
      <c r="L8689" s="18"/>
      <c r="M8689" s="18"/>
      <c r="N8689" s="18"/>
      <c r="O8689" s="18"/>
      <c r="P8689" s="19"/>
      <c r="Q8689" s="19"/>
      <c r="R8689" s="19"/>
      <c r="S8689" s="19"/>
      <c r="T8689" s="19"/>
      <c r="U8689" s="19"/>
      <c r="V8689" s="19"/>
      <c r="W8689" s="19"/>
      <c r="X8689" s="19"/>
      <c r="Y8689" s="19"/>
      <c r="Z8689" s="19"/>
      <c r="AA8689" s="19"/>
    </row>
    <row r="8690" spans="1:27" s="1" customFormat="1" ht="11.1" customHeight="1" outlineLevel="1" x14ac:dyDescent="0.2">
      <c r="A8690" s="17">
        <v>1516</v>
      </c>
      <c r="B8690" s="17"/>
      <c r="C8690" s="17"/>
      <c r="D8690" s="18" t="s">
        <v>4304</v>
      </c>
      <c r="E8690" s="18"/>
      <c r="F8690" s="18"/>
      <c r="G8690" s="18"/>
      <c r="H8690" s="18"/>
      <c r="I8690" s="18"/>
      <c r="J8690" s="18"/>
      <c r="K8690" s="18"/>
      <c r="L8690" s="18"/>
      <c r="M8690" s="18"/>
      <c r="N8690" s="18"/>
      <c r="O8690" s="18"/>
      <c r="P8690" s="19">
        <v>90</v>
      </c>
      <c r="Q8690" s="19"/>
      <c r="R8690" s="19"/>
      <c r="S8690" s="19"/>
      <c r="T8690" s="19">
        <v>70</v>
      </c>
      <c r="U8690" s="19"/>
      <c r="V8690" s="19"/>
      <c r="W8690" s="19"/>
      <c r="X8690" s="19">
        <v>2</v>
      </c>
      <c r="Y8690" s="19"/>
      <c r="Z8690" s="19"/>
      <c r="AA8690" s="19"/>
    </row>
    <row r="8691" spans="1:27" s="1" customFormat="1" ht="11.1" customHeight="1" outlineLevel="1" x14ac:dyDescent="0.2">
      <c r="A8691" s="17"/>
      <c r="B8691" s="17"/>
      <c r="C8691" s="17"/>
      <c r="D8691" s="18"/>
      <c r="E8691" s="18"/>
      <c r="F8691" s="18"/>
      <c r="G8691" s="18"/>
      <c r="H8691" s="18"/>
      <c r="I8691" s="18"/>
      <c r="J8691" s="18"/>
      <c r="K8691" s="18"/>
      <c r="L8691" s="18"/>
      <c r="M8691" s="18"/>
      <c r="N8691" s="18"/>
      <c r="O8691" s="18"/>
      <c r="P8691" s="19"/>
      <c r="Q8691" s="19"/>
      <c r="R8691" s="19"/>
      <c r="S8691" s="19"/>
      <c r="T8691" s="19"/>
      <c r="U8691" s="19"/>
      <c r="V8691" s="19"/>
      <c r="W8691" s="19"/>
      <c r="X8691" s="19"/>
      <c r="Y8691" s="19"/>
      <c r="Z8691" s="19"/>
      <c r="AA8691" s="19"/>
    </row>
    <row r="8692" spans="1:27" s="1" customFormat="1" ht="11.1" customHeight="1" outlineLevel="1" x14ac:dyDescent="0.2">
      <c r="A8692" s="17">
        <v>1511</v>
      </c>
      <c r="B8692" s="17"/>
      <c r="C8692" s="17"/>
      <c r="D8692" s="18" t="s">
        <v>4305</v>
      </c>
      <c r="E8692" s="18"/>
      <c r="F8692" s="18"/>
      <c r="G8692" s="18"/>
      <c r="H8692" s="18"/>
      <c r="I8692" s="18"/>
      <c r="J8692" s="18"/>
      <c r="K8692" s="18"/>
      <c r="L8692" s="18"/>
      <c r="M8692" s="18"/>
      <c r="N8692" s="18"/>
      <c r="O8692" s="18"/>
      <c r="P8692" s="19">
        <v>152</v>
      </c>
      <c r="Q8692" s="19"/>
      <c r="R8692" s="19"/>
      <c r="S8692" s="19"/>
      <c r="T8692" s="19">
        <v>120</v>
      </c>
      <c r="U8692" s="19"/>
      <c r="V8692" s="19"/>
      <c r="W8692" s="19"/>
      <c r="X8692" s="19">
        <v>1</v>
      </c>
      <c r="Y8692" s="19"/>
      <c r="Z8692" s="19"/>
      <c r="AA8692" s="19"/>
    </row>
    <row r="8693" spans="1:27" s="1" customFormat="1" ht="11.1" customHeight="1" outlineLevel="1" x14ac:dyDescent="0.2">
      <c r="A8693" s="17"/>
      <c r="B8693" s="17"/>
      <c r="C8693" s="17"/>
      <c r="D8693" s="18"/>
      <c r="E8693" s="18"/>
      <c r="F8693" s="18"/>
      <c r="G8693" s="18"/>
      <c r="H8693" s="18"/>
      <c r="I8693" s="18"/>
      <c r="J8693" s="18"/>
      <c r="K8693" s="18"/>
      <c r="L8693" s="18"/>
      <c r="M8693" s="18"/>
      <c r="N8693" s="18"/>
      <c r="O8693" s="18"/>
      <c r="P8693" s="19"/>
      <c r="Q8693" s="19"/>
      <c r="R8693" s="19"/>
      <c r="S8693" s="19"/>
      <c r="T8693" s="19"/>
      <c r="U8693" s="19"/>
      <c r="V8693" s="19"/>
      <c r="W8693" s="19"/>
      <c r="X8693" s="19"/>
      <c r="Y8693" s="19"/>
      <c r="Z8693" s="19"/>
      <c r="AA8693" s="19"/>
    </row>
    <row r="8694" spans="1:27" s="1" customFormat="1" ht="11.1" customHeight="1" outlineLevel="1" x14ac:dyDescent="0.2">
      <c r="A8694" s="17">
        <v>1521</v>
      </c>
      <c r="B8694" s="17"/>
      <c r="C8694" s="17"/>
      <c r="D8694" s="18" t="s">
        <v>4306</v>
      </c>
      <c r="E8694" s="18"/>
      <c r="F8694" s="18"/>
      <c r="G8694" s="18"/>
      <c r="H8694" s="18"/>
      <c r="I8694" s="18"/>
      <c r="J8694" s="18"/>
      <c r="K8694" s="18"/>
      <c r="L8694" s="18"/>
      <c r="M8694" s="18"/>
      <c r="N8694" s="18"/>
      <c r="O8694" s="18"/>
      <c r="P8694" s="19">
        <v>150</v>
      </c>
      <c r="Q8694" s="19"/>
      <c r="R8694" s="19"/>
      <c r="S8694" s="19"/>
      <c r="T8694" s="19">
        <v>120</v>
      </c>
      <c r="U8694" s="19"/>
      <c r="V8694" s="19"/>
      <c r="W8694" s="19"/>
      <c r="X8694" s="19">
        <v>1</v>
      </c>
      <c r="Y8694" s="19"/>
      <c r="Z8694" s="19"/>
      <c r="AA8694" s="19"/>
    </row>
    <row r="8695" spans="1:27" s="1" customFormat="1" ht="11.1" customHeight="1" outlineLevel="1" x14ac:dyDescent="0.2">
      <c r="A8695" s="17"/>
      <c r="B8695" s="17"/>
      <c r="C8695" s="17"/>
      <c r="D8695" s="18"/>
      <c r="E8695" s="18"/>
      <c r="F8695" s="18"/>
      <c r="G8695" s="18"/>
      <c r="H8695" s="18"/>
      <c r="I8695" s="18"/>
      <c r="J8695" s="18"/>
      <c r="K8695" s="18"/>
      <c r="L8695" s="18"/>
      <c r="M8695" s="18"/>
      <c r="N8695" s="18"/>
      <c r="O8695" s="18"/>
      <c r="P8695" s="19"/>
      <c r="Q8695" s="19"/>
      <c r="R8695" s="19"/>
      <c r="S8695" s="19"/>
      <c r="T8695" s="19"/>
      <c r="U8695" s="19"/>
      <c r="V8695" s="19"/>
      <c r="W8695" s="19"/>
      <c r="X8695" s="19"/>
      <c r="Y8695" s="19"/>
      <c r="Z8695" s="19"/>
      <c r="AA8695" s="19"/>
    </row>
    <row r="8696" spans="1:27" s="1" customFormat="1" ht="11.1" customHeight="1" outlineLevel="1" x14ac:dyDescent="0.2">
      <c r="A8696" s="17">
        <v>1512</v>
      </c>
      <c r="B8696" s="17"/>
      <c r="C8696" s="17"/>
      <c r="D8696" s="18" t="s">
        <v>4307</v>
      </c>
      <c r="E8696" s="18"/>
      <c r="F8696" s="18"/>
      <c r="G8696" s="18"/>
      <c r="H8696" s="18"/>
      <c r="I8696" s="18"/>
      <c r="J8696" s="18"/>
      <c r="K8696" s="18"/>
      <c r="L8696" s="18"/>
      <c r="M8696" s="18"/>
      <c r="N8696" s="18"/>
      <c r="O8696" s="18"/>
      <c r="P8696" s="19">
        <v>220</v>
      </c>
      <c r="Q8696" s="19"/>
      <c r="R8696" s="19"/>
      <c r="S8696" s="19"/>
      <c r="T8696" s="19">
        <v>175</v>
      </c>
      <c r="U8696" s="19"/>
      <c r="V8696" s="19"/>
      <c r="W8696" s="19"/>
      <c r="X8696" s="19">
        <v>1</v>
      </c>
      <c r="Y8696" s="19"/>
      <c r="Z8696" s="19"/>
      <c r="AA8696" s="19"/>
    </row>
    <row r="8697" spans="1:27" s="1" customFormat="1" ht="11.1" customHeight="1" outlineLevel="1" x14ac:dyDescent="0.2">
      <c r="A8697" s="17"/>
      <c r="B8697" s="17"/>
      <c r="C8697" s="17"/>
      <c r="D8697" s="18"/>
      <c r="E8697" s="18"/>
      <c r="F8697" s="18"/>
      <c r="G8697" s="18"/>
      <c r="H8697" s="18"/>
      <c r="I8697" s="18"/>
      <c r="J8697" s="18"/>
      <c r="K8697" s="18"/>
      <c r="L8697" s="18"/>
      <c r="M8697" s="18"/>
      <c r="N8697" s="18"/>
      <c r="O8697" s="18"/>
      <c r="P8697" s="19"/>
      <c r="Q8697" s="19"/>
      <c r="R8697" s="19"/>
      <c r="S8697" s="19"/>
      <c r="T8697" s="19"/>
      <c r="U8697" s="19"/>
      <c r="V8697" s="19"/>
      <c r="W8697" s="19"/>
      <c r="X8697" s="19"/>
      <c r="Y8697" s="19"/>
      <c r="Z8697" s="19"/>
      <c r="AA8697" s="19"/>
    </row>
    <row r="8698" spans="1:27" s="1" customFormat="1" ht="14.1" customHeight="1" outlineLevel="1" x14ac:dyDescent="0.2">
      <c r="A8698" s="17">
        <v>9454</v>
      </c>
      <c r="B8698" s="17"/>
      <c r="C8698" s="17"/>
      <c r="D8698" s="18" t="s">
        <v>4308</v>
      </c>
      <c r="E8698" s="18"/>
      <c r="F8698" s="18"/>
      <c r="G8698" s="18"/>
      <c r="H8698" s="18"/>
      <c r="I8698" s="18"/>
      <c r="J8698" s="18"/>
      <c r="K8698" s="18"/>
      <c r="L8698" s="18"/>
      <c r="M8698" s="18"/>
      <c r="N8698" s="18"/>
      <c r="O8698" s="18"/>
      <c r="P8698" s="19">
        <v>270</v>
      </c>
      <c r="Q8698" s="19"/>
      <c r="R8698" s="19"/>
      <c r="S8698" s="19"/>
      <c r="T8698" s="19">
        <v>250</v>
      </c>
      <c r="U8698" s="19"/>
      <c r="V8698" s="19"/>
      <c r="W8698" s="19"/>
      <c r="X8698" s="19">
        <v>1</v>
      </c>
      <c r="Y8698" s="19"/>
      <c r="Z8698" s="19"/>
      <c r="AA8698" s="19"/>
    </row>
    <row r="8699" spans="1:27" s="1" customFormat="1" ht="14.1" customHeight="1" outlineLevel="1" x14ac:dyDescent="0.2">
      <c r="A8699" s="17"/>
      <c r="B8699" s="17"/>
      <c r="C8699" s="17"/>
      <c r="D8699" s="18"/>
      <c r="E8699" s="18"/>
      <c r="F8699" s="18"/>
      <c r="G8699" s="18"/>
      <c r="H8699" s="18"/>
      <c r="I8699" s="18"/>
      <c r="J8699" s="18"/>
      <c r="K8699" s="18"/>
      <c r="L8699" s="18"/>
      <c r="M8699" s="18"/>
      <c r="N8699" s="18"/>
      <c r="O8699" s="18"/>
      <c r="P8699" s="19"/>
      <c r="Q8699" s="19"/>
      <c r="R8699" s="19"/>
      <c r="S8699" s="19"/>
      <c r="T8699" s="19"/>
      <c r="U8699" s="19"/>
      <c r="V8699" s="19"/>
      <c r="W8699" s="19"/>
      <c r="X8699" s="19"/>
      <c r="Y8699" s="19"/>
      <c r="Z8699" s="19"/>
      <c r="AA8699" s="19"/>
    </row>
    <row r="8700" spans="1:27" s="1" customFormat="1" ht="11.1" customHeight="1" outlineLevel="1" x14ac:dyDescent="0.2">
      <c r="A8700" s="17">
        <v>1510</v>
      </c>
      <c r="B8700" s="17"/>
      <c r="C8700" s="17"/>
      <c r="D8700" s="18" t="s">
        <v>4309</v>
      </c>
      <c r="E8700" s="18"/>
      <c r="F8700" s="18"/>
      <c r="G8700" s="18"/>
      <c r="H8700" s="18"/>
      <c r="I8700" s="18"/>
      <c r="J8700" s="18"/>
      <c r="K8700" s="18"/>
      <c r="L8700" s="18"/>
      <c r="M8700" s="18"/>
      <c r="N8700" s="18"/>
      <c r="O8700" s="18"/>
      <c r="P8700" s="19">
        <v>160</v>
      </c>
      <c r="Q8700" s="19"/>
      <c r="R8700" s="19"/>
      <c r="S8700" s="19"/>
      <c r="T8700" s="19">
        <v>130</v>
      </c>
      <c r="U8700" s="19"/>
      <c r="V8700" s="19"/>
      <c r="W8700" s="19"/>
      <c r="X8700" s="19">
        <v>2</v>
      </c>
      <c r="Y8700" s="19"/>
      <c r="Z8700" s="19"/>
      <c r="AA8700" s="19"/>
    </row>
    <row r="8701" spans="1:27" s="1" customFormat="1" ht="11.1" customHeight="1" outlineLevel="1" x14ac:dyDescent="0.2">
      <c r="A8701" s="17"/>
      <c r="B8701" s="17"/>
      <c r="C8701" s="17"/>
      <c r="D8701" s="18"/>
      <c r="E8701" s="18"/>
      <c r="F8701" s="18"/>
      <c r="G8701" s="18"/>
      <c r="H8701" s="18"/>
      <c r="I8701" s="18"/>
      <c r="J8701" s="18"/>
      <c r="K8701" s="18"/>
      <c r="L8701" s="18"/>
      <c r="M8701" s="18"/>
      <c r="N8701" s="18"/>
      <c r="O8701" s="18"/>
      <c r="P8701" s="19"/>
      <c r="Q8701" s="19"/>
      <c r="R8701" s="19"/>
      <c r="S8701" s="19"/>
      <c r="T8701" s="19"/>
      <c r="U8701" s="19"/>
      <c r="V8701" s="19"/>
      <c r="W8701" s="19"/>
      <c r="X8701" s="19"/>
      <c r="Y8701" s="19"/>
      <c r="Z8701" s="19"/>
      <c r="AA8701" s="19"/>
    </row>
    <row r="8702" spans="1:27" s="1" customFormat="1" ht="11.1" customHeight="1" x14ac:dyDescent="0.2">
      <c r="A8702" s="16" t="s">
        <v>4310</v>
      </c>
      <c r="B8702" s="16"/>
      <c r="C8702" s="16"/>
      <c r="D8702" s="16"/>
      <c r="E8702" s="16"/>
      <c r="F8702" s="16"/>
      <c r="G8702" s="16"/>
      <c r="H8702" s="16"/>
      <c r="I8702" s="16"/>
      <c r="J8702" s="16"/>
      <c r="K8702" s="16"/>
      <c r="L8702" s="16"/>
      <c r="M8702" s="16"/>
      <c r="N8702" s="16"/>
      <c r="O8702" s="16"/>
      <c r="P8702" s="16"/>
      <c r="Q8702" s="16"/>
      <c r="R8702" s="16"/>
      <c r="S8702" s="16"/>
      <c r="T8702" s="16"/>
      <c r="U8702" s="16"/>
      <c r="V8702" s="16"/>
      <c r="W8702" s="16"/>
      <c r="X8702" s="16"/>
      <c r="Y8702" s="16"/>
      <c r="Z8702" s="16"/>
      <c r="AA8702" s="16"/>
    </row>
    <row r="8703" spans="1:27" s="1" customFormat="1" ht="11.1" customHeight="1" x14ac:dyDescent="0.2">
      <c r="A8703" s="16"/>
      <c r="B8703" s="16"/>
      <c r="C8703" s="16"/>
      <c r="D8703" s="16"/>
      <c r="E8703" s="16"/>
      <c r="F8703" s="16"/>
      <c r="G8703" s="16"/>
      <c r="H8703" s="16"/>
      <c r="I8703" s="16"/>
      <c r="J8703" s="16"/>
      <c r="K8703" s="16"/>
      <c r="L8703" s="16"/>
      <c r="M8703" s="16"/>
      <c r="N8703" s="16"/>
      <c r="O8703" s="16"/>
      <c r="P8703" s="16"/>
      <c r="Q8703" s="16"/>
      <c r="R8703" s="16"/>
      <c r="S8703" s="16"/>
      <c r="T8703" s="16"/>
      <c r="U8703" s="16"/>
      <c r="V8703" s="16"/>
      <c r="W8703" s="16"/>
      <c r="X8703" s="16"/>
      <c r="Y8703" s="16"/>
      <c r="Z8703" s="16"/>
      <c r="AA8703" s="16"/>
    </row>
    <row r="8704" spans="1:27" s="1" customFormat="1" ht="14.1" customHeight="1" outlineLevel="1" x14ac:dyDescent="0.2">
      <c r="A8704" s="17">
        <v>16948</v>
      </c>
      <c r="B8704" s="17"/>
      <c r="C8704" s="17"/>
      <c r="D8704" s="18" t="s">
        <v>4311</v>
      </c>
      <c r="E8704" s="18"/>
      <c r="F8704" s="18"/>
      <c r="G8704" s="18"/>
      <c r="H8704" s="18"/>
      <c r="I8704" s="18"/>
      <c r="J8704" s="18"/>
      <c r="K8704" s="18"/>
      <c r="L8704" s="18"/>
      <c r="M8704" s="18"/>
      <c r="N8704" s="18"/>
      <c r="O8704" s="18"/>
      <c r="P8704" s="19">
        <v>250</v>
      </c>
      <c r="Q8704" s="19"/>
      <c r="R8704" s="19"/>
      <c r="S8704" s="19"/>
      <c r="T8704" s="19">
        <v>150</v>
      </c>
      <c r="U8704" s="19"/>
      <c r="V8704" s="19"/>
      <c r="W8704" s="19"/>
      <c r="X8704" s="19">
        <v>1</v>
      </c>
      <c r="Y8704" s="19"/>
      <c r="Z8704" s="19"/>
      <c r="AA8704" s="19"/>
    </row>
    <row r="8705" spans="1:27" s="1" customFormat="1" ht="14.1" customHeight="1" outlineLevel="1" x14ac:dyDescent="0.2">
      <c r="A8705" s="17"/>
      <c r="B8705" s="17"/>
      <c r="C8705" s="17"/>
      <c r="D8705" s="18"/>
      <c r="E8705" s="18"/>
      <c r="F8705" s="18"/>
      <c r="G8705" s="18"/>
      <c r="H8705" s="18"/>
      <c r="I8705" s="18"/>
      <c r="J8705" s="18"/>
      <c r="K8705" s="18"/>
      <c r="L8705" s="18"/>
      <c r="M8705" s="18"/>
      <c r="N8705" s="18"/>
      <c r="O8705" s="18"/>
      <c r="P8705" s="19"/>
      <c r="Q8705" s="19"/>
      <c r="R8705" s="19"/>
      <c r="S8705" s="19"/>
      <c r="T8705" s="19"/>
      <c r="U8705" s="19"/>
      <c r="V8705" s="19"/>
      <c r="W8705" s="19"/>
      <c r="X8705" s="19"/>
      <c r="Y8705" s="19"/>
      <c r="Z8705" s="19"/>
      <c r="AA8705" s="19"/>
    </row>
    <row r="8706" spans="1:27" s="1" customFormat="1" ht="14.1" customHeight="1" outlineLevel="1" x14ac:dyDescent="0.2">
      <c r="A8706" s="17">
        <v>15574</v>
      </c>
      <c r="B8706" s="17"/>
      <c r="C8706" s="17"/>
      <c r="D8706" s="18" t="s">
        <v>4312</v>
      </c>
      <c r="E8706" s="18"/>
      <c r="F8706" s="18"/>
      <c r="G8706" s="18"/>
      <c r="H8706" s="18"/>
      <c r="I8706" s="18"/>
      <c r="J8706" s="18"/>
      <c r="K8706" s="18"/>
      <c r="L8706" s="18"/>
      <c r="M8706" s="18"/>
      <c r="N8706" s="18"/>
      <c r="O8706" s="18"/>
      <c r="P8706" s="19">
        <v>900</v>
      </c>
      <c r="Q8706" s="19"/>
      <c r="R8706" s="19"/>
      <c r="S8706" s="19"/>
      <c r="T8706" s="19">
        <v>800</v>
      </c>
      <c r="U8706" s="19"/>
      <c r="V8706" s="19"/>
      <c r="W8706" s="19"/>
      <c r="X8706" s="19">
        <v>1</v>
      </c>
      <c r="Y8706" s="19"/>
      <c r="Z8706" s="19"/>
      <c r="AA8706" s="19"/>
    </row>
    <row r="8707" spans="1:27" s="1" customFormat="1" ht="14.1" customHeight="1" outlineLevel="1" x14ac:dyDescent="0.2">
      <c r="A8707" s="17"/>
      <c r="B8707" s="17"/>
      <c r="C8707" s="17"/>
      <c r="D8707" s="18"/>
      <c r="E8707" s="18"/>
      <c r="F8707" s="18"/>
      <c r="G8707" s="18"/>
      <c r="H8707" s="18"/>
      <c r="I8707" s="18"/>
      <c r="J8707" s="18"/>
      <c r="K8707" s="18"/>
      <c r="L8707" s="18"/>
      <c r="M8707" s="18"/>
      <c r="N8707" s="18"/>
      <c r="O8707" s="18"/>
      <c r="P8707" s="19"/>
      <c r="Q8707" s="19"/>
      <c r="R8707" s="19"/>
      <c r="S8707" s="19"/>
      <c r="T8707" s="19"/>
      <c r="U8707" s="19"/>
      <c r="V8707" s="19"/>
      <c r="W8707" s="19"/>
      <c r="X8707" s="19"/>
      <c r="Y8707" s="19"/>
      <c r="Z8707" s="19"/>
      <c r="AA8707" s="19"/>
    </row>
    <row r="8708" spans="1:27" s="1" customFormat="1" ht="11.1" customHeight="1" outlineLevel="1" x14ac:dyDescent="0.2">
      <c r="A8708" s="17">
        <v>12102</v>
      </c>
      <c r="B8708" s="17"/>
      <c r="C8708" s="17"/>
      <c r="D8708" s="18" t="s">
        <v>4313</v>
      </c>
      <c r="E8708" s="18"/>
      <c r="F8708" s="18"/>
      <c r="G8708" s="18"/>
      <c r="H8708" s="18"/>
      <c r="I8708" s="18"/>
      <c r="J8708" s="18"/>
      <c r="K8708" s="18"/>
      <c r="L8708" s="18"/>
      <c r="M8708" s="18"/>
      <c r="N8708" s="18"/>
      <c r="O8708" s="18"/>
      <c r="P8708" s="19">
        <v>470</v>
      </c>
      <c r="Q8708" s="19"/>
      <c r="R8708" s="19"/>
      <c r="S8708" s="19"/>
      <c r="T8708" s="19">
        <v>400</v>
      </c>
      <c r="U8708" s="19"/>
      <c r="V8708" s="19"/>
      <c r="W8708" s="19"/>
      <c r="X8708" s="19">
        <v>1</v>
      </c>
      <c r="Y8708" s="19"/>
      <c r="Z8708" s="19"/>
      <c r="AA8708" s="19"/>
    </row>
    <row r="8709" spans="1:27" s="1" customFormat="1" ht="11.1" customHeight="1" outlineLevel="1" x14ac:dyDescent="0.2">
      <c r="A8709" s="17"/>
      <c r="B8709" s="17"/>
      <c r="C8709" s="17"/>
      <c r="D8709" s="18"/>
      <c r="E8709" s="18"/>
      <c r="F8709" s="18"/>
      <c r="G8709" s="18"/>
      <c r="H8709" s="18"/>
      <c r="I8709" s="18"/>
      <c r="J8709" s="18"/>
      <c r="K8709" s="18"/>
      <c r="L8709" s="18"/>
      <c r="M8709" s="18"/>
      <c r="N8709" s="18"/>
      <c r="O8709" s="18"/>
      <c r="P8709" s="19"/>
      <c r="Q8709" s="19"/>
      <c r="R8709" s="19"/>
      <c r="S8709" s="19"/>
      <c r="T8709" s="19"/>
      <c r="U8709" s="19"/>
      <c r="V8709" s="19"/>
      <c r="W8709" s="19"/>
      <c r="X8709" s="19"/>
      <c r="Y8709" s="19"/>
      <c r="Z8709" s="19"/>
      <c r="AA8709" s="19"/>
    </row>
    <row r="8710" spans="1:27" s="1" customFormat="1" ht="11.1" customHeight="1" outlineLevel="1" x14ac:dyDescent="0.2">
      <c r="A8710" s="17">
        <v>17527</v>
      </c>
      <c r="B8710" s="17"/>
      <c r="C8710" s="17"/>
      <c r="D8710" s="18" t="s">
        <v>4314</v>
      </c>
      <c r="E8710" s="18"/>
      <c r="F8710" s="18"/>
      <c r="G8710" s="18"/>
      <c r="H8710" s="18"/>
      <c r="I8710" s="18"/>
      <c r="J8710" s="18"/>
      <c r="K8710" s="18"/>
      <c r="L8710" s="18"/>
      <c r="M8710" s="18"/>
      <c r="N8710" s="18"/>
      <c r="O8710" s="18"/>
      <c r="P8710" s="19">
        <v>850</v>
      </c>
      <c r="Q8710" s="19"/>
      <c r="R8710" s="19"/>
      <c r="S8710" s="19"/>
      <c r="T8710" s="19">
        <v>750</v>
      </c>
      <c r="U8710" s="19"/>
      <c r="V8710" s="19"/>
      <c r="W8710" s="19"/>
      <c r="X8710" s="19">
        <v>1</v>
      </c>
      <c r="Y8710" s="19"/>
      <c r="Z8710" s="19"/>
      <c r="AA8710" s="19"/>
    </row>
    <row r="8711" spans="1:27" s="1" customFormat="1" ht="11.1" customHeight="1" outlineLevel="1" x14ac:dyDescent="0.2">
      <c r="A8711" s="17"/>
      <c r="B8711" s="17"/>
      <c r="C8711" s="17"/>
      <c r="D8711" s="18"/>
      <c r="E8711" s="18"/>
      <c r="F8711" s="18"/>
      <c r="G8711" s="18"/>
      <c r="H8711" s="18"/>
      <c r="I8711" s="18"/>
      <c r="J8711" s="18"/>
      <c r="K8711" s="18"/>
      <c r="L8711" s="18"/>
      <c r="M8711" s="18"/>
      <c r="N8711" s="18"/>
      <c r="O8711" s="18"/>
      <c r="P8711" s="19"/>
      <c r="Q8711" s="19"/>
      <c r="R8711" s="19"/>
      <c r="S8711" s="19"/>
      <c r="T8711" s="19"/>
      <c r="U8711" s="19"/>
      <c r="V8711" s="19"/>
      <c r="W8711" s="19"/>
      <c r="X8711" s="19"/>
      <c r="Y8711" s="19"/>
      <c r="Z8711" s="19"/>
      <c r="AA8711" s="19"/>
    </row>
    <row r="8712" spans="1:27" s="1" customFormat="1" ht="11.1" customHeight="1" outlineLevel="1" x14ac:dyDescent="0.2">
      <c r="A8712" s="17">
        <v>15830</v>
      </c>
      <c r="B8712" s="17"/>
      <c r="C8712" s="17"/>
      <c r="D8712" s="18" t="s">
        <v>4315</v>
      </c>
      <c r="E8712" s="18"/>
      <c r="F8712" s="18"/>
      <c r="G8712" s="18"/>
      <c r="H8712" s="18"/>
      <c r="I8712" s="18"/>
      <c r="J8712" s="18"/>
      <c r="K8712" s="18"/>
      <c r="L8712" s="18"/>
      <c r="M8712" s="18"/>
      <c r="N8712" s="18"/>
      <c r="O8712" s="18"/>
      <c r="P8712" s="19">
        <v>300</v>
      </c>
      <c r="Q8712" s="19"/>
      <c r="R8712" s="19"/>
      <c r="S8712" s="19"/>
      <c r="T8712" s="19">
        <v>300</v>
      </c>
      <c r="U8712" s="19"/>
      <c r="V8712" s="19"/>
      <c r="W8712" s="19"/>
      <c r="X8712" s="19">
        <v>2</v>
      </c>
      <c r="Y8712" s="19"/>
      <c r="Z8712" s="19"/>
      <c r="AA8712" s="19"/>
    </row>
    <row r="8713" spans="1:27" s="1" customFormat="1" ht="11.1" customHeight="1" outlineLevel="1" x14ac:dyDescent="0.2">
      <c r="A8713" s="17"/>
      <c r="B8713" s="17"/>
      <c r="C8713" s="17"/>
      <c r="D8713" s="18"/>
      <c r="E8713" s="18"/>
      <c r="F8713" s="18"/>
      <c r="G8713" s="18"/>
      <c r="H8713" s="18"/>
      <c r="I8713" s="18"/>
      <c r="J8713" s="18"/>
      <c r="K8713" s="18"/>
      <c r="L8713" s="18"/>
      <c r="M8713" s="18"/>
      <c r="N8713" s="18"/>
      <c r="O8713" s="18"/>
      <c r="P8713" s="19"/>
      <c r="Q8713" s="19"/>
      <c r="R8713" s="19"/>
      <c r="S8713" s="19"/>
      <c r="T8713" s="19"/>
      <c r="U8713" s="19"/>
      <c r="V8713" s="19"/>
      <c r="W8713" s="19"/>
      <c r="X8713" s="19"/>
      <c r="Y8713" s="19"/>
      <c r="Z8713" s="19"/>
      <c r="AA8713" s="19"/>
    </row>
    <row r="8714" spans="1:27" s="1" customFormat="1" ht="14.1" customHeight="1" outlineLevel="1" x14ac:dyDescent="0.2">
      <c r="A8714" s="17">
        <v>17633</v>
      </c>
      <c r="B8714" s="17"/>
      <c r="C8714" s="17"/>
      <c r="D8714" s="18" t="s">
        <v>4316</v>
      </c>
      <c r="E8714" s="18"/>
      <c r="F8714" s="18"/>
      <c r="G8714" s="18"/>
      <c r="H8714" s="18"/>
      <c r="I8714" s="18"/>
      <c r="J8714" s="18"/>
      <c r="K8714" s="18"/>
      <c r="L8714" s="18"/>
      <c r="M8714" s="18"/>
      <c r="N8714" s="18"/>
      <c r="O8714" s="18"/>
      <c r="P8714" s="19">
        <v>670</v>
      </c>
      <c r="Q8714" s="19"/>
      <c r="R8714" s="19"/>
      <c r="S8714" s="19"/>
      <c r="T8714" s="19">
        <v>570</v>
      </c>
      <c r="U8714" s="19"/>
      <c r="V8714" s="19"/>
      <c r="W8714" s="19"/>
      <c r="X8714" s="19">
        <v>1</v>
      </c>
      <c r="Y8714" s="19"/>
      <c r="Z8714" s="19"/>
      <c r="AA8714" s="19"/>
    </row>
    <row r="8715" spans="1:27" s="1" customFormat="1" ht="14.1" customHeight="1" outlineLevel="1" x14ac:dyDescent="0.2">
      <c r="A8715" s="17"/>
      <c r="B8715" s="17"/>
      <c r="C8715" s="17"/>
      <c r="D8715" s="18"/>
      <c r="E8715" s="18"/>
      <c r="F8715" s="18"/>
      <c r="G8715" s="18"/>
      <c r="H8715" s="18"/>
      <c r="I8715" s="18"/>
      <c r="J8715" s="18"/>
      <c r="K8715" s="18"/>
      <c r="L8715" s="18"/>
      <c r="M8715" s="18"/>
      <c r="N8715" s="18"/>
      <c r="O8715" s="18"/>
      <c r="P8715" s="19"/>
      <c r="Q8715" s="19"/>
      <c r="R8715" s="19"/>
      <c r="S8715" s="19"/>
      <c r="T8715" s="19"/>
      <c r="U8715" s="19"/>
      <c r="V8715" s="19"/>
      <c r="W8715" s="19"/>
      <c r="X8715" s="19"/>
      <c r="Y8715" s="19"/>
      <c r="Z8715" s="19"/>
      <c r="AA8715" s="19"/>
    </row>
    <row r="8716" spans="1:27" s="1" customFormat="1" ht="11.1" customHeight="1" outlineLevel="1" x14ac:dyDescent="0.2">
      <c r="A8716" s="17">
        <v>12101</v>
      </c>
      <c r="B8716" s="17"/>
      <c r="C8716" s="17"/>
      <c r="D8716" s="18" t="s">
        <v>4317</v>
      </c>
      <c r="E8716" s="18"/>
      <c r="F8716" s="18"/>
      <c r="G8716" s="18"/>
      <c r="H8716" s="18"/>
      <c r="I8716" s="18"/>
      <c r="J8716" s="18"/>
      <c r="K8716" s="18"/>
      <c r="L8716" s="18"/>
      <c r="M8716" s="18"/>
      <c r="N8716" s="18"/>
      <c r="O8716" s="18"/>
      <c r="P8716" s="19">
        <v>120</v>
      </c>
      <c r="Q8716" s="19"/>
      <c r="R8716" s="19"/>
      <c r="S8716" s="19"/>
      <c r="T8716" s="19">
        <v>80</v>
      </c>
      <c r="U8716" s="19"/>
      <c r="V8716" s="19"/>
      <c r="W8716" s="19"/>
      <c r="X8716" s="19">
        <v>1</v>
      </c>
      <c r="Y8716" s="19"/>
      <c r="Z8716" s="19"/>
      <c r="AA8716" s="19"/>
    </row>
    <row r="8717" spans="1:27" s="1" customFormat="1" ht="11.1" customHeight="1" outlineLevel="1" x14ac:dyDescent="0.2">
      <c r="A8717" s="17"/>
      <c r="B8717" s="17"/>
      <c r="C8717" s="17"/>
      <c r="D8717" s="18"/>
      <c r="E8717" s="18"/>
      <c r="F8717" s="18"/>
      <c r="G8717" s="18"/>
      <c r="H8717" s="18"/>
      <c r="I8717" s="18"/>
      <c r="J8717" s="18"/>
      <c r="K8717" s="18"/>
      <c r="L8717" s="18"/>
      <c r="M8717" s="18"/>
      <c r="N8717" s="18"/>
      <c r="O8717" s="18"/>
      <c r="P8717" s="19"/>
      <c r="Q8717" s="19"/>
      <c r="R8717" s="19"/>
      <c r="S8717" s="19"/>
      <c r="T8717" s="19"/>
      <c r="U8717" s="19"/>
      <c r="V8717" s="19"/>
      <c r="W8717" s="19"/>
      <c r="X8717" s="19"/>
      <c r="Y8717" s="19"/>
      <c r="Z8717" s="19"/>
      <c r="AA8717" s="19"/>
    </row>
    <row r="8718" spans="1:27" s="1" customFormat="1" ht="11.1" customHeight="1" outlineLevel="1" x14ac:dyDescent="0.2">
      <c r="A8718" s="17">
        <v>15571</v>
      </c>
      <c r="B8718" s="17"/>
      <c r="C8718" s="17"/>
      <c r="D8718" s="18" t="s">
        <v>4318</v>
      </c>
      <c r="E8718" s="18"/>
      <c r="F8718" s="18"/>
      <c r="G8718" s="18"/>
      <c r="H8718" s="18"/>
      <c r="I8718" s="18"/>
      <c r="J8718" s="18"/>
      <c r="K8718" s="18"/>
      <c r="L8718" s="18"/>
      <c r="M8718" s="18"/>
      <c r="N8718" s="18"/>
      <c r="O8718" s="18"/>
      <c r="P8718" s="19">
        <v>140</v>
      </c>
      <c r="Q8718" s="19"/>
      <c r="R8718" s="19"/>
      <c r="S8718" s="19"/>
      <c r="T8718" s="19">
        <v>100</v>
      </c>
      <c r="U8718" s="19"/>
      <c r="V8718" s="19"/>
      <c r="W8718" s="19"/>
      <c r="X8718" s="19">
        <v>1</v>
      </c>
      <c r="Y8718" s="19"/>
      <c r="Z8718" s="19"/>
      <c r="AA8718" s="19"/>
    </row>
    <row r="8719" spans="1:27" s="1" customFormat="1" ht="11.1" customHeight="1" outlineLevel="1" x14ac:dyDescent="0.2">
      <c r="A8719" s="17"/>
      <c r="B8719" s="17"/>
      <c r="C8719" s="17"/>
      <c r="D8719" s="18"/>
      <c r="E8719" s="18"/>
      <c r="F8719" s="18"/>
      <c r="G8719" s="18"/>
      <c r="H8719" s="18"/>
      <c r="I8719" s="18"/>
      <c r="J8719" s="18"/>
      <c r="K8719" s="18"/>
      <c r="L8719" s="18"/>
      <c r="M8719" s="18"/>
      <c r="N8719" s="18"/>
      <c r="O8719" s="18"/>
      <c r="P8719" s="19"/>
      <c r="Q8719" s="19"/>
      <c r="R8719" s="19"/>
      <c r="S8719" s="19"/>
      <c r="T8719" s="19"/>
      <c r="U8719" s="19"/>
      <c r="V8719" s="19"/>
      <c r="W8719" s="19"/>
      <c r="X8719" s="19"/>
      <c r="Y8719" s="19"/>
      <c r="Z8719" s="19"/>
      <c r="AA8719" s="19"/>
    </row>
    <row r="8720" spans="1:27" s="1" customFormat="1" ht="14.1" customHeight="1" outlineLevel="1" x14ac:dyDescent="0.2">
      <c r="A8720" s="17">
        <v>17526</v>
      </c>
      <c r="B8720" s="17"/>
      <c r="C8720" s="17"/>
      <c r="D8720" s="18" t="s">
        <v>4319</v>
      </c>
      <c r="E8720" s="18"/>
      <c r="F8720" s="18"/>
      <c r="G8720" s="18"/>
      <c r="H8720" s="18"/>
      <c r="I8720" s="18"/>
      <c r="J8720" s="18"/>
      <c r="K8720" s="18"/>
      <c r="L8720" s="18"/>
      <c r="M8720" s="18"/>
      <c r="N8720" s="18"/>
      <c r="O8720" s="18"/>
      <c r="P8720" s="19">
        <v>150</v>
      </c>
      <c r="Q8720" s="19"/>
      <c r="R8720" s="19"/>
      <c r="S8720" s="19"/>
      <c r="T8720" s="19">
        <v>90</v>
      </c>
      <c r="U8720" s="19"/>
      <c r="V8720" s="19"/>
      <c r="W8720" s="19"/>
      <c r="X8720" s="19">
        <v>1</v>
      </c>
      <c r="Y8720" s="19"/>
      <c r="Z8720" s="19"/>
      <c r="AA8720" s="19"/>
    </row>
    <row r="8721" spans="1:27" s="1" customFormat="1" ht="14.1" customHeight="1" outlineLevel="1" x14ac:dyDescent="0.2">
      <c r="A8721" s="17"/>
      <c r="B8721" s="17"/>
      <c r="C8721" s="17"/>
      <c r="D8721" s="18"/>
      <c r="E8721" s="18"/>
      <c r="F8721" s="18"/>
      <c r="G8721" s="18"/>
      <c r="H8721" s="18"/>
      <c r="I8721" s="18"/>
      <c r="J8721" s="18"/>
      <c r="K8721" s="18"/>
      <c r="L8721" s="18"/>
      <c r="M8721" s="18"/>
      <c r="N8721" s="18"/>
      <c r="O8721" s="18"/>
      <c r="P8721" s="19"/>
      <c r="Q8721" s="19"/>
      <c r="R8721" s="19"/>
      <c r="S8721" s="19"/>
      <c r="T8721" s="19"/>
      <c r="U8721" s="19"/>
      <c r="V8721" s="19"/>
      <c r="W8721" s="19"/>
      <c r="X8721" s="19"/>
      <c r="Y8721" s="19"/>
      <c r="Z8721" s="19"/>
      <c r="AA8721" s="19"/>
    </row>
    <row r="8722" spans="1:27" s="1" customFormat="1" ht="11.1" customHeight="1" outlineLevel="1" x14ac:dyDescent="0.2">
      <c r="A8722" s="17">
        <v>15834</v>
      </c>
      <c r="B8722" s="17"/>
      <c r="C8722" s="17"/>
      <c r="D8722" s="18" t="s">
        <v>4320</v>
      </c>
      <c r="E8722" s="18"/>
      <c r="F8722" s="18"/>
      <c r="G8722" s="18"/>
      <c r="H8722" s="18"/>
      <c r="I8722" s="18"/>
      <c r="J8722" s="18"/>
      <c r="K8722" s="18"/>
      <c r="L8722" s="18"/>
      <c r="M8722" s="18"/>
      <c r="N8722" s="18"/>
      <c r="O8722" s="18"/>
      <c r="P8722" s="19">
        <v>100</v>
      </c>
      <c r="Q8722" s="19"/>
      <c r="R8722" s="19"/>
      <c r="S8722" s="19"/>
      <c r="T8722" s="19">
        <v>70</v>
      </c>
      <c r="U8722" s="19"/>
      <c r="V8722" s="19"/>
      <c r="W8722" s="19"/>
      <c r="X8722" s="19">
        <v>1</v>
      </c>
      <c r="Y8722" s="19"/>
      <c r="Z8722" s="19"/>
      <c r="AA8722" s="19"/>
    </row>
    <row r="8723" spans="1:27" s="1" customFormat="1" ht="11.1" customHeight="1" outlineLevel="1" x14ac:dyDescent="0.2">
      <c r="A8723" s="17"/>
      <c r="B8723" s="17"/>
      <c r="C8723" s="17"/>
      <c r="D8723" s="18"/>
      <c r="E8723" s="18"/>
      <c r="F8723" s="18"/>
      <c r="G8723" s="18"/>
      <c r="H8723" s="18"/>
      <c r="I8723" s="18"/>
      <c r="J8723" s="18"/>
      <c r="K8723" s="18"/>
      <c r="L8723" s="18"/>
      <c r="M8723" s="18"/>
      <c r="N8723" s="18"/>
      <c r="O8723" s="18"/>
      <c r="P8723" s="19"/>
      <c r="Q8723" s="19"/>
      <c r="R8723" s="19"/>
      <c r="S8723" s="19"/>
      <c r="T8723" s="19"/>
      <c r="U8723" s="19"/>
      <c r="V8723" s="19"/>
      <c r="W8723" s="19"/>
      <c r="X8723" s="19"/>
      <c r="Y8723" s="19"/>
      <c r="Z8723" s="19"/>
      <c r="AA8723" s="19"/>
    </row>
    <row r="8724" spans="1:27" s="1" customFormat="1" ht="14.1" customHeight="1" outlineLevel="1" x14ac:dyDescent="0.2">
      <c r="A8724" s="17">
        <v>16608</v>
      </c>
      <c r="B8724" s="17"/>
      <c r="C8724" s="17"/>
      <c r="D8724" s="18" t="s">
        <v>4321</v>
      </c>
      <c r="E8724" s="18"/>
      <c r="F8724" s="18"/>
      <c r="G8724" s="18"/>
      <c r="H8724" s="18"/>
      <c r="I8724" s="18"/>
      <c r="J8724" s="18"/>
      <c r="K8724" s="18"/>
      <c r="L8724" s="18"/>
      <c r="M8724" s="18"/>
      <c r="N8724" s="18"/>
      <c r="O8724" s="18"/>
      <c r="P8724" s="19">
        <v>150</v>
      </c>
      <c r="Q8724" s="19"/>
      <c r="R8724" s="19"/>
      <c r="S8724" s="19"/>
      <c r="T8724" s="19">
        <v>100</v>
      </c>
      <c r="U8724" s="19"/>
      <c r="V8724" s="19"/>
      <c r="W8724" s="19"/>
      <c r="X8724" s="19">
        <v>1</v>
      </c>
      <c r="Y8724" s="19"/>
      <c r="Z8724" s="19"/>
      <c r="AA8724" s="19"/>
    </row>
    <row r="8725" spans="1:27" s="1" customFormat="1" ht="14.1" customHeight="1" outlineLevel="1" x14ac:dyDescent="0.2">
      <c r="A8725" s="17"/>
      <c r="B8725" s="17"/>
      <c r="C8725" s="17"/>
      <c r="D8725" s="18"/>
      <c r="E8725" s="18"/>
      <c r="F8725" s="18"/>
      <c r="G8725" s="18"/>
      <c r="H8725" s="18"/>
      <c r="I8725" s="18"/>
      <c r="J8725" s="18"/>
      <c r="K8725" s="18"/>
      <c r="L8725" s="18"/>
      <c r="M8725" s="18"/>
      <c r="N8725" s="18"/>
      <c r="O8725" s="18"/>
      <c r="P8725" s="19"/>
      <c r="Q8725" s="19"/>
      <c r="R8725" s="19"/>
      <c r="S8725" s="19"/>
      <c r="T8725" s="19"/>
      <c r="U8725" s="19"/>
      <c r="V8725" s="19"/>
      <c r="W8725" s="19"/>
      <c r="X8725" s="19"/>
      <c r="Y8725" s="19"/>
      <c r="Z8725" s="19"/>
      <c r="AA8725" s="19"/>
    </row>
    <row r="8726" spans="1:27" s="1" customFormat="1" ht="11.1" customHeight="1" outlineLevel="1" x14ac:dyDescent="0.2">
      <c r="A8726" s="17">
        <v>15075</v>
      </c>
      <c r="B8726" s="17"/>
      <c r="C8726" s="17"/>
      <c r="D8726" s="18" t="s">
        <v>4322</v>
      </c>
      <c r="E8726" s="18"/>
      <c r="F8726" s="18"/>
      <c r="G8726" s="18"/>
      <c r="H8726" s="18"/>
      <c r="I8726" s="18"/>
      <c r="J8726" s="18"/>
      <c r="K8726" s="18"/>
      <c r="L8726" s="18"/>
      <c r="M8726" s="18"/>
      <c r="N8726" s="18"/>
      <c r="O8726" s="18"/>
      <c r="P8726" s="19">
        <v>110</v>
      </c>
      <c r="Q8726" s="19"/>
      <c r="R8726" s="19"/>
      <c r="S8726" s="19"/>
      <c r="T8726" s="19">
        <v>70</v>
      </c>
      <c r="U8726" s="19"/>
      <c r="V8726" s="19"/>
      <c r="W8726" s="19"/>
      <c r="X8726" s="19">
        <v>1</v>
      </c>
      <c r="Y8726" s="19"/>
      <c r="Z8726" s="19"/>
      <c r="AA8726" s="19"/>
    </row>
    <row r="8727" spans="1:27" s="1" customFormat="1" ht="11.1" customHeight="1" outlineLevel="1" x14ac:dyDescent="0.2">
      <c r="A8727" s="17"/>
      <c r="B8727" s="17"/>
      <c r="C8727" s="17"/>
      <c r="D8727" s="18"/>
      <c r="E8727" s="18"/>
      <c r="F8727" s="18"/>
      <c r="G8727" s="18"/>
      <c r="H8727" s="18"/>
      <c r="I8727" s="18"/>
      <c r="J8727" s="18"/>
      <c r="K8727" s="18"/>
      <c r="L8727" s="18"/>
      <c r="M8727" s="18"/>
      <c r="N8727" s="18"/>
      <c r="O8727" s="18"/>
      <c r="P8727" s="19"/>
      <c r="Q8727" s="19"/>
      <c r="R8727" s="19"/>
      <c r="S8727" s="19"/>
      <c r="T8727" s="19"/>
      <c r="U8727" s="19"/>
      <c r="V8727" s="19"/>
      <c r="W8727" s="19"/>
      <c r="X8727" s="19"/>
      <c r="Y8727" s="19"/>
      <c r="Z8727" s="19"/>
      <c r="AA8727" s="19"/>
    </row>
    <row r="8728" spans="1:27" s="1" customFormat="1" ht="14.1" customHeight="1" outlineLevel="1" x14ac:dyDescent="0.2">
      <c r="A8728" s="17">
        <v>16369</v>
      </c>
      <c r="B8728" s="17"/>
      <c r="C8728" s="17"/>
      <c r="D8728" s="18" t="s">
        <v>4323</v>
      </c>
      <c r="E8728" s="18"/>
      <c r="F8728" s="18"/>
      <c r="G8728" s="18"/>
      <c r="H8728" s="18"/>
      <c r="I8728" s="18"/>
      <c r="J8728" s="18"/>
      <c r="K8728" s="18"/>
      <c r="L8728" s="18"/>
      <c r="M8728" s="18"/>
      <c r="N8728" s="18"/>
      <c r="O8728" s="18"/>
      <c r="P8728" s="19">
        <v>150</v>
      </c>
      <c r="Q8728" s="19"/>
      <c r="R8728" s="19"/>
      <c r="S8728" s="19"/>
      <c r="T8728" s="19">
        <v>100</v>
      </c>
      <c r="U8728" s="19"/>
      <c r="V8728" s="19"/>
      <c r="W8728" s="19"/>
      <c r="X8728" s="19">
        <v>3</v>
      </c>
      <c r="Y8728" s="19"/>
      <c r="Z8728" s="19"/>
      <c r="AA8728" s="19"/>
    </row>
    <row r="8729" spans="1:27" s="1" customFormat="1" ht="14.1" customHeight="1" outlineLevel="1" x14ac:dyDescent="0.2">
      <c r="A8729" s="17"/>
      <c r="B8729" s="17"/>
      <c r="C8729" s="17"/>
      <c r="D8729" s="18"/>
      <c r="E8729" s="18"/>
      <c r="F8729" s="18"/>
      <c r="G8729" s="18"/>
      <c r="H8729" s="18"/>
      <c r="I8729" s="18"/>
      <c r="J8729" s="18"/>
      <c r="K8729" s="18"/>
      <c r="L8729" s="18"/>
      <c r="M8729" s="18"/>
      <c r="N8729" s="18"/>
      <c r="O8729" s="18"/>
      <c r="P8729" s="19"/>
      <c r="Q8729" s="19"/>
      <c r="R8729" s="19"/>
      <c r="S8729" s="19"/>
      <c r="T8729" s="19"/>
      <c r="U8729" s="19"/>
      <c r="V8729" s="19"/>
      <c r="W8729" s="19"/>
      <c r="X8729" s="19"/>
      <c r="Y8729" s="19"/>
      <c r="Z8729" s="19"/>
      <c r="AA8729" s="19"/>
    </row>
    <row r="8730" spans="1:27" s="1" customFormat="1" ht="11.1" customHeight="1" outlineLevel="1" x14ac:dyDescent="0.2">
      <c r="A8730" s="17">
        <v>12927</v>
      </c>
      <c r="B8730" s="17"/>
      <c r="C8730" s="17"/>
      <c r="D8730" s="18" t="s">
        <v>4324</v>
      </c>
      <c r="E8730" s="18"/>
      <c r="F8730" s="18"/>
      <c r="G8730" s="18"/>
      <c r="H8730" s="18"/>
      <c r="I8730" s="18"/>
      <c r="J8730" s="18"/>
      <c r="K8730" s="18"/>
      <c r="L8730" s="18"/>
      <c r="M8730" s="18"/>
      <c r="N8730" s="18"/>
      <c r="O8730" s="18"/>
      <c r="P8730" s="19">
        <v>100</v>
      </c>
      <c r="Q8730" s="19"/>
      <c r="R8730" s="19"/>
      <c r="S8730" s="19"/>
      <c r="T8730" s="19">
        <v>70</v>
      </c>
      <c r="U8730" s="19"/>
      <c r="V8730" s="19"/>
      <c r="W8730" s="19"/>
      <c r="X8730" s="19">
        <v>1</v>
      </c>
      <c r="Y8730" s="19"/>
      <c r="Z8730" s="19"/>
      <c r="AA8730" s="19"/>
    </row>
    <row r="8731" spans="1:27" s="1" customFormat="1" ht="11.1" customHeight="1" outlineLevel="1" x14ac:dyDescent="0.2">
      <c r="A8731" s="17"/>
      <c r="B8731" s="17"/>
      <c r="C8731" s="17"/>
      <c r="D8731" s="18"/>
      <c r="E8731" s="18"/>
      <c r="F8731" s="18"/>
      <c r="G8731" s="18"/>
      <c r="H8731" s="18"/>
      <c r="I8731" s="18"/>
      <c r="J8731" s="18"/>
      <c r="K8731" s="18"/>
      <c r="L8731" s="18"/>
      <c r="M8731" s="18"/>
      <c r="N8731" s="18"/>
      <c r="O8731" s="18"/>
      <c r="P8731" s="19"/>
      <c r="Q8731" s="19"/>
      <c r="R8731" s="19"/>
      <c r="S8731" s="19"/>
      <c r="T8731" s="19"/>
      <c r="U8731" s="19"/>
      <c r="V8731" s="19"/>
      <c r="W8731" s="19"/>
      <c r="X8731" s="19"/>
      <c r="Y8731" s="19"/>
      <c r="Z8731" s="19"/>
      <c r="AA8731" s="19"/>
    </row>
    <row r="8732" spans="1:27" s="1" customFormat="1" ht="14.1" customHeight="1" outlineLevel="1" x14ac:dyDescent="0.2">
      <c r="A8732" s="17">
        <v>17637</v>
      </c>
      <c r="B8732" s="17"/>
      <c r="C8732" s="17"/>
      <c r="D8732" s="18" t="s">
        <v>4325</v>
      </c>
      <c r="E8732" s="18"/>
      <c r="F8732" s="18"/>
      <c r="G8732" s="18"/>
      <c r="H8732" s="18"/>
      <c r="I8732" s="18"/>
      <c r="J8732" s="18"/>
      <c r="K8732" s="18"/>
      <c r="L8732" s="18"/>
      <c r="M8732" s="18"/>
      <c r="N8732" s="18"/>
      <c r="O8732" s="18"/>
      <c r="P8732" s="20">
        <v>1410</v>
      </c>
      <c r="Q8732" s="20"/>
      <c r="R8732" s="20"/>
      <c r="S8732" s="20"/>
      <c r="T8732" s="19">
        <v>90</v>
      </c>
      <c r="U8732" s="19"/>
      <c r="V8732" s="19"/>
      <c r="W8732" s="19"/>
      <c r="X8732" s="19">
        <v>1</v>
      </c>
      <c r="Y8732" s="19"/>
      <c r="Z8732" s="19"/>
      <c r="AA8732" s="19"/>
    </row>
    <row r="8733" spans="1:27" s="1" customFormat="1" ht="14.1" customHeight="1" outlineLevel="1" x14ac:dyDescent="0.2">
      <c r="A8733" s="17"/>
      <c r="B8733" s="17"/>
      <c r="C8733" s="17"/>
      <c r="D8733" s="18"/>
      <c r="E8733" s="18"/>
      <c r="F8733" s="18"/>
      <c r="G8733" s="18"/>
      <c r="H8733" s="18"/>
      <c r="I8733" s="18"/>
      <c r="J8733" s="18"/>
      <c r="K8733" s="18"/>
      <c r="L8733" s="18"/>
      <c r="M8733" s="18"/>
      <c r="N8733" s="18"/>
      <c r="O8733" s="18"/>
      <c r="P8733" s="20"/>
      <c r="Q8733" s="20"/>
      <c r="R8733" s="20"/>
      <c r="S8733" s="20"/>
      <c r="T8733" s="19"/>
      <c r="U8733" s="19"/>
      <c r="V8733" s="19"/>
      <c r="W8733" s="19"/>
      <c r="X8733" s="19"/>
      <c r="Y8733" s="19"/>
      <c r="Z8733" s="19"/>
      <c r="AA8733" s="19"/>
    </row>
    <row r="8734" spans="1:27" s="1" customFormat="1" ht="11.1" customHeight="1" outlineLevel="1" x14ac:dyDescent="0.2">
      <c r="A8734" s="17">
        <v>15803</v>
      </c>
      <c r="B8734" s="17"/>
      <c r="C8734" s="17"/>
      <c r="D8734" s="18" t="s">
        <v>4326</v>
      </c>
      <c r="E8734" s="18"/>
      <c r="F8734" s="18"/>
      <c r="G8734" s="18"/>
      <c r="H8734" s="18"/>
      <c r="I8734" s="18"/>
      <c r="J8734" s="18"/>
      <c r="K8734" s="18"/>
      <c r="L8734" s="18"/>
      <c r="M8734" s="18"/>
      <c r="N8734" s="18"/>
      <c r="O8734" s="18"/>
      <c r="P8734" s="19">
        <v>130</v>
      </c>
      <c r="Q8734" s="19"/>
      <c r="R8734" s="19"/>
      <c r="S8734" s="19"/>
      <c r="T8734" s="19">
        <v>90</v>
      </c>
      <c r="U8734" s="19"/>
      <c r="V8734" s="19"/>
      <c r="W8734" s="19"/>
      <c r="X8734" s="19">
        <v>1</v>
      </c>
      <c r="Y8734" s="19"/>
      <c r="Z8734" s="19"/>
      <c r="AA8734" s="19"/>
    </row>
    <row r="8735" spans="1:27" s="1" customFormat="1" ht="11.1" customHeight="1" outlineLevel="1" x14ac:dyDescent="0.2">
      <c r="A8735" s="17"/>
      <c r="B8735" s="17"/>
      <c r="C8735" s="17"/>
      <c r="D8735" s="18"/>
      <c r="E8735" s="18"/>
      <c r="F8735" s="18"/>
      <c r="G8735" s="18"/>
      <c r="H8735" s="18"/>
      <c r="I8735" s="18"/>
      <c r="J8735" s="18"/>
      <c r="K8735" s="18"/>
      <c r="L8735" s="18"/>
      <c r="M8735" s="18"/>
      <c r="N8735" s="18"/>
      <c r="O8735" s="18"/>
      <c r="P8735" s="19"/>
      <c r="Q8735" s="19"/>
      <c r="R8735" s="19"/>
      <c r="S8735" s="19"/>
      <c r="T8735" s="19"/>
      <c r="U8735" s="19"/>
      <c r="V8735" s="19"/>
      <c r="W8735" s="19"/>
      <c r="X8735" s="19"/>
      <c r="Y8735" s="19"/>
      <c r="Z8735" s="19"/>
      <c r="AA8735" s="19"/>
    </row>
    <row r="8736" spans="1:27" s="1" customFormat="1" ht="11.1" customHeight="1" outlineLevel="1" x14ac:dyDescent="0.2">
      <c r="A8736" s="17">
        <v>15810</v>
      </c>
      <c r="B8736" s="17"/>
      <c r="C8736" s="17"/>
      <c r="D8736" s="18" t="s">
        <v>4327</v>
      </c>
      <c r="E8736" s="18"/>
      <c r="F8736" s="18"/>
      <c r="G8736" s="18"/>
      <c r="H8736" s="18"/>
      <c r="I8736" s="18"/>
      <c r="J8736" s="18"/>
      <c r="K8736" s="18"/>
      <c r="L8736" s="18"/>
      <c r="M8736" s="18"/>
      <c r="N8736" s="18"/>
      <c r="O8736" s="18"/>
      <c r="P8736" s="20">
        <v>2050</v>
      </c>
      <c r="Q8736" s="20"/>
      <c r="R8736" s="20"/>
      <c r="S8736" s="20"/>
      <c r="T8736" s="20">
        <v>1900</v>
      </c>
      <c r="U8736" s="20"/>
      <c r="V8736" s="20"/>
      <c r="W8736" s="20"/>
      <c r="X8736" s="19">
        <v>1</v>
      </c>
      <c r="Y8736" s="19"/>
      <c r="Z8736" s="19"/>
      <c r="AA8736" s="19"/>
    </row>
    <row r="8737" spans="1:27" s="1" customFormat="1" ht="11.1" customHeight="1" outlineLevel="1" x14ac:dyDescent="0.2">
      <c r="A8737" s="17"/>
      <c r="B8737" s="17"/>
      <c r="C8737" s="17"/>
      <c r="D8737" s="18"/>
      <c r="E8737" s="18"/>
      <c r="F8737" s="18"/>
      <c r="G8737" s="18"/>
      <c r="H8737" s="18"/>
      <c r="I8737" s="18"/>
      <c r="J8737" s="18"/>
      <c r="K8737" s="18"/>
      <c r="L8737" s="18"/>
      <c r="M8737" s="18"/>
      <c r="N8737" s="18"/>
      <c r="O8737" s="18"/>
      <c r="P8737" s="20"/>
      <c r="Q8737" s="20"/>
      <c r="R8737" s="20"/>
      <c r="S8737" s="20"/>
      <c r="T8737" s="20"/>
      <c r="U8737" s="20"/>
      <c r="V8737" s="20"/>
      <c r="W8737" s="20"/>
      <c r="X8737" s="19"/>
      <c r="Y8737" s="19"/>
      <c r="Z8737" s="19"/>
      <c r="AA8737" s="19"/>
    </row>
    <row r="8738" spans="1:27" s="1" customFormat="1" ht="14.1" customHeight="1" outlineLevel="1" x14ac:dyDescent="0.2">
      <c r="A8738" s="17">
        <v>15570</v>
      </c>
      <c r="B8738" s="17"/>
      <c r="C8738" s="17"/>
      <c r="D8738" s="18" t="s">
        <v>4328</v>
      </c>
      <c r="E8738" s="18"/>
      <c r="F8738" s="18"/>
      <c r="G8738" s="18"/>
      <c r="H8738" s="18"/>
      <c r="I8738" s="18"/>
      <c r="J8738" s="18"/>
      <c r="K8738" s="18"/>
      <c r="L8738" s="18"/>
      <c r="M8738" s="18"/>
      <c r="N8738" s="18"/>
      <c r="O8738" s="18"/>
      <c r="P8738" s="20">
        <v>1100</v>
      </c>
      <c r="Q8738" s="20"/>
      <c r="R8738" s="20"/>
      <c r="S8738" s="20"/>
      <c r="T8738" s="20">
        <v>1000</v>
      </c>
      <c r="U8738" s="20"/>
      <c r="V8738" s="20"/>
      <c r="W8738" s="20"/>
      <c r="X8738" s="19">
        <v>1</v>
      </c>
      <c r="Y8738" s="19"/>
      <c r="Z8738" s="19"/>
      <c r="AA8738" s="19"/>
    </row>
    <row r="8739" spans="1:27" s="1" customFormat="1" ht="14.1" customHeight="1" outlineLevel="1" x14ac:dyDescent="0.2">
      <c r="A8739" s="17"/>
      <c r="B8739" s="17"/>
      <c r="C8739" s="17"/>
      <c r="D8739" s="18"/>
      <c r="E8739" s="18"/>
      <c r="F8739" s="18"/>
      <c r="G8739" s="18"/>
      <c r="H8739" s="18"/>
      <c r="I8739" s="18"/>
      <c r="J8739" s="18"/>
      <c r="K8739" s="18"/>
      <c r="L8739" s="18"/>
      <c r="M8739" s="18"/>
      <c r="N8739" s="18"/>
      <c r="O8739" s="18"/>
      <c r="P8739" s="20"/>
      <c r="Q8739" s="20"/>
      <c r="R8739" s="20"/>
      <c r="S8739" s="20"/>
      <c r="T8739" s="20"/>
      <c r="U8739" s="20"/>
      <c r="V8739" s="20"/>
      <c r="W8739" s="20"/>
      <c r="X8739" s="19"/>
      <c r="Y8739" s="19"/>
      <c r="Z8739" s="19"/>
      <c r="AA8739" s="19"/>
    </row>
    <row r="8740" spans="1:27" s="1" customFormat="1" ht="11.1" customHeight="1" outlineLevel="1" x14ac:dyDescent="0.2">
      <c r="A8740" s="17">
        <v>16611</v>
      </c>
      <c r="B8740" s="17"/>
      <c r="C8740" s="17"/>
      <c r="D8740" s="18" t="s">
        <v>4329</v>
      </c>
      <c r="E8740" s="18"/>
      <c r="F8740" s="18"/>
      <c r="G8740" s="18"/>
      <c r="H8740" s="18"/>
      <c r="I8740" s="18"/>
      <c r="J8740" s="18"/>
      <c r="K8740" s="18"/>
      <c r="L8740" s="18"/>
      <c r="M8740" s="18"/>
      <c r="N8740" s="18"/>
      <c r="O8740" s="18"/>
      <c r="P8740" s="20">
        <v>1000</v>
      </c>
      <c r="Q8740" s="20"/>
      <c r="R8740" s="20"/>
      <c r="S8740" s="20"/>
      <c r="T8740" s="20">
        <v>1000</v>
      </c>
      <c r="U8740" s="20"/>
      <c r="V8740" s="20"/>
      <c r="W8740" s="20"/>
      <c r="X8740" s="19">
        <v>1</v>
      </c>
      <c r="Y8740" s="19"/>
      <c r="Z8740" s="19"/>
      <c r="AA8740" s="19"/>
    </row>
    <row r="8741" spans="1:27" s="1" customFormat="1" ht="11.1" customHeight="1" outlineLevel="1" x14ac:dyDescent="0.2">
      <c r="A8741" s="17"/>
      <c r="B8741" s="17"/>
      <c r="C8741" s="17"/>
      <c r="D8741" s="18"/>
      <c r="E8741" s="18"/>
      <c r="F8741" s="18"/>
      <c r="G8741" s="18"/>
      <c r="H8741" s="18"/>
      <c r="I8741" s="18"/>
      <c r="J8741" s="18"/>
      <c r="K8741" s="18"/>
      <c r="L8741" s="18"/>
      <c r="M8741" s="18"/>
      <c r="N8741" s="18"/>
      <c r="O8741" s="18"/>
      <c r="P8741" s="20"/>
      <c r="Q8741" s="20"/>
      <c r="R8741" s="20"/>
      <c r="S8741" s="20"/>
      <c r="T8741" s="20"/>
      <c r="U8741" s="20"/>
      <c r="V8741" s="20"/>
      <c r="W8741" s="20"/>
      <c r="X8741" s="19"/>
      <c r="Y8741" s="19"/>
      <c r="Z8741" s="19"/>
      <c r="AA8741" s="19"/>
    </row>
    <row r="8742" spans="1:27" s="1" customFormat="1" ht="14.1" customHeight="1" outlineLevel="1" x14ac:dyDescent="0.2">
      <c r="A8742" s="17">
        <v>15080</v>
      </c>
      <c r="B8742" s="17"/>
      <c r="C8742" s="17"/>
      <c r="D8742" s="18" t="s">
        <v>4330</v>
      </c>
      <c r="E8742" s="18"/>
      <c r="F8742" s="18"/>
      <c r="G8742" s="18"/>
      <c r="H8742" s="18"/>
      <c r="I8742" s="18"/>
      <c r="J8742" s="18"/>
      <c r="K8742" s="18"/>
      <c r="L8742" s="18"/>
      <c r="M8742" s="18"/>
      <c r="N8742" s="18"/>
      <c r="O8742" s="18"/>
      <c r="P8742" s="19">
        <v>190</v>
      </c>
      <c r="Q8742" s="19"/>
      <c r="R8742" s="19"/>
      <c r="S8742" s="19"/>
      <c r="T8742" s="19">
        <v>150</v>
      </c>
      <c r="U8742" s="19"/>
      <c r="V8742" s="19"/>
      <c r="W8742" s="19"/>
      <c r="X8742" s="19">
        <v>1</v>
      </c>
      <c r="Y8742" s="19"/>
      <c r="Z8742" s="19"/>
      <c r="AA8742" s="19"/>
    </row>
    <row r="8743" spans="1:27" s="1" customFormat="1" ht="14.1" customHeight="1" outlineLevel="1" x14ac:dyDescent="0.2">
      <c r="A8743" s="17"/>
      <c r="B8743" s="17"/>
      <c r="C8743" s="17"/>
      <c r="D8743" s="18"/>
      <c r="E8743" s="18"/>
      <c r="F8743" s="18"/>
      <c r="G8743" s="18"/>
      <c r="H8743" s="18"/>
      <c r="I8743" s="18"/>
      <c r="J8743" s="18"/>
      <c r="K8743" s="18"/>
      <c r="L8743" s="18"/>
      <c r="M8743" s="18"/>
      <c r="N8743" s="18"/>
      <c r="O8743" s="18"/>
      <c r="P8743" s="19"/>
      <c r="Q8743" s="19"/>
      <c r="R8743" s="19"/>
      <c r="S8743" s="19"/>
      <c r="T8743" s="19"/>
      <c r="U8743" s="19"/>
      <c r="V8743" s="19"/>
      <c r="W8743" s="19"/>
      <c r="X8743" s="19"/>
      <c r="Y8743" s="19"/>
      <c r="Z8743" s="19"/>
      <c r="AA8743" s="19"/>
    </row>
    <row r="8744" spans="1:27" s="1" customFormat="1" ht="14.1" customHeight="1" outlineLevel="1" x14ac:dyDescent="0.2">
      <c r="A8744" s="17">
        <v>16363</v>
      </c>
      <c r="B8744" s="17"/>
      <c r="C8744" s="17"/>
      <c r="D8744" s="18" t="s">
        <v>4331</v>
      </c>
      <c r="E8744" s="18"/>
      <c r="F8744" s="18"/>
      <c r="G8744" s="18"/>
      <c r="H8744" s="18"/>
      <c r="I8744" s="18"/>
      <c r="J8744" s="18"/>
      <c r="K8744" s="18"/>
      <c r="L8744" s="18"/>
      <c r="M8744" s="18"/>
      <c r="N8744" s="18"/>
      <c r="O8744" s="18"/>
      <c r="P8744" s="19">
        <v>250</v>
      </c>
      <c r="Q8744" s="19"/>
      <c r="R8744" s="19"/>
      <c r="S8744" s="19"/>
      <c r="T8744" s="19">
        <v>150</v>
      </c>
      <c r="U8744" s="19"/>
      <c r="V8744" s="19"/>
      <c r="W8744" s="19"/>
      <c r="X8744" s="19">
        <v>3</v>
      </c>
      <c r="Y8744" s="19"/>
      <c r="Z8744" s="19"/>
      <c r="AA8744" s="19"/>
    </row>
    <row r="8745" spans="1:27" s="1" customFormat="1" ht="14.1" customHeight="1" outlineLevel="1" x14ac:dyDescent="0.2">
      <c r="A8745" s="17"/>
      <c r="B8745" s="17"/>
      <c r="C8745" s="17"/>
      <c r="D8745" s="18"/>
      <c r="E8745" s="18"/>
      <c r="F8745" s="18"/>
      <c r="G8745" s="18"/>
      <c r="H8745" s="18"/>
      <c r="I8745" s="18"/>
      <c r="J8745" s="18"/>
      <c r="K8745" s="18"/>
      <c r="L8745" s="18"/>
      <c r="M8745" s="18"/>
      <c r="N8745" s="18"/>
      <c r="O8745" s="18"/>
      <c r="P8745" s="19"/>
      <c r="Q8745" s="19"/>
      <c r="R8745" s="19"/>
      <c r="S8745" s="19"/>
      <c r="T8745" s="19"/>
      <c r="U8745" s="19"/>
      <c r="V8745" s="19"/>
      <c r="W8745" s="19"/>
      <c r="X8745" s="19"/>
      <c r="Y8745" s="19"/>
      <c r="Z8745" s="19"/>
      <c r="AA8745" s="19"/>
    </row>
    <row r="8746" spans="1:27" s="1" customFormat="1" ht="11.1" customHeight="1" outlineLevel="1" x14ac:dyDescent="0.2">
      <c r="A8746" s="17">
        <v>14302</v>
      </c>
      <c r="B8746" s="17"/>
      <c r="C8746" s="17"/>
      <c r="D8746" s="18" t="s">
        <v>4332</v>
      </c>
      <c r="E8746" s="18"/>
      <c r="F8746" s="18"/>
      <c r="G8746" s="18"/>
      <c r="H8746" s="18"/>
      <c r="I8746" s="18"/>
      <c r="J8746" s="18"/>
      <c r="K8746" s="18"/>
      <c r="L8746" s="18"/>
      <c r="M8746" s="18"/>
      <c r="N8746" s="18"/>
      <c r="O8746" s="18"/>
      <c r="P8746" s="19">
        <v>180</v>
      </c>
      <c r="Q8746" s="19"/>
      <c r="R8746" s="19"/>
      <c r="S8746" s="19"/>
      <c r="T8746" s="19">
        <v>140</v>
      </c>
      <c r="U8746" s="19"/>
      <c r="V8746" s="19"/>
      <c r="W8746" s="19"/>
      <c r="X8746" s="19">
        <v>10</v>
      </c>
      <c r="Y8746" s="19"/>
      <c r="Z8746" s="19"/>
      <c r="AA8746" s="19"/>
    </row>
    <row r="8747" spans="1:27" s="1" customFormat="1" ht="11.1" customHeight="1" outlineLevel="1" x14ac:dyDescent="0.2">
      <c r="A8747" s="17"/>
      <c r="B8747" s="17"/>
      <c r="C8747" s="17"/>
      <c r="D8747" s="18"/>
      <c r="E8747" s="18"/>
      <c r="F8747" s="18"/>
      <c r="G8747" s="18"/>
      <c r="H8747" s="18"/>
      <c r="I8747" s="18"/>
      <c r="J8747" s="18"/>
      <c r="K8747" s="18"/>
      <c r="L8747" s="18"/>
      <c r="M8747" s="18"/>
      <c r="N8747" s="18"/>
      <c r="O8747" s="18"/>
      <c r="P8747" s="19"/>
      <c r="Q8747" s="19"/>
      <c r="R8747" s="19"/>
      <c r="S8747" s="19"/>
      <c r="T8747" s="19"/>
      <c r="U8747" s="19"/>
      <c r="V8747" s="19"/>
      <c r="W8747" s="19"/>
      <c r="X8747" s="19"/>
      <c r="Y8747" s="19"/>
      <c r="Z8747" s="19"/>
      <c r="AA8747" s="19"/>
    </row>
    <row r="8748" spans="1:27" s="1" customFormat="1" ht="11.1" customHeight="1" outlineLevel="1" x14ac:dyDescent="0.2">
      <c r="A8748" s="17">
        <v>14303</v>
      </c>
      <c r="B8748" s="17"/>
      <c r="C8748" s="17"/>
      <c r="D8748" s="18" t="s">
        <v>4333</v>
      </c>
      <c r="E8748" s="18"/>
      <c r="F8748" s="18"/>
      <c r="G8748" s="18"/>
      <c r="H8748" s="18"/>
      <c r="I8748" s="18"/>
      <c r="J8748" s="18"/>
      <c r="K8748" s="18"/>
      <c r="L8748" s="18"/>
      <c r="M8748" s="18"/>
      <c r="N8748" s="18"/>
      <c r="O8748" s="18"/>
      <c r="P8748" s="19">
        <v>210</v>
      </c>
      <c r="Q8748" s="19"/>
      <c r="R8748" s="19"/>
      <c r="S8748" s="19"/>
      <c r="T8748" s="19">
        <v>160</v>
      </c>
      <c r="U8748" s="19"/>
      <c r="V8748" s="19"/>
      <c r="W8748" s="19"/>
      <c r="X8748" s="19">
        <v>10</v>
      </c>
      <c r="Y8748" s="19"/>
      <c r="Z8748" s="19"/>
      <c r="AA8748" s="19"/>
    </row>
    <row r="8749" spans="1:27" s="1" customFormat="1" ht="11.1" customHeight="1" outlineLevel="1" x14ac:dyDescent="0.2">
      <c r="A8749" s="17"/>
      <c r="B8749" s="17"/>
      <c r="C8749" s="17"/>
      <c r="D8749" s="18"/>
      <c r="E8749" s="18"/>
      <c r="F8749" s="18"/>
      <c r="G8749" s="18"/>
      <c r="H8749" s="18"/>
      <c r="I8749" s="18"/>
      <c r="J8749" s="18"/>
      <c r="K8749" s="18"/>
      <c r="L8749" s="18"/>
      <c r="M8749" s="18"/>
      <c r="N8749" s="18"/>
      <c r="O8749" s="18"/>
      <c r="P8749" s="19"/>
      <c r="Q8749" s="19"/>
      <c r="R8749" s="19"/>
      <c r="S8749" s="19"/>
      <c r="T8749" s="19"/>
      <c r="U8749" s="19"/>
      <c r="V8749" s="19"/>
      <c r="W8749" s="19"/>
      <c r="X8749" s="19"/>
      <c r="Y8749" s="19"/>
      <c r="Z8749" s="19"/>
      <c r="AA8749" s="19"/>
    </row>
    <row r="8750" spans="1:27" s="1" customFormat="1" ht="11.1" customHeight="1" outlineLevel="1" x14ac:dyDescent="0.2">
      <c r="A8750" s="17">
        <v>15576</v>
      </c>
      <c r="B8750" s="17"/>
      <c r="C8750" s="17"/>
      <c r="D8750" s="18" t="s">
        <v>4334</v>
      </c>
      <c r="E8750" s="18"/>
      <c r="F8750" s="18"/>
      <c r="G8750" s="18"/>
      <c r="H8750" s="18"/>
      <c r="I8750" s="18"/>
      <c r="J8750" s="18"/>
      <c r="K8750" s="18"/>
      <c r="L8750" s="18"/>
      <c r="M8750" s="18"/>
      <c r="N8750" s="18"/>
      <c r="O8750" s="18"/>
      <c r="P8750" s="19">
        <v>140</v>
      </c>
      <c r="Q8750" s="19"/>
      <c r="R8750" s="19"/>
      <c r="S8750" s="19"/>
      <c r="T8750" s="19">
        <v>100</v>
      </c>
      <c r="U8750" s="19"/>
      <c r="V8750" s="19"/>
      <c r="W8750" s="19"/>
      <c r="X8750" s="19">
        <v>1</v>
      </c>
      <c r="Y8750" s="19"/>
      <c r="Z8750" s="19"/>
      <c r="AA8750" s="19"/>
    </row>
    <row r="8751" spans="1:27" s="1" customFormat="1" ht="11.1" customHeight="1" outlineLevel="1" x14ac:dyDescent="0.2">
      <c r="A8751" s="17"/>
      <c r="B8751" s="17"/>
      <c r="C8751" s="17"/>
      <c r="D8751" s="18"/>
      <c r="E8751" s="18"/>
      <c r="F8751" s="18"/>
      <c r="G8751" s="18"/>
      <c r="H8751" s="18"/>
      <c r="I8751" s="18"/>
      <c r="J8751" s="18"/>
      <c r="K8751" s="18"/>
      <c r="L8751" s="18"/>
      <c r="M8751" s="18"/>
      <c r="N8751" s="18"/>
      <c r="O8751" s="18"/>
      <c r="P8751" s="19"/>
      <c r="Q8751" s="19"/>
      <c r="R8751" s="19"/>
      <c r="S8751" s="19"/>
      <c r="T8751" s="19"/>
      <c r="U8751" s="19"/>
      <c r="V8751" s="19"/>
      <c r="W8751" s="19"/>
      <c r="X8751" s="19"/>
      <c r="Y8751" s="19"/>
      <c r="Z8751" s="19"/>
      <c r="AA8751" s="19"/>
    </row>
    <row r="8752" spans="1:27" s="1" customFormat="1" ht="11.1" customHeight="1" outlineLevel="1" x14ac:dyDescent="0.2">
      <c r="A8752" s="17">
        <v>14304</v>
      </c>
      <c r="B8752" s="17"/>
      <c r="C8752" s="17"/>
      <c r="D8752" s="18" t="s">
        <v>4335</v>
      </c>
      <c r="E8752" s="18"/>
      <c r="F8752" s="18"/>
      <c r="G8752" s="18"/>
      <c r="H8752" s="18"/>
      <c r="I8752" s="18"/>
      <c r="J8752" s="18"/>
      <c r="K8752" s="18"/>
      <c r="L8752" s="18"/>
      <c r="M8752" s="18"/>
      <c r="N8752" s="18"/>
      <c r="O8752" s="18"/>
      <c r="P8752" s="19">
        <v>190</v>
      </c>
      <c r="Q8752" s="19"/>
      <c r="R8752" s="19"/>
      <c r="S8752" s="19"/>
      <c r="T8752" s="19">
        <v>150</v>
      </c>
      <c r="U8752" s="19"/>
      <c r="V8752" s="19"/>
      <c r="W8752" s="19"/>
      <c r="X8752" s="19">
        <v>9</v>
      </c>
      <c r="Y8752" s="19"/>
      <c r="Z8752" s="19"/>
      <c r="AA8752" s="19"/>
    </row>
    <row r="8753" spans="1:27" s="1" customFormat="1" ht="11.1" customHeight="1" outlineLevel="1" x14ac:dyDescent="0.2">
      <c r="A8753" s="17"/>
      <c r="B8753" s="17"/>
      <c r="C8753" s="17"/>
      <c r="D8753" s="18"/>
      <c r="E8753" s="18"/>
      <c r="F8753" s="18"/>
      <c r="G8753" s="18"/>
      <c r="H8753" s="18"/>
      <c r="I8753" s="18"/>
      <c r="J8753" s="18"/>
      <c r="K8753" s="18"/>
      <c r="L8753" s="18"/>
      <c r="M8753" s="18"/>
      <c r="N8753" s="18"/>
      <c r="O8753" s="18"/>
      <c r="P8753" s="19"/>
      <c r="Q8753" s="19"/>
      <c r="R8753" s="19"/>
      <c r="S8753" s="19"/>
      <c r="T8753" s="19"/>
      <c r="U8753" s="19"/>
      <c r="V8753" s="19"/>
      <c r="W8753" s="19"/>
      <c r="X8753" s="19"/>
      <c r="Y8753" s="19"/>
      <c r="Z8753" s="19"/>
      <c r="AA8753" s="19"/>
    </row>
    <row r="8754" spans="1:27" s="1" customFormat="1" ht="11.1" customHeight="1" outlineLevel="1" x14ac:dyDescent="0.2">
      <c r="A8754" s="17">
        <v>14305</v>
      </c>
      <c r="B8754" s="17"/>
      <c r="C8754" s="17"/>
      <c r="D8754" s="18" t="s">
        <v>4336</v>
      </c>
      <c r="E8754" s="18"/>
      <c r="F8754" s="18"/>
      <c r="G8754" s="18"/>
      <c r="H8754" s="18"/>
      <c r="I8754" s="18"/>
      <c r="J8754" s="18"/>
      <c r="K8754" s="18"/>
      <c r="L8754" s="18"/>
      <c r="M8754" s="18"/>
      <c r="N8754" s="18"/>
      <c r="O8754" s="18"/>
      <c r="P8754" s="19">
        <v>170</v>
      </c>
      <c r="Q8754" s="19"/>
      <c r="R8754" s="19"/>
      <c r="S8754" s="19"/>
      <c r="T8754" s="19">
        <v>130</v>
      </c>
      <c r="U8754" s="19"/>
      <c r="V8754" s="19"/>
      <c r="W8754" s="19"/>
      <c r="X8754" s="19">
        <v>20</v>
      </c>
      <c r="Y8754" s="19"/>
      <c r="Z8754" s="19"/>
      <c r="AA8754" s="19"/>
    </row>
    <row r="8755" spans="1:27" s="1" customFormat="1" ht="11.1" customHeight="1" outlineLevel="1" x14ac:dyDescent="0.2">
      <c r="A8755" s="17"/>
      <c r="B8755" s="17"/>
      <c r="C8755" s="17"/>
      <c r="D8755" s="18"/>
      <c r="E8755" s="18"/>
      <c r="F8755" s="18"/>
      <c r="G8755" s="18"/>
      <c r="H8755" s="18"/>
      <c r="I8755" s="18"/>
      <c r="J8755" s="18"/>
      <c r="K8755" s="18"/>
      <c r="L8755" s="18"/>
      <c r="M8755" s="18"/>
      <c r="N8755" s="18"/>
      <c r="O8755" s="18"/>
      <c r="P8755" s="19"/>
      <c r="Q8755" s="19"/>
      <c r="R8755" s="19"/>
      <c r="S8755" s="19"/>
      <c r="T8755" s="19"/>
      <c r="U8755" s="19"/>
      <c r="V8755" s="19"/>
      <c r="W8755" s="19"/>
      <c r="X8755" s="19"/>
      <c r="Y8755" s="19"/>
      <c r="Z8755" s="19"/>
      <c r="AA8755" s="19"/>
    </row>
    <row r="8756" spans="1:27" s="1" customFormat="1" ht="11.1" customHeight="1" outlineLevel="1" x14ac:dyDescent="0.2">
      <c r="A8756" s="17">
        <v>14307</v>
      </c>
      <c r="B8756" s="17"/>
      <c r="C8756" s="17"/>
      <c r="D8756" s="18" t="s">
        <v>4337</v>
      </c>
      <c r="E8756" s="18"/>
      <c r="F8756" s="18"/>
      <c r="G8756" s="18"/>
      <c r="H8756" s="18"/>
      <c r="I8756" s="18"/>
      <c r="J8756" s="18"/>
      <c r="K8756" s="18"/>
      <c r="L8756" s="18"/>
      <c r="M8756" s="18"/>
      <c r="N8756" s="18"/>
      <c r="O8756" s="18"/>
      <c r="P8756" s="19">
        <v>190</v>
      </c>
      <c r="Q8756" s="19"/>
      <c r="R8756" s="19"/>
      <c r="S8756" s="19"/>
      <c r="T8756" s="19">
        <v>150</v>
      </c>
      <c r="U8756" s="19"/>
      <c r="V8756" s="19"/>
      <c r="W8756" s="19"/>
      <c r="X8756" s="19">
        <v>20</v>
      </c>
      <c r="Y8756" s="19"/>
      <c r="Z8756" s="19"/>
      <c r="AA8756" s="19"/>
    </row>
    <row r="8757" spans="1:27" s="1" customFormat="1" ht="11.1" customHeight="1" outlineLevel="1" x14ac:dyDescent="0.2">
      <c r="A8757" s="17"/>
      <c r="B8757" s="17"/>
      <c r="C8757" s="17"/>
      <c r="D8757" s="18"/>
      <c r="E8757" s="18"/>
      <c r="F8757" s="18"/>
      <c r="G8757" s="18"/>
      <c r="H8757" s="18"/>
      <c r="I8757" s="18"/>
      <c r="J8757" s="18"/>
      <c r="K8757" s="18"/>
      <c r="L8757" s="18"/>
      <c r="M8757" s="18"/>
      <c r="N8757" s="18"/>
      <c r="O8757" s="18"/>
      <c r="P8757" s="19"/>
      <c r="Q8757" s="19"/>
      <c r="R8757" s="19"/>
      <c r="S8757" s="19"/>
      <c r="T8757" s="19"/>
      <c r="U8757" s="19"/>
      <c r="V8757" s="19"/>
      <c r="W8757" s="19"/>
      <c r="X8757" s="19"/>
      <c r="Y8757" s="19"/>
      <c r="Z8757" s="19"/>
      <c r="AA8757" s="19"/>
    </row>
    <row r="8758" spans="1:27" s="1" customFormat="1" ht="14.1" customHeight="1" outlineLevel="1" x14ac:dyDescent="0.2">
      <c r="A8758" s="17">
        <v>16362</v>
      </c>
      <c r="B8758" s="17"/>
      <c r="C8758" s="17"/>
      <c r="D8758" s="18" t="s">
        <v>4338</v>
      </c>
      <c r="E8758" s="18"/>
      <c r="F8758" s="18"/>
      <c r="G8758" s="18"/>
      <c r="H8758" s="18"/>
      <c r="I8758" s="18"/>
      <c r="J8758" s="18"/>
      <c r="K8758" s="18"/>
      <c r="L8758" s="18"/>
      <c r="M8758" s="18"/>
      <c r="N8758" s="18"/>
      <c r="O8758" s="18"/>
      <c r="P8758" s="19">
        <v>250</v>
      </c>
      <c r="Q8758" s="19"/>
      <c r="R8758" s="19"/>
      <c r="S8758" s="19"/>
      <c r="T8758" s="19">
        <v>150</v>
      </c>
      <c r="U8758" s="19"/>
      <c r="V8758" s="19"/>
      <c r="W8758" s="19"/>
      <c r="X8758" s="19">
        <v>2</v>
      </c>
      <c r="Y8758" s="19"/>
      <c r="Z8758" s="19"/>
      <c r="AA8758" s="19"/>
    </row>
    <row r="8759" spans="1:27" s="1" customFormat="1" ht="14.1" customHeight="1" outlineLevel="1" x14ac:dyDescent="0.2">
      <c r="A8759" s="17"/>
      <c r="B8759" s="17"/>
      <c r="C8759" s="17"/>
      <c r="D8759" s="18"/>
      <c r="E8759" s="18"/>
      <c r="F8759" s="18"/>
      <c r="G8759" s="18"/>
      <c r="H8759" s="18"/>
      <c r="I8759" s="18"/>
      <c r="J8759" s="18"/>
      <c r="K8759" s="18"/>
      <c r="L8759" s="18"/>
      <c r="M8759" s="18"/>
      <c r="N8759" s="18"/>
      <c r="O8759" s="18"/>
      <c r="P8759" s="19"/>
      <c r="Q8759" s="19"/>
      <c r="R8759" s="19"/>
      <c r="S8759" s="19"/>
      <c r="T8759" s="19"/>
      <c r="U8759" s="19"/>
      <c r="V8759" s="19"/>
      <c r="W8759" s="19"/>
      <c r="X8759" s="19"/>
      <c r="Y8759" s="19"/>
      <c r="Z8759" s="19"/>
      <c r="AA8759" s="19"/>
    </row>
    <row r="8760" spans="1:27" s="1" customFormat="1" ht="11.1" customHeight="1" outlineLevel="1" x14ac:dyDescent="0.2">
      <c r="A8760" s="17">
        <v>12919</v>
      </c>
      <c r="B8760" s="17"/>
      <c r="C8760" s="17"/>
      <c r="D8760" s="18" t="s">
        <v>4339</v>
      </c>
      <c r="E8760" s="18"/>
      <c r="F8760" s="18"/>
      <c r="G8760" s="18"/>
      <c r="H8760" s="18"/>
      <c r="I8760" s="18"/>
      <c r="J8760" s="18"/>
      <c r="K8760" s="18"/>
      <c r="L8760" s="18"/>
      <c r="M8760" s="18"/>
      <c r="N8760" s="18"/>
      <c r="O8760" s="18"/>
      <c r="P8760" s="19">
        <v>160</v>
      </c>
      <c r="Q8760" s="19"/>
      <c r="R8760" s="19"/>
      <c r="S8760" s="19"/>
      <c r="T8760" s="19">
        <v>120</v>
      </c>
      <c r="U8760" s="19"/>
      <c r="V8760" s="19"/>
      <c r="W8760" s="19"/>
      <c r="X8760" s="19">
        <v>1</v>
      </c>
      <c r="Y8760" s="19"/>
      <c r="Z8760" s="19"/>
      <c r="AA8760" s="19"/>
    </row>
    <row r="8761" spans="1:27" s="1" customFormat="1" ht="11.1" customHeight="1" outlineLevel="1" x14ac:dyDescent="0.2">
      <c r="A8761" s="17"/>
      <c r="B8761" s="17"/>
      <c r="C8761" s="17"/>
      <c r="D8761" s="18"/>
      <c r="E8761" s="18"/>
      <c r="F8761" s="18"/>
      <c r="G8761" s="18"/>
      <c r="H8761" s="18"/>
      <c r="I8761" s="18"/>
      <c r="J8761" s="18"/>
      <c r="K8761" s="18"/>
      <c r="L8761" s="18"/>
      <c r="M8761" s="18"/>
      <c r="N8761" s="18"/>
      <c r="O8761" s="18"/>
      <c r="P8761" s="19"/>
      <c r="Q8761" s="19"/>
      <c r="R8761" s="19"/>
      <c r="S8761" s="19"/>
      <c r="T8761" s="19"/>
      <c r="U8761" s="19"/>
      <c r="V8761" s="19"/>
      <c r="W8761" s="19"/>
      <c r="X8761" s="19"/>
      <c r="Y8761" s="19"/>
      <c r="Z8761" s="19"/>
      <c r="AA8761" s="19"/>
    </row>
    <row r="8762" spans="1:27" s="1" customFormat="1" ht="14.1" customHeight="1" outlineLevel="1" x14ac:dyDescent="0.2">
      <c r="A8762" s="17">
        <v>12096</v>
      </c>
      <c r="B8762" s="17"/>
      <c r="C8762" s="17"/>
      <c r="D8762" s="18" t="s">
        <v>4340</v>
      </c>
      <c r="E8762" s="18"/>
      <c r="F8762" s="18"/>
      <c r="G8762" s="18"/>
      <c r="H8762" s="18"/>
      <c r="I8762" s="18"/>
      <c r="J8762" s="18"/>
      <c r="K8762" s="18"/>
      <c r="L8762" s="18"/>
      <c r="M8762" s="18"/>
      <c r="N8762" s="18"/>
      <c r="O8762" s="18"/>
      <c r="P8762" s="19">
        <v>170</v>
      </c>
      <c r="Q8762" s="19"/>
      <c r="R8762" s="19"/>
      <c r="S8762" s="19"/>
      <c r="T8762" s="19">
        <v>130</v>
      </c>
      <c r="U8762" s="19"/>
      <c r="V8762" s="19"/>
      <c r="W8762" s="19"/>
      <c r="X8762" s="19">
        <v>9</v>
      </c>
      <c r="Y8762" s="19"/>
      <c r="Z8762" s="19"/>
      <c r="AA8762" s="19"/>
    </row>
    <row r="8763" spans="1:27" s="1" customFormat="1" ht="14.1" customHeight="1" outlineLevel="1" x14ac:dyDescent="0.2">
      <c r="A8763" s="17"/>
      <c r="B8763" s="17"/>
      <c r="C8763" s="17"/>
      <c r="D8763" s="18"/>
      <c r="E8763" s="18"/>
      <c r="F8763" s="18"/>
      <c r="G8763" s="18"/>
      <c r="H8763" s="18"/>
      <c r="I8763" s="18"/>
      <c r="J8763" s="18"/>
      <c r="K8763" s="18"/>
      <c r="L8763" s="18"/>
      <c r="M8763" s="18"/>
      <c r="N8763" s="18"/>
      <c r="O8763" s="18"/>
      <c r="P8763" s="19"/>
      <c r="Q8763" s="19"/>
      <c r="R8763" s="19"/>
      <c r="S8763" s="19"/>
      <c r="T8763" s="19"/>
      <c r="U8763" s="19"/>
      <c r="V8763" s="19"/>
      <c r="W8763" s="19"/>
      <c r="X8763" s="19"/>
      <c r="Y8763" s="19"/>
      <c r="Z8763" s="19"/>
      <c r="AA8763" s="19"/>
    </row>
    <row r="8764" spans="1:27" s="1" customFormat="1" ht="14.1" customHeight="1" outlineLevel="1" x14ac:dyDescent="0.2">
      <c r="A8764" s="17">
        <v>17524</v>
      </c>
      <c r="B8764" s="17"/>
      <c r="C8764" s="17"/>
      <c r="D8764" s="18" t="s">
        <v>4341</v>
      </c>
      <c r="E8764" s="18"/>
      <c r="F8764" s="18"/>
      <c r="G8764" s="18"/>
      <c r="H8764" s="18"/>
      <c r="I8764" s="18"/>
      <c r="J8764" s="18"/>
      <c r="K8764" s="18"/>
      <c r="L8764" s="18"/>
      <c r="M8764" s="18"/>
      <c r="N8764" s="18"/>
      <c r="O8764" s="18"/>
      <c r="P8764" s="19">
        <v>150</v>
      </c>
      <c r="Q8764" s="19"/>
      <c r="R8764" s="19"/>
      <c r="S8764" s="19"/>
      <c r="T8764" s="19">
        <v>100</v>
      </c>
      <c r="U8764" s="19"/>
      <c r="V8764" s="19"/>
      <c r="W8764" s="19"/>
      <c r="X8764" s="19">
        <v>1</v>
      </c>
      <c r="Y8764" s="19"/>
      <c r="Z8764" s="19"/>
      <c r="AA8764" s="19"/>
    </row>
    <row r="8765" spans="1:27" s="1" customFormat="1" ht="14.1" customHeight="1" outlineLevel="1" x14ac:dyDescent="0.2">
      <c r="A8765" s="17"/>
      <c r="B8765" s="17"/>
      <c r="C8765" s="17"/>
      <c r="D8765" s="18"/>
      <c r="E8765" s="18"/>
      <c r="F8765" s="18"/>
      <c r="G8765" s="18"/>
      <c r="H8765" s="18"/>
      <c r="I8765" s="18"/>
      <c r="J8765" s="18"/>
      <c r="K8765" s="18"/>
      <c r="L8765" s="18"/>
      <c r="M8765" s="18"/>
      <c r="N8765" s="18"/>
      <c r="O8765" s="18"/>
      <c r="P8765" s="19"/>
      <c r="Q8765" s="19"/>
      <c r="R8765" s="19"/>
      <c r="S8765" s="19"/>
      <c r="T8765" s="19"/>
      <c r="U8765" s="19"/>
      <c r="V8765" s="19"/>
      <c r="W8765" s="19"/>
      <c r="X8765" s="19"/>
      <c r="Y8765" s="19"/>
      <c r="Z8765" s="19"/>
      <c r="AA8765" s="19"/>
    </row>
    <row r="8766" spans="1:27" s="1" customFormat="1" ht="14.1" customHeight="1" outlineLevel="1" x14ac:dyDescent="0.2">
      <c r="A8766" s="17">
        <v>17523</v>
      </c>
      <c r="B8766" s="17"/>
      <c r="C8766" s="17"/>
      <c r="D8766" s="18" t="s">
        <v>4342</v>
      </c>
      <c r="E8766" s="18"/>
      <c r="F8766" s="18"/>
      <c r="G8766" s="18"/>
      <c r="H8766" s="18"/>
      <c r="I8766" s="18"/>
      <c r="J8766" s="18"/>
      <c r="K8766" s="18"/>
      <c r="L8766" s="18"/>
      <c r="M8766" s="18"/>
      <c r="N8766" s="18"/>
      <c r="O8766" s="18"/>
      <c r="P8766" s="19">
        <v>150</v>
      </c>
      <c r="Q8766" s="19"/>
      <c r="R8766" s="19"/>
      <c r="S8766" s="19"/>
      <c r="T8766" s="19">
        <v>100</v>
      </c>
      <c r="U8766" s="19"/>
      <c r="V8766" s="19"/>
      <c r="W8766" s="19"/>
      <c r="X8766" s="19">
        <v>1</v>
      </c>
      <c r="Y8766" s="19"/>
      <c r="Z8766" s="19"/>
      <c r="AA8766" s="19"/>
    </row>
    <row r="8767" spans="1:27" s="1" customFormat="1" ht="14.1" customHeight="1" outlineLevel="1" x14ac:dyDescent="0.2">
      <c r="A8767" s="17"/>
      <c r="B8767" s="17"/>
      <c r="C8767" s="17"/>
      <c r="D8767" s="18"/>
      <c r="E8767" s="18"/>
      <c r="F8767" s="18"/>
      <c r="G8767" s="18"/>
      <c r="H8767" s="18"/>
      <c r="I8767" s="18"/>
      <c r="J8767" s="18"/>
      <c r="K8767" s="18"/>
      <c r="L8767" s="18"/>
      <c r="M8767" s="18"/>
      <c r="N8767" s="18"/>
      <c r="O8767" s="18"/>
      <c r="P8767" s="19"/>
      <c r="Q8767" s="19"/>
      <c r="R8767" s="19"/>
      <c r="S8767" s="19"/>
      <c r="T8767" s="19"/>
      <c r="U8767" s="19"/>
      <c r="V8767" s="19"/>
      <c r="W8767" s="19"/>
      <c r="X8767" s="19"/>
      <c r="Y8767" s="19"/>
      <c r="Z8767" s="19"/>
      <c r="AA8767" s="19"/>
    </row>
    <row r="8768" spans="1:27" s="1" customFormat="1" ht="14.1" customHeight="1" outlineLevel="1" x14ac:dyDescent="0.2">
      <c r="A8768" s="17">
        <v>16612</v>
      </c>
      <c r="B8768" s="17"/>
      <c r="C8768" s="17"/>
      <c r="D8768" s="18" t="s">
        <v>4343</v>
      </c>
      <c r="E8768" s="18"/>
      <c r="F8768" s="18"/>
      <c r="G8768" s="18"/>
      <c r="H8768" s="18"/>
      <c r="I8768" s="18"/>
      <c r="J8768" s="18"/>
      <c r="K8768" s="18"/>
      <c r="L8768" s="18"/>
      <c r="M8768" s="18"/>
      <c r="N8768" s="18"/>
      <c r="O8768" s="18"/>
      <c r="P8768" s="19">
        <v>100</v>
      </c>
      <c r="Q8768" s="19"/>
      <c r="R8768" s="19"/>
      <c r="S8768" s="19"/>
      <c r="T8768" s="19">
        <v>50</v>
      </c>
      <c r="U8768" s="19"/>
      <c r="V8768" s="19"/>
      <c r="W8768" s="19"/>
      <c r="X8768" s="19">
        <v>1</v>
      </c>
      <c r="Y8768" s="19"/>
      <c r="Z8768" s="19"/>
      <c r="AA8768" s="19"/>
    </row>
    <row r="8769" spans="1:27" s="1" customFormat="1" ht="14.1" customHeight="1" outlineLevel="1" x14ac:dyDescent="0.2">
      <c r="A8769" s="17"/>
      <c r="B8769" s="17"/>
      <c r="C8769" s="17"/>
      <c r="D8769" s="18"/>
      <c r="E8769" s="18"/>
      <c r="F8769" s="18"/>
      <c r="G8769" s="18"/>
      <c r="H8769" s="18"/>
      <c r="I8769" s="18"/>
      <c r="J8769" s="18"/>
      <c r="K8769" s="18"/>
      <c r="L8769" s="18"/>
      <c r="M8769" s="18"/>
      <c r="N8769" s="18"/>
      <c r="O8769" s="18"/>
      <c r="P8769" s="19"/>
      <c r="Q8769" s="19"/>
      <c r="R8769" s="19"/>
      <c r="S8769" s="19"/>
      <c r="T8769" s="19"/>
      <c r="U8769" s="19"/>
      <c r="V8769" s="19"/>
      <c r="W8769" s="19"/>
      <c r="X8769" s="19"/>
      <c r="Y8769" s="19"/>
      <c r="Z8769" s="19"/>
      <c r="AA8769" s="19"/>
    </row>
    <row r="8770" spans="1:27" s="1" customFormat="1" ht="14.1" customHeight="1" outlineLevel="1" x14ac:dyDescent="0.2">
      <c r="A8770" s="17">
        <v>12923</v>
      </c>
      <c r="B8770" s="17"/>
      <c r="C8770" s="17"/>
      <c r="D8770" s="18" t="s">
        <v>4344</v>
      </c>
      <c r="E8770" s="18"/>
      <c r="F8770" s="18"/>
      <c r="G8770" s="18"/>
      <c r="H8770" s="18"/>
      <c r="I8770" s="18"/>
      <c r="J8770" s="18"/>
      <c r="K8770" s="18"/>
      <c r="L8770" s="18"/>
      <c r="M8770" s="18"/>
      <c r="N8770" s="18"/>
      <c r="O8770" s="18"/>
      <c r="P8770" s="19">
        <v>640</v>
      </c>
      <c r="Q8770" s="19"/>
      <c r="R8770" s="19"/>
      <c r="S8770" s="19"/>
      <c r="T8770" s="19">
        <v>550</v>
      </c>
      <c r="U8770" s="19"/>
      <c r="V8770" s="19"/>
      <c r="W8770" s="19"/>
      <c r="X8770" s="19">
        <v>1</v>
      </c>
      <c r="Y8770" s="19"/>
      <c r="Z8770" s="19"/>
      <c r="AA8770" s="19"/>
    </row>
    <row r="8771" spans="1:27" s="1" customFormat="1" ht="14.1" customHeight="1" outlineLevel="1" x14ac:dyDescent="0.2">
      <c r="A8771" s="17"/>
      <c r="B8771" s="17"/>
      <c r="C8771" s="17"/>
      <c r="D8771" s="18"/>
      <c r="E8771" s="18"/>
      <c r="F8771" s="18"/>
      <c r="G8771" s="18"/>
      <c r="H8771" s="18"/>
      <c r="I8771" s="18"/>
      <c r="J8771" s="18"/>
      <c r="K8771" s="18"/>
      <c r="L8771" s="18"/>
      <c r="M8771" s="18"/>
      <c r="N8771" s="18"/>
      <c r="O8771" s="18"/>
      <c r="P8771" s="19"/>
      <c r="Q8771" s="19"/>
      <c r="R8771" s="19"/>
      <c r="S8771" s="19"/>
      <c r="T8771" s="19"/>
      <c r="U8771" s="19"/>
      <c r="V8771" s="19"/>
      <c r="W8771" s="19"/>
      <c r="X8771" s="19"/>
      <c r="Y8771" s="19"/>
      <c r="Z8771" s="19"/>
      <c r="AA8771" s="19"/>
    </row>
    <row r="8772" spans="1:27" s="1" customFormat="1" ht="14.1" customHeight="1" outlineLevel="1" x14ac:dyDescent="0.2">
      <c r="A8772" s="17">
        <v>12103</v>
      </c>
      <c r="B8772" s="17"/>
      <c r="C8772" s="17"/>
      <c r="D8772" s="18" t="s">
        <v>4345</v>
      </c>
      <c r="E8772" s="18"/>
      <c r="F8772" s="18"/>
      <c r="G8772" s="18"/>
      <c r="H8772" s="18"/>
      <c r="I8772" s="18"/>
      <c r="J8772" s="18"/>
      <c r="K8772" s="18"/>
      <c r="L8772" s="18"/>
      <c r="M8772" s="18"/>
      <c r="N8772" s="18"/>
      <c r="O8772" s="18"/>
      <c r="P8772" s="19">
        <v>420</v>
      </c>
      <c r="Q8772" s="19"/>
      <c r="R8772" s="19"/>
      <c r="S8772" s="19"/>
      <c r="T8772" s="19">
        <v>350</v>
      </c>
      <c r="U8772" s="19"/>
      <c r="V8772" s="19"/>
      <c r="W8772" s="19"/>
      <c r="X8772" s="19">
        <v>1</v>
      </c>
      <c r="Y8772" s="19"/>
      <c r="Z8772" s="19"/>
      <c r="AA8772" s="19"/>
    </row>
    <row r="8773" spans="1:27" s="1" customFormat="1" ht="14.1" customHeight="1" outlineLevel="1" x14ac:dyDescent="0.2">
      <c r="A8773" s="17"/>
      <c r="B8773" s="17"/>
      <c r="C8773" s="17"/>
      <c r="D8773" s="18"/>
      <c r="E8773" s="18"/>
      <c r="F8773" s="18"/>
      <c r="G8773" s="18"/>
      <c r="H8773" s="18"/>
      <c r="I8773" s="18"/>
      <c r="J8773" s="18"/>
      <c r="K8773" s="18"/>
      <c r="L8773" s="18"/>
      <c r="M8773" s="18"/>
      <c r="N8773" s="18"/>
      <c r="O8773" s="18"/>
      <c r="P8773" s="19"/>
      <c r="Q8773" s="19"/>
      <c r="R8773" s="19"/>
      <c r="S8773" s="19"/>
      <c r="T8773" s="19"/>
      <c r="U8773" s="19"/>
      <c r="V8773" s="19"/>
      <c r="W8773" s="19"/>
      <c r="X8773" s="19"/>
      <c r="Y8773" s="19"/>
      <c r="Z8773" s="19"/>
      <c r="AA8773" s="19"/>
    </row>
    <row r="8774" spans="1:27" s="1" customFormat="1" ht="11.1" customHeight="1" outlineLevel="1" x14ac:dyDescent="0.2">
      <c r="A8774" s="17">
        <v>10109</v>
      </c>
      <c r="B8774" s="17"/>
      <c r="C8774" s="17"/>
      <c r="D8774" s="18" t="s">
        <v>4346</v>
      </c>
      <c r="E8774" s="18"/>
      <c r="F8774" s="18"/>
      <c r="G8774" s="18"/>
      <c r="H8774" s="18"/>
      <c r="I8774" s="18"/>
      <c r="J8774" s="18"/>
      <c r="K8774" s="18"/>
      <c r="L8774" s="18"/>
      <c r="M8774" s="18"/>
      <c r="N8774" s="18"/>
      <c r="O8774" s="18"/>
      <c r="P8774" s="19">
        <v>450</v>
      </c>
      <c r="Q8774" s="19"/>
      <c r="R8774" s="19"/>
      <c r="S8774" s="19"/>
      <c r="T8774" s="19">
        <v>410</v>
      </c>
      <c r="U8774" s="19"/>
      <c r="V8774" s="19"/>
      <c r="W8774" s="19"/>
      <c r="X8774" s="19">
        <v>1</v>
      </c>
      <c r="Y8774" s="19"/>
      <c r="Z8774" s="19"/>
      <c r="AA8774" s="19"/>
    </row>
    <row r="8775" spans="1:27" s="1" customFormat="1" ht="11.1" customHeight="1" outlineLevel="1" x14ac:dyDescent="0.2">
      <c r="A8775" s="17"/>
      <c r="B8775" s="17"/>
      <c r="C8775" s="17"/>
      <c r="D8775" s="18"/>
      <c r="E8775" s="18"/>
      <c r="F8775" s="18"/>
      <c r="G8775" s="18"/>
      <c r="H8775" s="18"/>
      <c r="I8775" s="18"/>
      <c r="J8775" s="18"/>
      <c r="K8775" s="18"/>
      <c r="L8775" s="18"/>
      <c r="M8775" s="18"/>
      <c r="N8775" s="18"/>
      <c r="O8775" s="18"/>
      <c r="P8775" s="19"/>
      <c r="Q8775" s="19"/>
      <c r="R8775" s="19"/>
      <c r="S8775" s="19"/>
      <c r="T8775" s="19"/>
      <c r="U8775" s="19"/>
      <c r="V8775" s="19"/>
      <c r="W8775" s="19"/>
      <c r="X8775" s="19"/>
      <c r="Y8775" s="19"/>
      <c r="Z8775" s="19"/>
      <c r="AA8775" s="19"/>
    </row>
    <row r="8776" spans="1:27" s="1" customFormat="1" ht="14.1" customHeight="1" outlineLevel="1" x14ac:dyDescent="0.2">
      <c r="A8776" s="17">
        <v>15575</v>
      </c>
      <c r="B8776" s="17"/>
      <c r="C8776" s="17"/>
      <c r="D8776" s="18" t="s">
        <v>4347</v>
      </c>
      <c r="E8776" s="18"/>
      <c r="F8776" s="18"/>
      <c r="G8776" s="18"/>
      <c r="H8776" s="18"/>
      <c r="I8776" s="18"/>
      <c r="J8776" s="18"/>
      <c r="K8776" s="18"/>
      <c r="L8776" s="18"/>
      <c r="M8776" s="18"/>
      <c r="N8776" s="18"/>
      <c r="O8776" s="18"/>
      <c r="P8776" s="19">
        <v>570</v>
      </c>
      <c r="Q8776" s="19"/>
      <c r="R8776" s="19"/>
      <c r="S8776" s="19"/>
      <c r="T8776" s="19">
        <v>500</v>
      </c>
      <c r="U8776" s="19"/>
      <c r="V8776" s="19"/>
      <c r="W8776" s="19"/>
      <c r="X8776" s="19">
        <v>1</v>
      </c>
      <c r="Y8776" s="19"/>
      <c r="Z8776" s="19"/>
      <c r="AA8776" s="19"/>
    </row>
    <row r="8777" spans="1:27" s="1" customFormat="1" ht="14.1" customHeight="1" outlineLevel="1" x14ac:dyDescent="0.2">
      <c r="A8777" s="17"/>
      <c r="B8777" s="17"/>
      <c r="C8777" s="17"/>
      <c r="D8777" s="18"/>
      <c r="E8777" s="18"/>
      <c r="F8777" s="18"/>
      <c r="G8777" s="18"/>
      <c r="H8777" s="18"/>
      <c r="I8777" s="18"/>
      <c r="J8777" s="18"/>
      <c r="K8777" s="18"/>
      <c r="L8777" s="18"/>
      <c r="M8777" s="18"/>
      <c r="N8777" s="18"/>
      <c r="O8777" s="18"/>
      <c r="P8777" s="19"/>
      <c r="Q8777" s="19"/>
      <c r="R8777" s="19"/>
      <c r="S8777" s="19"/>
      <c r="T8777" s="19"/>
      <c r="U8777" s="19"/>
      <c r="V8777" s="19"/>
      <c r="W8777" s="19"/>
      <c r="X8777" s="19"/>
      <c r="Y8777" s="19"/>
      <c r="Z8777" s="19"/>
      <c r="AA8777" s="19"/>
    </row>
    <row r="8778" spans="1:27" s="1" customFormat="1" ht="14.1" customHeight="1" outlineLevel="1" x14ac:dyDescent="0.2">
      <c r="A8778" s="17">
        <v>17528</v>
      </c>
      <c r="B8778" s="17"/>
      <c r="C8778" s="17"/>
      <c r="D8778" s="18" t="s">
        <v>4348</v>
      </c>
      <c r="E8778" s="18"/>
      <c r="F8778" s="18"/>
      <c r="G8778" s="18"/>
      <c r="H8778" s="18"/>
      <c r="I8778" s="18"/>
      <c r="J8778" s="18"/>
      <c r="K8778" s="18"/>
      <c r="L8778" s="18"/>
      <c r="M8778" s="18"/>
      <c r="N8778" s="18"/>
      <c r="O8778" s="18"/>
      <c r="P8778" s="19">
        <v>400</v>
      </c>
      <c r="Q8778" s="19"/>
      <c r="R8778" s="19"/>
      <c r="S8778" s="19"/>
      <c r="T8778" s="19">
        <v>300</v>
      </c>
      <c r="U8778" s="19"/>
      <c r="V8778" s="19"/>
      <c r="W8778" s="19"/>
      <c r="X8778" s="19">
        <v>1</v>
      </c>
      <c r="Y8778" s="19"/>
      <c r="Z8778" s="19"/>
      <c r="AA8778" s="19"/>
    </row>
    <row r="8779" spans="1:27" s="1" customFormat="1" ht="14.1" customHeight="1" outlineLevel="1" x14ac:dyDescent="0.2">
      <c r="A8779" s="17"/>
      <c r="B8779" s="17"/>
      <c r="C8779" s="17"/>
      <c r="D8779" s="18"/>
      <c r="E8779" s="18"/>
      <c r="F8779" s="18"/>
      <c r="G8779" s="18"/>
      <c r="H8779" s="18"/>
      <c r="I8779" s="18"/>
      <c r="J8779" s="18"/>
      <c r="K8779" s="18"/>
      <c r="L8779" s="18"/>
      <c r="M8779" s="18"/>
      <c r="N8779" s="18"/>
      <c r="O8779" s="18"/>
      <c r="P8779" s="19"/>
      <c r="Q8779" s="19"/>
      <c r="R8779" s="19"/>
      <c r="S8779" s="19"/>
      <c r="T8779" s="19"/>
      <c r="U8779" s="19"/>
      <c r="V8779" s="19"/>
      <c r="W8779" s="19"/>
      <c r="X8779" s="19"/>
      <c r="Y8779" s="19"/>
      <c r="Z8779" s="19"/>
      <c r="AA8779" s="19"/>
    </row>
    <row r="8780" spans="1:27" s="1" customFormat="1" ht="14.1" customHeight="1" outlineLevel="1" x14ac:dyDescent="0.2">
      <c r="A8780" s="17">
        <v>15831</v>
      </c>
      <c r="B8780" s="17"/>
      <c r="C8780" s="17"/>
      <c r="D8780" s="18" t="s">
        <v>4349</v>
      </c>
      <c r="E8780" s="18"/>
      <c r="F8780" s="18"/>
      <c r="G8780" s="18"/>
      <c r="H8780" s="18"/>
      <c r="I8780" s="18"/>
      <c r="J8780" s="18"/>
      <c r="K8780" s="18"/>
      <c r="L8780" s="18"/>
      <c r="M8780" s="18"/>
      <c r="N8780" s="18"/>
      <c r="O8780" s="18"/>
      <c r="P8780" s="19">
        <v>300</v>
      </c>
      <c r="Q8780" s="19"/>
      <c r="R8780" s="19"/>
      <c r="S8780" s="19"/>
      <c r="T8780" s="19">
        <v>200</v>
      </c>
      <c r="U8780" s="19"/>
      <c r="V8780" s="19"/>
      <c r="W8780" s="19"/>
      <c r="X8780" s="19">
        <v>2</v>
      </c>
      <c r="Y8780" s="19"/>
      <c r="Z8780" s="19"/>
      <c r="AA8780" s="19"/>
    </row>
    <row r="8781" spans="1:27" s="1" customFormat="1" ht="14.1" customHeight="1" outlineLevel="1" x14ac:dyDescent="0.2">
      <c r="A8781" s="17"/>
      <c r="B8781" s="17"/>
      <c r="C8781" s="17"/>
      <c r="D8781" s="18"/>
      <c r="E8781" s="18"/>
      <c r="F8781" s="18"/>
      <c r="G8781" s="18"/>
      <c r="H8781" s="18"/>
      <c r="I8781" s="18"/>
      <c r="J8781" s="18"/>
      <c r="K8781" s="18"/>
      <c r="L8781" s="18"/>
      <c r="M8781" s="18"/>
      <c r="N8781" s="18"/>
      <c r="O8781" s="18"/>
      <c r="P8781" s="19"/>
      <c r="Q8781" s="19"/>
      <c r="R8781" s="19"/>
      <c r="S8781" s="19"/>
      <c r="T8781" s="19"/>
      <c r="U8781" s="19"/>
      <c r="V8781" s="19"/>
      <c r="W8781" s="19"/>
      <c r="X8781" s="19"/>
      <c r="Y8781" s="19"/>
      <c r="Z8781" s="19"/>
      <c r="AA8781" s="19"/>
    </row>
    <row r="8782" spans="1:27" s="1" customFormat="1" ht="14.1" customHeight="1" outlineLevel="1" x14ac:dyDescent="0.2">
      <c r="A8782" s="17">
        <v>17634</v>
      </c>
      <c r="B8782" s="17"/>
      <c r="C8782" s="17"/>
      <c r="D8782" s="18" t="s">
        <v>4350</v>
      </c>
      <c r="E8782" s="18"/>
      <c r="F8782" s="18"/>
      <c r="G8782" s="18"/>
      <c r="H8782" s="18"/>
      <c r="I8782" s="18"/>
      <c r="J8782" s="18"/>
      <c r="K8782" s="18"/>
      <c r="L8782" s="18"/>
      <c r="M8782" s="18"/>
      <c r="N8782" s="18"/>
      <c r="O8782" s="18"/>
      <c r="P8782" s="19">
        <v>400</v>
      </c>
      <c r="Q8782" s="19"/>
      <c r="R8782" s="19"/>
      <c r="S8782" s="19"/>
      <c r="T8782" s="19">
        <v>300</v>
      </c>
      <c r="U8782" s="19"/>
      <c r="V8782" s="19"/>
      <c r="W8782" s="19"/>
      <c r="X8782" s="19">
        <v>1</v>
      </c>
      <c r="Y8782" s="19"/>
      <c r="Z8782" s="19"/>
      <c r="AA8782" s="19"/>
    </row>
    <row r="8783" spans="1:27" s="1" customFormat="1" ht="14.1" customHeight="1" outlineLevel="1" x14ac:dyDescent="0.2">
      <c r="A8783" s="17"/>
      <c r="B8783" s="17"/>
      <c r="C8783" s="17"/>
      <c r="D8783" s="18"/>
      <c r="E8783" s="18"/>
      <c r="F8783" s="18"/>
      <c r="G8783" s="18"/>
      <c r="H8783" s="18"/>
      <c r="I8783" s="18"/>
      <c r="J8783" s="18"/>
      <c r="K8783" s="18"/>
      <c r="L8783" s="18"/>
      <c r="M8783" s="18"/>
      <c r="N8783" s="18"/>
      <c r="O8783" s="18"/>
      <c r="P8783" s="19"/>
      <c r="Q8783" s="19"/>
      <c r="R8783" s="19"/>
      <c r="S8783" s="19"/>
      <c r="T8783" s="19"/>
      <c r="U8783" s="19"/>
      <c r="V8783" s="19"/>
      <c r="W8783" s="19"/>
      <c r="X8783" s="19"/>
      <c r="Y8783" s="19"/>
      <c r="Z8783" s="19"/>
      <c r="AA8783" s="19"/>
    </row>
    <row r="8784" spans="1:27" s="1" customFormat="1" ht="14.1" customHeight="1" outlineLevel="1" x14ac:dyDescent="0.2">
      <c r="A8784" s="17">
        <v>16371</v>
      </c>
      <c r="B8784" s="17"/>
      <c r="C8784" s="17"/>
      <c r="D8784" s="18" t="s">
        <v>4351</v>
      </c>
      <c r="E8784" s="18"/>
      <c r="F8784" s="18"/>
      <c r="G8784" s="18"/>
      <c r="H8784" s="18"/>
      <c r="I8784" s="18"/>
      <c r="J8784" s="18"/>
      <c r="K8784" s="18"/>
      <c r="L8784" s="18"/>
      <c r="M8784" s="18"/>
      <c r="N8784" s="18"/>
      <c r="O8784" s="18"/>
      <c r="P8784" s="19">
        <v>700</v>
      </c>
      <c r="Q8784" s="19"/>
      <c r="R8784" s="19"/>
      <c r="S8784" s="19"/>
      <c r="T8784" s="19">
        <v>600</v>
      </c>
      <c r="U8784" s="19"/>
      <c r="V8784" s="19"/>
      <c r="W8784" s="19"/>
      <c r="X8784" s="19">
        <v>3</v>
      </c>
      <c r="Y8784" s="19"/>
      <c r="Z8784" s="19"/>
      <c r="AA8784" s="19"/>
    </row>
    <row r="8785" spans="1:27" s="1" customFormat="1" ht="14.1" customHeight="1" outlineLevel="1" x14ac:dyDescent="0.2">
      <c r="A8785" s="17"/>
      <c r="B8785" s="17"/>
      <c r="C8785" s="17"/>
      <c r="D8785" s="18"/>
      <c r="E8785" s="18"/>
      <c r="F8785" s="18"/>
      <c r="G8785" s="18"/>
      <c r="H8785" s="18"/>
      <c r="I8785" s="18"/>
      <c r="J8785" s="18"/>
      <c r="K8785" s="18"/>
      <c r="L8785" s="18"/>
      <c r="M8785" s="18"/>
      <c r="N8785" s="18"/>
      <c r="O8785" s="18"/>
      <c r="P8785" s="19"/>
      <c r="Q8785" s="19"/>
      <c r="R8785" s="19"/>
      <c r="S8785" s="19"/>
      <c r="T8785" s="19"/>
      <c r="U8785" s="19"/>
      <c r="V8785" s="19"/>
      <c r="W8785" s="19"/>
      <c r="X8785" s="19"/>
      <c r="Y8785" s="19"/>
      <c r="Z8785" s="19"/>
      <c r="AA8785" s="19"/>
    </row>
    <row r="8786" spans="1:27" s="1" customFormat="1" ht="11.1" customHeight="1" outlineLevel="1" x14ac:dyDescent="0.2">
      <c r="A8786" s="17">
        <v>12098</v>
      </c>
      <c r="B8786" s="17"/>
      <c r="C8786" s="17"/>
      <c r="D8786" s="18" t="s">
        <v>4352</v>
      </c>
      <c r="E8786" s="18"/>
      <c r="F8786" s="18"/>
      <c r="G8786" s="18"/>
      <c r="H8786" s="18"/>
      <c r="I8786" s="18"/>
      <c r="J8786" s="18"/>
      <c r="K8786" s="18"/>
      <c r="L8786" s="18"/>
      <c r="M8786" s="18"/>
      <c r="N8786" s="18"/>
      <c r="O8786" s="18"/>
      <c r="P8786" s="19">
        <v>60</v>
      </c>
      <c r="Q8786" s="19"/>
      <c r="R8786" s="19"/>
      <c r="S8786" s="19"/>
      <c r="T8786" s="19">
        <v>35</v>
      </c>
      <c r="U8786" s="19"/>
      <c r="V8786" s="19"/>
      <c r="W8786" s="19"/>
      <c r="X8786" s="19">
        <v>10</v>
      </c>
      <c r="Y8786" s="19"/>
      <c r="Z8786" s="19"/>
      <c r="AA8786" s="19"/>
    </row>
    <row r="8787" spans="1:27" s="1" customFormat="1" ht="11.1" customHeight="1" outlineLevel="1" x14ac:dyDescent="0.2">
      <c r="A8787" s="17"/>
      <c r="B8787" s="17"/>
      <c r="C8787" s="17"/>
      <c r="D8787" s="18"/>
      <c r="E8787" s="18"/>
      <c r="F8787" s="18"/>
      <c r="G8787" s="18"/>
      <c r="H8787" s="18"/>
      <c r="I8787" s="18"/>
      <c r="J8787" s="18"/>
      <c r="K8787" s="18"/>
      <c r="L8787" s="18"/>
      <c r="M8787" s="18"/>
      <c r="N8787" s="18"/>
      <c r="O8787" s="18"/>
      <c r="P8787" s="19"/>
      <c r="Q8787" s="19"/>
      <c r="R8787" s="19"/>
      <c r="S8787" s="19"/>
      <c r="T8787" s="19"/>
      <c r="U8787" s="19"/>
      <c r="V8787" s="19"/>
      <c r="W8787" s="19"/>
      <c r="X8787" s="19"/>
      <c r="Y8787" s="19"/>
      <c r="Z8787" s="19"/>
      <c r="AA8787" s="19"/>
    </row>
    <row r="8788" spans="1:27" s="1" customFormat="1" ht="11.1" customHeight="1" outlineLevel="1" x14ac:dyDescent="0.2">
      <c r="A8788" s="17">
        <v>14308</v>
      </c>
      <c r="B8788" s="17"/>
      <c r="C8788" s="17"/>
      <c r="D8788" s="18" t="s">
        <v>4353</v>
      </c>
      <c r="E8788" s="18"/>
      <c r="F8788" s="18"/>
      <c r="G8788" s="18"/>
      <c r="H8788" s="18"/>
      <c r="I8788" s="18"/>
      <c r="J8788" s="18"/>
      <c r="K8788" s="18"/>
      <c r="L8788" s="18"/>
      <c r="M8788" s="18"/>
      <c r="N8788" s="18"/>
      <c r="O8788" s="18"/>
      <c r="P8788" s="19">
        <v>60</v>
      </c>
      <c r="Q8788" s="19"/>
      <c r="R8788" s="19"/>
      <c r="S8788" s="19"/>
      <c r="T8788" s="19">
        <v>35</v>
      </c>
      <c r="U8788" s="19"/>
      <c r="V8788" s="19"/>
      <c r="W8788" s="19"/>
      <c r="X8788" s="19">
        <v>10</v>
      </c>
      <c r="Y8788" s="19"/>
      <c r="Z8788" s="19"/>
      <c r="AA8788" s="19"/>
    </row>
    <row r="8789" spans="1:27" s="1" customFormat="1" ht="11.1" customHeight="1" outlineLevel="1" x14ac:dyDescent="0.2">
      <c r="A8789" s="17"/>
      <c r="B8789" s="17"/>
      <c r="C8789" s="17"/>
      <c r="D8789" s="18"/>
      <c r="E8789" s="18"/>
      <c r="F8789" s="18"/>
      <c r="G8789" s="18"/>
      <c r="H8789" s="18"/>
      <c r="I8789" s="18"/>
      <c r="J8789" s="18"/>
      <c r="K8789" s="18"/>
      <c r="L8789" s="18"/>
      <c r="M8789" s="18"/>
      <c r="N8789" s="18"/>
      <c r="O8789" s="18"/>
      <c r="P8789" s="19"/>
      <c r="Q8789" s="19"/>
      <c r="R8789" s="19"/>
      <c r="S8789" s="19"/>
      <c r="T8789" s="19"/>
      <c r="U8789" s="19"/>
      <c r="V8789" s="19"/>
      <c r="W8789" s="19"/>
      <c r="X8789" s="19"/>
      <c r="Y8789" s="19"/>
      <c r="Z8789" s="19"/>
      <c r="AA8789" s="19"/>
    </row>
    <row r="8790" spans="1:27" s="1" customFormat="1" ht="11.1" customHeight="1" outlineLevel="1" x14ac:dyDescent="0.2">
      <c r="A8790" s="17">
        <v>14309</v>
      </c>
      <c r="B8790" s="17"/>
      <c r="C8790" s="17"/>
      <c r="D8790" s="18" t="s">
        <v>4354</v>
      </c>
      <c r="E8790" s="18"/>
      <c r="F8790" s="18"/>
      <c r="G8790" s="18"/>
      <c r="H8790" s="18"/>
      <c r="I8790" s="18"/>
      <c r="J8790" s="18"/>
      <c r="K8790" s="18"/>
      <c r="L8790" s="18"/>
      <c r="M8790" s="18"/>
      <c r="N8790" s="18"/>
      <c r="O8790" s="18"/>
      <c r="P8790" s="19">
        <v>60</v>
      </c>
      <c r="Q8790" s="19"/>
      <c r="R8790" s="19"/>
      <c r="S8790" s="19"/>
      <c r="T8790" s="19">
        <v>35</v>
      </c>
      <c r="U8790" s="19"/>
      <c r="V8790" s="19"/>
      <c r="W8790" s="19"/>
      <c r="X8790" s="19">
        <v>8</v>
      </c>
      <c r="Y8790" s="19"/>
      <c r="Z8790" s="19"/>
      <c r="AA8790" s="19"/>
    </row>
    <row r="8791" spans="1:27" s="1" customFormat="1" ht="11.1" customHeight="1" outlineLevel="1" x14ac:dyDescent="0.2">
      <c r="A8791" s="17"/>
      <c r="B8791" s="17"/>
      <c r="C8791" s="17"/>
      <c r="D8791" s="18"/>
      <c r="E8791" s="18"/>
      <c r="F8791" s="18"/>
      <c r="G8791" s="18"/>
      <c r="H8791" s="18"/>
      <c r="I8791" s="18"/>
      <c r="J8791" s="18"/>
      <c r="K8791" s="18"/>
      <c r="L8791" s="18"/>
      <c r="M8791" s="18"/>
      <c r="N8791" s="18"/>
      <c r="O8791" s="18"/>
      <c r="P8791" s="19"/>
      <c r="Q8791" s="19"/>
      <c r="R8791" s="19"/>
      <c r="S8791" s="19"/>
      <c r="T8791" s="19"/>
      <c r="U8791" s="19"/>
      <c r="V8791" s="19"/>
      <c r="W8791" s="19"/>
      <c r="X8791" s="19"/>
      <c r="Y8791" s="19"/>
      <c r="Z8791" s="19"/>
      <c r="AA8791" s="19"/>
    </row>
    <row r="8792" spans="1:27" s="1" customFormat="1" ht="14.1" customHeight="1" outlineLevel="1" x14ac:dyDescent="0.2">
      <c r="A8792" s="17">
        <v>15072</v>
      </c>
      <c r="B8792" s="17"/>
      <c r="C8792" s="17"/>
      <c r="D8792" s="18" t="s">
        <v>4355</v>
      </c>
      <c r="E8792" s="18"/>
      <c r="F8792" s="18"/>
      <c r="G8792" s="18"/>
      <c r="H8792" s="18"/>
      <c r="I8792" s="18"/>
      <c r="J8792" s="18"/>
      <c r="K8792" s="18"/>
      <c r="L8792" s="18"/>
      <c r="M8792" s="18"/>
      <c r="N8792" s="18"/>
      <c r="O8792" s="18"/>
      <c r="P8792" s="19">
        <v>85</v>
      </c>
      <c r="Q8792" s="19"/>
      <c r="R8792" s="19"/>
      <c r="S8792" s="19"/>
      <c r="T8792" s="19">
        <v>50</v>
      </c>
      <c r="U8792" s="19"/>
      <c r="V8792" s="19"/>
      <c r="W8792" s="19"/>
      <c r="X8792" s="19">
        <v>1</v>
      </c>
      <c r="Y8792" s="19"/>
      <c r="Z8792" s="19"/>
      <c r="AA8792" s="19"/>
    </row>
    <row r="8793" spans="1:27" s="1" customFormat="1" ht="14.1" customHeight="1" outlineLevel="1" x14ac:dyDescent="0.2">
      <c r="A8793" s="17"/>
      <c r="B8793" s="17"/>
      <c r="C8793" s="17"/>
      <c r="D8793" s="18"/>
      <c r="E8793" s="18"/>
      <c r="F8793" s="18"/>
      <c r="G8793" s="18"/>
      <c r="H8793" s="18"/>
      <c r="I8793" s="18"/>
      <c r="J8793" s="18"/>
      <c r="K8793" s="18"/>
      <c r="L8793" s="18"/>
      <c r="M8793" s="18"/>
      <c r="N8793" s="18"/>
      <c r="O8793" s="18"/>
      <c r="P8793" s="19"/>
      <c r="Q8793" s="19"/>
      <c r="R8793" s="19"/>
      <c r="S8793" s="19"/>
      <c r="T8793" s="19"/>
      <c r="U8793" s="19"/>
      <c r="V8793" s="19"/>
      <c r="W8793" s="19"/>
      <c r="X8793" s="19"/>
      <c r="Y8793" s="19"/>
      <c r="Z8793" s="19"/>
      <c r="AA8793" s="19"/>
    </row>
    <row r="8794" spans="1:27" s="1" customFormat="1" ht="11.1" customHeight="1" outlineLevel="1" x14ac:dyDescent="0.2">
      <c r="A8794" s="17">
        <v>14310</v>
      </c>
      <c r="B8794" s="17"/>
      <c r="C8794" s="17"/>
      <c r="D8794" s="18" t="s">
        <v>4356</v>
      </c>
      <c r="E8794" s="18"/>
      <c r="F8794" s="18"/>
      <c r="G8794" s="18"/>
      <c r="H8794" s="18"/>
      <c r="I8794" s="18"/>
      <c r="J8794" s="18"/>
      <c r="K8794" s="18"/>
      <c r="L8794" s="18"/>
      <c r="M8794" s="18"/>
      <c r="N8794" s="18"/>
      <c r="O8794" s="18"/>
      <c r="P8794" s="19">
        <v>60</v>
      </c>
      <c r="Q8794" s="19"/>
      <c r="R8794" s="19"/>
      <c r="S8794" s="19"/>
      <c r="T8794" s="19">
        <v>35</v>
      </c>
      <c r="U8794" s="19"/>
      <c r="V8794" s="19"/>
      <c r="W8794" s="19"/>
      <c r="X8794" s="19">
        <v>9</v>
      </c>
      <c r="Y8794" s="19"/>
      <c r="Z8794" s="19"/>
      <c r="AA8794" s="19"/>
    </row>
    <row r="8795" spans="1:27" s="1" customFormat="1" ht="11.1" customHeight="1" outlineLevel="1" x14ac:dyDescent="0.2">
      <c r="A8795" s="17"/>
      <c r="B8795" s="17"/>
      <c r="C8795" s="17"/>
      <c r="D8795" s="18"/>
      <c r="E8795" s="18"/>
      <c r="F8795" s="18"/>
      <c r="G8795" s="18"/>
      <c r="H8795" s="18"/>
      <c r="I8795" s="18"/>
      <c r="J8795" s="18"/>
      <c r="K8795" s="18"/>
      <c r="L8795" s="18"/>
      <c r="M8795" s="18"/>
      <c r="N8795" s="18"/>
      <c r="O8795" s="18"/>
      <c r="P8795" s="19"/>
      <c r="Q8795" s="19"/>
      <c r="R8795" s="19"/>
      <c r="S8795" s="19"/>
      <c r="T8795" s="19"/>
      <c r="U8795" s="19"/>
      <c r="V8795" s="19"/>
      <c r="W8795" s="19"/>
      <c r="X8795" s="19"/>
      <c r="Y8795" s="19"/>
      <c r="Z8795" s="19"/>
      <c r="AA8795" s="19"/>
    </row>
    <row r="8796" spans="1:27" s="1" customFormat="1" ht="11.1" customHeight="1" outlineLevel="1" x14ac:dyDescent="0.2">
      <c r="A8796" s="17">
        <v>14312</v>
      </c>
      <c r="B8796" s="17"/>
      <c r="C8796" s="17"/>
      <c r="D8796" s="18" t="s">
        <v>4357</v>
      </c>
      <c r="E8796" s="18"/>
      <c r="F8796" s="18"/>
      <c r="G8796" s="18"/>
      <c r="H8796" s="18"/>
      <c r="I8796" s="18"/>
      <c r="J8796" s="18"/>
      <c r="K8796" s="18"/>
      <c r="L8796" s="18"/>
      <c r="M8796" s="18"/>
      <c r="N8796" s="18"/>
      <c r="O8796" s="18"/>
      <c r="P8796" s="19">
        <v>60</v>
      </c>
      <c r="Q8796" s="19"/>
      <c r="R8796" s="19"/>
      <c r="S8796" s="19"/>
      <c r="T8796" s="19">
        <v>35</v>
      </c>
      <c r="U8796" s="19"/>
      <c r="V8796" s="19"/>
      <c r="W8796" s="19"/>
      <c r="X8796" s="19">
        <v>10</v>
      </c>
      <c r="Y8796" s="19"/>
      <c r="Z8796" s="19"/>
      <c r="AA8796" s="19"/>
    </row>
    <row r="8797" spans="1:27" s="1" customFormat="1" ht="11.1" customHeight="1" outlineLevel="1" x14ac:dyDescent="0.2">
      <c r="A8797" s="17"/>
      <c r="B8797" s="17"/>
      <c r="C8797" s="17"/>
      <c r="D8797" s="18"/>
      <c r="E8797" s="18"/>
      <c r="F8797" s="18"/>
      <c r="G8797" s="18"/>
      <c r="H8797" s="18"/>
      <c r="I8797" s="18"/>
      <c r="J8797" s="18"/>
      <c r="K8797" s="18"/>
      <c r="L8797" s="18"/>
      <c r="M8797" s="18"/>
      <c r="N8797" s="18"/>
      <c r="O8797" s="18"/>
      <c r="P8797" s="19"/>
      <c r="Q8797" s="19"/>
      <c r="R8797" s="19"/>
      <c r="S8797" s="19"/>
      <c r="T8797" s="19"/>
      <c r="U8797" s="19"/>
      <c r="V8797" s="19"/>
      <c r="W8797" s="19"/>
      <c r="X8797" s="19"/>
      <c r="Y8797" s="19"/>
      <c r="Z8797" s="19"/>
      <c r="AA8797" s="19"/>
    </row>
    <row r="8798" spans="1:27" s="1" customFormat="1" ht="11.1" customHeight="1" outlineLevel="1" x14ac:dyDescent="0.2">
      <c r="A8798" s="17">
        <v>14311</v>
      </c>
      <c r="B8798" s="17"/>
      <c r="C8798" s="17"/>
      <c r="D8798" s="18" t="s">
        <v>4358</v>
      </c>
      <c r="E8798" s="18"/>
      <c r="F8798" s="18"/>
      <c r="G8798" s="18"/>
      <c r="H8798" s="18"/>
      <c r="I8798" s="18"/>
      <c r="J8798" s="18"/>
      <c r="K8798" s="18"/>
      <c r="L8798" s="18"/>
      <c r="M8798" s="18"/>
      <c r="N8798" s="18"/>
      <c r="O8798" s="18"/>
      <c r="P8798" s="19">
        <v>60</v>
      </c>
      <c r="Q8798" s="19"/>
      <c r="R8798" s="19"/>
      <c r="S8798" s="19"/>
      <c r="T8798" s="19">
        <v>35</v>
      </c>
      <c r="U8798" s="19"/>
      <c r="V8798" s="19"/>
      <c r="W8798" s="19"/>
      <c r="X8798" s="19">
        <v>10</v>
      </c>
      <c r="Y8798" s="19"/>
      <c r="Z8798" s="19"/>
      <c r="AA8798" s="19"/>
    </row>
    <row r="8799" spans="1:27" s="1" customFormat="1" ht="11.1" customHeight="1" outlineLevel="1" x14ac:dyDescent="0.2">
      <c r="A8799" s="17"/>
      <c r="B8799" s="17"/>
      <c r="C8799" s="17"/>
      <c r="D8799" s="18"/>
      <c r="E8799" s="18"/>
      <c r="F8799" s="18"/>
      <c r="G8799" s="18"/>
      <c r="H8799" s="18"/>
      <c r="I8799" s="18"/>
      <c r="J8799" s="18"/>
      <c r="K8799" s="18"/>
      <c r="L8799" s="18"/>
      <c r="M8799" s="18"/>
      <c r="N8799" s="18"/>
      <c r="O8799" s="18"/>
      <c r="P8799" s="19"/>
      <c r="Q8799" s="19"/>
      <c r="R8799" s="19"/>
      <c r="S8799" s="19"/>
      <c r="T8799" s="19"/>
      <c r="U8799" s="19"/>
      <c r="V8799" s="19"/>
      <c r="W8799" s="19"/>
      <c r="X8799" s="19"/>
      <c r="Y8799" s="19"/>
      <c r="Z8799" s="19"/>
      <c r="AA8799" s="19"/>
    </row>
    <row r="8800" spans="1:27" s="1" customFormat="1" ht="14.1" customHeight="1" outlineLevel="1" x14ac:dyDescent="0.2">
      <c r="A8800" s="17">
        <v>17629</v>
      </c>
      <c r="B8800" s="17"/>
      <c r="C8800" s="17"/>
      <c r="D8800" s="18" t="s">
        <v>4359</v>
      </c>
      <c r="E8800" s="18"/>
      <c r="F8800" s="18"/>
      <c r="G8800" s="18"/>
      <c r="H8800" s="18"/>
      <c r="I8800" s="18"/>
      <c r="J8800" s="18"/>
      <c r="K8800" s="18"/>
      <c r="L8800" s="18"/>
      <c r="M8800" s="18"/>
      <c r="N8800" s="18"/>
      <c r="O8800" s="18"/>
      <c r="P8800" s="19">
        <v>500</v>
      </c>
      <c r="Q8800" s="19"/>
      <c r="R8800" s="19"/>
      <c r="S8800" s="19"/>
      <c r="T8800" s="19">
        <v>400</v>
      </c>
      <c r="U8800" s="19"/>
      <c r="V8800" s="19"/>
      <c r="W8800" s="19"/>
      <c r="X8800" s="19">
        <v>1</v>
      </c>
      <c r="Y8800" s="19"/>
      <c r="Z8800" s="19"/>
      <c r="AA8800" s="19"/>
    </row>
    <row r="8801" spans="1:27" s="1" customFormat="1" ht="14.1" customHeight="1" outlineLevel="1" x14ac:dyDescent="0.2">
      <c r="A8801" s="17"/>
      <c r="B8801" s="17"/>
      <c r="C8801" s="17"/>
      <c r="D8801" s="18"/>
      <c r="E8801" s="18"/>
      <c r="F8801" s="18"/>
      <c r="G8801" s="18"/>
      <c r="H8801" s="18"/>
      <c r="I8801" s="18"/>
      <c r="J8801" s="18"/>
      <c r="K8801" s="18"/>
      <c r="L8801" s="18"/>
      <c r="M8801" s="18"/>
      <c r="N8801" s="18"/>
      <c r="O8801" s="18"/>
      <c r="P8801" s="19"/>
      <c r="Q8801" s="19"/>
      <c r="R8801" s="19"/>
      <c r="S8801" s="19"/>
      <c r="T8801" s="19"/>
      <c r="U8801" s="19"/>
      <c r="V8801" s="19"/>
      <c r="W8801" s="19"/>
      <c r="X8801" s="19"/>
      <c r="Y8801" s="19"/>
      <c r="Z8801" s="19"/>
      <c r="AA8801" s="19"/>
    </row>
    <row r="8802" spans="1:27" s="1" customFormat="1" ht="11.1" customHeight="1" outlineLevel="1" x14ac:dyDescent="0.2">
      <c r="A8802" s="17">
        <v>14293</v>
      </c>
      <c r="B8802" s="17"/>
      <c r="C8802" s="17"/>
      <c r="D8802" s="18" t="s">
        <v>4360</v>
      </c>
      <c r="E8802" s="18"/>
      <c r="F8802" s="18"/>
      <c r="G8802" s="18"/>
      <c r="H8802" s="18"/>
      <c r="I8802" s="18"/>
      <c r="J8802" s="18"/>
      <c r="K8802" s="18"/>
      <c r="L8802" s="18"/>
      <c r="M8802" s="18"/>
      <c r="N8802" s="18"/>
      <c r="O8802" s="18"/>
      <c r="P8802" s="19">
        <v>180</v>
      </c>
      <c r="Q8802" s="19"/>
      <c r="R8802" s="19"/>
      <c r="S8802" s="19"/>
      <c r="T8802" s="19">
        <v>140</v>
      </c>
      <c r="U8802" s="19"/>
      <c r="V8802" s="19"/>
      <c r="W8802" s="19"/>
      <c r="X8802" s="19">
        <v>10</v>
      </c>
      <c r="Y8802" s="19"/>
      <c r="Z8802" s="19"/>
      <c r="AA8802" s="19"/>
    </row>
    <row r="8803" spans="1:27" s="1" customFormat="1" ht="11.1" customHeight="1" outlineLevel="1" x14ac:dyDescent="0.2">
      <c r="A8803" s="17"/>
      <c r="B8803" s="17"/>
      <c r="C8803" s="17"/>
      <c r="D8803" s="18"/>
      <c r="E8803" s="18"/>
      <c r="F8803" s="18"/>
      <c r="G8803" s="18"/>
      <c r="H8803" s="18"/>
      <c r="I8803" s="18"/>
      <c r="J8803" s="18"/>
      <c r="K8803" s="18"/>
      <c r="L8803" s="18"/>
      <c r="M8803" s="18"/>
      <c r="N8803" s="18"/>
      <c r="O8803" s="18"/>
      <c r="P8803" s="19"/>
      <c r="Q8803" s="19"/>
      <c r="R8803" s="19"/>
      <c r="S8803" s="19"/>
      <c r="T8803" s="19"/>
      <c r="U8803" s="19"/>
      <c r="V8803" s="19"/>
      <c r="W8803" s="19"/>
      <c r="X8803" s="19"/>
      <c r="Y8803" s="19"/>
      <c r="Z8803" s="19"/>
      <c r="AA8803" s="19"/>
    </row>
    <row r="8804" spans="1:27" s="1" customFormat="1" ht="14.1" customHeight="1" outlineLevel="1" x14ac:dyDescent="0.2">
      <c r="A8804" s="17">
        <v>13635</v>
      </c>
      <c r="B8804" s="17"/>
      <c r="C8804" s="17"/>
      <c r="D8804" s="18" t="s">
        <v>4361</v>
      </c>
      <c r="E8804" s="18"/>
      <c r="F8804" s="18"/>
      <c r="G8804" s="18"/>
      <c r="H8804" s="18"/>
      <c r="I8804" s="18"/>
      <c r="J8804" s="18"/>
      <c r="K8804" s="18"/>
      <c r="L8804" s="18"/>
      <c r="M8804" s="18"/>
      <c r="N8804" s="18"/>
      <c r="O8804" s="18"/>
      <c r="P8804" s="19">
        <v>180</v>
      </c>
      <c r="Q8804" s="19"/>
      <c r="R8804" s="19"/>
      <c r="S8804" s="19"/>
      <c r="T8804" s="19">
        <v>140</v>
      </c>
      <c r="U8804" s="19"/>
      <c r="V8804" s="19"/>
      <c r="W8804" s="19"/>
      <c r="X8804" s="19">
        <v>20</v>
      </c>
      <c r="Y8804" s="19"/>
      <c r="Z8804" s="19"/>
      <c r="AA8804" s="19"/>
    </row>
    <row r="8805" spans="1:27" s="1" customFormat="1" ht="14.1" customHeight="1" outlineLevel="1" x14ac:dyDescent="0.2">
      <c r="A8805" s="17"/>
      <c r="B8805" s="17"/>
      <c r="C8805" s="17"/>
      <c r="D8805" s="18"/>
      <c r="E8805" s="18"/>
      <c r="F8805" s="18"/>
      <c r="G8805" s="18"/>
      <c r="H8805" s="18"/>
      <c r="I8805" s="18"/>
      <c r="J8805" s="18"/>
      <c r="K8805" s="18"/>
      <c r="L8805" s="18"/>
      <c r="M8805" s="18"/>
      <c r="N8805" s="18"/>
      <c r="O8805" s="18"/>
      <c r="P8805" s="19"/>
      <c r="Q8805" s="19"/>
      <c r="R8805" s="19"/>
      <c r="S8805" s="19"/>
      <c r="T8805" s="19"/>
      <c r="U8805" s="19"/>
      <c r="V8805" s="19"/>
      <c r="W8805" s="19"/>
      <c r="X8805" s="19"/>
      <c r="Y8805" s="19"/>
      <c r="Z8805" s="19"/>
      <c r="AA8805" s="19"/>
    </row>
    <row r="8806" spans="1:27" s="1" customFormat="1" ht="14.1" customHeight="1" outlineLevel="1" x14ac:dyDescent="0.2">
      <c r="A8806" s="17">
        <v>15573</v>
      </c>
      <c r="B8806" s="17"/>
      <c r="C8806" s="17"/>
      <c r="D8806" s="18" t="s">
        <v>4362</v>
      </c>
      <c r="E8806" s="18"/>
      <c r="F8806" s="18"/>
      <c r="G8806" s="18"/>
      <c r="H8806" s="18"/>
      <c r="I8806" s="18"/>
      <c r="J8806" s="18"/>
      <c r="K8806" s="18"/>
      <c r="L8806" s="18"/>
      <c r="M8806" s="18"/>
      <c r="N8806" s="18"/>
      <c r="O8806" s="18"/>
      <c r="P8806" s="19">
        <v>670</v>
      </c>
      <c r="Q8806" s="19"/>
      <c r="R8806" s="19"/>
      <c r="S8806" s="19"/>
      <c r="T8806" s="19">
        <v>600</v>
      </c>
      <c r="U8806" s="19"/>
      <c r="V8806" s="19"/>
      <c r="W8806" s="19"/>
      <c r="X8806" s="19">
        <v>1</v>
      </c>
      <c r="Y8806" s="19"/>
      <c r="Z8806" s="19"/>
      <c r="AA8806" s="19"/>
    </row>
    <row r="8807" spans="1:27" s="1" customFormat="1" ht="14.1" customHeight="1" outlineLevel="1" x14ac:dyDescent="0.2">
      <c r="A8807" s="17"/>
      <c r="B8807" s="17"/>
      <c r="C8807" s="17"/>
      <c r="D8807" s="18"/>
      <c r="E8807" s="18"/>
      <c r="F8807" s="18"/>
      <c r="G8807" s="18"/>
      <c r="H8807" s="18"/>
      <c r="I8807" s="18"/>
      <c r="J8807" s="18"/>
      <c r="K8807" s="18"/>
      <c r="L8807" s="18"/>
      <c r="M8807" s="18"/>
      <c r="N8807" s="18"/>
      <c r="O8807" s="18"/>
      <c r="P8807" s="19"/>
      <c r="Q8807" s="19"/>
      <c r="R8807" s="19"/>
      <c r="S8807" s="19"/>
      <c r="T8807" s="19"/>
      <c r="U8807" s="19"/>
      <c r="V8807" s="19"/>
      <c r="W8807" s="19"/>
      <c r="X8807" s="19"/>
      <c r="Y8807" s="19"/>
      <c r="Z8807" s="19"/>
      <c r="AA8807" s="19"/>
    </row>
    <row r="8808" spans="1:27" s="1" customFormat="1" ht="11.1" customHeight="1" outlineLevel="1" x14ac:dyDescent="0.2">
      <c r="A8808" s="17">
        <v>14294</v>
      </c>
      <c r="B8808" s="17"/>
      <c r="C8808" s="17"/>
      <c r="D8808" s="18" t="s">
        <v>4363</v>
      </c>
      <c r="E8808" s="18"/>
      <c r="F8808" s="18"/>
      <c r="G8808" s="18"/>
      <c r="H8808" s="18"/>
      <c r="I8808" s="18"/>
      <c r="J8808" s="18"/>
      <c r="K8808" s="18"/>
      <c r="L8808" s="18"/>
      <c r="M8808" s="18"/>
      <c r="N8808" s="18"/>
      <c r="O8808" s="18"/>
      <c r="P8808" s="19">
        <v>180</v>
      </c>
      <c r="Q8808" s="19"/>
      <c r="R8808" s="19"/>
      <c r="S8808" s="19"/>
      <c r="T8808" s="19">
        <v>140</v>
      </c>
      <c r="U8808" s="19"/>
      <c r="V8808" s="19"/>
      <c r="W8808" s="19"/>
      <c r="X8808" s="19">
        <v>10</v>
      </c>
      <c r="Y8808" s="19"/>
      <c r="Z8808" s="19"/>
      <c r="AA8808" s="19"/>
    </row>
    <row r="8809" spans="1:27" s="1" customFormat="1" ht="11.1" customHeight="1" outlineLevel="1" x14ac:dyDescent="0.2">
      <c r="A8809" s="17"/>
      <c r="B8809" s="17"/>
      <c r="C8809" s="17"/>
      <c r="D8809" s="18"/>
      <c r="E8809" s="18"/>
      <c r="F8809" s="18"/>
      <c r="G8809" s="18"/>
      <c r="H8809" s="18"/>
      <c r="I8809" s="18"/>
      <c r="J8809" s="18"/>
      <c r="K8809" s="18"/>
      <c r="L8809" s="18"/>
      <c r="M8809" s="18"/>
      <c r="N8809" s="18"/>
      <c r="O8809" s="18"/>
      <c r="P8809" s="19"/>
      <c r="Q8809" s="19"/>
      <c r="R8809" s="19"/>
      <c r="S8809" s="19"/>
      <c r="T8809" s="19"/>
      <c r="U8809" s="19"/>
      <c r="V8809" s="19"/>
      <c r="W8809" s="19"/>
      <c r="X8809" s="19"/>
      <c r="Y8809" s="19"/>
      <c r="Z8809" s="19"/>
      <c r="AA8809" s="19"/>
    </row>
    <row r="8810" spans="1:27" s="1" customFormat="1" ht="11.1" customHeight="1" outlineLevel="1" x14ac:dyDescent="0.2">
      <c r="A8810" s="17">
        <v>14295</v>
      </c>
      <c r="B8810" s="17"/>
      <c r="C8810" s="17"/>
      <c r="D8810" s="18" t="s">
        <v>4364</v>
      </c>
      <c r="E8810" s="18"/>
      <c r="F8810" s="18"/>
      <c r="G8810" s="18"/>
      <c r="H8810" s="18"/>
      <c r="I8810" s="18"/>
      <c r="J8810" s="18"/>
      <c r="K8810" s="18"/>
      <c r="L8810" s="18"/>
      <c r="M8810" s="18"/>
      <c r="N8810" s="18"/>
      <c r="O8810" s="18"/>
      <c r="P8810" s="19">
        <v>180</v>
      </c>
      <c r="Q8810" s="19"/>
      <c r="R8810" s="19"/>
      <c r="S8810" s="19"/>
      <c r="T8810" s="19">
        <v>140</v>
      </c>
      <c r="U8810" s="19"/>
      <c r="V8810" s="19"/>
      <c r="W8810" s="19"/>
      <c r="X8810" s="19">
        <v>9</v>
      </c>
      <c r="Y8810" s="19"/>
      <c r="Z8810" s="19"/>
      <c r="AA8810" s="19"/>
    </row>
    <row r="8811" spans="1:27" s="1" customFormat="1" ht="11.1" customHeight="1" outlineLevel="1" x14ac:dyDescent="0.2">
      <c r="A8811" s="17"/>
      <c r="B8811" s="17"/>
      <c r="C8811" s="17"/>
      <c r="D8811" s="18"/>
      <c r="E8811" s="18"/>
      <c r="F8811" s="18"/>
      <c r="G8811" s="18"/>
      <c r="H8811" s="18"/>
      <c r="I8811" s="18"/>
      <c r="J8811" s="18"/>
      <c r="K8811" s="18"/>
      <c r="L8811" s="18"/>
      <c r="M8811" s="18"/>
      <c r="N8811" s="18"/>
      <c r="O8811" s="18"/>
      <c r="P8811" s="19"/>
      <c r="Q8811" s="19"/>
      <c r="R8811" s="19"/>
      <c r="S8811" s="19"/>
      <c r="T8811" s="19"/>
      <c r="U8811" s="19"/>
      <c r="V8811" s="19"/>
      <c r="W8811" s="19"/>
      <c r="X8811" s="19"/>
      <c r="Y8811" s="19"/>
      <c r="Z8811" s="19"/>
      <c r="AA8811" s="19"/>
    </row>
    <row r="8812" spans="1:27" s="1" customFormat="1" ht="11.1" customHeight="1" outlineLevel="1" x14ac:dyDescent="0.2">
      <c r="A8812" s="17">
        <v>14296</v>
      </c>
      <c r="B8812" s="17"/>
      <c r="C8812" s="17"/>
      <c r="D8812" s="18" t="s">
        <v>4365</v>
      </c>
      <c r="E8812" s="18"/>
      <c r="F8812" s="18"/>
      <c r="G8812" s="18"/>
      <c r="H8812" s="18"/>
      <c r="I8812" s="18"/>
      <c r="J8812" s="18"/>
      <c r="K8812" s="18"/>
      <c r="L8812" s="18"/>
      <c r="M8812" s="18"/>
      <c r="N8812" s="18"/>
      <c r="O8812" s="18"/>
      <c r="P8812" s="19">
        <v>220</v>
      </c>
      <c r="Q8812" s="19"/>
      <c r="R8812" s="19"/>
      <c r="S8812" s="19"/>
      <c r="T8812" s="19">
        <v>170</v>
      </c>
      <c r="U8812" s="19"/>
      <c r="V8812" s="19"/>
      <c r="W8812" s="19"/>
      <c r="X8812" s="19">
        <v>10</v>
      </c>
      <c r="Y8812" s="19"/>
      <c r="Z8812" s="19"/>
      <c r="AA8812" s="19"/>
    </row>
    <row r="8813" spans="1:27" s="1" customFormat="1" ht="11.1" customHeight="1" outlineLevel="1" x14ac:dyDescent="0.2">
      <c r="A8813" s="17"/>
      <c r="B8813" s="17"/>
      <c r="C8813" s="17"/>
      <c r="D8813" s="18"/>
      <c r="E8813" s="18"/>
      <c r="F8813" s="18"/>
      <c r="G8813" s="18"/>
      <c r="H8813" s="18"/>
      <c r="I8813" s="18"/>
      <c r="J8813" s="18"/>
      <c r="K8813" s="18"/>
      <c r="L8813" s="18"/>
      <c r="M8813" s="18"/>
      <c r="N8813" s="18"/>
      <c r="O8813" s="18"/>
      <c r="P8813" s="19"/>
      <c r="Q8813" s="19"/>
      <c r="R8813" s="19"/>
      <c r="S8813" s="19"/>
      <c r="T8813" s="19"/>
      <c r="U8813" s="19"/>
      <c r="V8813" s="19"/>
      <c r="W8813" s="19"/>
      <c r="X8813" s="19"/>
      <c r="Y8813" s="19"/>
      <c r="Z8813" s="19"/>
      <c r="AA8813" s="19"/>
    </row>
    <row r="8814" spans="1:27" s="1" customFormat="1" ht="14.1" customHeight="1" outlineLevel="1" x14ac:dyDescent="0.2">
      <c r="A8814" s="17">
        <v>17525</v>
      </c>
      <c r="B8814" s="17"/>
      <c r="C8814" s="17"/>
      <c r="D8814" s="18" t="s">
        <v>4366</v>
      </c>
      <c r="E8814" s="18"/>
      <c r="F8814" s="18"/>
      <c r="G8814" s="18"/>
      <c r="H8814" s="18"/>
      <c r="I8814" s="18"/>
      <c r="J8814" s="18"/>
      <c r="K8814" s="18"/>
      <c r="L8814" s="18"/>
      <c r="M8814" s="18"/>
      <c r="N8814" s="18"/>
      <c r="O8814" s="18"/>
      <c r="P8814" s="19">
        <v>600</v>
      </c>
      <c r="Q8814" s="19"/>
      <c r="R8814" s="19"/>
      <c r="S8814" s="19"/>
      <c r="T8814" s="19">
        <v>500</v>
      </c>
      <c r="U8814" s="19"/>
      <c r="V8814" s="19"/>
      <c r="W8814" s="19"/>
      <c r="X8814" s="19">
        <v>1</v>
      </c>
      <c r="Y8814" s="19"/>
      <c r="Z8814" s="19"/>
      <c r="AA8814" s="19"/>
    </row>
    <row r="8815" spans="1:27" s="1" customFormat="1" ht="14.1" customHeight="1" outlineLevel="1" x14ac:dyDescent="0.2">
      <c r="A8815" s="17"/>
      <c r="B8815" s="17"/>
      <c r="C8815" s="17"/>
      <c r="D8815" s="18"/>
      <c r="E8815" s="18"/>
      <c r="F8815" s="18"/>
      <c r="G8815" s="18"/>
      <c r="H8815" s="18"/>
      <c r="I8815" s="18"/>
      <c r="J8815" s="18"/>
      <c r="K8815" s="18"/>
      <c r="L8815" s="18"/>
      <c r="M8815" s="18"/>
      <c r="N8815" s="18"/>
      <c r="O8815" s="18"/>
      <c r="P8815" s="19"/>
      <c r="Q8815" s="19"/>
      <c r="R8815" s="19"/>
      <c r="S8815" s="19"/>
      <c r="T8815" s="19"/>
      <c r="U8815" s="19"/>
      <c r="V8815" s="19"/>
      <c r="W8815" s="19"/>
      <c r="X8815" s="19"/>
      <c r="Y8815" s="19"/>
      <c r="Z8815" s="19"/>
      <c r="AA8815" s="19"/>
    </row>
    <row r="8816" spans="1:27" s="1" customFormat="1" ht="14.1" customHeight="1" outlineLevel="1" x14ac:dyDescent="0.2">
      <c r="A8816" s="17">
        <v>15833</v>
      </c>
      <c r="B8816" s="17"/>
      <c r="C8816" s="17"/>
      <c r="D8816" s="18" t="s">
        <v>4367</v>
      </c>
      <c r="E8816" s="18"/>
      <c r="F8816" s="18"/>
      <c r="G8816" s="18"/>
      <c r="H8816" s="18"/>
      <c r="I8816" s="18"/>
      <c r="J8816" s="18"/>
      <c r="K8816" s="18"/>
      <c r="L8816" s="18"/>
      <c r="M8816" s="18"/>
      <c r="N8816" s="18"/>
      <c r="O8816" s="18"/>
      <c r="P8816" s="19">
        <v>360</v>
      </c>
      <c r="Q8816" s="19"/>
      <c r="R8816" s="19"/>
      <c r="S8816" s="19"/>
      <c r="T8816" s="19">
        <v>300</v>
      </c>
      <c r="U8816" s="19"/>
      <c r="V8816" s="19"/>
      <c r="W8816" s="19"/>
      <c r="X8816" s="19">
        <v>1</v>
      </c>
      <c r="Y8816" s="19"/>
      <c r="Z8816" s="19"/>
      <c r="AA8816" s="19"/>
    </row>
    <row r="8817" spans="1:27" s="1" customFormat="1" ht="14.1" customHeight="1" outlineLevel="1" x14ac:dyDescent="0.2">
      <c r="A8817" s="17"/>
      <c r="B8817" s="17"/>
      <c r="C8817" s="17"/>
      <c r="D8817" s="18"/>
      <c r="E8817" s="18"/>
      <c r="F8817" s="18"/>
      <c r="G8817" s="18"/>
      <c r="H8817" s="18"/>
      <c r="I8817" s="18"/>
      <c r="J8817" s="18"/>
      <c r="K8817" s="18"/>
      <c r="L8817" s="18"/>
      <c r="M8817" s="18"/>
      <c r="N8817" s="18"/>
      <c r="O8817" s="18"/>
      <c r="P8817" s="19"/>
      <c r="Q8817" s="19"/>
      <c r="R8817" s="19"/>
      <c r="S8817" s="19"/>
      <c r="T8817" s="19"/>
      <c r="U8817" s="19"/>
      <c r="V8817" s="19"/>
      <c r="W8817" s="19"/>
      <c r="X8817" s="19"/>
      <c r="Y8817" s="19"/>
      <c r="Z8817" s="19"/>
      <c r="AA8817" s="19"/>
    </row>
    <row r="8818" spans="1:27" s="1" customFormat="1" ht="14.1" customHeight="1" outlineLevel="1" x14ac:dyDescent="0.2">
      <c r="A8818" s="17">
        <v>15832</v>
      </c>
      <c r="B8818" s="17"/>
      <c r="C8818" s="17"/>
      <c r="D8818" s="18" t="s">
        <v>4368</v>
      </c>
      <c r="E8818" s="18"/>
      <c r="F8818" s="18"/>
      <c r="G8818" s="18"/>
      <c r="H8818" s="18"/>
      <c r="I8818" s="18"/>
      <c r="J8818" s="18"/>
      <c r="K8818" s="18"/>
      <c r="L8818" s="18"/>
      <c r="M8818" s="18"/>
      <c r="N8818" s="18"/>
      <c r="O8818" s="18"/>
      <c r="P8818" s="19">
        <v>250</v>
      </c>
      <c r="Q8818" s="19"/>
      <c r="R8818" s="19"/>
      <c r="S8818" s="19"/>
      <c r="T8818" s="19">
        <v>150</v>
      </c>
      <c r="U8818" s="19"/>
      <c r="V8818" s="19"/>
      <c r="W8818" s="19"/>
      <c r="X8818" s="19">
        <v>2</v>
      </c>
      <c r="Y8818" s="19"/>
      <c r="Z8818" s="19"/>
      <c r="AA8818" s="19"/>
    </row>
    <row r="8819" spans="1:27" s="1" customFormat="1" ht="14.1" customHeight="1" outlineLevel="1" x14ac:dyDescent="0.2">
      <c r="A8819" s="17"/>
      <c r="B8819" s="17"/>
      <c r="C8819" s="17"/>
      <c r="D8819" s="18"/>
      <c r="E8819" s="18"/>
      <c r="F8819" s="18"/>
      <c r="G8819" s="18"/>
      <c r="H8819" s="18"/>
      <c r="I8819" s="18"/>
      <c r="J8819" s="18"/>
      <c r="K8819" s="18"/>
      <c r="L8819" s="18"/>
      <c r="M8819" s="18"/>
      <c r="N8819" s="18"/>
      <c r="O8819" s="18"/>
      <c r="P8819" s="19"/>
      <c r="Q8819" s="19"/>
      <c r="R8819" s="19"/>
      <c r="S8819" s="19"/>
      <c r="T8819" s="19"/>
      <c r="U8819" s="19"/>
      <c r="V8819" s="19"/>
      <c r="W8819" s="19"/>
      <c r="X8819" s="19"/>
      <c r="Y8819" s="19"/>
      <c r="Z8819" s="19"/>
      <c r="AA8819" s="19"/>
    </row>
    <row r="8820" spans="1:27" s="1" customFormat="1" ht="14.1" customHeight="1" outlineLevel="1" x14ac:dyDescent="0.2">
      <c r="A8820" s="17">
        <v>14297</v>
      </c>
      <c r="B8820" s="17"/>
      <c r="C8820" s="17"/>
      <c r="D8820" s="18" t="s">
        <v>4369</v>
      </c>
      <c r="E8820" s="18"/>
      <c r="F8820" s="18"/>
      <c r="G8820" s="18"/>
      <c r="H8820" s="18"/>
      <c r="I8820" s="18"/>
      <c r="J8820" s="18"/>
      <c r="K8820" s="18"/>
      <c r="L8820" s="18"/>
      <c r="M8820" s="18"/>
      <c r="N8820" s="18"/>
      <c r="O8820" s="18"/>
      <c r="P8820" s="19">
        <v>180</v>
      </c>
      <c r="Q8820" s="19"/>
      <c r="R8820" s="19"/>
      <c r="S8820" s="19"/>
      <c r="T8820" s="19">
        <v>140</v>
      </c>
      <c r="U8820" s="19"/>
      <c r="V8820" s="19"/>
      <c r="W8820" s="19"/>
      <c r="X8820" s="19">
        <v>20</v>
      </c>
      <c r="Y8820" s="19"/>
      <c r="Z8820" s="19"/>
      <c r="AA8820" s="19"/>
    </row>
    <row r="8821" spans="1:27" s="1" customFormat="1" ht="14.1" customHeight="1" outlineLevel="1" x14ac:dyDescent="0.2">
      <c r="A8821" s="17"/>
      <c r="B8821" s="17"/>
      <c r="C8821" s="17"/>
      <c r="D8821" s="18"/>
      <c r="E8821" s="18"/>
      <c r="F8821" s="18"/>
      <c r="G8821" s="18"/>
      <c r="H8821" s="18"/>
      <c r="I8821" s="18"/>
      <c r="J8821" s="18"/>
      <c r="K8821" s="18"/>
      <c r="L8821" s="18"/>
      <c r="M8821" s="18"/>
      <c r="N8821" s="18"/>
      <c r="O8821" s="18"/>
      <c r="P8821" s="19"/>
      <c r="Q8821" s="19"/>
      <c r="R8821" s="19"/>
      <c r="S8821" s="19"/>
      <c r="T8821" s="19"/>
      <c r="U8821" s="19"/>
      <c r="V8821" s="19"/>
      <c r="W8821" s="19"/>
      <c r="X8821" s="19"/>
      <c r="Y8821" s="19"/>
      <c r="Z8821" s="19"/>
      <c r="AA8821" s="19"/>
    </row>
    <row r="8822" spans="1:27" s="1" customFormat="1" ht="11.1" customHeight="1" outlineLevel="1" x14ac:dyDescent="0.2">
      <c r="A8822" s="17">
        <v>14299</v>
      </c>
      <c r="B8822" s="17"/>
      <c r="C8822" s="17"/>
      <c r="D8822" s="18" t="s">
        <v>4370</v>
      </c>
      <c r="E8822" s="18"/>
      <c r="F8822" s="18"/>
      <c r="G8822" s="18"/>
      <c r="H8822" s="18"/>
      <c r="I8822" s="18"/>
      <c r="J8822" s="18"/>
      <c r="K8822" s="18"/>
      <c r="L8822" s="18"/>
      <c r="M8822" s="18"/>
      <c r="N8822" s="18"/>
      <c r="O8822" s="18"/>
      <c r="P8822" s="19">
        <v>210</v>
      </c>
      <c r="Q8822" s="19"/>
      <c r="R8822" s="19"/>
      <c r="S8822" s="19"/>
      <c r="T8822" s="19">
        <v>160</v>
      </c>
      <c r="U8822" s="19"/>
      <c r="V8822" s="19"/>
      <c r="W8822" s="19"/>
      <c r="X8822" s="19">
        <v>20</v>
      </c>
      <c r="Y8822" s="19"/>
      <c r="Z8822" s="19"/>
      <c r="AA8822" s="19"/>
    </row>
    <row r="8823" spans="1:27" s="1" customFormat="1" ht="11.1" customHeight="1" outlineLevel="1" x14ac:dyDescent="0.2">
      <c r="A8823" s="17"/>
      <c r="B8823" s="17"/>
      <c r="C8823" s="17"/>
      <c r="D8823" s="18"/>
      <c r="E8823" s="18"/>
      <c r="F8823" s="18"/>
      <c r="G8823" s="18"/>
      <c r="H8823" s="18"/>
      <c r="I8823" s="18"/>
      <c r="J8823" s="18"/>
      <c r="K8823" s="18"/>
      <c r="L8823" s="18"/>
      <c r="M8823" s="18"/>
      <c r="N8823" s="18"/>
      <c r="O8823" s="18"/>
      <c r="P8823" s="19"/>
      <c r="Q8823" s="19"/>
      <c r="R8823" s="19"/>
      <c r="S8823" s="19"/>
      <c r="T8823" s="19"/>
      <c r="U8823" s="19"/>
      <c r="V8823" s="19"/>
      <c r="W8823" s="19"/>
      <c r="X8823" s="19"/>
      <c r="Y8823" s="19"/>
      <c r="Z8823" s="19"/>
      <c r="AA8823" s="19"/>
    </row>
    <row r="8824" spans="1:27" s="1" customFormat="1" ht="14.1" customHeight="1" outlineLevel="1" x14ac:dyDescent="0.2">
      <c r="A8824" s="17">
        <v>14298</v>
      </c>
      <c r="B8824" s="17"/>
      <c r="C8824" s="17"/>
      <c r="D8824" s="18" t="s">
        <v>4371</v>
      </c>
      <c r="E8824" s="18"/>
      <c r="F8824" s="18"/>
      <c r="G8824" s="18"/>
      <c r="H8824" s="18"/>
      <c r="I8824" s="18"/>
      <c r="J8824" s="18"/>
      <c r="K8824" s="18"/>
      <c r="L8824" s="18"/>
      <c r="M8824" s="18"/>
      <c r="N8824" s="18"/>
      <c r="O8824" s="18"/>
      <c r="P8824" s="19">
        <v>210</v>
      </c>
      <c r="Q8824" s="19"/>
      <c r="R8824" s="19"/>
      <c r="S8824" s="19"/>
      <c r="T8824" s="19">
        <v>160</v>
      </c>
      <c r="U8824" s="19"/>
      <c r="V8824" s="19"/>
      <c r="W8824" s="19"/>
      <c r="X8824" s="19">
        <v>20</v>
      </c>
      <c r="Y8824" s="19"/>
      <c r="Z8824" s="19"/>
      <c r="AA8824" s="19"/>
    </row>
    <row r="8825" spans="1:27" s="1" customFormat="1" ht="14.1" customHeight="1" outlineLevel="1" x14ac:dyDescent="0.2">
      <c r="A8825" s="17"/>
      <c r="B8825" s="17"/>
      <c r="C8825" s="17"/>
      <c r="D8825" s="18"/>
      <c r="E8825" s="18"/>
      <c r="F8825" s="18"/>
      <c r="G8825" s="18"/>
      <c r="H8825" s="18"/>
      <c r="I8825" s="18"/>
      <c r="J8825" s="18"/>
      <c r="K8825" s="18"/>
      <c r="L8825" s="18"/>
      <c r="M8825" s="18"/>
      <c r="N8825" s="18"/>
      <c r="O8825" s="18"/>
      <c r="P8825" s="19"/>
      <c r="Q8825" s="19"/>
      <c r="R8825" s="19"/>
      <c r="S8825" s="19"/>
      <c r="T8825" s="19"/>
      <c r="U8825" s="19"/>
      <c r="V8825" s="19"/>
      <c r="W8825" s="19"/>
      <c r="X8825" s="19"/>
      <c r="Y8825" s="19"/>
      <c r="Z8825" s="19"/>
      <c r="AA8825" s="19"/>
    </row>
    <row r="8826" spans="1:27" s="1" customFormat="1" ht="14.1" customHeight="1" outlineLevel="1" x14ac:dyDescent="0.2">
      <c r="A8826" s="17">
        <v>16364</v>
      </c>
      <c r="B8826" s="17"/>
      <c r="C8826" s="17"/>
      <c r="D8826" s="18" t="s">
        <v>4372</v>
      </c>
      <c r="E8826" s="18"/>
      <c r="F8826" s="18"/>
      <c r="G8826" s="18"/>
      <c r="H8826" s="18"/>
      <c r="I8826" s="18"/>
      <c r="J8826" s="18"/>
      <c r="K8826" s="18"/>
      <c r="L8826" s="18"/>
      <c r="M8826" s="18"/>
      <c r="N8826" s="18"/>
      <c r="O8826" s="18"/>
      <c r="P8826" s="19">
        <v>700</v>
      </c>
      <c r="Q8826" s="19"/>
      <c r="R8826" s="19"/>
      <c r="S8826" s="19"/>
      <c r="T8826" s="19">
        <v>600</v>
      </c>
      <c r="U8826" s="19"/>
      <c r="V8826" s="19"/>
      <c r="W8826" s="19"/>
      <c r="X8826" s="19">
        <v>2</v>
      </c>
      <c r="Y8826" s="19"/>
      <c r="Z8826" s="19"/>
      <c r="AA8826" s="19"/>
    </row>
    <row r="8827" spans="1:27" s="1" customFormat="1" ht="14.1" customHeight="1" outlineLevel="1" x14ac:dyDescent="0.2">
      <c r="A8827" s="17"/>
      <c r="B8827" s="17"/>
      <c r="C8827" s="17"/>
      <c r="D8827" s="18"/>
      <c r="E8827" s="18"/>
      <c r="F8827" s="18"/>
      <c r="G8827" s="18"/>
      <c r="H8827" s="18"/>
      <c r="I8827" s="18"/>
      <c r="J8827" s="18"/>
      <c r="K8827" s="18"/>
      <c r="L8827" s="18"/>
      <c r="M8827" s="18"/>
      <c r="N8827" s="18"/>
      <c r="O8827" s="18"/>
      <c r="P8827" s="19"/>
      <c r="Q8827" s="19"/>
      <c r="R8827" s="19"/>
      <c r="S8827" s="19"/>
      <c r="T8827" s="19"/>
      <c r="U8827" s="19"/>
      <c r="V8827" s="19"/>
      <c r="W8827" s="19"/>
      <c r="X8827" s="19"/>
      <c r="Y8827" s="19"/>
      <c r="Z8827" s="19"/>
      <c r="AA8827" s="19"/>
    </row>
    <row r="8828" spans="1:27" s="1" customFormat="1" ht="14.1" customHeight="1" outlineLevel="1" x14ac:dyDescent="0.2">
      <c r="A8828" s="17">
        <v>14357</v>
      </c>
      <c r="B8828" s="17"/>
      <c r="C8828" s="17"/>
      <c r="D8828" s="18" t="s">
        <v>4373</v>
      </c>
      <c r="E8828" s="18"/>
      <c r="F8828" s="18"/>
      <c r="G8828" s="18"/>
      <c r="H8828" s="18"/>
      <c r="I8828" s="18"/>
      <c r="J8828" s="18"/>
      <c r="K8828" s="18"/>
      <c r="L8828" s="18"/>
      <c r="M8828" s="18"/>
      <c r="N8828" s="18"/>
      <c r="O8828" s="18"/>
      <c r="P8828" s="19">
        <v>180</v>
      </c>
      <c r="Q8828" s="19"/>
      <c r="R8828" s="19"/>
      <c r="S8828" s="19"/>
      <c r="T8828" s="19">
        <v>140</v>
      </c>
      <c r="U8828" s="19"/>
      <c r="V8828" s="19"/>
      <c r="W8828" s="19"/>
      <c r="X8828" s="19">
        <v>10</v>
      </c>
      <c r="Y8828" s="19"/>
      <c r="Z8828" s="19"/>
      <c r="AA8828" s="19"/>
    </row>
    <row r="8829" spans="1:27" s="1" customFormat="1" ht="14.1" customHeight="1" outlineLevel="1" x14ac:dyDescent="0.2">
      <c r="A8829" s="17"/>
      <c r="B8829" s="17"/>
      <c r="C8829" s="17"/>
      <c r="D8829" s="18"/>
      <c r="E8829" s="18"/>
      <c r="F8829" s="18"/>
      <c r="G8829" s="18"/>
      <c r="H8829" s="18"/>
      <c r="I8829" s="18"/>
      <c r="J8829" s="18"/>
      <c r="K8829" s="18"/>
      <c r="L8829" s="18"/>
      <c r="M8829" s="18"/>
      <c r="N8829" s="18"/>
      <c r="O8829" s="18"/>
      <c r="P8829" s="19"/>
      <c r="Q8829" s="19"/>
      <c r="R8829" s="19"/>
      <c r="S8829" s="19"/>
      <c r="T8829" s="19"/>
      <c r="U8829" s="19"/>
      <c r="V8829" s="19"/>
      <c r="W8829" s="19"/>
      <c r="X8829" s="19"/>
      <c r="Y8829" s="19"/>
      <c r="Z8829" s="19"/>
      <c r="AA8829" s="19"/>
    </row>
    <row r="8830" spans="1:27" s="1" customFormat="1" ht="14.1" customHeight="1" outlineLevel="1" x14ac:dyDescent="0.2">
      <c r="A8830" s="17">
        <v>14358</v>
      </c>
      <c r="B8830" s="17"/>
      <c r="C8830" s="17"/>
      <c r="D8830" s="18" t="s">
        <v>4374</v>
      </c>
      <c r="E8830" s="18"/>
      <c r="F8830" s="18"/>
      <c r="G8830" s="18"/>
      <c r="H8830" s="18"/>
      <c r="I8830" s="18"/>
      <c r="J8830" s="18"/>
      <c r="K8830" s="18"/>
      <c r="L8830" s="18"/>
      <c r="M8830" s="18"/>
      <c r="N8830" s="18"/>
      <c r="O8830" s="18"/>
      <c r="P8830" s="19">
        <v>220</v>
      </c>
      <c r="Q8830" s="19"/>
      <c r="R8830" s="19"/>
      <c r="S8830" s="19"/>
      <c r="T8830" s="19">
        <v>170</v>
      </c>
      <c r="U8830" s="19"/>
      <c r="V8830" s="19"/>
      <c r="W8830" s="19"/>
      <c r="X8830" s="19">
        <v>10</v>
      </c>
      <c r="Y8830" s="19"/>
      <c r="Z8830" s="19"/>
      <c r="AA8830" s="19"/>
    </row>
    <row r="8831" spans="1:27" s="1" customFormat="1" ht="14.1" customHeight="1" outlineLevel="1" x14ac:dyDescent="0.2">
      <c r="A8831" s="17"/>
      <c r="B8831" s="17"/>
      <c r="C8831" s="17"/>
      <c r="D8831" s="18"/>
      <c r="E8831" s="18"/>
      <c r="F8831" s="18"/>
      <c r="G8831" s="18"/>
      <c r="H8831" s="18"/>
      <c r="I8831" s="18"/>
      <c r="J8831" s="18"/>
      <c r="K8831" s="18"/>
      <c r="L8831" s="18"/>
      <c r="M8831" s="18"/>
      <c r="N8831" s="18"/>
      <c r="O8831" s="18"/>
      <c r="P8831" s="19"/>
      <c r="Q8831" s="19"/>
      <c r="R8831" s="19"/>
      <c r="S8831" s="19"/>
      <c r="T8831" s="19"/>
      <c r="U8831" s="19"/>
      <c r="V8831" s="19"/>
      <c r="W8831" s="19"/>
      <c r="X8831" s="19"/>
      <c r="Y8831" s="19"/>
      <c r="Z8831" s="19"/>
      <c r="AA8831" s="19"/>
    </row>
    <row r="8832" spans="1:27" s="1" customFormat="1" ht="14.1" customHeight="1" outlineLevel="1" x14ac:dyDescent="0.2">
      <c r="A8832" s="17">
        <v>15308</v>
      </c>
      <c r="B8832" s="17"/>
      <c r="C8832" s="17"/>
      <c r="D8832" s="18" t="s">
        <v>4375</v>
      </c>
      <c r="E8832" s="18"/>
      <c r="F8832" s="18"/>
      <c r="G8832" s="18"/>
      <c r="H8832" s="18"/>
      <c r="I8832" s="18"/>
      <c r="J8832" s="18"/>
      <c r="K8832" s="18"/>
      <c r="L8832" s="18"/>
      <c r="M8832" s="18"/>
      <c r="N8832" s="18"/>
      <c r="O8832" s="18"/>
      <c r="P8832" s="19">
        <v>170</v>
      </c>
      <c r="Q8832" s="19"/>
      <c r="R8832" s="19"/>
      <c r="S8832" s="19"/>
      <c r="T8832" s="19">
        <v>130</v>
      </c>
      <c r="U8832" s="19"/>
      <c r="V8832" s="19"/>
      <c r="W8832" s="19"/>
      <c r="X8832" s="19">
        <v>9</v>
      </c>
      <c r="Y8832" s="19"/>
      <c r="Z8832" s="19"/>
      <c r="AA8832" s="19"/>
    </row>
    <row r="8833" spans="1:27" s="1" customFormat="1" ht="14.1" customHeight="1" outlineLevel="1" x14ac:dyDescent="0.2">
      <c r="A8833" s="17"/>
      <c r="B8833" s="17"/>
      <c r="C8833" s="17"/>
      <c r="D8833" s="18"/>
      <c r="E8833" s="18"/>
      <c r="F8833" s="18"/>
      <c r="G8833" s="18"/>
      <c r="H8833" s="18"/>
      <c r="I8833" s="18"/>
      <c r="J8833" s="18"/>
      <c r="K8833" s="18"/>
      <c r="L8833" s="18"/>
      <c r="M8833" s="18"/>
      <c r="N8833" s="18"/>
      <c r="O8833" s="18"/>
      <c r="P8833" s="19"/>
      <c r="Q8833" s="19"/>
      <c r="R8833" s="19"/>
      <c r="S8833" s="19"/>
      <c r="T8833" s="19"/>
      <c r="U8833" s="19"/>
      <c r="V8833" s="19"/>
      <c r="W8833" s="19"/>
      <c r="X8833" s="19"/>
      <c r="Y8833" s="19"/>
      <c r="Z8833" s="19"/>
      <c r="AA8833" s="19"/>
    </row>
    <row r="8834" spans="1:27" s="1" customFormat="1" ht="11.1" customHeight="1" outlineLevel="1" x14ac:dyDescent="0.2">
      <c r="A8834" s="17">
        <v>14359</v>
      </c>
      <c r="B8834" s="17"/>
      <c r="C8834" s="17"/>
      <c r="D8834" s="18" t="s">
        <v>4376</v>
      </c>
      <c r="E8834" s="18"/>
      <c r="F8834" s="18"/>
      <c r="G8834" s="18"/>
      <c r="H8834" s="18"/>
      <c r="I8834" s="18"/>
      <c r="J8834" s="18"/>
      <c r="K8834" s="18"/>
      <c r="L8834" s="18"/>
      <c r="M8834" s="18"/>
      <c r="N8834" s="18"/>
      <c r="O8834" s="18"/>
      <c r="P8834" s="19">
        <v>260</v>
      </c>
      <c r="Q8834" s="19"/>
      <c r="R8834" s="19"/>
      <c r="S8834" s="19"/>
      <c r="T8834" s="19">
        <v>190</v>
      </c>
      <c r="U8834" s="19"/>
      <c r="V8834" s="19"/>
      <c r="W8834" s="19"/>
      <c r="X8834" s="19">
        <v>10</v>
      </c>
      <c r="Y8834" s="19"/>
      <c r="Z8834" s="19"/>
      <c r="AA8834" s="19"/>
    </row>
    <row r="8835" spans="1:27" s="1" customFormat="1" ht="11.1" customHeight="1" outlineLevel="1" x14ac:dyDescent="0.2">
      <c r="A8835" s="17"/>
      <c r="B8835" s="17"/>
      <c r="C8835" s="17"/>
      <c r="D8835" s="18"/>
      <c r="E8835" s="18"/>
      <c r="F8835" s="18"/>
      <c r="G8835" s="18"/>
      <c r="H8835" s="18"/>
      <c r="I8835" s="18"/>
      <c r="J8835" s="18"/>
      <c r="K8835" s="18"/>
      <c r="L8835" s="18"/>
      <c r="M8835" s="18"/>
      <c r="N8835" s="18"/>
      <c r="O8835" s="18"/>
      <c r="P8835" s="19"/>
      <c r="Q8835" s="19"/>
      <c r="R8835" s="19"/>
      <c r="S8835" s="19"/>
      <c r="T8835" s="19"/>
      <c r="U8835" s="19"/>
      <c r="V8835" s="19"/>
      <c r="W8835" s="19"/>
      <c r="X8835" s="19"/>
      <c r="Y8835" s="19"/>
      <c r="Z8835" s="19"/>
      <c r="AA8835" s="19"/>
    </row>
    <row r="8836" spans="1:27" s="1" customFormat="1" ht="14.1" customHeight="1" outlineLevel="1" x14ac:dyDescent="0.2">
      <c r="A8836" s="17">
        <v>14360</v>
      </c>
      <c r="B8836" s="17"/>
      <c r="C8836" s="17"/>
      <c r="D8836" s="18" t="s">
        <v>4377</v>
      </c>
      <c r="E8836" s="18"/>
      <c r="F8836" s="18"/>
      <c r="G8836" s="18"/>
      <c r="H8836" s="18"/>
      <c r="I8836" s="18"/>
      <c r="J8836" s="18"/>
      <c r="K8836" s="18"/>
      <c r="L8836" s="18"/>
      <c r="M8836" s="18"/>
      <c r="N8836" s="18"/>
      <c r="O8836" s="18"/>
      <c r="P8836" s="19">
        <v>260</v>
      </c>
      <c r="Q8836" s="19"/>
      <c r="R8836" s="19"/>
      <c r="S8836" s="19"/>
      <c r="T8836" s="19">
        <v>190</v>
      </c>
      <c r="U8836" s="19"/>
      <c r="V8836" s="19"/>
      <c r="W8836" s="19"/>
      <c r="X8836" s="19">
        <v>20</v>
      </c>
      <c r="Y8836" s="19"/>
      <c r="Z8836" s="19"/>
      <c r="AA8836" s="19"/>
    </row>
    <row r="8837" spans="1:27" s="1" customFormat="1" ht="14.1" customHeight="1" outlineLevel="1" x14ac:dyDescent="0.2">
      <c r="A8837" s="17"/>
      <c r="B8837" s="17"/>
      <c r="C8837" s="17"/>
      <c r="D8837" s="18"/>
      <c r="E8837" s="18"/>
      <c r="F8837" s="18"/>
      <c r="G8837" s="18"/>
      <c r="H8837" s="18"/>
      <c r="I8837" s="18"/>
      <c r="J8837" s="18"/>
      <c r="K8837" s="18"/>
      <c r="L8837" s="18"/>
      <c r="M8837" s="18"/>
      <c r="N8837" s="18"/>
      <c r="O8837" s="18"/>
      <c r="P8837" s="19"/>
      <c r="Q8837" s="19"/>
      <c r="R8837" s="19"/>
      <c r="S8837" s="19"/>
      <c r="T8837" s="19"/>
      <c r="U8837" s="19"/>
      <c r="V8837" s="19"/>
      <c r="W8837" s="19"/>
      <c r="X8837" s="19"/>
      <c r="Y8837" s="19"/>
      <c r="Z8837" s="19"/>
      <c r="AA8837" s="19"/>
    </row>
    <row r="8838" spans="1:27" s="1" customFormat="1" ht="11.1" customHeight="1" outlineLevel="1" x14ac:dyDescent="0.2">
      <c r="A8838" s="17">
        <v>17690</v>
      </c>
      <c r="B8838" s="17"/>
      <c r="C8838" s="17"/>
      <c r="D8838" s="18" t="s">
        <v>4378</v>
      </c>
      <c r="E8838" s="18"/>
      <c r="F8838" s="18"/>
      <c r="G8838" s="18"/>
      <c r="H8838" s="18"/>
      <c r="I8838" s="18"/>
      <c r="J8838" s="18"/>
      <c r="K8838" s="18"/>
      <c r="L8838" s="18"/>
      <c r="M8838" s="18"/>
      <c r="N8838" s="18"/>
      <c r="O8838" s="18"/>
      <c r="P8838" s="19">
        <v>260</v>
      </c>
      <c r="Q8838" s="19"/>
      <c r="R8838" s="19"/>
      <c r="S8838" s="19"/>
      <c r="T8838" s="19">
        <v>190</v>
      </c>
      <c r="U8838" s="19"/>
      <c r="V8838" s="19"/>
      <c r="W8838" s="19"/>
      <c r="X8838" s="19">
        <v>10</v>
      </c>
      <c r="Y8838" s="19"/>
      <c r="Z8838" s="19"/>
      <c r="AA8838" s="19"/>
    </row>
    <row r="8839" spans="1:27" s="1" customFormat="1" ht="11.1" customHeight="1" outlineLevel="1" x14ac:dyDescent="0.2">
      <c r="A8839" s="17"/>
      <c r="B8839" s="17"/>
      <c r="C8839" s="17"/>
      <c r="D8839" s="18"/>
      <c r="E8839" s="18"/>
      <c r="F8839" s="18"/>
      <c r="G8839" s="18"/>
      <c r="H8839" s="18"/>
      <c r="I8839" s="18"/>
      <c r="J8839" s="18"/>
      <c r="K8839" s="18"/>
      <c r="L8839" s="18"/>
      <c r="M8839" s="18"/>
      <c r="N8839" s="18"/>
      <c r="O8839" s="18"/>
      <c r="P8839" s="19"/>
      <c r="Q8839" s="19"/>
      <c r="R8839" s="19"/>
      <c r="S8839" s="19"/>
      <c r="T8839" s="19"/>
      <c r="U8839" s="19"/>
      <c r="V8839" s="19"/>
      <c r="W8839" s="19"/>
      <c r="X8839" s="19"/>
      <c r="Y8839" s="19"/>
      <c r="Z8839" s="19"/>
      <c r="AA8839" s="19"/>
    </row>
    <row r="8840" spans="1:27" s="1" customFormat="1" ht="11.1" customHeight="1" outlineLevel="1" x14ac:dyDescent="0.2">
      <c r="A8840" s="17">
        <v>12099</v>
      </c>
      <c r="B8840" s="17"/>
      <c r="C8840" s="17"/>
      <c r="D8840" s="18" t="s">
        <v>4379</v>
      </c>
      <c r="E8840" s="18"/>
      <c r="F8840" s="18"/>
      <c r="G8840" s="18"/>
      <c r="H8840" s="18"/>
      <c r="I8840" s="18"/>
      <c r="J8840" s="18"/>
      <c r="K8840" s="18"/>
      <c r="L8840" s="18"/>
      <c r="M8840" s="18"/>
      <c r="N8840" s="18"/>
      <c r="O8840" s="18"/>
      <c r="P8840" s="19">
        <v>300</v>
      </c>
      <c r="Q8840" s="19"/>
      <c r="R8840" s="19"/>
      <c r="S8840" s="19"/>
      <c r="T8840" s="19">
        <v>250</v>
      </c>
      <c r="U8840" s="19"/>
      <c r="V8840" s="19"/>
      <c r="W8840" s="19"/>
      <c r="X8840" s="19">
        <v>1</v>
      </c>
      <c r="Y8840" s="19"/>
      <c r="Z8840" s="19"/>
      <c r="AA8840" s="19"/>
    </row>
    <row r="8841" spans="1:27" s="1" customFormat="1" ht="11.1" customHeight="1" outlineLevel="1" x14ac:dyDescent="0.2">
      <c r="A8841" s="17"/>
      <c r="B8841" s="17"/>
      <c r="C8841" s="17"/>
      <c r="D8841" s="18"/>
      <c r="E8841" s="18"/>
      <c r="F8841" s="18"/>
      <c r="G8841" s="18"/>
      <c r="H8841" s="18"/>
      <c r="I8841" s="18"/>
      <c r="J8841" s="18"/>
      <c r="K8841" s="18"/>
      <c r="L8841" s="18"/>
      <c r="M8841" s="18"/>
      <c r="N8841" s="18"/>
      <c r="O8841" s="18"/>
      <c r="P8841" s="19"/>
      <c r="Q8841" s="19"/>
      <c r="R8841" s="19"/>
      <c r="S8841" s="19"/>
      <c r="T8841" s="19"/>
      <c r="U8841" s="19"/>
      <c r="V8841" s="19"/>
      <c r="W8841" s="19"/>
      <c r="X8841" s="19"/>
      <c r="Y8841" s="19"/>
      <c r="Z8841" s="19"/>
      <c r="AA8841" s="19"/>
    </row>
    <row r="8842" spans="1:27" s="1" customFormat="1" ht="11.1" customHeight="1" outlineLevel="1" x14ac:dyDescent="0.2">
      <c r="A8842" s="17">
        <v>12918</v>
      </c>
      <c r="B8842" s="17"/>
      <c r="C8842" s="17"/>
      <c r="D8842" s="18" t="s">
        <v>4380</v>
      </c>
      <c r="E8842" s="18"/>
      <c r="F8842" s="18"/>
      <c r="G8842" s="18"/>
      <c r="H8842" s="18"/>
      <c r="I8842" s="18"/>
      <c r="J8842" s="18"/>
      <c r="K8842" s="18"/>
      <c r="L8842" s="18"/>
      <c r="M8842" s="18"/>
      <c r="N8842" s="18"/>
      <c r="O8842" s="18"/>
      <c r="P8842" s="19">
        <v>120</v>
      </c>
      <c r="Q8842" s="19"/>
      <c r="R8842" s="19"/>
      <c r="S8842" s="19"/>
      <c r="T8842" s="19">
        <v>90</v>
      </c>
      <c r="U8842" s="19"/>
      <c r="V8842" s="19"/>
      <c r="W8842" s="19"/>
      <c r="X8842" s="19">
        <v>1</v>
      </c>
      <c r="Y8842" s="19"/>
      <c r="Z8842" s="19"/>
      <c r="AA8842" s="19"/>
    </row>
    <row r="8843" spans="1:27" s="1" customFormat="1" ht="11.1" customHeight="1" outlineLevel="1" x14ac:dyDescent="0.2">
      <c r="A8843" s="17"/>
      <c r="B8843" s="17"/>
      <c r="C8843" s="17"/>
      <c r="D8843" s="18"/>
      <c r="E8843" s="18"/>
      <c r="F8843" s="18"/>
      <c r="G8843" s="18"/>
      <c r="H8843" s="18"/>
      <c r="I8843" s="18"/>
      <c r="J8843" s="18"/>
      <c r="K8843" s="18"/>
      <c r="L8843" s="18"/>
      <c r="M8843" s="18"/>
      <c r="N8843" s="18"/>
      <c r="O8843" s="18"/>
      <c r="P8843" s="19"/>
      <c r="Q8843" s="19"/>
      <c r="R8843" s="19"/>
      <c r="S8843" s="19"/>
      <c r="T8843" s="19"/>
      <c r="U8843" s="19"/>
      <c r="V8843" s="19"/>
      <c r="W8843" s="19"/>
      <c r="X8843" s="19"/>
      <c r="Y8843" s="19"/>
      <c r="Z8843" s="19"/>
      <c r="AA8843" s="19"/>
    </row>
    <row r="8844" spans="1:27" s="1" customFormat="1" ht="14.1" customHeight="1" outlineLevel="1" x14ac:dyDescent="0.2">
      <c r="A8844" s="17">
        <v>16949</v>
      </c>
      <c r="B8844" s="17"/>
      <c r="C8844" s="17"/>
      <c r="D8844" s="18" t="s">
        <v>4381</v>
      </c>
      <c r="E8844" s="18"/>
      <c r="F8844" s="18"/>
      <c r="G8844" s="18"/>
      <c r="H8844" s="18"/>
      <c r="I8844" s="18"/>
      <c r="J8844" s="18"/>
      <c r="K8844" s="18"/>
      <c r="L8844" s="18"/>
      <c r="M8844" s="18"/>
      <c r="N8844" s="18"/>
      <c r="O8844" s="18"/>
      <c r="P8844" s="19">
        <v>150</v>
      </c>
      <c r="Q8844" s="19"/>
      <c r="R8844" s="19"/>
      <c r="S8844" s="19"/>
      <c r="T8844" s="19">
        <v>100</v>
      </c>
      <c r="U8844" s="19"/>
      <c r="V8844" s="19"/>
      <c r="W8844" s="19"/>
      <c r="X8844" s="19">
        <v>1</v>
      </c>
      <c r="Y8844" s="19"/>
      <c r="Z8844" s="19"/>
      <c r="AA8844" s="19"/>
    </row>
    <row r="8845" spans="1:27" s="1" customFormat="1" ht="14.1" customHeight="1" outlineLevel="1" x14ac:dyDescent="0.2">
      <c r="A8845" s="17"/>
      <c r="B8845" s="17"/>
      <c r="C8845" s="17"/>
      <c r="D8845" s="18"/>
      <c r="E8845" s="18"/>
      <c r="F8845" s="18"/>
      <c r="G8845" s="18"/>
      <c r="H8845" s="18"/>
      <c r="I8845" s="18"/>
      <c r="J8845" s="18"/>
      <c r="K8845" s="18"/>
      <c r="L8845" s="18"/>
      <c r="M8845" s="18"/>
      <c r="N8845" s="18"/>
      <c r="O8845" s="18"/>
      <c r="P8845" s="19"/>
      <c r="Q8845" s="19"/>
      <c r="R8845" s="19"/>
      <c r="S8845" s="19"/>
      <c r="T8845" s="19"/>
      <c r="U8845" s="19"/>
      <c r="V8845" s="19"/>
      <c r="W8845" s="19"/>
      <c r="X8845" s="19"/>
      <c r="Y8845" s="19"/>
      <c r="Z8845" s="19"/>
      <c r="AA8845" s="19"/>
    </row>
    <row r="8846" spans="1:27" s="1" customFormat="1" ht="14.1" customHeight="1" outlineLevel="1" x14ac:dyDescent="0.2">
      <c r="A8846" s="17">
        <v>14362</v>
      </c>
      <c r="B8846" s="17"/>
      <c r="C8846" s="17"/>
      <c r="D8846" s="18" t="s">
        <v>4382</v>
      </c>
      <c r="E8846" s="18"/>
      <c r="F8846" s="18"/>
      <c r="G8846" s="18"/>
      <c r="H8846" s="18"/>
      <c r="I8846" s="18"/>
      <c r="J8846" s="18"/>
      <c r="K8846" s="18"/>
      <c r="L8846" s="18"/>
      <c r="M8846" s="18"/>
      <c r="N8846" s="18"/>
      <c r="O8846" s="18"/>
      <c r="P8846" s="19">
        <v>75</v>
      </c>
      <c r="Q8846" s="19"/>
      <c r="R8846" s="19"/>
      <c r="S8846" s="19"/>
      <c r="T8846" s="19">
        <v>50</v>
      </c>
      <c r="U8846" s="19"/>
      <c r="V8846" s="19"/>
      <c r="W8846" s="19"/>
      <c r="X8846" s="19">
        <v>10</v>
      </c>
      <c r="Y8846" s="19"/>
      <c r="Z8846" s="19"/>
      <c r="AA8846" s="19"/>
    </row>
    <row r="8847" spans="1:27" s="1" customFormat="1" ht="14.1" customHeight="1" outlineLevel="1" x14ac:dyDescent="0.2">
      <c r="A8847" s="17"/>
      <c r="B8847" s="17"/>
      <c r="C8847" s="17"/>
      <c r="D8847" s="18"/>
      <c r="E8847" s="18"/>
      <c r="F8847" s="18"/>
      <c r="G8847" s="18"/>
      <c r="H8847" s="18"/>
      <c r="I8847" s="18"/>
      <c r="J8847" s="18"/>
      <c r="K8847" s="18"/>
      <c r="L8847" s="18"/>
      <c r="M8847" s="18"/>
      <c r="N8847" s="18"/>
      <c r="O8847" s="18"/>
      <c r="P8847" s="19"/>
      <c r="Q8847" s="19"/>
      <c r="R8847" s="19"/>
      <c r="S8847" s="19"/>
      <c r="T8847" s="19"/>
      <c r="U8847" s="19"/>
      <c r="V8847" s="19"/>
      <c r="W8847" s="19"/>
      <c r="X8847" s="19"/>
      <c r="Y8847" s="19"/>
      <c r="Z8847" s="19"/>
      <c r="AA8847" s="19"/>
    </row>
    <row r="8848" spans="1:27" s="1" customFormat="1" ht="14.1" customHeight="1" outlineLevel="1" x14ac:dyDescent="0.2">
      <c r="A8848" s="17">
        <v>14363</v>
      </c>
      <c r="B8848" s="17"/>
      <c r="C8848" s="17"/>
      <c r="D8848" s="18" t="s">
        <v>4383</v>
      </c>
      <c r="E8848" s="18"/>
      <c r="F8848" s="18"/>
      <c r="G8848" s="18"/>
      <c r="H8848" s="18"/>
      <c r="I8848" s="18"/>
      <c r="J8848" s="18"/>
      <c r="K8848" s="18"/>
      <c r="L8848" s="18"/>
      <c r="M8848" s="18"/>
      <c r="N8848" s="18"/>
      <c r="O8848" s="18"/>
      <c r="P8848" s="19">
        <v>75</v>
      </c>
      <c r="Q8848" s="19"/>
      <c r="R8848" s="19"/>
      <c r="S8848" s="19"/>
      <c r="T8848" s="19">
        <v>50</v>
      </c>
      <c r="U8848" s="19"/>
      <c r="V8848" s="19"/>
      <c r="W8848" s="19"/>
      <c r="X8848" s="19">
        <v>10</v>
      </c>
      <c r="Y8848" s="19"/>
      <c r="Z8848" s="19"/>
      <c r="AA8848" s="19"/>
    </row>
    <row r="8849" spans="1:27" s="1" customFormat="1" ht="14.1" customHeight="1" outlineLevel="1" x14ac:dyDescent="0.2">
      <c r="A8849" s="17"/>
      <c r="B8849" s="17"/>
      <c r="C8849" s="17"/>
      <c r="D8849" s="18"/>
      <c r="E8849" s="18"/>
      <c r="F8849" s="18"/>
      <c r="G8849" s="18"/>
      <c r="H8849" s="18"/>
      <c r="I8849" s="18"/>
      <c r="J8849" s="18"/>
      <c r="K8849" s="18"/>
      <c r="L8849" s="18"/>
      <c r="M8849" s="18"/>
      <c r="N8849" s="18"/>
      <c r="O8849" s="18"/>
      <c r="P8849" s="19"/>
      <c r="Q8849" s="19"/>
      <c r="R8849" s="19"/>
      <c r="S8849" s="19"/>
      <c r="T8849" s="19"/>
      <c r="U8849" s="19"/>
      <c r="V8849" s="19"/>
      <c r="W8849" s="19"/>
      <c r="X8849" s="19"/>
      <c r="Y8849" s="19"/>
      <c r="Z8849" s="19"/>
      <c r="AA8849" s="19"/>
    </row>
    <row r="8850" spans="1:27" s="1" customFormat="1" ht="14.1" customHeight="1" outlineLevel="1" x14ac:dyDescent="0.2">
      <c r="A8850" s="17">
        <v>14364</v>
      </c>
      <c r="B8850" s="17"/>
      <c r="C8850" s="17"/>
      <c r="D8850" s="18" t="s">
        <v>4384</v>
      </c>
      <c r="E8850" s="18"/>
      <c r="F8850" s="18"/>
      <c r="G8850" s="18"/>
      <c r="H8850" s="18"/>
      <c r="I8850" s="18"/>
      <c r="J8850" s="18"/>
      <c r="K8850" s="18"/>
      <c r="L8850" s="18"/>
      <c r="M8850" s="18"/>
      <c r="N8850" s="18"/>
      <c r="O8850" s="18"/>
      <c r="P8850" s="19">
        <v>75</v>
      </c>
      <c r="Q8850" s="19"/>
      <c r="R8850" s="19"/>
      <c r="S8850" s="19"/>
      <c r="T8850" s="19">
        <v>50</v>
      </c>
      <c r="U8850" s="19"/>
      <c r="V8850" s="19"/>
      <c r="W8850" s="19"/>
      <c r="X8850" s="19">
        <v>10</v>
      </c>
      <c r="Y8850" s="19"/>
      <c r="Z8850" s="19"/>
      <c r="AA8850" s="19"/>
    </row>
    <row r="8851" spans="1:27" s="1" customFormat="1" ht="14.1" customHeight="1" outlineLevel="1" x14ac:dyDescent="0.2">
      <c r="A8851" s="17"/>
      <c r="B8851" s="17"/>
      <c r="C8851" s="17"/>
      <c r="D8851" s="18"/>
      <c r="E8851" s="18"/>
      <c r="F8851" s="18"/>
      <c r="G8851" s="18"/>
      <c r="H8851" s="18"/>
      <c r="I8851" s="18"/>
      <c r="J8851" s="18"/>
      <c r="K8851" s="18"/>
      <c r="L8851" s="18"/>
      <c r="M8851" s="18"/>
      <c r="N8851" s="18"/>
      <c r="O8851" s="18"/>
      <c r="P8851" s="19"/>
      <c r="Q8851" s="19"/>
      <c r="R8851" s="19"/>
      <c r="S8851" s="19"/>
      <c r="T8851" s="19"/>
      <c r="U8851" s="19"/>
      <c r="V8851" s="19"/>
      <c r="W8851" s="19"/>
      <c r="X8851" s="19"/>
      <c r="Y8851" s="19"/>
      <c r="Z8851" s="19"/>
      <c r="AA8851" s="19"/>
    </row>
    <row r="8852" spans="1:27" s="1" customFormat="1" ht="11.1" customHeight="1" outlineLevel="1" x14ac:dyDescent="0.2">
      <c r="A8852" s="17">
        <v>12100</v>
      </c>
      <c r="B8852" s="17"/>
      <c r="C8852" s="17"/>
      <c r="D8852" s="18" t="s">
        <v>4385</v>
      </c>
      <c r="E8852" s="18"/>
      <c r="F8852" s="18"/>
      <c r="G8852" s="18"/>
      <c r="H8852" s="18"/>
      <c r="I8852" s="18"/>
      <c r="J8852" s="18"/>
      <c r="K8852" s="18"/>
      <c r="L8852" s="18"/>
      <c r="M8852" s="18"/>
      <c r="N8852" s="18"/>
      <c r="O8852" s="18"/>
      <c r="P8852" s="19">
        <v>300</v>
      </c>
      <c r="Q8852" s="19"/>
      <c r="R8852" s="19"/>
      <c r="S8852" s="19"/>
      <c r="T8852" s="19">
        <v>250</v>
      </c>
      <c r="U8852" s="19"/>
      <c r="V8852" s="19"/>
      <c r="W8852" s="19"/>
      <c r="X8852" s="19">
        <v>1</v>
      </c>
      <c r="Y8852" s="19"/>
      <c r="Z8852" s="19"/>
      <c r="AA8852" s="19"/>
    </row>
    <row r="8853" spans="1:27" s="1" customFormat="1" ht="11.1" customHeight="1" outlineLevel="1" x14ac:dyDescent="0.2">
      <c r="A8853" s="17"/>
      <c r="B8853" s="17"/>
      <c r="C8853" s="17"/>
      <c r="D8853" s="18"/>
      <c r="E8853" s="18"/>
      <c r="F8853" s="18"/>
      <c r="G8853" s="18"/>
      <c r="H8853" s="18"/>
      <c r="I8853" s="18"/>
      <c r="J8853" s="18"/>
      <c r="K8853" s="18"/>
      <c r="L8853" s="18"/>
      <c r="M8853" s="18"/>
      <c r="N8853" s="18"/>
      <c r="O8853" s="18"/>
      <c r="P8853" s="19"/>
      <c r="Q8853" s="19"/>
      <c r="R8853" s="19"/>
      <c r="S8853" s="19"/>
      <c r="T8853" s="19"/>
      <c r="U8853" s="19"/>
      <c r="V8853" s="19"/>
      <c r="W8853" s="19"/>
      <c r="X8853" s="19"/>
      <c r="Y8853" s="19"/>
      <c r="Z8853" s="19"/>
      <c r="AA8853" s="19"/>
    </row>
    <row r="8854" spans="1:27" s="1" customFormat="1" ht="11.1" customHeight="1" outlineLevel="1" x14ac:dyDescent="0.2">
      <c r="A8854" s="17">
        <v>14361</v>
      </c>
      <c r="B8854" s="17"/>
      <c r="C8854" s="17"/>
      <c r="D8854" s="18" t="s">
        <v>4386</v>
      </c>
      <c r="E8854" s="18"/>
      <c r="F8854" s="18"/>
      <c r="G8854" s="18"/>
      <c r="H8854" s="18"/>
      <c r="I8854" s="18"/>
      <c r="J8854" s="18"/>
      <c r="K8854" s="18"/>
      <c r="L8854" s="18"/>
      <c r="M8854" s="18"/>
      <c r="N8854" s="18"/>
      <c r="O8854" s="18"/>
      <c r="P8854" s="19">
        <v>170</v>
      </c>
      <c r="Q8854" s="19"/>
      <c r="R8854" s="19"/>
      <c r="S8854" s="19"/>
      <c r="T8854" s="19">
        <v>65</v>
      </c>
      <c r="U8854" s="19"/>
      <c r="V8854" s="19"/>
      <c r="W8854" s="19"/>
      <c r="X8854" s="19">
        <v>10</v>
      </c>
      <c r="Y8854" s="19"/>
      <c r="Z8854" s="19"/>
      <c r="AA8854" s="19"/>
    </row>
    <row r="8855" spans="1:27" s="1" customFormat="1" ht="11.1" customHeight="1" outlineLevel="1" x14ac:dyDescent="0.2">
      <c r="A8855" s="17"/>
      <c r="B8855" s="17"/>
      <c r="C8855" s="17"/>
      <c r="D8855" s="18"/>
      <c r="E8855" s="18"/>
      <c r="F8855" s="18"/>
      <c r="G8855" s="18"/>
      <c r="H8855" s="18"/>
      <c r="I8855" s="18"/>
      <c r="J8855" s="18"/>
      <c r="K8855" s="18"/>
      <c r="L8855" s="18"/>
      <c r="M8855" s="18"/>
      <c r="N8855" s="18"/>
      <c r="O8855" s="18"/>
      <c r="P8855" s="19"/>
      <c r="Q8855" s="19"/>
      <c r="R8855" s="19"/>
      <c r="S8855" s="19"/>
      <c r="T8855" s="19"/>
      <c r="U8855" s="19"/>
      <c r="V8855" s="19"/>
      <c r="W8855" s="19"/>
      <c r="X8855" s="19"/>
      <c r="Y8855" s="19"/>
      <c r="Z8855" s="19"/>
      <c r="AA8855" s="19"/>
    </row>
    <row r="8856" spans="1:27" s="1" customFormat="1" ht="14.1" customHeight="1" outlineLevel="1" x14ac:dyDescent="0.2">
      <c r="A8856" s="17">
        <v>15572</v>
      </c>
      <c r="B8856" s="17"/>
      <c r="C8856" s="17"/>
      <c r="D8856" s="18" t="s">
        <v>4387</v>
      </c>
      <c r="E8856" s="18"/>
      <c r="F8856" s="18"/>
      <c r="G8856" s="18"/>
      <c r="H8856" s="18"/>
      <c r="I8856" s="18"/>
      <c r="J8856" s="18"/>
      <c r="K8856" s="18"/>
      <c r="L8856" s="18"/>
      <c r="M8856" s="18"/>
      <c r="N8856" s="18"/>
      <c r="O8856" s="18"/>
      <c r="P8856" s="19">
        <v>900</v>
      </c>
      <c r="Q8856" s="19"/>
      <c r="R8856" s="19"/>
      <c r="S8856" s="19"/>
      <c r="T8856" s="19">
        <v>800</v>
      </c>
      <c r="U8856" s="19"/>
      <c r="V8856" s="19"/>
      <c r="W8856" s="19"/>
      <c r="X8856" s="19">
        <v>1</v>
      </c>
      <c r="Y8856" s="19"/>
      <c r="Z8856" s="19"/>
      <c r="AA8856" s="19"/>
    </row>
    <row r="8857" spans="1:27" s="1" customFormat="1" ht="14.1" customHeight="1" outlineLevel="1" x14ac:dyDescent="0.2">
      <c r="A8857" s="17"/>
      <c r="B8857" s="17"/>
      <c r="C8857" s="17"/>
      <c r="D8857" s="18"/>
      <c r="E8857" s="18"/>
      <c r="F8857" s="18"/>
      <c r="G8857" s="18"/>
      <c r="H8857" s="18"/>
      <c r="I8857" s="18"/>
      <c r="J8857" s="18"/>
      <c r="K8857" s="18"/>
      <c r="L8857" s="18"/>
      <c r="M8857" s="18"/>
      <c r="N8857" s="18"/>
      <c r="O8857" s="18"/>
      <c r="P8857" s="19"/>
      <c r="Q8857" s="19"/>
      <c r="R8857" s="19"/>
      <c r="S8857" s="19"/>
      <c r="T8857" s="19"/>
      <c r="U8857" s="19"/>
      <c r="V8857" s="19"/>
      <c r="W8857" s="19"/>
      <c r="X8857" s="19"/>
      <c r="Y8857" s="19"/>
      <c r="Z8857" s="19"/>
      <c r="AA8857" s="19"/>
    </row>
    <row r="8858" spans="1:27" s="1" customFormat="1" ht="14.1" customHeight="1" outlineLevel="1" x14ac:dyDescent="0.2">
      <c r="A8858" s="17">
        <v>17532</v>
      </c>
      <c r="B8858" s="17"/>
      <c r="C8858" s="17"/>
      <c r="D8858" s="18" t="s">
        <v>4388</v>
      </c>
      <c r="E8858" s="18"/>
      <c r="F8858" s="18"/>
      <c r="G8858" s="18"/>
      <c r="H8858" s="18"/>
      <c r="I8858" s="18"/>
      <c r="J8858" s="18"/>
      <c r="K8858" s="18"/>
      <c r="L8858" s="18"/>
      <c r="M8858" s="18"/>
      <c r="N8858" s="18"/>
      <c r="O8858" s="18"/>
      <c r="P8858" s="19">
        <v>150</v>
      </c>
      <c r="Q8858" s="19"/>
      <c r="R8858" s="19"/>
      <c r="S8858" s="19"/>
      <c r="T8858" s="19">
        <v>100</v>
      </c>
      <c r="U8858" s="19"/>
      <c r="V8858" s="19"/>
      <c r="W8858" s="19"/>
      <c r="X8858" s="19">
        <v>1</v>
      </c>
      <c r="Y8858" s="19"/>
      <c r="Z8858" s="19"/>
      <c r="AA8858" s="19"/>
    </row>
    <row r="8859" spans="1:27" s="1" customFormat="1" ht="14.1" customHeight="1" outlineLevel="1" x14ac:dyDescent="0.2">
      <c r="A8859" s="17"/>
      <c r="B8859" s="17"/>
      <c r="C8859" s="17"/>
      <c r="D8859" s="18"/>
      <c r="E8859" s="18"/>
      <c r="F8859" s="18"/>
      <c r="G8859" s="18"/>
      <c r="H8859" s="18"/>
      <c r="I8859" s="18"/>
      <c r="J8859" s="18"/>
      <c r="K8859" s="18"/>
      <c r="L8859" s="18"/>
      <c r="M8859" s="18"/>
      <c r="N8859" s="18"/>
      <c r="O8859" s="18"/>
      <c r="P8859" s="19"/>
      <c r="Q8859" s="19"/>
      <c r="R8859" s="19"/>
      <c r="S8859" s="19"/>
      <c r="T8859" s="19"/>
      <c r="U8859" s="19"/>
      <c r="V8859" s="19"/>
      <c r="W8859" s="19"/>
      <c r="X8859" s="19"/>
      <c r="Y8859" s="19"/>
      <c r="Z8859" s="19"/>
      <c r="AA8859" s="19"/>
    </row>
    <row r="8860" spans="1:27" s="1" customFormat="1" ht="14.1" customHeight="1" outlineLevel="1" x14ac:dyDescent="0.2">
      <c r="A8860" s="17">
        <v>16370</v>
      </c>
      <c r="B8860" s="17"/>
      <c r="C8860" s="17"/>
      <c r="D8860" s="18" t="s">
        <v>4389</v>
      </c>
      <c r="E8860" s="18"/>
      <c r="F8860" s="18"/>
      <c r="G8860" s="18"/>
      <c r="H8860" s="18"/>
      <c r="I8860" s="18"/>
      <c r="J8860" s="18"/>
      <c r="K8860" s="18"/>
      <c r="L8860" s="18"/>
      <c r="M8860" s="18"/>
      <c r="N8860" s="18"/>
      <c r="O8860" s="18"/>
      <c r="P8860" s="19">
        <v>600</v>
      </c>
      <c r="Q8860" s="19"/>
      <c r="R8860" s="19"/>
      <c r="S8860" s="19"/>
      <c r="T8860" s="19">
        <v>500</v>
      </c>
      <c r="U8860" s="19"/>
      <c r="V8860" s="19"/>
      <c r="W8860" s="19"/>
      <c r="X8860" s="19">
        <v>1</v>
      </c>
      <c r="Y8860" s="19"/>
      <c r="Z8860" s="19"/>
      <c r="AA8860" s="19"/>
    </row>
    <row r="8861" spans="1:27" s="1" customFormat="1" ht="14.1" customHeight="1" outlineLevel="1" x14ac:dyDescent="0.2">
      <c r="A8861" s="17"/>
      <c r="B8861" s="17"/>
      <c r="C8861" s="17"/>
      <c r="D8861" s="18"/>
      <c r="E8861" s="18"/>
      <c r="F8861" s="18"/>
      <c r="G8861" s="18"/>
      <c r="H8861" s="18"/>
      <c r="I8861" s="18"/>
      <c r="J8861" s="18"/>
      <c r="K8861" s="18"/>
      <c r="L8861" s="18"/>
      <c r="M8861" s="18"/>
      <c r="N8861" s="18"/>
      <c r="O8861" s="18"/>
      <c r="P8861" s="19"/>
      <c r="Q8861" s="19"/>
      <c r="R8861" s="19"/>
      <c r="S8861" s="19"/>
      <c r="T8861" s="19"/>
      <c r="U8861" s="19"/>
      <c r="V8861" s="19"/>
      <c r="W8861" s="19"/>
      <c r="X8861" s="19"/>
      <c r="Y8861" s="19"/>
      <c r="Z8861" s="19"/>
      <c r="AA8861" s="19"/>
    </row>
    <row r="8862" spans="1:27" s="1" customFormat="1" ht="14.1" customHeight="1" outlineLevel="1" x14ac:dyDescent="0.2">
      <c r="A8862" s="17">
        <v>16944</v>
      </c>
      <c r="B8862" s="17"/>
      <c r="C8862" s="17"/>
      <c r="D8862" s="18" t="s">
        <v>4390</v>
      </c>
      <c r="E8862" s="18"/>
      <c r="F8862" s="18"/>
      <c r="G8862" s="18"/>
      <c r="H8862" s="18"/>
      <c r="I8862" s="18"/>
      <c r="J8862" s="18"/>
      <c r="K8862" s="18"/>
      <c r="L8862" s="18"/>
      <c r="M8862" s="18"/>
      <c r="N8862" s="18"/>
      <c r="O8862" s="18"/>
      <c r="P8862" s="19">
        <v>600</v>
      </c>
      <c r="Q8862" s="19"/>
      <c r="R8862" s="19"/>
      <c r="S8862" s="19"/>
      <c r="T8862" s="19">
        <v>500</v>
      </c>
      <c r="U8862" s="19"/>
      <c r="V8862" s="19"/>
      <c r="W8862" s="19"/>
      <c r="X8862" s="19">
        <v>1</v>
      </c>
      <c r="Y8862" s="19"/>
      <c r="Z8862" s="19"/>
      <c r="AA8862" s="19"/>
    </row>
    <row r="8863" spans="1:27" s="1" customFormat="1" ht="14.1" customHeight="1" outlineLevel="1" x14ac:dyDescent="0.2">
      <c r="A8863" s="17"/>
      <c r="B8863" s="17"/>
      <c r="C8863" s="17"/>
      <c r="D8863" s="18"/>
      <c r="E8863" s="18"/>
      <c r="F8863" s="18"/>
      <c r="G8863" s="18"/>
      <c r="H8863" s="18"/>
      <c r="I8863" s="18"/>
      <c r="J8863" s="18"/>
      <c r="K8863" s="18"/>
      <c r="L8863" s="18"/>
      <c r="M8863" s="18"/>
      <c r="N8863" s="18"/>
      <c r="O8863" s="18"/>
      <c r="P8863" s="19"/>
      <c r="Q8863" s="19"/>
      <c r="R8863" s="19"/>
      <c r="S8863" s="19"/>
      <c r="T8863" s="19"/>
      <c r="U8863" s="19"/>
      <c r="V8863" s="19"/>
      <c r="W8863" s="19"/>
      <c r="X8863" s="19"/>
      <c r="Y8863" s="19"/>
      <c r="Z8863" s="19"/>
      <c r="AA8863" s="19"/>
    </row>
    <row r="8864" spans="1:27" s="1" customFormat="1" ht="14.1" customHeight="1" outlineLevel="1" x14ac:dyDescent="0.2">
      <c r="A8864" s="17">
        <v>17638</v>
      </c>
      <c r="B8864" s="17"/>
      <c r="C8864" s="17"/>
      <c r="D8864" s="18" t="s">
        <v>4391</v>
      </c>
      <c r="E8864" s="18"/>
      <c r="F8864" s="18"/>
      <c r="G8864" s="18"/>
      <c r="H8864" s="18"/>
      <c r="I8864" s="18"/>
      <c r="J8864" s="18"/>
      <c r="K8864" s="18"/>
      <c r="L8864" s="18"/>
      <c r="M8864" s="18"/>
      <c r="N8864" s="18"/>
      <c r="O8864" s="18"/>
      <c r="P8864" s="19">
        <v>600</v>
      </c>
      <c r="Q8864" s="19"/>
      <c r="R8864" s="19"/>
      <c r="S8864" s="19"/>
      <c r="T8864" s="19">
        <v>500</v>
      </c>
      <c r="U8864" s="19"/>
      <c r="V8864" s="19"/>
      <c r="W8864" s="19"/>
      <c r="X8864" s="19">
        <v>1</v>
      </c>
      <c r="Y8864" s="19"/>
      <c r="Z8864" s="19"/>
      <c r="AA8864" s="19"/>
    </row>
    <row r="8865" spans="1:27" s="1" customFormat="1" ht="14.1" customHeight="1" outlineLevel="1" x14ac:dyDescent="0.2">
      <c r="A8865" s="17"/>
      <c r="B8865" s="17"/>
      <c r="C8865" s="17"/>
      <c r="D8865" s="18"/>
      <c r="E8865" s="18"/>
      <c r="F8865" s="18"/>
      <c r="G8865" s="18"/>
      <c r="H8865" s="18"/>
      <c r="I8865" s="18"/>
      <c r="J8865" s="18"/>
      <c r="K8865" s="18"/>
      <c r="L8865" s="18"/>
      <c r="M8865" s="18"/>
      <c r="N8865" s="18"/>
      <c r="O8865" s="18"/>
      <c r="P8865" s="19"/>
      <c r="Q8865" s="19"/>
      <c r="R8865" s="19"/>
      <c r="S8865" s="19"/>
      <c r="T8865" s="19"/>
      <c r="U8865" s="19"/>
      <c r="V8865" s="19"/>
      <c r="W8865" s="19"/>
      <c r="X8865" s="19"/>
      <c r="Y8865" s="19"/>
      <c r="Z8865" s="19"/>
      <c r="AA8865" s="19"/>
    </row>
    <row r="8866" spans="1:27" s="1" customFormat="1" ht="14.1" customHeight="1" outlineLevel="1" x14ac:dyDescent="0.2">
      <c r="A8866" s="17">
        <v>10111</v>
      </c>
      <c r="B8866" s="17"/>
      <c r="C8866" s="17"/>
      <c r="D8866" s="18" t="s">
        <v>4392</v>
      </c>
      <c r="E8866" s="18"/>
      <c r="F8866" s="18"/>
      <c r="G8866" s="18"/>
      <c r="H8866" s="18"/>
      <c r="I8866" s="18"/>
      <c r="J8866" s="18"/>
      <c r="K8866" s="18"/>
      <c r="L8866" s="18"/>
      <c r="M8866" s="18"/>
      <c r="N8866" s="18"/>
      <c r="O8866" s="18"/>
      <c r="P8866" s="19">
        <v>700</v>
      </c>
      <c r="Q8866" s="19"/>
      <c r="R8866" s="19"/>
      <c r="S8866" s="19"/>
      <c r="T8866" s="19">
        <v>650</v>
      </c>
      <c r="U8866" s="19"/>
      <c r="V8866" s="19"/>
      <c r="W8866" s="19"/>
      <c r="X8866" s="19">
        <v>1</v>
      </c>
      <c r="Y8866" s="19"/>
      <c r="Z8866" s="19"/>
      <c r="AA8866" s="19"/>
    </row>
    <row r="8867" spans="1:27" s="1" customFormat="1" ht="14.1" customHeight="1" outlineLevel="1" x14ac:dyDescent="0.2">
      <c r="A8867" s="17"/>
      <c r="B8867" s="17"/>
      <c r="C8867" s="17"/>
      <c r="D8867" s="18"/>
      <c r="E8867" s="18"/>
      <c r="F8867" s="18"/>
      <c r="G8867" s="18"/>
      <c r="H8867" s="18"/>
      <c r="I8867" s="18"/>
      <c r="J8867" s="18"/>
      <c r="K8867" s="18"/>
      <c r="L8867" s="18"/>
      <c r="M8867" s="18"/>
      <c r="N8867" s="18"/>
      <c r="O8867" s="18"/>
      <c r="P8867" s="19"/>
      <c r="Q8867" s="19"/>
      <c r="R8867" s="19"/>
      <c r="S8867" s="19"/>
      <c r="T8867" s="19"/>
      <c r="U8867" s="19"/>
      <c r="V8867" s="19"/>
      <c r="W8867" s="19"/>
      <c r="X8867" s="19"/>
      <c r="Y8867" s="19"/>
      <c r="Z8867" s="19"/>
      <c r="AA8867" s="19"/>
    </row>
    <row r="8868" spans="1:27" s="1" customFormat="1" ht="11.1" customHeight="1" x14ac:dyDescent="0.2">
      <c r="A8868" s="16" t="s">
        <v>4393</v>
      </c>
      <c r="B8868" s="16"/>
      <c r="C8868" s="16"/>
      <c r="D8868" s="16"/>
      <c r="E8868" s="16"/>
      <c r="F8868" s="16"/>
      <c r="G8868" s="16"/>
      <c r="H8868" s="16"/>
      <c r="I8868" s="16"/>
      <c r="J8868" s="16"/>
      <c r="K8868" s="16"/>
      <c r="L8868" s="16"/>
      <c r="M8868" s="16"/>
      <c r="N8868" s="16"/>
      <c r="O8868" s="16"/>
      <c r="P8868" s="16"/>
      <c r="Q8868" s="16"/>
      <c r="R8868" s="16"/>
      <c r="S8868" s="16"/>
      <c r="T8868" s="16"/>
      <c r="U8868" s="16"/>
      <c r="V8868" s="16"/>
      <c r="W8868" s="16"/>
      <c r="X8868" s="16"/>
      <c r="Y8868" s="16"/>
      <c r="Z8868" s="16"/>
      <c r="AA8868" s="16"/>
    </row>
    <row r="8869" spans="1:27" s="1" customFormat="1" ht="11.1" customHeight="1" x14ac:dyDescent="0.2">
      <c r="A8869" s="16"/>
      <c r="B8869" s="16"/>
      <c r="C8869" s="16"/>
      <c r="D8869" s="16"/>
      <c r="E8869" s="16"/>
      <c r="F8869" s="16"/>
      <c r="G8869" s="16"/>
      <c r="H8869" s="16"/>
      <c r="I8869" s="16"/>
      <c r="J8869" s="16"/>
      <c r="K8869" s="16"/>
      <c r="L8869" s="16"/>
      <c r="M8869" s="16"/>
      <c r="N8869" s="16"/>
      <c r="O8869" s="16"/>
      <c r="P8869" s="16"/>
      <c r="Q8869" s="16"/>
      <c r="R8869" s="16"/>
      <c r="S8869" s="16"/>
      <c r="T8869" s="16"/>
      <c r="U8869" s="16"/>
      <c r="V8869" s="16"/>
      <c r="W8869" s="16"/>
      <c r="X8869" s="16"/>
      <c r="Y8869" s="16"/>
      <c r="Z8869" s="16"/>
      <c r="AA8869" s="16"/>
    </row>
    <row r="8870" spans="1:27" s="1" customFormat="1" ht="11.1" customHeight="1" outlineLevel="1" x14ac:dyDescent="0.2">
      <c r="A8870" s="17">
        <v>6736</v>
      </c>
      <c r="B8870" s="17"/>
      <c r="C8870" s="17"/>
      <c r="D8870" s="18" t="s">
        <v>4394</v>
      </c>
      <c r="E8870" s="18"/>
      <c r="F8870" s="18"/>
      <c r="G8870" s="18"/>
      <c r="H8870" s="18"/>
      <c r="I8870" s="18"/>
      <c r="J8870" s="18"/>
      <c r="K8870" s="18"/>
      <c r="L8870" s="18"/>
      <c r="M8870" s="18"/>
      <c r="N8870" s="18"/>
      <c r="O8870" s="18"/>
      <c r="P8870" s="19">
        <v>150</v>
      </c>
      <c r="Q8870" s="19"/>
      <c r="R8870" s="19"/>
      <c r="S8870" s="19"/>
      <c r="T8870" s="19">
        <v>120</v>
      </c>
      <c r="U8870" s="19"/>
      <c r="V8870" s="19"/>
      <c r="W8870" s="19"/>
      <c r="X8870" s="19">
        <v>1</v>
      </c>
      <c r="Y8870" s="19"/>
      <c r="Z8870" s="19"/>
      <c r="AA8870" s="19"/>
    </row>
    <row r="8871" spans="1:27" s="1" customFormat="1" ht="11.1" customHeight="1" outlineLevel="1" x14ac:dyDescent="0.2">
      <c r="A8871" s="17"/>
      <c r="B8871" s="17"/>
      <c r="C8871" s="17"/>
      <c r="D8871" s="18"/>
      <c r="E8871" s="18"/>
      <c r="F8871" s="18"/>
      <c r="G8871" s="18"/>
      <c r="H8871" s="18"/>
      <c r="I8871" s="18"/>
      <c r="J8871" s="18"/>
      <c r="K8871" s="18"/>
      <c r="L8871" s="18"/>
      <c r="M8871" s="18"/>
      <c r="N8871" s="18"/>
      <c r="O8871" s="18"/>
      <c r="P8871" s="19"/>
      <c r="Q8871" s="19"/>
      <c r="R8871" s="19"/>
      <c r="S8871" s="19"/>
      <c r="T8871" s="19"/>
      <c r="U8871" s="19"/>
      <c r="V8871" s="19"/>
      <c r="W8871" s="19"/>
      <c r="X8871" s="19"/>
      <c r="Y8871" s="19"/>
      <c r="Z8871" s="19"/>
      <c r="AA8871" s="19"/>
    </row>
    <row r="8872" spans="1:27" s="1" customFormat="1" ht="11.1" customHeight="1" outlineLevel="1" x14ac:dyDescent="0.2">
      <c r="A8872" s="17">
        <v>6735</v>
      </c>
      <c r="B8872" s="17"/>
      <c r="C8872" s="17"/>
      <c r="D8872" s="18" t="s">
        <v>4395</v>
      </c>
      <c r="E8872" s="18"/>
      <c r="F8872" s="18"/>
      <c r="G8872" s="18"/>
      <c r="H8872" s="18"/>
      <c r="I8872" s="18"/>
      <c r="J8872" s="18"/>
      <c r="K8872" s="18"/>
      <c r="L8872" s="18"/>
      <c r="M8872" s="18"/>
      <c r="N8872" s="18"/>
      <c r="O8872" s="18"/>
      <c r="P8872" s="19">
        <v>60</v>
      </c>
      <c r="Q8872" s="19"/>
      <c r="R8872" s="19"/>
      <c r="S8872" s="19"/>
      <c r="T8872" s="19">
        <v>50</v>
      </c>
      <c r="U8872" s="19"/>
      <c r="V8872" s="19"/>
      <c r="W8872" s="19"/>
      <c r="X8872" s="19">
        <v>1</v>
      </c>
      <c r="Y8872" s="19"/>
      <c r="Z8872" s="19"/>
      <c r="AA8872" s="19"/>
    </row>
    <row r="8873" spans="1:27" s="1" customFormat="1" ht="11.1" customHeight="1" outlineLevel="1" x14ac:dyDescent="0.2">
      <c r="A8873" s="17"/>
      <c r="B8873" s="17"/>
      <c r="C8873" s="17"/>
      <c r="D8873" s="18"/>
      <c r="E8873" s="18"/>
      <c r="F8873" s="18"/>
      <c r="G8873" s="18"/>
      <c r="H8873" s="18"/>
      <c r="I8873" s="18"/>
      <c r="J8873" s="18"/>
      <c r="K8873" s="18"/>
      <c r="L8873" s="18"/>
      <c r="M8873" s="18"/>
      <c r="N8873" s="18"/>
      <c r="O8873" s="18"/>
      <c r="P8873" s="19"/>
      <c r="Q8873" s="19"/>
      <c r="R8873" s="19"/>
      <c r="S8873" s="19"/>
      <c r="T8873" s="19"/>
      <c r="U8873" s="19"/>
      <c r="V8873" s="19"/>
      <c r="W8873" s="19"/>
      <c r="X8873" s="19"/>
      <c r="Y8873" s="19"/>
      <c r="Z8873" s="19"/>
      <c r="AA8873" s="19"/>
    </row>
    <row r="8874" spans="1:27" s="1" customFormat="1" ht="11.1" customHeight="1" outlineLevel="1" x14ac:dyDescent="0.2">
      <c r="A8874" s="17">
        <v>6738</v>
      </c>
      <c r="B8874" s="17"/>
      <c r="C8874" s="17"/>
      <c r="D8874" s="18" t="s">
        <v>4396</v>
      </c>
      <c r="E8874" s="18"/>
      <c r="F8874" s="18"/>
      <c r="G8874" s="18"/>
      <c r="H8874" s="18"/>
      <c r="I8874" s="18"/>
      <c r="J8874" s="18"/>
      <c r="K8874" s="18"/>
      <c r="L8874" s="18"/>
      <c r="M8874" s="18"/>
      <c r="N8874" s="18"/>
      <c r="O8874" s="18"/>
      <c r="P8874" s="19">
        <v>200</v>
      </c>
      <c r="Q8874" s="19"/>
      <c r="R8874" s="19"/>
      <c r="S8874" s="19"/>
      <c r="T8874" s="19">
        <v>160</v>
      </c>
      <c r="U8874" s="19"/>
      <c r="V8874" s="19"/>
      <c r="W8874" s="19"/>
      <c r="X8874" s="19">
        <v>1</v>
      </c>
      <c r="Y8874" s="19"/>
      <c r="Z8874" s="19"/>
      <c r="AA8874" s="19"/>
    </row>
    <row r="8875" spans="1:27" s="1" customFormat="1" ht="11.1" customHeight="1" outlineLevel="1" x14ac:dyDescent="0.2">
      <c r="A8875" s="17"/>
      <c r="B8875" s="17"/>
      <c r="C8875" s="17"/>
      <c r="D8875" s="18"/>
      <c r="E8875" s="18"/>
      <c r="F8875" s="18"/>
      <c r="G8875" s="18"/>
      <c r="H8875" s="18"/>
      <c r="I8875" s="18"/>
      <c r="J8875" s="18"/>
      <c r="K8875" s="18"/>
      <c r="L8875" s="18"/>
      <c r="M8875" s="18"/>
      <c r="N8875" s="18"/>
      <c r="O8875" s="18"/>
      <c r="P8875" s="19"/>
      <c r="Q8875" s="19"/>
      <c r="R8875" s="19"/>
      <c r="S8875" s="19"/>
      <c r="T8875" s="19"/>
      <c r="U8875" s="19"/>
      <c r="V8875" s="19"/>
      <c r="W8875" s="19"/>
      <c r="X8875" s="19"/>
      <c r="Y8875" s="19"/>
      <c r="Z8875" s="19"/>
      <c r="AA8875" s="19"/>
    </row>
    <row r="8876" spans="1:27" s="1" customFormat="1" ht="11.1" customHeight="1" outlineLevel="1" x14ac:dyDescent="0.2">
      <c r="A8876" s="17">
        <v>6739</v>
      </c>
      <c r="B8876" s="17"/>
      <c r="C8876" s="17"/>
      <c r="D8876" s="18" t="s">
        <v>4397</v>
      </c>
      <c r="E8876" s="18"/>
      <c r="F8876" s="18"/>
      <c r="G8876" s="18"/>
      <c r="H8876" s="18"/>
      <c r="I8876" s="18"/>
      <c r="J8876" s="18"/>
      <c r="K8876" s="18"/>
      <c r="L8876" s="18"/>
      <c r="M8876" s="18"/>
      <c r="N8876" s="18"/>
      <c r="O8876" s="18"/>
      <c r="P8876" s="19">
        <v>50</v>
      </c>
      <c r="Q8876" s="19"/>
      <c r="R8876" s="19"/>
      <c r="S8876" s="19"/>
      <c r="T8876" s="19">
        <v>40</v>
      </c>
      <c r="U8876" s="19"/>
      <c r="V8876" s="19"/>
      <c r="W8876" s="19"/>
      <c r="X8876" s="19">
        <v>1</v>
      </c>
      <c r="Y8876" s="19"/>
      <c r="Z8876" s="19"/>
      <c r="AA8876" s="19"/>
    </row>
    <row r="8877" spans="1:27" s="1" customFormat="1" ht="11.1" customHeight="1" outlineLevel="1" x14ac:dyDescent="0.2">
      <c r="A8877" s="17"/>
      <c r="B8877" s="17"/>
      <c r="C8877" s="17"/>
      <c r="D8877" s="18"/>
      <c r="E8877" s="18"/>
      <c r="F8877" s="18"/>
      <c r="G8877" s="18"/>
      <c r="H8877" s="18"/>
      <c r="I8877" s="18"/>
      <c r="J8877" s="18"/>
      <c r="K8877" s="18"/>
      <c r="L8877" s="18"/>
      <c r="M8877" s="18"/>
      <c r="N8877" s="18"/>
      <c r="O8877" s="18"/>
      <c r="P8877" s="19"/>
      <c r="Q8877" s="19"/>
      <c r="R8877" s="19"/>
      <c r="S8877" s="19"/>
      <c r="T8877" s="19"/>
      <c r="U8877" s="19"/>
      <c r="V8877" s="19"/>
      <c r="W8877" s="19"/>
      <c r="X8877" s="19"/>
      <c r="Y8877" s="19"/>
      <c r="Z8877" s="19"/>
      <c r="AA8877" s="19"/>
    </row>
    <row r="8878" spans="1:27" s="1" customFormat="1" ht="11.1" customHeight="1" x14ac:dyDescent="0.2">
      <c r="A8878" s="16" t="s">
        <v>4398</v>
      </c>
      <c r="B8878" s="16"/>
      <c r="C8878" s="16"/>
      <c r="D8878" s="16"/>
      <c r="E8878" s="16"/>
      <c r="F8878" s="16"/>
      <c r="G8878" s="16"/>
      <c r="H8878" s="16"/>
      <c r="I8878" s="16"/>
      <c r="J8878" s="16"/>
      <c r="K8878" s="16"/>
      <c r="L8878" s="16"/>
      <c r="M8878" s="16"/>
      <c r="N8878" s="16"/>
      <c r="O8878" s="16"/>
      <c r="P8878" s="16"/>
      <c r="Q8878" s="16"/>
      <c r="R8878" s="16"/>
      <c r="S8878" s="16"/>
      <c r="T8878" s="16"/>
      <c r="U8878" s="16"/>
      <c r="V8878" s="16"/>
      <c r="W8878" s="16"/>
      <c r="X8878" s="16"/>
      <c r="Y8878" s="16"/>
      <c r="Z8878" s="16"/>
      <c r="AA8878" s="16"/>
    </row>
    <row r="8879" spans="1:27" s="1" customFormat="1" ht="11.1" customHeight="1" x14ac:dyDescent="0.2">
      <c r="A8879" s="16"/>
      <c r="B8879" s="16"/>
      <c r="C8879" s="16"/>
      <c r="D8879" s="16"/>
      <c r="E8879" s="16"/>
      <c r="F8879" s="16"/>
      <c r="G8879" s="16"/>
      <c r="H8879" s="16"/>
      <c r="I8879" s="16"/>
      <c r="J8879" s="16"/>
      <c r="K8879" s="16"/>
      <c r="L8879" s="16"/>
      <c r="M8879" s="16"/>
      <c r="N8879" s="16"/>
      <c r="O8879" s="16"/>
      <c r="P8879" s="16"/>
      <c r="Q8879" s="16"/>
      <c r="R8879" s="16"/>
      <c r="S8879" s="16"/>
      <c r="T8879" s="16"/>
      <c r="U8879" s="16"/>
      <c r="V8879" s="16"/>
      <c r="W8879" s="16"/>
      <c r="X8879" s="16"/>
      <c r="Y8879" s="16"/>
      <c r="Z8879" s="16"/>
      <c r="AA8879" s="16"/>
    </row>
    <row r="8880" spans="1:27" s="1" customFormat="1" ht="14.1" customHeight="1" outlineLevel="1" x14ac:dyDescent="0.2">
      <c r="A8880" s="17">
        <v>12669</v>
      </c>
      <c r="B8880" s="17"/>
      <c r="C8880" s="17"/>
      <c r="D8880" s="18" t="s">
        <v>4399</v>
      </c>
      <c r="E8880" s="18"/>
      <c r="F8880" s="18"/>
      <c r="G8880" s="18"/>
      <c r="H8880" s="18"/>
      <c r="I8880" s="18"/>
      <c r="J8880" s="18"/>
      <c r="K8880" s="18"/>
      <c r="L8880" s="18"/>
      <c r="M8880" s="18"/>
      <c r="N8880" s="18"/>
      <c r="O8880" s="18"/>
      <c r="P8880" s="19">
        <v>350</v>
      </c>
      <c r="Q8880" s="19"/>
      <c r="R8880" s="19"/>
      <c r="S8880" s="19"/>
      <c r="T8880" s="19">
        <v>300</v>
      </c>
      <c r="U8880" s="19"/>
      <c r="V8880" s="19"/>
      <c r="W8880" s="19"/>
      <c r="X8880" s="19">
        <v>1</v>
      </c>
      <c r="Y8880" s="19"/>
      <c r="Z8880" s="19"/>
      <c r="AA8880" s="19"/>
    </row>
    <row r="8881" spans="1:27" s="1" customFormat="1" ht="14.1" customHeight="1" outlineLevel="1" x14ac:dyDescent="0.2">
      <c r="A8881" s="17"/>
      <c r="B8881" s="17"/>
      <c r="C8881" s="17"/>
      <c r="D8881" s="18"/>
      <c r="E8881" s="18"/>
      <c r="F8881" s="18"/>
      <c r="G8881" s="18"/>
      <c r="H8881" s="18"/>
      <c r="I8881" s="18"/>
      <c r="J8881" s="18"/>
      <c r="K8881" s="18"/>
      <c r="L8881" s="18"/>
      <c r="M8881" s="18"/>
      <c r="N8881" s="18"/>
      <c r="O8881" s="18"/>
      <c r="P8881" s="19"/>
      <c r="Q8881" s="19"/>
      <c r="R8881" s="19"/>
      <c r="S8881" s="19"/>
      <c r="T8881" s="19"/>
      <c r="U8881" s="19"/>
      <c r="V8881" s="19"/>
      <c r="W8881" s="19"/>
      <c r="X8881" s="19"/>
      <c r="Y8881" s="19"/>
      <c r="Z8881" s="19"/>
      <c r="AA8881" s="19"/>
    </row>
    <row r="8882" spans="1:27" s="1" customFormat="1" ht="14.1" customHeight="1" outlineLevel="1" x14ac:dyDescent="0.2">
      <c r="A8882" s="17">
        <v>12668</v>
      </c>
      <c r="B8882" s="17"/>
      <c r="C8882" s="17"/>
      <c r="D8882" s="18" t="s">
        <v>4400</v>
      </c>
      <c r="E8882" s="18"/>
      <c r="F8882" s="18"/>
      <c r="G8882" s="18"/>
      <c r="H8882" s="18"/>
      <c r="I8882" s="18"/>
      <c r="J8882" s="18"/>
      <c r="K8882" s="18"/>
      <c r="L8882" s="18"/>
      <c r="M8882" s="18"/>
      <c r="N8882" s="18"/>
      <c r="O8882" s="18"/>
      <c r="P8882" s="19">
        <v>300</v>
      </c>
      <c r="Q8882" s="19"/>
      <c r="R8882" s="19"/>
      <c r="S8882" s="19"/>
      <c r="T8882" s="19">
        <v>250</v>
      </c>
      <c r="U8882" s="19"/>
      <c r="V8882" s="19"/>
      <c r="W8882" s="19"/>
      <c r="X8882" s="19">
        <v>1</v>
      </c>
      <c r="Y8882" s="19"/>
      <c r="Z8882" s="19"/>
      <c r="AA8882" s="19"/>
    </row>
    <row r="8883" spans="1:27" s="1" customFormat="1" ht="14.1" customHeight="1" outlineLevel="1" x14ac:dyDescent="0.2">
      <c r="A8883" s="17"/>
      <c r="B8883" s="17"/>
      <c r="C8883" s="17"/>
      <c r="D8883" s="18"/>
      <c r="E8883" s="18"/>
      <c r="F8883" s="18"/>
      <c r="G8883" s="18"/>
      <c r="H8883" s="18"/>
      <c r="I8883" s="18"/>
      <c r="J8883" s="18"/>
      <c r="K8883" s="18"/>
      <c r="L8883" s="18"/>
      <c r="M8883" s="18"/>
      <c r="N8883" s="18"/>
      <c r="O8883" s="18"/>
      <c r="P8883" s="19"/>
      <c r="Q8883" s="19"/>
      <c r="R8883" s="19"/>
      <c r="S8883" s="19"/>
      <c r="T8883" s="19"/>
      <c r="U8883" s="19"/>
      <c r="V8883" s="19"/>
      <c r="W8883" s="19"/>
      <c r="X8883" s="19"/>
      <c r="Y8883" s="19"/>
      <c r="Z8883" s="19"/>
      <c r="AA8883" s="19"/>
    </row>
    <row r="8884" spans="1:27" s="1" customFormat="1" ht="14.1" customHeight="1" outlineLevel="1" x14ac:dyDescent="0.2">
      <c r="A8884" s="17">
        <v>12667</v>
      </c>
      <c r="B8884" s="17"/>
      <c r="C8884" s="17"/>
      <c r="D8884" s="18" t="s">
        <v>4401</v>
      </c>
      <c r="E8884" s="18"/>
      <c r="F8884" s="18"/>
      <c r="G8884" s="18"/>
      <c r="H8884" s="18"/>
      <c r="I8884" s="18"/>
      <c r="J8884" s="18"/>
      <c r="K8884" s="18"/>
      <c r="L8884" s="18"/>
      <c r="M8884" s="18"/>
      <c r="N8884" s="18"/>
      <c r="O8884" s="18"/>
      <c r="P8884" s="19">
        <v>130</v>
      </c>
      <c r="Q8884" s="19"/>
      <c r="R8884" s="19"/>
      <c r="S8884" s="19"/>
      <c r="T8884" s="19">
        <v>90</v>
      </c>
      <c r="U8884" s="19"/>
      <c r="V8884" s="19"/>
      <c r="W8884" s="19"/>
      <c r="X8884" s="19">
        <v>1</v>
      </c>
      <c r="Y8884" s="19"/>
      <c r="Z8884" s="19"/>
      <c r="AA8884" s="19"/>
    </row>
    <row r="8885" spans="1:27" s="1" customFormat="1" ht="14.1" customHeight="1" outlineLevel="1" x14ac:dyDescent="0.2">
      <c r="A8885" s="17"/>
      <c r="B8885" s="17"/>
      <c r="C8885" s="17"/>
      <c r="D8885" s="18"/>
      <c r="E8885" s="18"/>
      <c r="F8885" s="18"/>
      <c r="G8885" s="18"/>
      <c r="H8885" s="18"/>
      <c r="I8885" s="18"/>
      <c r="J8885" s="18"/>
      <c r="K8885" s="18"/>
      <c r="L8885" s="18"/>
      <c r="M8885" s="18"/>
      <c r="N8885" s="18"/>
      <c r="O8885" s="18"/>
      <c r="P8885" s="19"/>
      <c r="Q8885" s="19"/>
      <c r="R8885" s="19"/>
      <c r="S8885" s="19"/>
      <c r="T8885" s="19"/>
      <c r="U8885" s="19"/>
      <c r="V8885" s="19"/>
      <c r="W8885" s="19"/>
      <c r="X8885" s="19"/>
      <c r="Y8885" s="19"/>
      <c r="Z8885" s="19"/>
      <c r="AA8885" s="19"/>
    </row>
    <row r="8886" spans="1:27" s="1" customFormat="1" ht="11.1" customHeight="1" x14ac:dyDescent="0.2">
      <c r="A8886" s="16" t="s">
        <v>4402</v>
      </c>
      <c r="B8886" s="16"/>
      <c r="C8886" s="16"/>
      <c r="D8886" s="16"/>
      <c r="E8886" s="16"/>
      <c r="F8886" s="16"/>
      <c r="G8886" s="16"/>
      <c r="H8886" s="16"/>
      <c r="I8886" s="16"/>
      <c r="J8886" s="16"/>
      <c r="K8886" s="16"/>
      <c r="L8886" s="16"/>
      <c r="M8886" s="16"/>
      <c r="N8886" s="16"/>
      <c r="O8886" s="16"/>
      <c r="P8886" s="16"/>
      <c r="Q8886" s="16"/>
      <c r="R8886" s="16"/>
      <c r="S8886" s="16"/>
      <c r="T8886" s="16"/>
      <c r="U8886" s="16"/>
      <c r="V8886" s="16"/>
      <c r="W8886" s="16"/>
      <c r="X8886" s="16"/>
      <c r="Y8886" s="16"/>
      <c r="Z8886" s="16"/>
      <c r="AA8886" s="16"/>
    </row>
    <row r="8887" spans="1:27" s="1" customFormat="1" ht="11.1" customHeight="1" x14ac:dyDescent="0.2">
      <c r="A8887" s="16"/>
      <c r="B8887" s="16"/>
      <c r="C8887" s="16"/>
      <c r="D8887" s="16"/>
      <c r="E8887" s="16"/>
      <c r="F8887" s="16"/>
      <c r="G8887" s="16"/>
      <c r="H8887" s="16"/>
      <c r="I8887" s="16"/>
      <c r="J8887" s="16"/>
      <c r="K8887" s="16"/>
      <c r="L8887" s="16"/>
      <c r="M8887" s="16"/>
      <c r="N8887" s="16"/>
      <c r="O8887" s="16"/>
      <c r="P8887" s="16"/>
      <c r="Q8887" s="16"/>
      <c r="R8887" s="16"/>
      <c r="S8887" s="16"/>
      <c r="T8887" s="16"/>
      <c r="U8887" s="16"/>
      <c r="V8887" s="16"/>
      <c r="W8887" s="16"/>
      <c r="X8887" s="16"/>
      <c r="Y8887" s="16"/>
      <c r="Z8887" s="16"/>
      <c r="AA8887" s="16"/>
    </row>
    <row r="8888" spans="1:27" s="1" customFormat="1" ht="14.1" customHeight="1" outlineLevel="1" x14ac:dyDescent="0.2">
      <c r="A8888" s="17">
        <v>17005</v>
      </c>
      <c r="B8888" s="17"/>
      <c r="C8888" s="17"/>
      <c r="D8888" s="18" t="s">
        <v>4403</v>
      </c>
      <c r="E8888" s="18"/>
      <c r="F8888" s="18"/>
      <c r="G8888" s="18"/>
      <c r="H8888" s="18"/>
      <c r="I8888" s="18"/>
      <c r="J8888" s="18"/>
      <c r="K8888" s="18"/>
      <c r="L8888" s="18"/>
      <c r="M8888" s="18"/>
      <c r="N8888" s="18"/>
      <c r="O8888" s="18"/>
      <c r="P8888" s="19">
        <v>300</v>
      </c>
      <c r="Q8888" s="19"/>
      <c r="R8888" s="19"/>
      <c r="S8888" s="19"/>
      <c r="T8888" s="19">
        <v>200</v>
      </c>
      <c r="U8888" s="19"/>
      <c r="V8888" s="19"/>
      <c r="W8888" s="19"/>
      <c r="X8888" s="19">
        <v>1</v>
      </c>
      <c r="Y8888" s="19"/>
      <c r="Z8888" s="19"/>
      <c r="AA8888" s="19"/>
    </row>
    <row r="8889" spans="1:27" s="1" customFormat="1" ht="14.1" customHeight="1" outlineLevel="1" x14ac:dyDescent="0.2">
      <c r="A8889" s="17"/>
      <c r="B8889" s="17"/>
      <c r="C8889" s="17"/>
      <c r="D8889" s="18"/>
      <c r="E8889" s="18"/>
      <c r="F8889" s="18"/>
      <c r="G8889" s="18"/>
      <c r="H8889" s="18"/>
      <c r="I8889" s="18"/>
      <c r="J8889" s="18"/>
      <c r="K8889" s="18"/>
      <c r="L8889" s="18"/>
      <c r="M8889" s="18"/>
      <c r="N8889" s="18"/>
      <c r="O8889" s="18"/>
      <c r="P8889" s="19"/>
      <c r="Q8889" s="19"/>
      <c r="R8889" s="19"/>
      <c r="S8889" s="19"/>
      <c r="T8889" s="19"/>
      <c r="U8889" s="19"/>
      <c r="V8889" s="19"/>
      <c r="W8889" s="19"/>
      <c r="X8889" s="19"/>
      <c r="Y8889" s="19"/>
      <c r="Z8889" s="19"/>
      <c r="AA8889" s="19"/>
    </row>
    <row r="8890" spans="1:27" s="1" customFormat="1" ht="14.1" customHeight="1" outlineLevel="1" x14ac:dyDescent="0.2">
      <c r="A8890" s="17">
        <v>17002</v>
      </c>
      <c r="B8890" s="17"/>
      <c r="C8890" s="17"/>
      <c r="D8890" s="18" t="s">
        <v>4404</v>
      </c>
      <c r="E8890" s="18"/>
      <c r="F8890" s="18"/>
      <c r="G8890" s="18"/>
      <c r="H8890" s="18"/>
      <c r="I8890" s="18"/>
      <c r="J8890" s="18"/>
      <c r="K8890" s="18"/>
      <c r="L8890" s="18"/>
      <c r="M8890" s="18"/>
      <c r="N8890" s="18"/>
      <c r="O8890" s="18"/>
      <c r="P8890" s="20">
        <v>1500</v>
      </c>
      <c r="Q8890" s="20"/>
      <c r="R8890" s="20"/>
      <c r="S8890" s="20"/>
      <c r="T8890" s="20">
        <v>1200</v>
      </c>
      <c r="U8890" s="20"/>
      <c r="V8890" s="20"/>
      <c r="W8890" s="20"/>
      <c r="X8890" s="19">
        <v>1</v>
      </c>
      <c r="Y8890" s="19"/>
      <c r="Z8890" s="19"/>
      <c r="AA8890" s="19"/>
    </row>
    <row r="8891" spans="1:27" s="1" customFormat="1" ht="14.1" customHeight="1" outlineLevel="1" x14ac:dyDescent="0.2">
      <c r="A8891" s="17"/>
      <c r="B8891" s="17"/>
      <c r="C8891" s="17"/>
      <c r="D8891" s="18"/>
      <c r="E8891" s="18"/>
      <c r="F8891" s="18"/>
      <c r="G8891" s="18"/>
      <c r="H8891" s="18"/>
      <c r="I8891" s="18"/>
      <c r="J8891" s="18"/>
      <c r="K8891" s="18"/>
      <c r="L8891" s="18"/>
      <c r="M8891" s="18"/>
      <c r="N8891" s="18"/>
      <c r="O8891" s="18"/>
      <c r="P8891" s="20"/>
      <c r="Q8891" s="20"/>
      <c r="R8891" s="20"/>
      <c r="S8891" s="20"/>
      <c r="T8891" s="20"/>
      <c r="U8891" s="20"/>
      <c r="V8891" s="20"/>
      <c r="W8891" s="20"/>
      <c r="X8891" s="19"/>
      <c r="Y8891" s="19"/>
      <c r="Z8891" s="19"/>
      <c r="AA8891" s="19"/>
    </row>
    <row r="8892" spans="1:27" s="1" customFormat="1" ht="11.1" customHeight="1" outlineLevel="1" x14ac:dyDescent="0.2">
      <c r="A8892" s="17">
        <v>16855</v>
      </c>
      <c r="B8892" s="17"/>
      <c r="C8892" s="17"/>
      <c r="D8892" s="18" t="s">
        <v>4405</v>
      </c>
      <c r="E8892" s="18"/>
      <c r="F8892" s="18"/>
      <c r="G8892" s="18"/>
      <c r="H8892" s="18"/>
      <c r="I8892" s="18"/>
      <c r="J8892" s="18"/>
      <c r="K8892" s="18"/>
      <c r="L8892" s="18"/>
      <c r="M8892" s="18"/>
      <c r="N8892" s="18"/>
      <c r="O8892" s="18"/>
      <c r="P8892" s="19">
        <v>150</v>
      </c>
      <c r="Q8892" s="19"/>
      <c r="R8892" s="19"/>
      <c r="S8892" s="19"/>
      <c r="T8892" s="19">
        <v>100</v>
      </c>
      <c r="U8892" s="19"/>
      <c r="V8892" s="19"/>
      <c r="W8892" s="19"/>
      <c r="X8892" s="19">
        <v>1</v>
      </c>
      <c r="Y8892" s="19"/>
      <c r="Z8892" s="19"/>
      <c r="AA8892" s="19"/>
    </row>
    <row r="8893" spans="1:27" s="1" customFormat="1" ht="11.1" customHeight="1" outlineLevel="1" x14ac:dyDescent="0.2">
      <c r="A8893" s="17"/>
      <c r="B8893" s="17"/>
      <c r="C8893" s="17"/>
      <c r="D8893" s="18"/>
      <c r="E8893" s="18"/>
      <c r="F8893" s="18"/>
      <c r="G8893" s="18"/>
      <c r="H8893" s="18"/>
      <c r="I8893" s="18"/>
      <c r="J8893" s="18"/>
      <c r="K8893" s="18"/>
      <c r="L8893" s="18"/>
      <c r="M8893" s="18"/>
      <c r="N8893" s="18"/>
      <c r="O8893" s="18"/>
      <c r="P8893" s="19"/>
      <c r="Q8893" s="19"/>
      <c r="R8893" s="19"/>
      <c r="S8893" s="19"/>
      <c r="T8893" s="19"/>
      <c r="U8893" s="19"/>
      <c r="V8893" s="19"/>
      <c r="W8893" s="19"/>
      <c r="X8893" s="19"/>
      <c r="Y8893" s="19"/>
      <c r="Z8893" s="19"/>
      <c r="AA8893" s="19"/>
    </row>
    <row r="8894" spans="1:27" s="1" customFormat="1" ht="14.1" customHeight="1" outlineLevel="1" x14ac:dyDescent="0.2">
      <c r="A8894" s="17">
        <v>16997</v>
      </c>
      <c r="B8894" s="17"/>
      <c r="C8894" s="17"/>
      <c r="D8894" s="18" t="s">
        <v>4406</v>
      </c>
      <c r="E8894" s="18"/>
      <c r="F8894" s="18"/>
      <c r="G8894" s="18"/>
      <c r="H8894" s="18"/>
      <c r="I8894" s="18"/>
      <c r="J8894" s="18"/>
      <c r="K8894" s="18"/>
      <c r="L8894" s="18"/>
      <c r="M8894" s="18"/>
      <c r="N8894" s="18"/>
      <c r="O8894" s="18"/>
      <c r="P8894" s="19">
        <v>150</v>
      </c>
      <c r="Q8894" s="19"/>
      <c r="R8894" s="19"/>
      <c r="S8894" s="19"/>
      <c r="T8894" s="19">
        <v>90</v>
      </c>
      <c r="U8894" s="19"/>
      <c r="V8894" s="19"/>
      <c r="W8894" s="19"/>
      <c r="X8894" s="19">
        <v>1</v>
      </c>
      <c r="Y8894" s="19"/>
      <c r="Z8894" s="19"/>
      <c r="AA8894" s="19"/>
    </row>
    <row r="8895" spans="1:27" s="1" customFormat="1" ht="14.1" customHeight="1" outlineLevel="1" x14ac:dyDescent="0.2">
      <c r="A8895" s="17"/>
      <c r="B8895" s="17"/>
      <c r="C8895" s="17"/>
      <c r="D8895" s="18"/>
      <c r="E8895" s="18"/>
      <c r="F8895" s="18"/>
      <c r="G8895" s="18"/>
      <c r="H8895" s="18"/>
      <c r="I8895" s="18"/>
      <c r="J8895" s="18"/>
      <c r="K8895" s="18"/>
      <c r="L8895" s="18"/>
      <c r="M8895" s="18"/>
      <c r="N8895" s="18"/>
      <c r="O8895" s="18"/>
      <c r="P8895" s="19"/>
      <c r="Q8895" s="19"/>
      <c r="R8895" s="19"/>
      <c r="S8895" s="19"/>
      <c r="T8895" s="19"/>
      <c r="U8895" s="19"/>
      <c r="V8895" s="19"/>
      <c r="W8895" s="19"/>
      <c r="X8895" s="19"/>
      <c r="Y8895" s="19"/>
      <c r="Z8895" s="19"/>
      <c r="AA8895" s="19"/>
    </row>
    <row r="8896" spans="1:27" s="1" customFormat="1" ht="14.1" customHeight="1" outlineLevel="1" x14ac:dyDescent="0.2">
      <c r="A8896" s="17">
        <v>16847</v>
      </c>
      <c r="B8896" s="17"/>
      <c r="C8896" s="17"/>
      <c r="D8896" s="18" t="s">
        <v>4407</v>
      </c>
      <c r="E8896" s="18"/>
      <c r="F8896" s="18"/>
      <c r="G8896" s="18"/>
      <c r="H8896" s="18"/>
      <c r="I8896" s="18"/>
      <c r="J8896" s="18"/>
      <c r="K8896" s="18"/>
      <c r="L8896" s="18"/>
      <c r="M8896" s="18"/>
      <c r="N8896" s="18"/>
      <c r="O8896" s="18"/>
      <c r="P8896" s="19">
        <v>250</v>
      </c>
      <c r="Q8896" s="19"/>
      <c r="R8896" s="19"/>
      <c r="S8896" s="19"/>
      <c r="T8896" s="19">
        <v>150</v>
      </c>
      <c r="U8896" s="19"/>
      <c r="V8896" s="19"/>
      <c r="W8896" s="19"/>
      <c r="X8896" s="19">
        <v>1</v>
      </c>
      <c r="Y8896" s="19"/>
      <c r="Z8896" s="19"/>
      <c r="AA8896" s="19"/>
    </row>
    <row r="8897" spans="1:27" s="1" customFormat="1" ht="14.1" customHeight="1" outlineLevel="1" x14ac:dyDescent="0.2">
      <c r="A8897" s="17"/>
      <c r="B8897" s="17"/>
      <c r="C8897" s="17"/>
      <c r="D8897" s="18"/>
      <c r="E8897" s="18"/>
      <c r="F8897" s="18"/>
      <c r="G8897" s="18"/>
      <c r="H8897" s="18"/>
      <c r="I8897" s="18"/>
      <c r="J8897" s="18"/>
      <c r="K8897" s="18"/>
      <c r="L8897" s="18"/>
      <c r="M8897" s="18"/>
      <c r="N8897" s="18"/>
      <c r="O8897" s="18"/>
      <c r="P8897" s="19"/>
      <c r="Q8897" s="19"/>
      <c r="R8897" s="19"/>
      <c r="S8897" s="19"/>
      <c r="T8897" s="19"/>
      <c r="U8897" s="19"/>
      <c r="V8897" s="19"/>
      <c r="W8897" s="19"/>
      <c r="X8897" s="19"/>
      <c r="Y8897" s="19"/>
      <c r="Z8897" s="19"/>
      <c r="AA8897" s="19"/>
    </row>
    <row r="8898" spans="1:27" s="1" customFormat="1" ht="14.1" customHeight="1" outlineLevel="1" x14ac:dyDescent="0.2">
      <c r="A8898" s="17">
        <v>16999</v>
      </c>
      <c r="B8898" s="17"/>
      <c r="C8898" s="17"/>
      <c r="D8898" s="18" t="s">
        <v>4408</v>
      </c>
      <c r="E8898" s="18"/>
      <c r="F8898" s="18"/>
      <c r="G8898" s="18"/>
      <c r="H8898" s="18"/>
      <c r="I8898" s="18"/>
      <c r="J8898" s="18"/>
      <c r="K8898" s="18"/>
      <c r="L8898" s="18"/>
      <c r="M8898" s="18"/>
      <c r="N8898" s="18"/>
      <c r="O8898" s="18"/>
      <c r="P8898" s="19">
        <v>250</v>
      </c>
      <c r="Q8898" s="19"/>
      <c r="R8898" s="19"/>
      <c r="S8898" s="19"/>
      <c r="T8898" s="19">
        <v>150</v>
      </c>
      <c r="U8898" s="19"/>
      <c r="V8898" s="19"/>
      <c r="W8898" s="19"/>
      <c r="X8898" s="19">
        <v>1</v>
      </c>
      <c r="Y8898" s="19"/>
      <c r="Z8898" s="19"/>
      <c r="AA8898" s="19"/>
    </row>
    <row r="8899" spans="1:27" s="1" customFormat="1" ht="14.1" customHeight="1" outlineLevel="1" x14ac:dyDescent="0.2">
      <c r="A8899" s="17"/>
      <c r="B8899" s="17"/>
      <c r="C8899" s="17"/>
      <c r="D8899" s="18"/>
      <c r="E8899" s="18"/>
      <c r="F8899" s="18"/>
      <c r="G8899" s="18"/>
      <c r="H8899" s="18"/>
      <c r="I8899" s="18"/>
      <c r="J8899" s="18"/>
      <c r="K8899" s="18"/>
      <c r="L8899" s="18"/>
      <c r="M8899" s="18"/>
      <c r="N8899" s="18"/>
      <c r="O8899" s="18"/>
      <c r="P8899" s="19"/>
      <c r="Q8899" s="19"/>
      <c r="R8899" s="19"/>
      <c r="S8899" s="19"/>
      <c r="T8899" s="19"/>
      <c r="U8899" s="19"/>
      <c r="V8899" s="19"/>
      <c r="W8899" s="19"/>
      <c r="X8899" s="19"/>
      <c r="Y8899" s="19"/>
      <c r="Z8899" s="19"/>
      <c r="AA8899" s="19"/>
    </row>
    <row r="8900" spans="1:27" s="1" customFormat="1" ht="11.1" customHeight="1" outlineLevel="1" x14ac:dyDescent="0.2">
      <c r="A8900" s="17">
        <v>16846</v>
      </c>
      <c r="B8900" s="17"/>
      <c r="C8900" s="17"/>
      <c r="D8900" s="18" t="s">
        <v>4409</v>
      </c>
      <c r="E8900" s="18"/>
      <c r="F8900" s="18"/>
      <c r="G8900" s="18"/>
      <c r="H8900" s="18"/>
      <c r="I8900" s="18"/>
      <c r="J8900" s="18"/>
      <c r="K8900" s="18"/>
      <c r="L8900" s="18"/>
      <c r="M8900" s="18"/>
      <c r="N8900" s="18"/>
      <c r="O8900" s="18"/>
      <c r="P8900" s="19">
        <v>250</v>
      </c>
      <c r="Q8900" s="19"/>
      <c r="R8900" s="19"/>
      <c r="S8900" s="19"/>
      <c r="T8900" s="19">
        <v>150</v>
      </c>
      <c r="U8900" s="19"/>
      <c r="V8900" s="19"/>
      <c r="W8900" s="19"/>
      <c r="X8900" s="19">
        <v>1</v>
      </c>
      <c r="Y8900" s="19"/>
      <c r="Z8900" s="19"/>
      <c r="AA8900" s="19"/>
    </row>
    <row r="8901" spans="1:27" s="1" customFormat="1" ht="11.1" customHeight="1" outlineLevel="1" x14ac:dyDescent="0.2">
      <c r="A8901" s="17"/>
      <c r="B8901" s="17"/>
      <c r="C8901" s="17"/>
      <c r="D8901" s="18"/>
      <c r="E8901" s="18"/>
      <c r="F8901" s="18"/>
      <c r="G8901" s="18"/>
      <c r="H8901" s="18"/>
      <c r="I8901" s="18"/>
      <c r="J8901" s="18"/>
      <c r="K8901" s="18"/>
      <c r="L8901" s="18"/>
      <c r="M8901" s="18"/>
      <c r="N8901" s="18"/>
      <c r="O8901" s="18"/>
      <c r="P8901" s="19"/>
      <c r="Q8901" s="19"/>
      <c r="R8901" s="19"/>
      <c r="S8901" s="19"/>
      <c r="T8901" s="19"/>
      <c r="U8901" s="19"/>
      <c r="V8901" s="19"/>
      <c r="W8901" s="19"/>
      <c r="X8901" s="19"/>
      <c r="Y8901" s="19"/>
      <c r="Z8901" s="19"/>
      <c r="AA8901" s="19"/>
    </row>
    <row r="8902" spans="1:27" s="1" customFormat="1" ht="14.1" customHeight="1" outlineLevel="1" x14ac:dyDescent="0.2">
      <c r="A8902" s="17">
        <v>16998</v>
      </c>
      <c r="B8902" s="17"/>
      <c r="C8902" s="17"/>
      <c r="D8902" s="18" t="s">
        <v>4410</v>
      </c>
      <c r="E8902" s="18"/>
      <c r="F8902" s="18"/>
      <c r="G8902" s="18"/>
      <c r="H8902" s="18"/>
      <c r="I8902" s="18"/>
      <c r="J8902" s="18"/>
      <c r="K8902" s="18"/>
      <c r="L8902" s="18"/>
      <c r="M8902" s="18"/>
      <c r="N8902" s="18"/>
      <c r="O8902" s="18"/>
      <c r="P8902" s="19">
        <v>250</v>
      </c>
      <c r="Q8902" s="19"/>
      <c r="R8902" s="19"/>
      <c r="S8902" s="19"/>
      <c r="T8902" s="19">
        <v>150</v>
      </c>
      <c r="U8902" s="19"/>
      <c r="V8902" s="19"/>
      <c r="W8902" s="19"/>
      <c r="X8902" s="19">
        <v>1</v>
      </c>
      <c r="Y8902" s="19"/>
      <c r="Z8902" s="19"/>
      <c r="AA8902" s="19"/>
    </row>
    <row r="8903" spans="1:27" s="1" customFormat="1" ht="14.1" customHeight="1" outlineLevel="1" x14ac:dyDescent="0.2">
      <c r="A8903" s="17"/>
      <c r="B8903" s="17"/>
      <c r="C8903" s="17"/>
      <c r="D8903" s="18"/>
      <c r="E8903" s="18"/>
      <c r="F8903" s="18"/>
      <c r="G8903" s="18"/>
      <c r="H8903" s="18"/>
      <c r="I8903" s="18"/>
      <c r="J8903" s="18"/>
      <c r="K8903" s="18"/>
      <c r="L8903" s="18"/>
      <c r="M8903" s="18"/>
      <c r="N8903" s="18"/>
      <c r="O8903" s="18"/>
      <c r="P8903" s="19"/>
      <c r="Q8903" s="19"/>
      <c r="R8903" s="19"/>
      <c r="S8903" s="19"/>
      <c r="T8903" s="19"/>
      <c r="U8903" s="19"/>
      <c r="V8903" s="19"/>
      <c r="W8903" s="19"/>
      <c r="X8903" s="19"/>
      <c r="Y8903" s="19"/>
      <c r="Z8903" s="19"/>
      <c r="AA8903" s="19"/>
    </row>
    <row r="8904" spans="1:27" s="1" customFormat="1" ht="14.1" customHeight="1" outlineLevel="1" x14ac:dyDescent="0.2">
      <c r="A8904" s="17">
        <v>17636</v>
      </c>
      <c r="B8904" s="17"/>
      <c r="C8904" s="17"/>
      <c r="D8904" s="18" t="s">
        <v>4411</v>
      </c>
      <c r="E8904" s="18"/>
      <c r="F8904" s="18"/>
      <c r="G8904" s="18"/>
      <c r="H8904" s="18"/>
      <c r="I8904" s="18"/>
      <c r="J8904" s="18"/>
      <c r="K8904" s="18"/>
      <c r="L8904" s="18"/>
      <c r="M8904" s="18"/>
      <c r="N8904" s="18"/>
      <c r="O8904" s="18"/>
      <c r="P8904" s="19">
        <v>150</v>
      </c>
      <c r="Q8904" s="19"/>
      <c r="R8904" s="19"/>
      <c r="S8904" s="19"/>
      <c r="T8904" s="19">
        <v>100</v>
      </c>
      <c r="U8904" s="19"/>
      <c r="V8904" s="19"/>
      <c r="W8904" s="19"/>
      <c r="X8904" s="19">
        <v>1</v>
      </c>
      <c r="Y8904" s="19"/>
      <c r="Z8904" s="19"/>
      <c r="AA8904" s="19"/>
    </row>
    <row r="8905" spans="1:27" s="1" customFormat="1" ht="14.1" customHeight="1" outlineLevel="1" x14ac:dyDescent="0.2">
      <c r="A8905" s="17"/>
      <c r="B8905" s="17"/>
      <c r="C8905" s="17"/>
      <c r="D8905" s="18"/>
      <c r="E8905" s="18"/>
      <c r="F8905" s="18"/>
      <c r="G8905" s="18"/>
      <c r="H8905" s="18"/>
      <c r="I8905" s="18"/>
      <c r="J8905" s="18"/>
      <c r="K8905" s="18"/>
      <c r="L8905" s="18"/>
      <c r="M8905" s="18"/>
      <c r="N8905" s="18"/>
      <c r="O8905" s="18"/>
      <c r="P8905" s="19"/>
      <c r="Q8905" s="19"/>
      <c r="R8905" s="19"/>
      <c r="S8905" s="19"/>
      <c r="T8905" s="19"/>
      <c r="U8905" s="19"/>
      <c r="V8905" s="19"/>
      <c r="W8905" s="19"/>
      <c r="X8905" s="19"/>
      <c r="Y8905" s="19"/>
      <c r="Z8905" s="19"/>
      <c r="AA8905" s="19"/>
    </row>
    <row r="8906" spans="1:27" s="1" customFormat="1" ht="14.1" customHeight="1" outlineLevel="1" x14ac:dyDescent="0.2">
      <c r="A8906" s="17">
        <v>17084</v>
      </c>
      <c r="B8906" s="17"/>
      <c r="C8906" s="17"/>
      <c r="D8906" s="18" t="s">
        <v>4412</v>
      </c>
      <c r="E8906" s="18"/>
      <c r="F8906" s="18"/>
      <c r="G8906" s="18"/>
      <c r="H8906" s="18"/>
      <c r="I8906" s="18"/>
      <c r="J8906" s="18"/>
      <c r="K8906" s="18"/>
      <c r="L8906" s="18"/>
      <c r="M8906" s="18"/>
      <c r="N8906" s="18"/>
      <c r="O8906" s="18"/>
      <c r="P8906" s="19">
        <v>150</v>
      </c>
      <c r="Q8906" s="19"/>
      <c r="R8906" s="19"/>
      <c r="S8906" s="19"/>
      <c r="T8906" s="19">
        <v>100</v>
      </c>
      <c r="U8906" s="19"/>
      <c r="V8906" s="19"/>
      <c r="W8906" s="19"/>
      <c r="X8906" s="19">
        <v>1</v>
      </c>
      <c r="Y8906" s="19"/>
      <c r="Z8906" s="19"/>
      <c r="AA8906" s="19"/>
    </row>
    <row r="8907" spans="1:27" s="1" customFormat="1" ht="14.1" customHeight="1" outlineLevel="1" x14ac:dyDescent="0.2">
      <c r="A8907" s="17"/>
      <c r="B8907" s="17"/>
      <c r="C8907" s="17"/>
      <c r="D8907" s="18"/>
      <c r="E8907" s="18"/>
      <c r="F8907" s="18"/>
      <c r="G8907" s="18"/>
      <c r="H8907" s="18"/>
      <c r="I8907" s="18"/>
      <c r="J8907" s="18"/>
      <c r="K8907" s="18"/>
      <c r="L8907" s="18"/>
      <c r="M8907" s="18"/>
      <c r="N8907" s="18"/>
      <c r="O8907" s="18"/>
      <c r="P8907" s="19"/>
      <c r="Q8907" s="19"/>
      <c r="R8907" s="19"/>
      <c r="S8907" s="19"/>
      <c r="T8907" s="19"/>
      <c r="U8907" s="19"/>
      <c r="V8907" s="19"/>
      <c r="W8907" s="19"/>
      <c r="X8907" s="19"/>
      <c r="Y8907" s="19"/>
      <c r="Z8907" s="19"/>
      <c r="AA8907" s="19"/>
    </row>
    <row r="8908" spans="1:27" s="1" customFormat="1" ht="14.1" customHeight="1" outlineLevel="1" x14ac:dyDescent="0.2">
      <c r="A8908" s="17">
        <v>16854</v>
      </c>
      <c r="B8908" s="17"/>
      <c r="C8908" s="17"/>
      <c r="D8908" s="18" t="s">
        <v>4413</v>
      </c>
      <c r="E8908" s="18"/>
      <c r="F8908" s="18"/>
      <c r="G8908" s="18"/>
      <c r="H8908" s="18"/>
      <c r="I8908" s="18"/>
      <c r="J8908" s="18"/>
      <c r="K8908" s="18"/>
      <c r="L8908" s="18"/>
      <c r="M8908" s="18"/>
      <c r="N8908" s="18"/>
      <c r="O8908" s="18"/>
      <c r="P8908" s="19">
        <v>600</v>
      </c>
      <c r="Q8908" s="19"/>
      <c r="R8908" s="19"/>
      <c r="S8908" s="19"/>
      <c r="T8908" s="19">
        <v>500</v>
      </c>
      <c r="U8908" s="19"/>
      <c r="V8908" s="19"/>
      <c r="W8908" s="19"/>
      <c r="X8908" s="19">
        <v>1</v>
      </c>
      <c r="Y8908" s="19"/>
      <c r="Z8908" s="19"/>
      <c r="AA8908" s="19"/>
    </row>
    <row r="8909" spans="1:27" s="1" customFormat="1" ht="14.1" customHeight="1" outlineLevel="1" x14ac:dyDescent="0.2">
      <c r="A8909" s="17"/>
      <c r="B8909" s="17"/>
      <c r="C8909" s="17"/>
      <c r="D8909" s="18"/>
      <c r="E8909" s="18"/>
      <c r="F8909" s="18"/>
      <c r="G8909" s="18"/>
      <c r="H8909" s="18"/>
      <c r="I8909" s="18"/>
      <c r="J8909" s="18"/>
      <c r="K8909" s="18"/>
      <c r="L8909" s="18"/>
      <c r="M8909" s="18"/>
      <c r="N8909" s="18"/>
      <c r="O8909" s="18"/>
      <c r="P8909" s="19"/>
      <c r="Q8909" s="19"/>
      <c r="R8909" s="19"/>
      <c r="S8909" s="19"/>
      <c r="T8909" s="19"/>
      <c r="U8909" s="19"/>
      <c r="V8909" s="19"/>
      <c r="W8909" s="19"/>
      <c r="X8909" s="19"/>
      <c r="Y8909" s="19"/>
      <c r="Z8909" s="19"/>
      <c r="AA8909" s="19"/>
    </row>
    <row r="8910" spans="1:27" s="1" customFormat="1" ht="14.1" customHeight="1" outlineLevel="1" x14ac:dyDescent="0.2">
      <c r="A8910" s="17">
        <v>17003</v>
      </c>
      <c r="B8910" s="17"/>
      <c r="C8910" s="17"/>
      <c r="D8910" s="18" t="s">
        <v>4414</v>
      </c>
      <c r="E8910" s="18"/>
      <c r="F8910" s="18"/>
      <c r="G8910" s="18"/>
      <c r="H8910" s="18"/>
      <c r="I8910" s="18"/>
      <c r="J8910" s="18"/>
      <c r="K8910" s="18"/>
      <c r="L8910" s="18"/>
      <c r="M8910" s="18"/>
      <c r="N8910" s="18"/>
      <c r="O8910" s="18"/>
      <c r="P8910" s="19">
        <v>800</v>
      </c>
      <c r="Q8910" s="19"/>
      <c r="R8910" s="19"/>
      <c r="S8910" s="19"/>
      <c r="T8910" s="19">
        <v>500</v>
      </c>
      <c r="U8910" s="19"/>
      <c r="V8910" s="19"/>
      <c r="W8910" s="19"/>
      <c r="X8910" s="19">
        <v>1</v>
      </c>
      <c r="Y8910" s="19"/>
      <c r="Z8910" s="19"/>
      <c r="AA8910" s="19"/>
    </row>
    <row r="8911" spans="1:27" s="1" customFormat="1" ht="14.1" customHeight="1" outlineLevel="1" x14ac:dyDescent="0.2">
      <c r="A8911" s="17"/>
      <c r="B8911" s="17"/>
      <c r="C8911" s="17"/>
      <c r="D8911" s="18"/>
      <c r="E8911" s="18"/>
      <c r="F8911" s="18"/>
      <c r="G8911" s="18"/>
      <c r="H8911" s="18"/>
      <c r="I8911" s="18"/>
      <c r="J8911" s="18"/>
      <c r="K8911" s="18"/>
      <c r="L8911" s="18"/>
      <c r="M8911" s="18"/>
      <c r="N8911" s="18"/>
      <c r="O8911" s="18"/>
      <c r="P8911" s="19"/>
      <c r="Q8911" s="19"/>
      <c r="R8911" s="19"/>
      <c r="S8911" s="19"/>
      <c r="T8911" s="19"/>
      <c r="U8911" s="19"/>
      <c r="V8911" s="19"/>
      <c r="W8911" s="19"/>
      <c r="X8911" s="19"/>
      <c r="Y8911" s="19"/>
      <c r="Z8911" s="19"/>
      <c r="AA8911" s="19"/>
    </row>
    <row r="8912" spans="1:27" s="1" customFormat="1" ht="11.1" customHeight="1" outlineLevel="1" x14ac:dyDescent="0.2">
      <c r="A8912" s="17">
        <v>16853</v>
      </c>
      <c r="B8912" s="17"/>
      <c r="C8912" s="17"/>
      <c r="D8912" s="18" t="s">
        <v>4415</v>
      </c>
      <c r="E8912" s="18"/>
      <c r="F8912" s="18"/>
      <c r="G8912" s="18"/>
      <c r="H8912" s="18"/>
      <c r="I8912" s="18"/>
      <c r="J8912" s="18"/>
      <c r="K8912" s="18"/>
      <c r="L8912" s="18"/>
      <c r="M8912" s="18"/>
      <c r="N8912" s="18"/>
      <c r="O8912" s="18"/>
      <c r="P8912" s="19">
        <v>100</v>
      </c>
      <c r="Q8912" s="19"/>
      <c r="R8912" s="19"/>
      <c r="S8912" s="19"/>
      <c r="T8912" s="19">
        <v>50</v>
      </c>
      <c r="U8912" s="19"/>
      <c r="V8912" s="19"/>
      <c r="W8912" s="19"/>
      <c r="X8912" s="19">
        <v>1</v>
      </c>
      <c r="Y8912" s="19"/>
      <c r="Z8912" s="19"/>
      <c r="AA8912" s="19"/>
    </row>
    <row r="8913" spans="1:27" s="1" customFormat="1" ht="11.1" customHeight="1" outlineLevel="1" x14ac:dyDescent="0.2">
      <c r="A8913" s="17"/>
      <c r="B8913" s="17"/>
      <c r="C8913" s="17"/>
      <c r="D8913" s="18"/>
      <c r="E8913" s="18"/>
      <c r="F8913" s="18"/>
      <c r="G8913" s="18"/>
      <c r="H8913" s="18"/>
      <c r="I8913" s="18"/>
      <c r="J8913" s="18"/>
      <c r="K8913" s="18"/>
      <c r="L8913" s="18"/>
      <c r="M8913" s="18"/>
      <c r="N8913" s="18"/>
      <c r="O8913" s="18"/>
      <c r="P8913" s="19"/>
      <c r="Q8913" s="19"/>
      <c r="R8913" s="19"/>
      <c r="S8913" s="19"/>
      <c r="T8913" s="19"/>
      <c r="U8913" s="19"/>
      <c r="V8913" s="19"/>
      <c r="W8913" s="19"/>
      <c r="X8913" s="19"/>
      <c r="Y8913" s="19"/>
      <c r="Z8913" s="19"/>
      <c r="AA8913" s="19"/>
    </row>
    <row r="8914" spans="1:27" s="1" customFormat="1" ht="14.1" customHeight="1" outlineLevel="1" x14ac:dyDescent="0.2">
      <c r="A8914" s="17">
        <v>16845</v>
      </c>
      <c r="B8914" s="17"/>
      <c r="C8914" s="17"/>
      <c r="D8914" s="18" t="s">
        <v>4416</v>
      </c>
      <c r="E8914" s="18"/>
      <c r="F8914" s="18"/>
      <c r="G8914" s="18"/>
      <c r="H8914" s="18"/>
      <c r="I8914" s="18"/>
      <c r="J8914" s="18"/>
      <c r="K8914" s="18"/>
      <c r="L8914" s="18"/>
      <c r="M8914" s="18"/>
      <c r="N8914" s="18"/>
      <c r="O8914" s="18"/>
      <c r="P8914" s="19">
        <v>800</v>
      </c>
      <c r="Q8914" s="19"/>
      <c r="R8914" s="19"/>
      <c r="S8914" s="19"/>
      <c r="T8914" s="19">
        <v>700</v>
      </c>
      <c r="U8914" s="19"/>
      <c r="V8914" s="19"/>
      <c r="W8914" s="19"/>
      <c r="X8914" s="19">
        <v>1</v>
      </c>
      <c r="Y8914" s="19"/>
      <c r="Z8914" s="19"/>
      <c r="AA8914" s="19"/>
    </row>
    <row r="8915" spans="1:27" s="1" customFormat="1" ht="14.1" customHeight="1" outlineLevel="1" x14ac:dyDescent="0.2">
      <c r="A8915" s="17"/>
      <c r="B8915" s="17"/>
      <c r="C8915" s="17"/>
      <c r="D8915" s="18"/>
      <c r="E8915" s="18"/>
      <c r="F8915" s="18"/>
      <c r="G8915" s="18"/>
      <c r="H8915" s="18"/>
      <c r="I8915" s="18"/>
      <c r="J8915" s="18"/>
      <c r="K8915" s="18"/>
      <c r="L8915" s="18"/>
      <c r="M8915" s="18"/>
      <c r="N8915" s="18"/>
      <c r="O8915" s="18"/>
      <c r="P8915" s="19"/>
      <c r="Q8915" s="19"/>
      <c r="R8915" s="19"/>
      <c r="S8915" s="19"/>
      <c r="T8915" s="19"/>
      <c r="U8915" s="19"/>
      <c r="V8915" s="19"/>
      <c r="W8915" s="19"/>
      <c r="X8915" s="19"/>
      <c r="Y8915" s="19"/>
      <c r="Z8915" s="19"/>
      <c r="AA8915" s="19"/>
    </row>
    <row r="8916" spans="1:27" s="1" customFormat="1" ht="21" customHeight="1" outlineLevel="1" x14ac:dyDescent="0.2">
      <c r="A8916" s="17">
        <v>17000</v>
      </c>
      <c r="B8916" s="17"/>
      <c r="C8916" s="17"/>
      <c r="D8916" s="18" t="s">
        <v>4417</v>
      </c>
      <c r="E8916" s="18"/>
      <c r="F8916" s="18"/>
      <c r="G8916" s="18"/>
      <c r="H8916" s="18"/>
      <c r="I8916" s="18"/>
      <c r="J8916" s="18"/>
      <c r="K8916" s="18"/>
      <c r="L8916" s="18"/>
      <c r="M8916" s="18"/>
      <c r="N8916" s="18"/>
      <c r="O8916" s="18"/>
      <c r="P8916" s="19">
        <v>900</v>
      </c>
      <c r="Q8916" s="19"/>
      <c r="R8916" s="19"/>
      <c r="S8916" s="19"/>
      <c r="T8916" s="19">
        <v>600</v>
      </c>
      <c r="U8916" s="19"/>
      <c r="V8916" s="19"/>
      <c r="W8916" s="19"/>
      <c r="X8916" s="19">
        <v>1</v>
      </c>
      <c r="Y8916" s="19"/>
      <c r="Z8916" s="19"/>
      <c r="AA8916" s="19"/>
    </row>
    <row r="8917" spans="1:27" s="1" customFormat="1" ht="21" customHeight="1" outlineLevel="1" x14ac:dyDescent="0.2">
      <c r="A8917" s="17"/>
      <c r="B8917" s="17"/>
      <c r="C8917" s="17"/>
      <c r="D8917" s="18"/>
      <c r="E8917" s="18"/>
      <c r="F8917" s="18"/>
      <c r="G8917" s="18"/>
      <c r="H8917" s="18"/>
      <c r="I8917" s="18"/>
      <c r="J8917" s="18"/>
      <c r="K8917" s="18"/>
      <c r="L8917" s="18"/>
      <c r="M8917" s="18"/>
      <c r="N8917" s="18"/>
      <c r="O8917" s="18"/>
      <c r="P8917" s="19"/>
      <c r="Q8917" s="19"/>
      <c r="R8917" s="19"/>
      <c r="S8917" s="19"/>
      <c r="T8917" s="19"/>
      <c r="U8917" s="19"/>
      <c r="V8917" s="19"/>
      <c r="W8917" s="19"/>
      <c r="X8917" s="19"/>
      <c r="Y8917" s="19"/>
      <c r="Z8917" s="19"/>
      <c r="AA8917" s="19"/>
    </row>
    <row r="8918" spans="1:27" s="1" customFormat="1" ht="11.1" customHeight="1" x14ac:dyDescent="0.2">
      <c r="A8918" s="16" t="s">
        <v>4418</v>
      </c>
      <c r="B8918" s="16"/>
      <c r="C8918" s="16"/>
      <c r="D8918" s="16"/>
      <c r="E8918" s="16"/>
      <c r="F8918" s="16"/>
      <c r="G8918" s="16"/>
      <c r="H8918" s="16"/>
      <c r="I8918" s="16"/>
      <c r="J8918" s="16"/>
      <c r="K8918" s="16"/>
      <c r="L8918" s="16"/>
      <c r="M8918" s="16"/>
      <c r="N8918" s="16"/>
      <c r="O8918" s="16"/>
      <c r="P8918" s="16"/>
      <c r="Q8918" s="16"/>
      <c r="R8918" s="16"/>
      <c r="S8918" s="16"/>
      <c r="T8918" s="16"/>
      <c r="U8918" s="16"/>
      <c r="V8918" s="16"/>
      <c r="W8918" s="16"/>
      <c r="X8918" s="16"/>
      <c r="Y8918" s="16"/>
      <c r="Z8918" s="16"/>
      <c r="AA8918" s="16"/>
    </row>
    <row r="8919" spans="1:27" s="1" customFormat="1" ht="11.1" customHeight="1" x14ac:dyDescent="0.2">
      <c r="A8919" s="16"/>
      <c r="B8919" s="16"/>
      <c r="C8919" s="16"/>
      <c r="D8919" s="16"/>
      <c r="E8919" s="16"/>
      <c r="F8919" s="16"/>
      <c r="G8919" s="16"/>
      <c r="H8919" s="16"/>
      <c r="I8919" s="16"/>
      <c r="J8919" s="16"/>
      <c r="K8919" s="16"/>
      <c r="L8919" s="16"/>
      <c r="M8919" s="16"/>
      <c r="N8919" s="16"/>
      <c r="O8919" s="16"/>
      <c r="P8919" s="16"/>
      <c r="Q8919" s="16"/>
      <c r="R8919" s="16"/>
      <c r="S8919" s="16"/>
      <c r="T8919" s="16"/>
      <c r="U8919" s="16"/>
      <c r="V8919" s="16"/>
      <c r="W8919" s="16"/>
      <c r="X8919" s="16"/>
      <c r="Y8919" s="16"/>
      <c r="Z8919" s="16"/>
      <c r="AA8919" s="16"/>
    </row>
    <row r="8920" spans="1:27" s="1" customFormat="1" ht="14.1" customHeight="1" outlineLevel="1" x14ac:dyDescent="0.2">
      <c r="A8920" s="17">
        <v>13483</v>
      </c>
      <c r="B8920" s="17"/>
      <c r="C8920" s="17"/>
      <c r="D8920" s="18" t="s">
        <v>4419</v>
      </c>
      <c r="E8920" s="18"/>
      <c r="F8920" s="18"/>
      <c r="G8920" s="18"/>
      <c r="H8920" s="18"/>
      <c r="I8920" s="18"/>
      <c r="J8920" s="18"/>
      <c r="K8920" s="18"/>
      <c r="L8920" s="18"/>
      <c r="M8920" s="18"/>
      <c r="N8920" s="18"/>
      <c r="O8920" s="18"/>
      <c r="P8920" s="19">
        <v>145</v>
      </c>
      <c r="Q8920" s="19"/>
      <c r="R8920" s="19"/>
      <c r="S8920" s="19"/>
      <c r="T8920" s="19">
        <v>100</v>
      </c>
      <c r="U8920" s="19"/>
      <c r="V8920" s="19"/>
      <c r="W8920" s="19"/>
      <c r="X8920" s="19">
        <v>1</v>
      </c>
      <c r="Y8920" s="19"/>
      <c r="Z8920" s="19"/>
      <c r="AA8920" s="19"/>
    </row>
    <row r="8921" spans="1:27" s="1" customFormat="1" ht="14.1" customHeight="1" outlineLevel="1" x14ac:dyDescent="0.2">
      <c r="A8921" s="17"/>
      <c r="B8921" s="17"/>
      <c r="C8921" s="17"/>
      <c r="D8921" s="18"/>
      <c r="E8921" s="18"/>
      <c r="F8921" s="18"/>
      <c r="G8921" s="18"/>
      <c r="H8921" s="18"/>
      <c r="I8921" s="18"/>
      <c r="J8921" s="18"/>
      <c r="K8921" s="18"/>
      <c r="L8921" s="18"/>
      <c r="M8921" s="18"/>
      <c r="N8921" s="18"/>
      <c r="O8921" s="18"/>
      <c r="P8921" s="19"/>
      <c r="Q8921" s="19"/>
      <c r="R8921" s="19"/>
      <c r="S8921" s="19"/>
      <c r="T8921" s="19"/>
      <c r="U8921" s="19"/>
      <c r="V8921" s="19"/>
      <c r="W8921" s="19"/>
      <c r="X8921" s="19"/>
      <c r="Y8921" s="19"/>
      <c r="Z8921" s="19"/>
      <c r="AA8921" s="19"/>
    </row>
    <row r="8922" spans="1:27" s="1" customFormat="1" ht="14.1" customHeight="1" outlineLevel="1" x14ac:dyDescent="0.2">
      <c r="A8922" s="17">
        <v>16838</v>
      </c>
      <c r="B8922" s="17"/>
      <c r="C8922" s="17"/>
      <c r="D8922" s="18" t="s">
        <v>4420</v>
      </c>
      <c r="E8922" s="18"/>
      <c r="F8922" s="18"/>
      <c r="G8922" s="18"/>
      <c r="H8922" s="18"/>
      <c r="I8922" s="18"/>
      <c r="J8922" s="18"/>
      <c r="K8922" s="18"/>
      <c r="L8922" s="18"/>
      <c r="M8922" s="18"/>
      <c r="N8922" s="18"/>
      <c r="O8922" s="18"/>
      <c r="P8922" s="19">
        <v>250</v>
      </c>
      <c r="Q8922" s="19"/>
      <c r="R8922" s="19"/>
      <c r="S8922" s="19"/>
      <c r="T8922" s="19">
        <v>150</v>
      </c>
      <c r="U8922" s="19"/>
      <c r="V8922" s="19"/>
      <c r="W8922" s="19"/>
      <c r="X8922" s="19">
        <v>1</v>
      </c>
      <c r="Y8922" s="19"/>
      <c r="Z8922" s="19"/>
      <c r="AA8922" s="19"/>
    </row>
    <row r="8923" spans="1:27" s="1" customFormat="1" ht="14.1" customHeight="1" outlineLevel="1" x14ac:dyDescent="0.2">
      <c r="A8923" s="17"/>
      <c r="B8923" s="17"/>
      <c r="C8923" s="17"/>
      <c r="D8923" s="18"/>
      <c r="E8923" s="18"/>
      <c r="F8923" s="18"/>
      <c r="G8923" s="18"/>
      <c r="H8923" s="18"/>
      <c r="I8923" s="18"/>
      <c r="J8923" s="18"/>
      <c r="K8923" s="18"/>
      <c r="L8923" s="18"/>
      <c r="M8923" s="18"/>
      <c r="N8923" s="18"/>
      <c r="O8923" s="18"/>
      <c r="P8923" s="19"/>
      <c r="Q8923" s="19"/>
      <c r="R8923" s="19"/>
      <c r="S8923" s="19"/>
      <c r="T8923" s="19"/>
      <c r="U8923" s="19"/>
      <c r="V8923" s="19"/>
      <c r="W8923" s="19"/>
      <c r="X8923" s="19"/>
      <c r="Y8923" s="19"/>
      <c r="Z8923" s="19"/>
      <c r="AA8923" s="19"/>
    </row>
    <row r="8924" spans="1:27" s="1" customFormat="1" ht="14.1" customHeight="1" outlineLevel="1" x14ac:dyDescent="0.2">
      <c r="A8924" s="17">
        <v>13390</v>
      </c>
      <c r="B8924" s="17"/>
      <c r="C8924" s="17"/>
      <c r="D8924" s="18" t="s">
        <v>4421</v>
      </c>
      <c r="E8924" s="18"/>
      <c r="F8924" s="18"/>
      <c r="G8924" s="18"/>
      <c r="H8924" s="18"/>
      <c r="I8924" s="18"/>
      <c r="J8924" s="18"/>
      <c r="K8924" s="18"/>
      <c r="L8924" s="18"/>
      <c r="M8924" s="18"/>
      <c r="N8924" s="18"/>
      <c r="O8924" s="18"/>
      <c r="P8924" s="19">
        <v>390</v>
      </c>
      <c r="Q8924" s="19"/>
      <c r="R8924" s="19"/>
      <c r="S8924" s="19"/>
      <c r="T8924" s="19">
        <v>320</v>
      </c>
      <c r="U8924" s="19"/>
      <c r="V8924" s="19"/>
      <c r="W8924" s="19"/>
      <c r="X8924" s="19">
        <v>1</v>
      </c>
      <c r="Y8924" s="19"/>
      <c r="Z8924" s="19"/>
      <c r="AA8924" s="19"/>
    </row>
    <row r="8925" spans="1:27" s="1" customFormat="1" ht="14.1" customHeight="1" outlineLevel="1" x14ac:dyDescent="0.2">
      <c r="A8925" s="17"/>
      <c r="B8925" s="17"/>
      <c r="C8925" s="17"/>
      <c r="D8925" s="18"/>
      <c r="E8925" s="18"/>
      <c r="F8925" s="18"/>
      <c r="G8925" s="18"/>
      <c r="H8925" s="18"/>
      <c r="I8925" s="18"/>
      <c r="J8925" s="18"/>
      <c r="K8925" s="18"/>
      <c r="L8925" s="18"/>
      <c r="M8925" s="18"/>
      <c r="N8925" s="18"/>
      <c r="O8925" s="18"/>
      <c r="P8925" s="19"/>
      <c r="Q8925" s="19"/>
      <c r="R8925" s="19"/>
      <c r="S8925" s="19"/>
      <c r="T8925" s="19"/>
      <c r="U8925" s="19"/>
      <c r="V8925" s="19"/>
      <c r="W8925" s="19"/>
      <c r="X8925" s="19"/>
      <c r="Y8925" s="19"/>
      <c r="Z8925" s="19"/>
      <c r="AA8925" s="19"/>
    </row>
    <row r="8926" spans="1:27" s="1" customFormat="1" ht="11.1" customHeight="1" outlineLevel="1" x14ac:dyDescent="0.2">
      <c r="A8926" s="17">
        <v>13503</v>
      </c>
      <c r="B8926" s="17"/>
      <c r="C8926" s="17"/>
      <c r="D8926" s="18" t="s">
        <v>4422</v>
      </c>
      <c r="E8926" s="18"/>
      <c r="F8926" s="18"/>
      <c r="G8926" s="18"/>
      <c r="H8926" s="18"/>
      <c r="I8926" s="18"/>
      <c r="J8926" s="18"/>
      <c r="K8926" s="18"/>
      <c r="L8926" s="18"/>
      <c r="M8926" s="18"/>
      <c r="N8926" s="18"/>
      <c r="O8926" s="18"/>
      <c r="P8926" s="19">
        <v>330</v>
      </c>
      <c r="Q8926" s="19"/>
      <c r="R8926" s="19"/>
      <c r="S8926" s="19"/>
      <c r="T8926" s="19">
        <v>270</v>
      </c>
      <c r="U8926" s="19"/>
      <c r="V8926" s="19"/>
      <c r="W8926" s="19"/>
      <c r="X8926" s="19">
        <v>1</v>
      </c>
      <c r="Y8926" s="19"/>
      <c r="Z8926" s="19"/>
      <c r="AA8926" s="19"/>
    </row>
    <row r="8927" spans="1:27" s="1" customFormat="1" ht="11.1" customHeight="1" outlineLevel="1" x14ac:dyDescent="0.2">
      <c r="A8927" s="17"/>
      <c r="B8927" s="17"/>
      <c r="C8927" s="17"/>
      <c r="D8927" s="18"/>
      <c r="E8927" s="18"/>
      <c r="F8927" s="18"/>
      <c r="G8927" s="18"/>
      <c r="H8927" s="18"/>
      <c r="I8927" s="18"/>
      <c r="J8927" s="18"/>
      <c r="K8927" s="18"/>
      <c r="L8927" s="18"/>
      <c r="M8927" s="18"/>
      <c r="N8927" s="18"/>
      <c r="O8927" s="18"/>
      <c r="P8927" s="19"/>
      <c r="Q8927" s="19"/>
      <c r="R8927" s="19"/>
      <c r="S8927" s="19"/>
      <c r="T8927" s="19"/>
      <c r="U8927" s="19"/>
      <c r="V8927" s="19"/>
      <c r="W8927" s="19"/>
      <c r="X8927" s="19"/>
      <c r="Y8927" s="19"/>
      <c r="Z8927" s="19"/>
      <c r="AA8927" s="19"/>
    </row>
    <row r="8928" spans="1:27" s="1" customFormat="1" ht="14.1" customHeight="1" outlineLevel="1" x14ac:dyDescent="0.2">
      <c r="A8928" s="17">
        <v>17074</v>
      </c>
      <c r="B8928" s="17"/>
      <c r="C8928" s="17"/>
      <c r="D8928" s="18" t="s">
        <v>4423</v>
      </c>
      <c r="E8928" s="18"/>
      <c r="F8928" s="18"/>
      <c r="G8928" s="18"/>
      <c r="H8928" s="18"/>
      <c r="I8928" s="18"/>
      <c r="J8928" s="18"/>
      <c r="K8928" s="18"/>
      <c r="L8928" s="18"/>
      <c r="M8928" s="18"/>
      <c r="N8928" s="18"/>
      <c r="O8928" s="18"/>
      <c r="P8928" s="19">
        <v>650</v>
      </c>
      <c r="Q8928" s="19"/>
      <c r="R8928" s="19"/>
      <c r="S8928" s="19"/>
      <c r="T8928" s="19">
        <v>400</v>
      </c>
      <c r="U8928" s="19"/>
      <c r="V8928" s="19"/>
      <c r="W8928" s="19"/>
      <c r="X8928" s="19">
        <v>2</v>
      </c>
      <c r="Y8928" s="19"/>
      <c r="Z8928" s="19"/>
      <c r="AA8928" s="19"/>
    </row>
    <row r="8929" spans="1:27" s="1" customFormat="1" ht="14.1" customHeight="1" outlineLevel="1" x14ac:dyDescent="0.2">
      <c r="A8929" s="17"/>
      <c r="B8929" s="17"/>
      <c r="C8929" s="17"/>
      <c r="D8929" s="18"/>
      <c r="E8929" s="18"/>
      <c r="F8929" s="18"/>
      <c r="G8929" s="18"/>
      <c r="H8929" s="18"/>
      <c r="I8929" s="18"/>
      <c r="J8929" s="18"/>
      <c r="K8929" s="18"/>
      <c r="L8929" s="18"/>
      <c r="M8929" s="18"/>
      <c r="N8929" s="18"/>
      <c r="O8929" s="18"/>
      <c r="P8929" s="19"/>
      <c r="Q8929" s="19"/>
      <c r="R8929" s="19"/>
      <c r="S8929" s="19"/>
      <c r="T8929" s="19"/>
      <c r="U8929" s="19"/>
      <c r="V8929" s="19"/>
      <c r="W8929" s="19"/>
      <c r="X8929" s="19"/>
      <c r="Y8929" s="19"/>
      <c r="Z8929" s="19"/>
      <c r="AA8929" s="19"/>
    </row>
    <row r="8930" spans="1:27" s="1" customFormat="1" ht="14.1" customHeight="1" outlineLevel="1" x14ac:dyDescent="0.2">
      <c r="A8930" s="17">
        <v>17409</v>
      </c>
      <c r="B8930" s="17"/>
      <c r="C8930" s="17"/>
      <c r="D8930" s="18" t="s">
        <v>4424</v>
      </c>
      <c r="E8930" s="18"/>
      <c r="F8930" s="18"/>
      <c r="G8930" s="18"/>
      <c r="H8930" s="18"/>
      <c r="I8930" s="18"/>
      <c r="J8930" s="18"/>
      <c r="K8930" s="18"/>
      <c r="L8930" s="18"/>
      <c r="M8930" s="18"/>
      <c r="N8930" s="18"/>
      <c r="O8930" s="18"/>
      <c r="P8930" s="19">
        <v>600</v>
      </c>
      <c r="Q8930" s="19"/>
      <c r="R8930" s="19"/>
      <c r="S8930" s="19"/>
      <c r="T8930" s="19">
        <v>400</v>
      </c>
      <c r="U8930" s="19"/>
      <c r="V8930" s="19"/>
      <c r="W8930" s="19"/>
      <c r="X8930" s="19">
        <v>2</v>
      </c>
      <c r="Y8930" s="19"/>
      <c r="Z8930" s="19"/>
      <c r="AA8930" s="19"/>
    </row>
    <row r="8931" spans="1:27" s="1" customFormat="1" ht="14.1" customHeight="1" outlineLevel="1" x14ac:dyDescent="0.2">
      <c r="A8931" s="17"/>
      <c r="B8931" s="17"/>
      <c r="C8931" s="17"/>
      <c r="D8931" s="18"/>
      <c r="E8931" s="18"/>
      <c r="F8931" s="18"/>
      <c r="G8931" s="18"/>
      <c r="H8931" s="18"/>
      <c r="I8931" s="18"/>
      <c r="J8931" s="18"/>
      <c r="K8931" s="18"/>
      <c r="L8931" s="18"/>
      <c r="M8931" s="18"/>
      <c r="N8931" s="18"/>
      <c r="O8931" s="18"/>
      <c r="P8931" s="19"/>
      <c r="Q8931" s="19"/>
      <c r="R8931" s="19"/>
      <c r="S8931" s="19"/>
      <c r="T8931" s="19"/>
      <c r="U8931" s="19"/>
      <c r="V8931" s="19"/>
      <c r="W8931" s="19"/>
      <c r="X8931" s="19"/>
      <c r="Y8931" s="19"/>
      <c r="Z8931" s="19"/>
      <c r="AA8931" s="19"/>
    </row>
    <row r="8932" spans="1:27" s="1" customFormat="1" ht="14.1" customHeight="1" outlineLevel="1" x14ac:dyDescent="0.2">
      <c r="A8932" s="17">
        <v>17385</v>
      </c>
      <c r="B8932" s="17"/>
      <c r="C8932" s="17"/>
      <c r="D8932" s="18" t="s">
        <v>4425</v>
      </c>
      <c r="E8932" s="18"/>
      <c r="F8932" s="18"/>
      <c r="G8932" s="18"/>
      <c r="H8932" s="18"/>
      <c r="I8932" s="18"/>
      <c r="J8932" s="18"/>
      <c r="K8932" s="18"/>
      <c r="L8932" s="18"/>
      <c r="M8932" s="18"/>
      <c r="N8932" s="18"/>
      <c r="O8932" s="18"/>
      <c r="P8932" s="19">
        <v>300</v>
      </c>
      <c r="Q8932" s="19"/>
      <c r="R8932" s="19"/>
      <c r="S8932" s="19"/>
      <c r="T8932" s="19">
        <v>200</v>
      </c>
      <c r="U8932" s="19"/>
      <c r="V8932" s="19"/>
      <c r="W8932" s="19"/>
      <c r="X8932" s="19">
        <v>2</v>
      </c>
      <c r="Y8932" s="19"/>
      <c r="Z8932" s="19"/>
      <c r="AA8932" s="19"/>
    </row>
    <row r="8933" spans="1:27" s="1" customFormat="1" ht="14.1" customHeight="1" outlineLevel="1" x14ac:dyDescent="0.2">
      <c r="A8933" s="17"/>
      <c r="B8933" s="17"/>
      <c r="C8933" s="17"/>
      <c r="D8933" s="18"/>
      <c r="E8933" s="18"/>
      <c r="F8933" s="18"/>
      <c r="G8933" s="18"/>
      <c r="H8933" s="18"/>
      <c r="I8933" s="18"/>
      <c r="J8933" s="18"/>
      <c r="K8933" s="18"/>
      <c r="L8933" s="18"/>
      <c r="M8933" s="18"/>
      <c r="N8933" s="18"/>
      <c r="O8933" s="18"/>
      <c r="P8933" s="19"/>
      <c r="Q8933" s="19"/>
      <c r="R8933" s="19"/>
      <c r="S8933" s="19"/>
      <c r="T8933" s="19"/>
      <c r="U8933" s="19"/>
      <c r="V8933" s="19"/>
      <c r="W8933" s="19"/>
      <c r="X8933" s="19"/>
      <c r="Y8933" s="19"/>
      <c r="Z8933" s="19"/>
      <c r="AA8933" s="19"/>
    </row>
    <row r="8934" spans="1:27" s="1" customFormat="1" ht="14.1" customHeight="1" outlineLevel="1" x14ac:dyDescent="0.2">
      <c r="A8934" s="17">
        <v>17586</v>
      </c>
      <c r="B8934" s="17"/>
      <c r="C8934" s="17"/>
      <c r="D8934" s="18" t="s">
        <v>4426</v>
      </c>
      <c r="E8934" s="18"/>
      <c r="F8934" s="18"/>
      <c r="G8934" s="18"/>
      <c r="H8934" s="18"/>
      <c r="I8934" s="18"/>
      <c r="J8934" s="18"/>
      <c r="K8934" s="18"/>
      <c r="L8934" s="18"/>
      <c r="M8934" s="18"/>
      <c r="N8934" s="18"/>
      <c r="O8934" s="18"/>
      <c r="P8934" s="19">
        <v>300</v>
      </c>
      <c r="Q8934" s="19"/>
      <c r="R8934" s="19"/>
      <c r="S8934" s="19"/>
      <c r="T8934" s="19">
        <v>200</v>
      </c>
      <c r="U8934" s="19"/>
      <c r="V8934" s="19"/>
      <c r="W8934" s="19"/>
      <c r="X8934" s="19">
        <v>2</v>
      </c>
      <c r="Y8934" s="19"/>
      <c r="Z8934" s="19"/>
      <c r="AA8934" s="19"/>
    </row>
    <row r="8935" spans="1:27" s="1" customFormat="1" ht="14.1" customHeight="1" outlineLevel="1" x14ac:dyDescent="0.2">
      <c r="A8935" s="17"/>
      <c r="B8935" s="17"/>
      <c r="C8935" s="17"/>
      <c r="D8935" s="18"/>
      <c r="E8935" s="18"/>
      <c r="F8935" s="18"/>
      <c r="G8935" s="18"/>
      <c r="H8935" s="18"/>
      <c r="I8935" s="18"/>
      <c r="J8935" s="18"/>
      <c r="K8935" s="18"/>
      <c r="L8935" s="18"/>
      <c r="M8935" s="18"/>
      <c r="N8935" s="18"/>
      <c r="O8935" s="18"/>
      <c r="P8935" s="19"/>
      <c r="Q8935" s="19"/>
      <c r="R8935" s="19"/>
      <c r="S8935" s="19"/>
      <c r="T8935" s="19"/>
      <c r="U8935" s="19"/>
      <c r="V8935" s="19"/>
      <c r="W8935" s="19"/>
      <c r="X8935" s="19"/>
      <c r="Y8935" s="19"/>
      <c r="Z8935" s="19"/>
      <c r="AA8935" s="19"/>
    </row>
    <row r="8936" spans="1:27" s="1" customFormat="1" ht="14.1" customHeight="1" outlineLevel="1" x14ac:dyDescent="0.2">
      <c r="A8936" s="17">
        <v>17932</v>
      </c>
      <c r="B8936" s="17"/>
      <c r="C8936" s="17"/>
      <c r="D8936" s="18" t="s">
        <v>4427</v>
      </c>
      <c r="E8936" s="18"/>
      <c r="F8936" s="18"/>
      <c r="G8936" s="18"/>
      <c r="H8936" s="18"/>
      <c r="I8936" s="18"/>
      <c r="J8936" s="18"/>
      <c r="K8936" s="18"/>
      <c r="L8936" s="18"/>
      <c r="M8936" s="18"/>
      <c r="N8936" s="18"/>
      <c r="O8936" s="18"/>
      <c r="P8936" s="19">
        <v>300</v>
      </c>
      <c r="Q8936" s="19"/>
      <c r="R8936" s="19"/>
      <c r="S8936" s="19"/>
      <c r="T8936" s="19">
        <v>200</v>
      </c>
      <c r="U8936" s="19"/>
      <c r="V8936" s="19"/>
      <c r="W8936" s="19"/>
      <c r="X8936" s="19">
        <v>1</v>
      </c>
      <c r="Y8936" s="19"/>
      <c r="Z8936" s="19"/>
      <c r="AA8936" s="19"/>
    </row>
    <row r="8937" spans="1:27" s="1" customFormat="1" ht="14.1" customHeight="1" outlineLevel="1" x14ac:dyDescent="0.2">
      <c r="A8937" s="17"/>
      <c r="B8937" s="17"/>
      <c r="C8937" s="17"/>
      <c r="D8937" s="18"/>
      <c r="E8937" s="18"/>
      <c r="F8937" s="18"/>
      <c r="G8937" s="18"/>
      <c r="H8937" s="18"/>
      <c r="I8937" s="18"/>
      <c r="J8937" s="18"/>
      <c r="K8937" s="18"/>
      <c r="L8937" s="18"/>
      <c r="M8937" s="18"/>
      <c r="N8937" s="18"/>
      <c r="O8937" s="18"/>
      <c r="P8937" s="19"/>
      <c r="Q8937" s="19"/>
      <c r="R8937" s="19"/>
      <c r="S8937" s="19"/>
      <c r="T8937" s="19"/>
      <c r="U8937" s="19"/>
      <c r="V8937" s="19"/>
      <c r="W8937" s="19"/>
      <c r="X8937" s="19"/>
      <c r="Y8937" s="19"/>
      <c r="Z8937" s="19"/>
      <c r="AA8937" s="19"/>
    </row>
    <row r="8938" spans="1:27" s="1" customFormat="1" ht="14.1" customHeight="1" outlineLevel="1" x14ac:dyDescent="0.2">
      <c r="A8938" s="17">
        <v>16777</v>
      </c>
      <c r="B8938" s="17"/>
      <c r="C8938" s="17"/>
      <c r="D8938" s="18" t="s">
        <v>4428</v>
      </c>
      <c r="E8938" s="18"/>
      <c r="F8938" s="18"/>
      <c r="G8938" s="18"/>
      <c r="H8938" s="18"/>
      <c r="I8938" s="18"/>
      <c r="J8938" s="18"/>
      <c r="K8938" s="18"/>
      <c r="L8938" s="18"/>
      <c r="M8938" s="18"/>
      <c r="N8938" s="18"/>
      <c r="O8938" s="18"/>
      <c r="P8938" s="19">
        <v>290</v>
      </c>
      <c r="Q8938" s="19"/>
      <c r="R8938" s="19"/>
      <c r="S8938" s="19"/>
      <c r="T8938" s="19">
        <v>200</v>
      </c>
      <c r="U8938" s="19"/>
      <c r="V8938" s="19"/>
      <c r="W8938" s="19"/>
      <c r="X8938" s="19">
        <v>2</v>
      </c>
      <c r="Y8938" s="19"/>
      <c r="Z8938" s="19"/>
      <c r="AA8938" s="19"/>
    </row>
    <row r="8939" spans="1:27" s="1" customFormat="1" ht="14.1" customHeight="1" outlineLevel="1" x14ac:dyDescent="0.2">
      <c r="A8939" s="17"/>
      <c r="B8939" s="17"/>
      <c r="C8939" s="17"/>
      <c r="D8939" s="18"/>
      <c r="E8939" s="18"/>
      <c r="F8939" s="18"/>
      <c r="G8939" s="18"/>
      <c r="H8939" s="18"/>
      <c r="I8939" s="18"/>
      <c r="J8939" s="18"/>
      <c r="K8939" s="18"/>
      <c r="L8939" s="18"/>
      <c r="M8939" s="18"/>
      <c r="N8939" s="18"/>
      <c r="O8939" s="18"/>
      <c r="P8939" s="19"/>
      <c r="Q8939" s="19"/>
      <c r="R8939" s="19"/>
      <c r="S8939" s="19"/>
      <c r="T8939" s="19"/>
      <c r="U8939" s="19"/>
      <c r="V8939" s="19"/>
      <c r="W8939" s="19"/>
      <c r="X8939" s="19"/>
      <c r="Y8939" s="19"/>
      <c r="Z8939" s="19"/>
      <c r="AA8939" s="19"/>
    </row>
    <row r="8940" spans="1:27" s="1" customFormat="1" ht="14.1" customHeight="1" outlineLevel="1" x14ac:dyDescent="0.2">
      <c r="A8940" s="17">
        <v>9288</v>
      </c>
      <c r="B8940" s="17"/>
      <c r="C8940" s="17"/>
      <c r="D8940" s="18" t="s">
        <v>4429</v>
      </c>
      <c r="E8940" s="18"/>
      <c r="F8940" s="18"/>
      <c r="G8940" s="18"/>
      <c r="H8940" s="18"/>
      <c r="I8940" s="18"/>
      <c r="J8940" s="18"/>
      <c r="K8940" s="18"/>
      <c r="L8940" s="18"/>
      <c r="M8940" s="18"/>
      <c r="N8940" s="18"/>
      <c r="O8940" s="18"/>
      <c r="P8940" s="19">
        <v>300</v>
      </c>
      <c r="Q8940" s="19"/>
      <c r="R8940" s="19"/>
      <c r="S8940" s="19"/>
      <c r="T8940" s="19">
        <v>200</v>
      </c>
      <c r="U8940" s="19"/>
      <c r="V8940" s="19"/>
      <c r="W8940" s="19"/>
      <c r="X8940" s="19">
        <v>4</v>
      </c>
      <c r="Y8940" s="19"/>
      <c r="Z8940" s="19"/>
      <c r="AA8940" s="19"/>
    </row>
    <row r="8941" spans="1:27" s="1" customFormat="1" ht="14.1" customHeight="1" outlineLevel="1" x14ac:dyDescent="0.2">
      <c r="A8941" s="17"/>
      <c r="B8941" s="17"/>
      <c r="C8941" s="17"/>
      <c r="D8941" s="18"/>
      <c r="E8941" s="18"/>
      <c r="F8941" s="18"/>
      <c r="G8941" s="18"/>
      <c r="H8941" s="18"/>
      <c r="I8941" s="18"/>
      <c r="J8941" s="18"/>
      <c r="K8941" s="18"/>
      <c r="L8941" s="18"/>
      <c r="M8941" s="18"/>
      <c r="N8941" s="18"/>
      <c r="O8941" s="18"/>
      <c r="P8941" s="19"/>
      <c r="Q8941" s="19"/>
      <c r="R8941" s="19"/>
      <c r="S8941" s="19"/>
      <c r="T8941" s="19"/>
      <c r="U8941" s="19"/>
      <c r="V8941" s="19"/>
      <c r="W8941" s="19"/>
      <c r="X8941" s="19"/>
      <c r="Y8941" s="19"/>
      <c r="Z8941" s="19"/>
      <c r="AA8941" s="19"/>
    </row>
    <row r="8942" spans="1:27" s="1" customFormat="1" ht="14.1" customHeight="1" outlineLevel="1" x14ac:dyDescent="0.2">
      <c r="A8942" s="17">
        <v>15555</v>
      </c>
      <c r="B8942" s="17"/>
      <c r="C8942" s="17"/>
      <c r="D8942" s="18" t="s">
        <v>4430</v>
      </c>
      <c r="E8942" s="18"/>
      <c r="F8942" s="18"/>
      <c r="G8942" s="18"/>
      <c r="H8942" s="18"/>
      <c r="I8942" s="18"/>
      <c r="J8942" s="18"/>
      <c r="K8942" s="18"/>
      <c r="L8942" s="18"/>
      <c r="M8942" s="18"/>
      <c r="N8942" s="18"/>
      <c r="O8942" s="18"/>
      <c r="P8942" s="19">
        <v>250</v>
      </c>
      <c r="Q8942" s="19"/>
      <c r="R8942" s="19"/>
      <c r="S8942" s="19"/>
      <c r="T8942" s="19">
        <v>200</v>
      </c>
      <c r="U8942" s="19"/>
      <c r="V8942" s="19"/>
      <c r="W8942" s="19"/>
      <c r="X8942" s="19">
        <v>1</v>
      </c>
      <c r="Y8942" s="19"/>
      <c r="Z8942" s="19"/>
      <c r="AA8942" s="19"/>
    </row>
    <row r="8943" spans="1:27" s="1" customFormat="1" ht="14.1" customHeight="1" outlineLevel="1" x14ac:dyDescent="0.2">
      <c r="A8943" s="17"/>
      <c r="B8943" s="17"/>
      <c r="C8943" s="17"/>
      <c r="D8943" s="18"/>
      <c r="E8943" s="18"/>
      <c r="F8943" s="18"/>
      <c r="G8943" s="18"/>
      <c r="H8943" s="18"/>
      <c r="I8943" s="18"/>
      <c r="J8943" s="18"/>
      <c r="K8943" s="18"/>
      <c r="L8943" s="18"/>
      <c r="M8943" s="18"/>
      <c r="N8943" s="18"/>
      <c r="O8943" s="18"/>
      <c r="P8943" s="19"/>
      <c r="Q8943" s="19"/>
      <c r="R8943" s="19"/>
      <c r="S8943" s="19"/>
      <c r="T8943" s="19"/>
      <c r="U8943" s="19"/>
      <c r="V8943" s="19"/>
      <c r="W8943" s="19"/>
      <c r="X8943" s="19"/>
      <c r="Y8943" s="19"/>
      <c r="Z8943" s="19"/>
      <c r="AA8943" s="19"/>
    </row>
    <row r="8944" spans="1:27" s="1" customFormat="1" ht="14.1" customHeight="1" outlineLevel="1" x14ac:dyDescent="0.2">
      <c r="A8944" s="17">
        <v>14607</v>
      </c>
      <c r="B8944" s="17"/>
      <c r="C8944" s="17"/>
      <c r="D8944" s="18" t="s">
        <v>4431</v>
      </c>
      <c r="E8944" s="18"/>
      <c r="F8944" s="18"/>
      <c r="G8944" s="18"/>
      <c r="H8944" s="18"/>
      <c r="I8944" s="18"/>
      <c r="J8944" s="18"/>
      <c r="K8944" s="18"/>
      <c r="L8944" s="18"/>
      <c r="M8944" s="18"/>
      <c r="N8944" s="18"/>
      <c r="O8944" s="18"/>
      <c r="P8944" s="19">
        <v>160</v>
      </c>
      <c r="Q8944" s="19"/>
      <c r="R8944" s="19"/>
      <c r="S8944" s="19"/>
      <c r="T8944" s="19">
        <v>120</v>
      </c>
      <c r="U8944" s="19"/>
      <c r="V8944" s="19"/>
      <c r="W8944" s="19"/>
      <c r="X8944" s="19">
        <v>1</v>
      </c>
      <c r="Y8944" s="19"/>
      <c r="Z8944" s="19"/>
      <c r="AA8944" s="19"/>
    </row>
    <row r="8945" spans="1:27" s="1" customFormat="1" ht="14.1" customHeight="1" outlineLevel="1" x14ac:dyDescent="0.2">
      <c r="A8945" s="17"/>
      <c r="B8945" s="17"/>
      <c r="C8945" s="17"/>
      <c r="D8945" s="18"/>
      <c r="E8945" s="18"/>
      <c r="F8945" s="18"/>
      <c r="G8945" s="18"/>
      <c r="H8945" s="18"/>
      <c r="I8945" s="18"/>
      <c r="J8945" s="18"/>
      <c r="K8945" s="18"/>
      <c r="L8945" s="18"/>
      <c r="M8945" s="18"/>
      <c r="N8945" s="18"/>
      <c r="O8945" s="18"/>
      <c r="P8945" s="19"/>
      <c r="Q8945" s="19"/>
      <c r="R8945" s="19"/>
      <c r="S8945" s="19"/>
      <c r="T8945" s="19"/>
      <c r="U8945" s="19"/>
      <c r="V8945" s="19"/>
      <c r="W8945" s="19"/>
      <c r="X8945" s="19"/>
      <c r="Y8945" s="19"/>
      <c r="Z8945" s="19"/>
      <c r="AA8945" s="19"/>
    </row>
    <row r="8946" spans="1:27" s="1" customFormat="1" ht="14.1" customHeight="1" outlineLevel="1" x14ac:dyDescent="0.2">
      <c r="A8946" s="17">
        <v>18197</v>
      </c>
      <c r="B8946" s="17"/>
      <c r="C8946" s="17"/>
      <c r="D8946" s="18" t="s">
        <v>4432</v>
      </c>
      <c r="E8946" s="18"/>
      <c r="F8946" s="18"/>
      <c r="G8946" s="18"/>
      <c r="H8946" s="18"/>
      <c r="I8946" s="18"/>
      <c r="J8946" s="18"/>
      <c r="K8946" s="18"/>
      <c r="L8946" s="18"/>
      <c r="M8946" s="18"/>
      <c r="N8946" s="18"/>
      <c r="O8946" s="18"/>
      <c r="P8946" s="19">
        <v>150</v>
      </c>
      <c r="Q8946" s="19"/>
      <c r="R8946" s="19"/>
      <c r="S8946" s="19"/>
      <c r="T8946" s="19">
        <v>90</v>
      </c>
      <c r="U8946" s="19"/>
      <c r="V8946" s="19"/>
      <c r="W8946" s="19"/>
      <c r="X8946" s="19">
        <v>1</v>
      </c>
      <c r="Y8946" s="19"/>
      <c r="Z8946" s="19"/>
      <c r="AA8946" s="19"/>
    </row>
    <row r="8947" spans="1:27" s="1" customFormat="1" ht="14.1" customHeight="1" outlineLevel="1" x14ac:dyDescent="0.2">
      <c r="A8947" s="17"/>
      <c r="B8947" s="17"/>
      <c r="C8947" s="17"/>
      <c r="D8947" s="18"/>
      <c r="E8947" s="18"/>
      <c r="F8947" s="18"/>
      <c r="G8947" s="18"/>
      <c r="H8947" s="18"/>
      <c r="I8947" s="18"/>
      <c r="J8947" s="18"/>
      <c r="K8947" s="18"/>
      <c r="L8947" s="18"/>
      <c r="M8947" s="18"/>
      <c r="N8947" s="18"/>
      <c r="O8947" s="18"/>
      <c r="P8947" s="19"/>
      <c r="Q8947" s="19"/>
      <c r="R8947" s="19"/>
      <c r="S8947" s="19"/>
      <c r="T8947" s="19"/>
      <c r="U8947" s="19"/>
      <c r="V8947" s="19"/>
      <c r="W8947" s="19"/>
      <c r="X8947" s="19"/>
      <c r="Y8947" s="19"/>
      <c r="Z8947" s="19"/>
      <c r="AA8947" s="19"/>
    </row>
    <row r="8948" spans="1:27" s="1" customFormat="1" ht="14.1" customHeight="1" outlineLevel="1" x14ac:dyDescent="0.2">
      <c r="A8948" s="17">
        <v>17047</v>
      </c>
      <c r="B8948" s="17"/>
      <c r="C8948" s="17"/>
      <c r="D8948" s="18" t="s">
        <v>4433</v>
      </c>
      <c r="E8948" s="18"/>
      <c r="F8948" s="18"/>
      <c r="G8948" s="18"/>
      <c r="H8948" s="18"/>
      <c r="I8948" s="18"/>
      <c r="J8948" s="18"/>
      <c r="K8948" s="18"/>
      <c r="L8948" s="18"/>
      <c r="M8948" s="18"/>
      <c r="N8948" s="18"/>
      <c r="O8948" s="18"/>
      <c r="P8948" s="19">
        <v>150</v>
      </c>
      <c r="Q8948" s="19"/>
      <c r="R8948" s="19"/>
      <c r="S8948" s="19"/>
      <c r="T8948" s="19">
        <v>80</v>
      </c>
      <c r="U8948" s="19"/>
      <c r="V8948" s="19"/>
      <c r="W8948" s="19"/>
      <c r="X8948" s="19">
        <v>1</v>
      </c>
      <c r="Y8948" s="19"/>
      <c r="Z8948" s="19"/>
      <c r="AA8948" s="19"/>
    </row>
    <row r="8949" spans="1:27" s="1" customFormat="1" ht="14.1" customHeight="1" outlineLevel="1" x14ac:dyDescent="0.2">
      <c r="A8949" s="17"/>
      <c r="B8949" s="17"/>
      <c r="C8949" s="17"/>
      <c r="D8949" s="18"/>
      <c r="E8949" s="18"/>
      <c r="F8949" s="18"/>
      <c r="G8949" s="18"/>
      <c r="H8949" s="18"/>
      <c r="I8949" s="18"/>
      <c r="J8949" s="18"/>
      <c r="K8949" s="18"/>
      <c r="L8949" s="18"/>
      <c r="M8949" s="18"/>
      <c r="N8949" s="18"/>
      <c r="O8949" s="18"/>
      <c r="P8949" s="19"/>
      <c r="Q8949" s="19"/>
      <c r="R8949" s="19"/>
      <c r="S8949" s="19"/>
      <c r="T8949" s="19"/>
      <c r="U8949" s="19"/>
      <c r="V8949" s="19"/>
      <c r="W8949" s="19"/>
      <c r="X8949" s="19"/>
      <c r="Y8949" s="19"/>
      <c r="Z8949" s="19"/>
      <c r="AA8949" s="19"/>
    </row>
    <row r="8950" spans="1:27" s="1" customFormat="1" ht="14.1" customHeight="1" outlineLevel="1" x14ac:dyDescent="0.2">
      <c r="A8950" s="17">
        <v>6679</v>
      </c>
      <c r="B8950" s="17"/>
      <c r="C8950" s="17"/>
      <c r="D8950" s="18" t="s">
        <v>4434</v>
      </c>
      <c r="E8950" s="18"/>
      <c r="F8950" s="18"/>
      <c r="G8950" s="18"/>
      <c r="H8950" s="18"/>
      <c r="I8950" s="18"/>
      <c r="J8950" s="18"/>
      <c r="K8950" s="18"/>
      <c r="L8950" s="18"/>
      <c r="M8950" s="18"/>
      <c r="N8950" s="18"/>
      <c r="O8950" s="18"/>
      <c r="P8950" s="19">
        <v>200</v>
      </c>
      <c r="Q8950" s="19"/>
      <c r="R8950" s="19"/>
      <c r="S8950" s="19"/>
      <c r="T8950" s="19">
        <v>150</v>
      </c>
      <c r="U8950" s="19"/>
      <c r="V8950" s="19"/>
      <c r="W8950" s="19"/>
      <c r="X8950" s="19">
        <v>3</v>
      </c>
      <c r="Y8950" s="19"/>
      <c r="Z8950" s="19"/>
      <c r="AA8950" s="19"/>
    </row>
    <row r="8951" spans="1:27" s="1" customFormat="1" ht="14.1" customHeight="1" outlineLevel="1" x14ac:dyDescent="0.2">
      <c r="A8951" s="17"/>
      <c r="B8951" s="17"/>
      <c r="C8951" s="17"/>
      <c r="D8951" s="18"/>
      <c r="E8951" s="18"/>
      <c r="F8951" s="18"/>
      <c r="G8951" s="18"/>
      <c r="H8951" s="18"/>
      <c r="I8951" s="18"/>
      <c r="J8951" s="18"/>
      <c r="K8951" s="18"/>
      <c r="L8951" s="18"/>
      <c r="M8951" s="18"/>
      <c r="N8951" s="18"/>
      <c r="O8951" s="18"/>
      <c r="P8951" s="19"/>
      <c r="Q8951" s="19"/>
      <c r="R8951" s="19"/>
      <c r="S8951" s="19"/>
      <c r="T8951" s="19"/>
      <c r="U8951" s="19"/>
      <c r="V8951" s="19"/>
      <c r="W8951" s="19"/>
      <c r="X8951" s="19"/>
      <c r="Y8951" s="19"/>
      <c r="Z8951" s="19"/>
      <c r="AA8951" s="19"/>
    </row>
    <row r="8952" spans="1:27" s="1" customFormat="1" ht="14.1" customHeight="1" outlineLevel="1" x14ac:dyDescent="0.2">
      <c r="A8952" s="17">
        <v>17455</v>
      </c>
      <c r="B8952" s="17"/>
      <c r="C8952" s="17"/>
      <c r="D8952" s="18" t="s">
        <v>4435</v>
      </c>
      <c r="E8952" s="18"/>
      <c r="F8952" s="18"/>
      <c r="G8952" s="18"/>
      <c r="H8952" s="18"/>
      <c r="I8952" s="18"/>
      <c r="J8952" s="18"/>
      <c r="K8952" s="18"/>
      <c r="L8952" s="18"/>
      <c r="M8952" s="18"/>
      <c r="N8952" s="18"/>
      <c r="O8952" s="18"/>
      <c r="P8952" s="20">
        <v>2000</v>
      </c>
      <c r="Q8952" s="20"/>
      <c r="R8952" s="20"/>
      <c r="S8952" s="20"/>
      <c r="T8952" s="20">
        <v>1700</v>
      </c>
      <c r="U8952" s="20"/>
      <c r="V8952" s="20"/>
      <c r="W8952" s="20"/>
      <c r="X8952" s="19">
        <v>2</v>
      </c>
      <c r="Y8952" s="19"/>
      <c r="Z8952" s="19"/>
      <c r="AA8952" s="19"/>
    </row>
    <row r="8953" spans="1:27" s="1" customFormat="1" ht="14.1" customHeight="1" outlineLevel="1" x14ac:dyDescent="0.2">
      <c r="A8953" s="17"/>
      <c r="B8953" s="17"/>
      <c r="C8953" s="17"/>
      <c r="D8953" s="18"/>
      <c r="E8953" s="18"/>
      <c r="F8953" s="18"/>
      <c r="G8953" s="18"/>
      <c r="H8953" s="18"/>
      <c r="I8953" s="18"/>
      <c r="J8953" s="18"/>
      <c r="K8953" s="18"/>
      <c r="L8953" s="18"/>
      <c r="M8953" s="18"/>
      <c r="N8953" s="18"/>
      <c r="O8953" s="18"/>
      <c r="P8953" s="20"/>
      <c r="Q8953" s="20"/>
      <c r="R8953" s="20"/>
      <c r="S8953" s="20"/>
      <c r="T8953" s="20"/>
      <c r="U8953" s="20"/>
      <c r="V8953" s="20"/>
      <c r="W8953" s="20"/>
      <c r="X8953" s="19"/>
      <c r="Y8953" s="19"/>
      <c r="Z8953" s="19"/>
      <c r="AA8953" s="19"/>
    </row>
    <row r="8954" spans="1:27" s="1" customFormat="1" ht="14.1" customHeight="1" outlineLevel="1" x14ac:dyDescent="0.2">
      <c r="A8954" s="17">
        <v>14571</v>
      </c>
      <c r="B8954" s="17"/>
      <c r="C8954" s="17"/>
      <c r="D8954" s="18" t="s">
        <v>4436</v>
      </c>
      <c r="E8954" s="18"/>
      <c r="F8954" s="18"/>
      <c r="G8954" s="18"/>
      <c r="H8954" s="18"/>
      <c r="I8954" s="18"/>
      <c r="J8954" s="18"/>
      <c r="K8954" s="18"/>
      <c r="L8954" s="18"/>
      <c r="M8954" s="18"/>
      <c r="N8954" s="18"/>
      <c r="O8954" s="18"/>
      <c r="P8954" s="19">
        <v>430</v>
      </c>
      <c r="Q8954" s="19"/>
      <c r="R8954" s="19"/>
      <c r="S8954" s="19"/>
      <c r="T8954" s="19">
        <v>350</v>
      </c>
      <c r="U8954" s="19"/>
      <c r="V8954" s="19"/>
      <c r="W8954" s="19"/>
      <c r="X8954" s="19">
        <v>1</v>
      </c>
      <c r="Y8954" s="19"/>
      <c r="Z8954" s="19"/>
      <c r="AA8954" s="19"/>
    </row>
    <row r="8955" spans="1:27" s="1" customFormat="1" ht="14.1" customHeight="1" outlineLevel="1" x14ac:dyDescent="0.2">
      <c r="A8955" s="17"/>
      <c r="B8955" s="17"/>
      <c r="C8955" s="17"/>
      <c r="D8955" s="18"/>
      <c r="E8955" s="18"/>
      <c r="F8955" s="18"/>
      <c r="G8955" s="18"/>
      <c r="H8955" s="18"/>
      <c r="I8955" s="18"/>
      <c r="J8955" s="18"/>
      <c r="K8955" s="18"/>
      <c r="L8955" s="18"/>
      <c r="M8955" s="18"/>
      <c r="N8955" s="18"/>
      <c r="O8955" s="18"/>
      <c r="P8955" s="19"/>
      <c r="Q8955" s="19"/>
      <c r="R8955" s="19"/>
      <c r="S8955" s="19"/>
      <c r="T8955" s="19"/>
      <c r="U8955" s="19"/>
      <c r="V8955" s="19"/>
      <c r="W8955" s="19"/>
      <c r="X8955" s="19"/>
      <c r="Y8955" s="19"/>
      <c r="Z8955" s="19"/>
      <c r="AA8955" s="19"/>
    </row>
    <row r="8956" spans="1:27" s="1" customFormat="1" ht="14.1" customHeight="1" outlineLevel="1" x14ac:dyDescent="0.2">
      <c r="A8956" s="17">
        <v>17053</v>
      </c>
      <c r="B8956" s="17"/>
      <c r="C8956" s="17"/>
      <c r="D8956" s="18" t="s">
        <v>4437</v>
      </c>
      <c r="E8956" s="18"/>
      <c r="F8956" s="18"/>
      <c r="G8956" s="18"/>
      <c r="H8956" s="18"/>
      <c r="I8956" s="18"/>
      <c r="J8956" s="18"/>
      <c r="K8956" s="18"/>
      <c r="L8956" s="18"/>
      <c r="M8956" s="18"/>
      <c r="N8956" s="18"/>
      <c r="O8956" s="18"/>
      <c r="P8956" s="19">
        <v>550</v>
      </c>
      <c r="Q8956" s="19"/>
      <c r="R8956" s="19"/>
      <c r="S8956" s="19"/>
      <c r="T8956" s="19">
        <v>350</v>
      </c>
      <c r="U8956" s="19"/>
      <c r="V8956" s="19"/>
      <c r="W8956" s="19"/>
      <c r="X8956" s="19">
        <v>4</v>
      </c>
      <c r="Y8956" s="19"/>
      <c r="Z8956" s="19"/>
      <c r="AA8956" s="19"/>
    </row>
    <row r="8957" spans="1:27" s="1" customFormat="1" ht="14.1" customHeight="1" outlineLevel="1" x14ac:dyDescent="0.2">
      <c r="A8957" s="17"/>
      <c r="B8957" s="17"/>
      <c r="C8957" s="17"/>
      <c r="D8957" s="18"/>
      <c r="E8957" s="18"/>
      <c r="F8957" s="18"/>
      <c r="G8957" s="18"/>
      <c r="H8957" s="18"/>
      <c r="I8957" s="18"/>
      <c r="J8957" s="18"/>
      <c r="K8957" s="18"/>
      <c r="L8957" s="18"/>
      <c r="M8957" s="18"/>
      <c r="N8957" s="18"/>
      <c r="O8957" s="18"/>
      <c r="P8957" s="19"/>
      <c r="Q8957" s="19"/>
      <c r="R8957" s="19"/>
      <c r="S8957" s="19"/>
      <c r="T8957" s="19"/>
      <c r="U8957" s="19"/>
      <c r="V8957" s="19"/>
      <c r="W8957" s="19"/>
      <c r="X8957" s="19"/>
      <c r="Y8957" s="19"/>
      <c r="Z8957" s="19"/>
      <c r="AA8957" s="19"/>
    </row>
    <row r="8958" spans="1:27" s="1" customFormat="1" ht="14.1" customHeight="1" outlineLevel="1" x14ac:dyDescent="0.2">
      <c r="A8958" s="17">
        <v>17883</v>
      </c>
      <c r="B8958" s="17"/>
      <c r="C8958" s="17"/>
      <c r="D8958" s="18" t="s">
        <v>4438</v>
      </c>
      <c r="E8958" s="18"/>
      <c r="F8958" s="18"/>
      <c r="G8958" s="18"/>
      <c r="H8958" s="18"/>
      <c r="I8958" s="18"/>
      <c r="J8958" s="18"/>
      <c r="K8958" s="18"/>
      <c r="L8958" s="18"/>
      <c r="M8958" s="18"/>
      <c r="N8958" s="18"/>
      <c r="O8958" s="18"/>
      <c r="P8958" s="20">
        <v>1700</v>
      </c>
      <c r="Q8958" s="20"/>
      <c r="R8958" s="20"/>
      <c r="S8958" s="20"/>
      <c r="T8958" s="20">
        <v>1500</v>
      </c>
      <c r="U8958" s="20"/>
      <c r="V8958" s="20"/>
      <c r="W8958" s="20"/>
      <c r="X8958" s="19">
        <v>1</v>
      </c>
      <c r="Y8958" s="19"/>
      <c r="Z8958" s="19"/>
      <c r="AA8958" s="19"/>
    </row>
    <row r="8959" spans="1:27" s="1" customFormat="1" ht="14.1" customHeight="1" outlineLevel="1" x14ac:dyDescent="0.2">
      <c r="A8959" s="17"/>
      <c r="B8959" s="17"/>
      <c r="C8959" s="17"/>
      <c r="D8959" s="18"/>
      <c r="E8959" s="18"/>
      <c r="F8959" s="18"/>
      <c r="G8959" s="18"/>
      <c r="H8959" s="18"/>
      <c r="I8959" s="18"/>
      <c r="J8959" s="18"/>
      <c r="K8959" s="18"/>
      <c r="L8959" s="18"/>
      <c r="M8959" s="18"/>
      <c r="N8959" s="18"/>
      <c r="O8959" s="18"/>
      <c r="P8959" s="20"/>
      <c r="Q8959" s="20"/>
      <c r="R8959" s="20"/>
      <c r="S8959" s="20"/>
      <c r="T8959" s="20"/>
      <c r="U8959" s="20"/>
      <c r="V8959" s="20"/>
      <c r="W8959" s="20"/>
      <c r="X8959" s="19"/>
      <c r="Y8959" s="19"/>
      <c r="Z8959" s="19"/>
      <c r="AA8959" s="19"/>
    </row>
    <row r="8960" spans="1:27" s="1" customFormat="1" ht="14.1" customHeight="1" outlineLevel="1" x14ac:dyDescent="0.2">
      <c r="A8960" s="17">
        <v>17465</v>
      </c>
      <c r="B8960" s="17"/>
      <c r="C8960" s="17"/>
      <c r="D8960" s="18" t="s">
        <v>4439</v>
      </c>
      <c r="E8960" s="18"/>
      <c r="F8960" s="18"/>
      <c r="G8960" s="18"/>
      <c r="H8960" s="18"/>
      <c r="I8960" s="18"/>
      <c r="J8960" s="18"/>
      <c r="K8960" s="18"/>
      <c r="L8960" s="18"/>
      <c r="M8960" s="18"/>
      <c r="N8960" s="18"/>
      <c r="O8960" s="18"/>
      <c r="P8960" s="19">
        <v>900</v>
      </c>
      <c r="Q8960" s="19"/>
      <c r="R8960" s="19"/>
      <c r="S8960" s="19"/>
      <c r="T8960" s="19">
        <v>700</v>
      </c>
      <c r="U8960" s="19"/>
      <c r="V8960" s="19"/>
      <c r="W8960" s="19"/>
      <c r="X8960" s="19">
        <v>1</v>
      </c>
      <c r="Y8960" s="19"/>
      <c r="Z8960" s="19"/>
      <c r="AA8960" s="19"/>
    </row>
    <row r="8961" spans="1:27" s="1" customFormat="1" ht="14.1" customHeight="1" outlineLevel="1" x14ac:dyDescent="0.2">
      <c r="A8961" s="17"/>
      <c r="B8961" s="17"/>
      <c r="C8961" s="17"/>
      <c r="D8961" s="18"/>
      <c r="E8961" s="18"/>
      <c r="F8961" s="18"/>
      <c r="G8961" s="18"/>
      <c r="H8961" s="18"/>
      <c r="I8961" s="18"/>
      <c r="J8961" s="18"/>
      <c r="K8961" s="18"/>
      <c r="L8961" s="18"/>
      <c r="M8961" s="18"/>
      <c r="N8961" s="18"/>
      <c r="O8961" s="18"/>
      <c r="P8961" s="19"/>
      <c r="Q8961" s="19"/>
      <c r="R8961" s="19"/>
      <c r="S8961" s="19"/>
      <c r="T8961" s="19"/>
      <c r="U8961" s="19"/>
      <c r="V8961" s="19"/>
      <c r="W8961" s="19"/>
      <c r="X8961" s="19"/>
      <c r="Y8961" s="19"/>
      <c r="Z8961" s="19"/>
      <c r="AA8961" s="19"/>
    </row>
    <row r="8962" spans="1:27" s="1" customFormat="1" ht="14.1" customHeight="1" outlineLevel="1" x14ac:dyDescent="0.2">
      <c r="A8962" s="17">
        <v>16913</v>
      </c>
      <c r="B8962" s="17"/>
      <c r="C8962" s="17"/>
      <c r="D8962" s="18" t="s">
        <v>4440</v>
      </c>
      <c r="E8962" s="18"/>
      <c r="F8962" s="18"/>
      <c r="G8962" s="18"/>
      <c r="H8962" s="18"/>
      <c r="I8962" s="18"/>
      <c r="J8962" s="18"/>
      <c r="K8962" s="18"/>
      <c r="L8962" s="18"/>
      <c r="M8962" s="18"/>
      <c r="N8962" s="18"/>
      <c r="O8962" s="18"/>
      <c r="P8962" s="19">
        <v>800</v>
      </c>
      <c r="Q8962" s="19"/>
      <c r="R8962" s="19"/>
      <c r="S8962" s="19"/>
      <c r="T8962" s="19">
        <v>700</v>
      </c>
      <c r="U8962" s="19"/>
      <c r="V8962" s="19"/>
      <c r="W8962" s="19"/>
      <c r="X8962" s="19">
        <v>2</v>
      </c>
      <c r="Y8962" s="19"/>
      <c r="Z8962" s="19"/>
      <c r="AA8962" s="19"/>
    </row>
    <row r="8963" spans="1:27" s="1" customFormat="1" ht="14.1" customHeight="1" outlineLevel="1" x14ac:dyDescent="0.2">
      <c r="A8963" s="17"/>
      <c r="B8963" s="17"/>
      <c r="C8963" s="17"/>
      <c r="D8963" s="18"/>
      <c r="E8963" s="18"/>
      <c r="F8963" s="18"/>
      <c r="G8963" s="18"/>
      <c r="H8963" s="18"/>
      <c r="I8963" s="18"/>
      <c r="J8963" s="18"/>
      <c r="K8963" s="18"/>
      <c r="L8963" s="18"/>
      <c r="M8963" s="18"/>
      <c r="N8963" s="18"/>
      <c r="O8963" s="18"/>
      <c r="P8963" s="19"/>
      <c r="Q8963" s="19"/>
      <c r="R8963" s="19"/>
      <c r="S8963" s="19"/>
      <c r="T8963" s="19"/>
      <c r="U8963" s="19"/>
      <c r="V8963" s="19"/>
      <c r="W8963" s="19"/>
      <c r="X8963" s="19"/>
      <c r="Y8963" s="19"/>
      <c r="Z8963" s="19"/>
      <c r="AA8963" s="19"/>
    </row>
    <row r="8964" spans="1:27" s="1" customFormat="1" ht="14.1" customHeight="1" outlineLevel="1" x14ac:dyDescent="0.2">
      <c r="A8964" s="17">
        <v>16903</v>
      </c>
      <c r="B8964" s="17"/>
      <c r="C8964" s="17"/>
      <c r="D8964" s="18" t="s">
        <v>4441</v>
      </c>
      <c r="E8964" s="18"/>
      <c r="F8964" s="18"/>
      <c r="G8964" s="18"/>
      <c r="H8964" s="18"/>
      <c r="I8964" s="18"/>
      <c r="J8964" s="18"/>
      <c r="K8964" s="18"/>
      <c r="L8964" s="18"/>
      <c r="M8964" s="18"/>
      <c r="N8964" s="18"/>
      <c r="O8964" s="18"/>
      <c r="P8964" s="20">
        <v>1300</v>
      </c>
      <c r="Q8964" s="20"/>
      <c r="R8964" s="20"/>
      <c r="S8964" s="20"/>
      <c r="T8964" s="20">
        <v>1000</v>
      </c>
      <c r="U8964" s="20"/>
      <c r="V8964" s="20"/>
      <c r="W8964" s="20"/>
      <c r="X8964" s="19">
        <v>1</v>
      </c>
      <c r="Y8964" s="19"/>
      <c r="Z8964" s="19"/>
      <c r="AA8964" s="19"/>
    </row>
    <row r="8965" spans="1:27" s="1" customFormat="1" ht="14.1" customHeight="1" outlineLevel="1" x14ac:dyDescent="0.2">
      <c r="A8965" s="17"/>
      <c r="B8965" s="17"/>
      <c r="C8965" s="17"/>
      <c r="D8965" s="18"/>
      <c r="E8965" s="18"/>
      <c r="F8965" s="18"/>
      <c r="G8965" s="18"/>
      <c r="H8965" s="18"/>
      <c r="I8965" s="18"/>
      <c r="J8965" s="18"/>
      <c r="K8965" s="18"/>
      <c r="L8965" s="18"/>
      <c r="M8965" s="18"/>
      <c r="N8965" s="18"/>
      <c r="O8965" s="18"/>
      <c r="P8965" s="20"/>
      <c r="Q8965" s="20"/>
      <c r="R8965" s="20"/>
      <c r="S8965" s="20"/>
      <c r="T8965" s="20"/>
      <c r="U8965" s="20"/>
      <c r="V8965" s="20"/>
      <c r="W8965" s="20"/>
      <c r="X8965" s="19"/>
      <c r="Y8965" s="19"/>
      <c r="Z8965" s="19"/>
      <c r="AA8965" s="19"/>
    </row>
    <row r="8966" spans="1:27" s="1" customFormat="1" ht="14.1" customHeight="1" outlineLevel="1" x14ac:dyDescent="0.2">
      <c r="A8966" s="17">
        <v>13350</v>
      </c>
      <c r="B8966" s="17"/>
      <c r="C8966" s="17"/>
      <c r="D8966" s="18" t="s">
        <v>4442</v>
      </c>
      <c r="E8966" s="18"/>
      <c r="F8966" s="18"/>
      <c r="G8966" s="18"/>
      <c r="H8966" s="18"/>
      <c r="I8966" s="18"/>
      <c r="J8966" s="18"/>
      <c r="K8966" s="18"/>
      <c r="L8966" s="18"/>
      <c r="M8966" s="18"/>
      <c r="N8966" s="18"/>
      <c r="O8966" s="18"/>
      <c r="P8966" s="19">
        <v>570</v>
      </c>
      <c r="Q8966" s="19"/>
      <c r="R8966" s="19"/>
      <c r="S8966" s="19"/>
      <c r="T8966" s="19">
        <v>490</v>
      </c>
      <c r="U8966" s="19"/>
      <c r="V8966" s="19"/>
      <c r="W8966" s="19"/>
      <c r="X8966" s="19">
        <v>4</v>
      </c>
      <c r="Y8966" s="19"/>
      <c r="Z8966" s="19"/>
      <c r="AA8966" s="19"/>
    </row>
    <row r="8967" spans="1:27" s="1" customFormat="1" ht="14.1" customHeight="1" outlineLevel="1" x14ac:dyDescent="0.2">
      <c r="A8967" s="17"/>
      <c r="B8967" s="17"/>
      <c r="C8967" s="17"/>
      <c r="D8967" s="18"/>
      <c r="E8967" s="18"/>
      <c r="F8967" s="18"/>
      <c r="G8967" s="18"/>
      <c r="H8967" s="18"/>
      <c r="I8967" s="18"/>
      <c r="J8967" s="18"/>
      <c r="K8967" s="18"/>
      <c r="L8967" s="18"/>
      <c r="M8967" s="18"/>
      <c r="N8967" s="18"/>
      <c r="O8967" s="18"/>
      <c r="P8967" s="19"/>
      <c r="Q8967" s="19"/>
      <c r="R8967" s="19"/>
      <c r="S8967" s="19"/>
      <c r="T8967" s="19"/>
      <c r="U8967" s="19"/>
      <c r="V8967" s="19"/>
      <c r="W8967" s="19"/>
      <c r="X8967" s="19"/>
      <c r="Y8967" s="19"/>
      <c r="Z8967" s="19"/>
      <c r="AA8967" s="19"/>
    </row>
    <row r="8968" spans="1:27" s="1" customFormat="1" ht="14.1" customHeight="1" outlineLevel="1" x14ac:dyDescent="0.2">
      <c r="A8968" s="17">
        <v>15770</v>
      </c>
      <c r="B8968" s="17"/>
      <c r="C8968" s="17"/>
      <c r="D8968" s="18" t="s">
        <v>4443</v>
      </c>
      <c r="E8968" s="18"/>
      <c r="F8968" s="18"/>
      <c r="G8968" s="18"/>
      <c r="H8968" s="18"/>
      <c r="I8968" s="18"/>
      <c r="J8968" s="18"/>
      <c r="K8968" s="18"/>
      <c r="L8968" s="18"/>
      <c r="M8968" s="18"/>
      <c r="N8968" s="18"/>
      <c r="O8968" s="18"/>
      <c r="P8968" s="20">
        <v>1100</v>
      </c>
      <c r="Q8968" s="20"/>
      <c r="R8968" s="20"/>
      <c r="S8968" s="20"/>
      <c r="T8968" s="20">
        <v>1000</v>
      </c>
      <c r="U8968" s="20"/>
      <c r="V8968" s="20"/>
      <c r="W8968" s="20"/>
      <c r="X8968" s="19">
        <v>2</v>
      </c>
      <c r="Y8968" s="19"/>
      <c r="Z8968" s="19"/>
      <c r="AA8968" s="19"/>
    </row>
    <row r="8969" spans="1:27" s="1" customFormat="1" ht="14.1" customHeight="1" outlineLevel="1" x14ac:dyDescent="0.2">
      <c r="A8969" s="17"/>
      <c r="B8969" s="17"/>
      <c r="C8969" s="17"/>
      <c r="D8969" s="18"/>
      <c r="E8969" s="18"/>
      <c r="F8969" s="18"/>
      <c r="G8969" s="18"/>
      <c r="H8969" s="18"/>
      <c r="I8969" s="18"/>
      <c r="J8969" s="18"/>
      <c r="K8969" s="18"/>
      <c r="L8969" s="18"/>
      <c r="M8969" s="18"/>
      <c r="N8969" s="18"/>
      <c r="O8969" s="18"/>
      <c r="P8969" s="20"/>
      <c r="Q8969" s="20"/>
      <c r="R8969" s="20"/>
      <c r="S8969" s="20"/>
      <c r="T8969" s="20"/>
      <c r="U8969" s="20"/>
      <c r="V8969" s="20"/>
      <c r="W8969" s="20"/>
      <c r="X8969" s="19"/>
      <c r="Y8969" s="19"/>
      <c r="Z8969" s="19"/>
      <c r="AA8969" s="19"/>
    </row>
    <row r="8970" spans="1:27" s="1" customFormat="1" ht="14.1" customHeight="1" outlineLevel="1" x14ac:dyDescent="0.2">
      <c r="A8970" s="17">
        <v>18179</v>
      </c>
      <c r="B8970" s="17"/>
      <c r="C8970" s="17"/>
      <c r="D8970" s="18" t="s">
        <v>4444</v>
      </c>
      <c r="E8970" s="18"/>
      <c r="F8970" s="18"/>
      <c r="G8970" s="18"/>
      <c r="H8970" s="18"/>
      <c r="I8970" s="18"/>
      <c r="J8970" s="18"/>
      <c r="K8970" s="18"/>
      <c r="L8970" s="18"/>
      <c r="M8970" s="18"/>
      <c r="N8970" s="18"/>
      <c r="O8970" s="18"/>
      <c r="P8970" s="20">
        <v>1100</v>
      </c>
      <c r="Q8970" s="20"/>
      <c r="R8970" s="20"/>
      <c r="S8970" s="20"/>
      <c r="T8970" s="19">
        <v>950</v>
      </c>
      <c r="U8970" s="19"/>
      <c r="V8970" s="19"/>
      <c r="W8970" s="19"/>
      <c r="X8970" s="19">
        <v>1</v>
      </c>
      <c r="Y8970" s="19"/>
      <c r="Z8970" s="19"/>
      <c r="AA8970" s="19"/>
    </row>
    <row r="8971" spans="1:27" s="1" customFormat="1" ht="14.1" customHeight="1" outlineLevel="1" x14ac:dyDescent="0.2">
      <c r="A8971" s="17"/>
      <c r="B8971" s="17"/>
      <c r="C8971" s="17"/>
      <c r="D8971" s="18"/>
      <c r="E8971" s="18"/>
      <c r="F8971" s="18"/>
      <c r="G8971" s="18"/>
      <c r="H8971" s="18"/>
      <c r="I8971" s="18"/>
      <c r="J8971" s="18"/>
      <c r="K8971" s="18"/>
      <c r="L8971" s="18"/>
      <c r="M8971" s="18"/>
      <c r="N8971" s="18"/>
      <c r="O8971" s="18"/>
      <c r="P8971" s="20"/>
      <c r="Q8971" s="20"/>
      <c r="R8971" s="20"/>
      <c r="S8971" s="20"/>
      <c r="T8971" s="19"/>
      <c r="U8971" s="19"/>
      <c r="V8971" s="19"/>
      <c r="W8971" s="19"/>
      <c r="X8971" s="19"/>
      <c r="Y8971" s="19"/>
      <c r="Z8971" s="19"/>
      <c r="AA8971" s="19"/>
    </row>
    <row r="8972" spans="1:27" s="1" customFormat="1" ht="14.1" customHeight="1" outlineLevel="1" x14ac:dyDescent="0.2">
      <c r="A8972" s="17">
        <v>13324</v>
      </c>
      <c r="B8972" s="17"/>
      <c r="C8972" s="17"/>
      <c r="D8972" s="18" t="s">
        <v>4445</v>
      </c>
      <c r="E8972" s="18"/>
      <c r="F8972" s="18"/>
      <c r="G8972" s="18"/>
      <c r="H8972" s="18"/>
      <c r="I8972" s="18"/>
      <c r="J8972" s="18"/>
      <c r="K8972" s="18"/>
      <c r="L8972" s="18"/>
      <c r="M8972" s="18"/>
      <c r="N8972" s="18"/>
      <c r="O8972" s="18"/>
      <c r="P8972" s="19">
        <v>600</v>
      </c>
      <c r="Q8972" s="19"/>
      <c r="R8972" s="19"/>
      <c r="S8972" s="19"/>
      <c r="T8972" s="19">
        <v>500</v>
      </c>
      <c r="U8972" s="19"/>
      <c r="V8972" s="19"/>
      <c r="W8972" s="19"/>
      <c r="X8972" s="19">
        <v>3</v>
      </c>
      <c r="Y8972" s="19"/>
      <c r="Z8972" s="19"/>
      <c r="AA8972" s="19"/>
    </row>
    <row r="8973" spans="1:27" s="1" customFormat="1" ht="14.1" customHeight="1" outlineLevel="1" x14ac:dyDescent="0.2">
      <c r="A8973" s="17"/>
      <c r="B8973" s="17"/>
      <c r="C8973" s="17"/>
      <c r="D8973" s="18"/>
      <c r="E8973" s="18"/>
      <c r="F8973" s="18"/>
      <c r="G8973" s="18"/>
      <c r="H8973" s="18"/>
      <c r="I8973" s="18"/>
      <c r="J8973" s="18"/>
      <c r="K8973" s="18"/>
      <c r="L8973" s="18"/>
      <c r="M8973" s="18"/>
      <c r="N8973" s="18"/>
      <c r="O8973" s="18"/>
      <c r="P8973" s="19"/>
      <c r="Q8973" s="19"/>
      <c r="R8973" s="19"/>
      <c r="S8973" s="19"/>
      <c r="T8973" s="19"/>
      <c r="U8973" s="19"/>
      <c r="V8973" s="19"/>
      <c r="W8973" s="19"/>
      <c r="X8973" s="19"/>
      <c r="Y8973" s="19"/>
      <c r="Z8973" s="19"/>
      <c r="AA8973" s="19"/>
    </row>
    <row r="8974" spans="1:27" s="1" customFormat="1" ht="14.1" customHeight="1" outlineLevel="1" x14ac:dyDescent="0.2">
      <c r="A8974" s="17">
        <v>13297</v>
      </c>
      <c r="B8974" s="17"/>
      <c r="C8974" s="17"/>
      <c r="D8974" s="18" t="s">
        <v>4446</v>
      </c>
      <c r="E8974" s="18"/>
      <c r="F8974" s="18"/>
      <c r="G8974" s="18"/>
      <c r="H8974" s="18"/>
      <c r="I8974" s="18"/>
      <c r="J8974" s="18"/>
      <c r="K8974" s="18"/>
      <c r="L8974" s="18"/>
      <c r="M8974" s="18"/>
      <c r="N8974" s="18"/>
      <c r="O8974" s="18"/>
      <c r="P8974" s="20">
        <v>1320</v>
      </c>
      <c r="Q8974" s="20"/>
      <c r="R8974" s="20"/>
      <c r="S8974" s="20"/>
      <c r="T8974" s="20">
        <v>1250</v>
      </c>
      <c r="U8974" s="20"/>
      <c r="V8974" s="20"/>
      <c r="W8974" s="20"/>
      <c r="X8974" s="19">
        <v>3</v>
      </c>
      <c r="Y8974" s="19"/>
      <c r="Z8974" s="19"/>
      <c r="AA8974" s="19"/>
    </row>
    <row r="8975" spans="1:27" s="1" customFormat="1" ht="14.1" customHeight="1" outlineLevel="1" x14ac:dyDescent="0.2">
      <c r="A8975" s="17"/>
      <c r="B8975" s="17"/>
      <c r="C8975" s="17"/>
      <c r="D8975" s="18"/>
      <c r="E8975" s="18"/>
      <c r="F8975" s="18"/>
      <c r="G8975" s="18"/>
      <c r="H8975" s="18"/>
      <c r="I8975" s="18"/>
      <c r="J8975" s="18"/>
      <c r="K8975" s="18"/>
      <c r="L8975" s="18"/>
      <c r="M8975" s="18"/>
      <c r="N8975" s="18"/>
      <c r="O8975" s="18"/>
      <c r="P8975" s="20"/>
      <c r="Q8975" s="20"/>
      <c r="R8975" s="20"/>
      <c r="S8975" s="20"/>
      <c r="T8975" s="20"/>
      <c r="U8975" s="20"/>
      <c r="V8975" s="20"/>
      <c r="W8975" s="20"/>
      <c r="X8975" s="19"/>
      <c r="Y8975" s="19"/>
      <c r="Z8975" s="19"/>
      <c r="AA8975" s="19"/>
    </row>
    <row r="8976" spans="1:27" s="1" customFormat="1" ht="14.1" customHeight="1" outlineLevel="1" x14ac:dyDescent="0.2">
      <c r="A8976" s="17">
        <v>15778</v>
      </c>
      <c r="B8976" s="17"/>
      <c r="C8976" s="17"/>
      <c r="D8976" s="18" t="s">
        <v>4447</v>
      </c>
      <c r="E8976" s="18"/>
      <c r="F8976" s="18"/>
      <c r="G8976" s="18"/>
      <c r="H8976" s="18"/>
      <c r="I8976" s="18"/>
      <c r="J8976" s="18"/>
      <c r="K8976" s="18"/>
      <c r="L8976" s="18"/>
      <c r="M8976" s="18"/>
      <c r="N8976" s="18"/>
      <c r="O8976" s="18"/>
      <c r="P8976" s="20">
        <v>1300</v>
      </c>
      <c r="Q8976" s="20"/>
      <c r="R8976" s="20"/>
      <c r="S8976" s="20"/>
      <c r="T8976" s="20">
        <v>1200</v>
      </c>
      <c r="U8976" s="20"/>
      <c r="V8976" s="20"/>
      <c r="W8976" s="20"/>
      <c r="X8976" s="19">
        <v>2</v>
      </c>
      <c r="Y8976" s="19"/>
      <c r="Z8976" s="19"/>
      <c r="AA8976" s="19"/>
    </row>
    <row r="8977" spans="1:27" s="1" customFormat="1" ht="14.1" customHeight="1" outlineLevel="1" x14ac:dyDescent="0.2">
      <c r="A8977" s="17"/>
      <c r="B8977" s="17"/>
      <c r="C8977" s="17"/>
      <c r="D8977" s="18"/>
      <c r="E8977" s="18"/>
      <c r="F8977" s="18"/>
      <c r="G8977" s="18"/>
      <c r="H8977" s="18"/>
      <c r="I8977" s="18"/>
      <c r="J8977" s="18"/>
      <c r="K8977" s="18"/>
      <c r="L8977" s="18"/>
      <c r="M8977" s="18"/>
      <c r="N8977" s="18"/>
      <c r="O8977" s="18"/>
      <c r="P8977" s="20"/>
      <c r="Q8977" s="20"/>
      <c r="R8977" s="20"/>
      <c r="S8977" s="20"/>
      <c r="T8977" s="20"/>
      <c r="U8977" s="20"/>
      <c r="V8977" s="20"/>
      <c r="W8977" s="20"/>
      <c r="X8977" s="19"/>
      <c r="Y8977" s="19"/>
      <c r="Z8977" s="19"/>
      <c r="AA8977" s="19"/>
    </row>
    <row r="8978" spans="1:27" s="1" customFormat="1" ht="14.1" customHeight="1" outlineLevel="1" x14ac:dyDescent="0.2">
      <c r="A8978" s="17">
        <v>14648</v>
      </c>
      <c r="B8978" s="17"/>
      <c r="C8978" s="17"/>
      <c r="D8978" s="18" t="s">
        <v>4448</v>
      </c>
      <c r="E8978" s="18"/>
      <c r="F8978" s="18"/>
      <c r="G8978" s="18"/>
      <c r="H8978" s="18"/>
      <c r="I8978" s="18"/>
      <c r="J8978" s="18"/>
      <c r="K8978" s="18"/>
      <c r="L8978" s="18"/>
      <c r="M8978" s="18"/>
      <c r="N8978" s="18"/>
      <c r="O8978" s="18"/>
      <c r="P8978" s="20">
        <v>3800</v>
      </c>
      <c r="Q8978" s="20"/>
      <c r="R8978" s="20"/>
      <c r="S8978" s="20"/>
      <c r="T8978" s="20">
        <v>3500</v>
      </c>
      <c r="U8978" s="20"/>
      <c r="V8978" s="20"/>
      <c r="W8978" s="20"/>
      <c r="X8978" s="19">
        <v>1</v>
      </c>
      <c r="Y8978" s="19"/>
      <c r="Z8978" s="19"/>
      <c r="AA8978" s="19"/>
    </row>
    <row r="8979" spans="1:27" s="1" customFormat="1" ht="14.1" customHeight="1" outlineLevel="1" x14ac:dyDescent="0.2">
      <c r="A8979" s="17"/>
      <c r="B8979" s="17"/>
      <c r="C8979" s="17"/>
      <c r="D8979" s="18"/>
      <c r="E8979" s="18"/>
      <c r="F8979" s="18"/>
      <c r="G8979" s="18"/>
      <c r="H8979" s="18"/>
      <c r="I8979" s="18"/>
      <c r="J8979" s="18"/>
      <c r="K8979" s="18"/>
      <c r="L8979" s="18"/>
      <c r="M8979" s="18"/>
      <c r="N8979" s="18"/>
      <c r="O8979" s="18"/>
      <c r="P8979" s="20"/>
      <c r="Q8979" s="20"/>
      <c r="R8979" s="20"/>
      <c r="S8979" s="20"/>
      <c r="T8979" s="20"/>
      <c r="U8979" s="20"/>
      <c r="V8979" s="20"/>
      <c r="W8979" s="20"/>
      <c r="X8979" s="19"/>
      <c r="Y8979" s="19"/>
      <c r="Z8979" s="19"/>
      <c r="AA8979" s="19"/>
    </row>
    <row r="8980" spans="1:27" s="1" customFormat="1" ht="14.1" customHeight="1" outlineLevel="1" x14ac:dyDescent="0.2">
      <c r="A8980" s="17">
        <v>17405</v>
      </c>
      <c r="B8980" s="17"/>
      <c r="C8980" s="17"/>
      <c r="D8980" s="18" t="s">
        <v>4449</v>
      </c>
      <c r="E8980" s="18"/>
      <c r="F8980" s="18"/>
      <c r="G8980" s="18"/>
      <c r="H8980" s="18"/>
      <c r="I8980" s="18"/>
      <c r="J8980" s="18"/>
      <c r="K8980" s="18"/>
      <c r="L8980" s="18"/>
      <c r="M8980" s="18"/>
      <c r="N8980" s="18"/>
      <c r="O8980" s="18"/>
      <c r="P8980" s="20">
        <v>2500</v>
      </c>
      <c r="Q8980" s="20"/>
      <c r="R8980" s="20"/>
      <c r="S8980" s="20"/>
      <c r="T8980" s="20">
        <v>2000</v>
      </c>
      <c r="U8980" s="20"/>
      <c r="V8980" s="20"/>
      <c r="W8980" s="20"/>
      <c r="X8980" s="19">
        <v>2</v>
      </c>
      <c r="Y8980" s="19"/>
      <c r="Z8980" s="19"/>
      <c r="AA8980" s="19"/>
    </row>
    <row r="8981" spans="1:27" s="1" customFormat="1" ht="14.1" customHeight="1" outlineLevel="1" x14ac:dyDescent="0.2">
      <c r="A8981" s="17"/>
      <c r="B8981" s="17"/>
      <c r="C8981" s="17"/>
      <c r="D8981" s="18"/>
      <c r="E8981" s="18"/>
      <c r="F8981" s="18"/>
      <c r="G8981" s="18"/>
      <c r="H8981" s="18"/>
      <c r="I8981" s="18"/>
      <c r="J8981" s="18"/>
      <c r="K8981" s="18"/>
      <c r="L8981" s="18"/>
      <c r="M8981" s="18"/>
      <c r="N8981" s="18"/>
      <c r="O8981" s="18"/>
      <c r="P8981" s="20"/>
      <c r="Q8981" s="20"/>
      <c r="R8981" s="20"/>
      <c r="S8981" s="20"/>
      <c r="T8981" s="20"/>
      <c r="U8981" s="20"/>
      <c r="V8981" s="20"/>
      <c r="W8981" s="20"/>
      <c r="X8981" s="19"/>
      <c r="Y8981" s="19"/>
      <c r="Z8981" s="19"/>
      <c r="AA8981" s="19"/>
    </row>
    <row r="8982" spans="1:27" s="1" customFormat="1" ht="14.1" customHeight="1" outlineLevel="1" x14ac:dyDescent="0.2">
      <c r="A8982" s="17">
        <v>16860</v>
      </c>
      <c r="B8982" s="17"/>
      <c r="C8982" s="17"/>
      <c r="D8982" s="18" t="s">
        <v>4450</v>
      </c>
      <c r="E8982" s="18"/>
      <c r="F8982" s="18"/>
      <c r="G8982" s="18"/>
      <c r="H8982" s="18"/>
      <c r="I8982" s="18"/>
      <c r="J8982" s="18"/>
      <c r="K8982" s="18"/>
      <c r="L8982" s="18"/>
      <c r="M8982" s="18"/>
      <c r="N8982" s="18"/>
      <c r="O8982" s="18"/>
      <c r="P8982" s="20">
        <v>2300</v>
      </c>
      <c r="Q8982" s="20"/>
      <c r="R8982" s="20"/>
      <c r="S8982" s="20"/>
      <c r="T8982" s="20">
        <v>2000</v>
      </c>
      <c r="U8982" s="20"/>
      <c r="V8982" s="20"/>
      <c r="W8982" s="20"/>
      <c r="X8982" s="19">
        <v>1</v>
      </c>
      <c r="Y8982" s="19"/>
      <c r="Z8982" s="19"/>
      <c r="AA8982" s="19"/>
    </row>
    <row r="8983" spans="1:27" s="1" customFormat="1" ht="14.1" customHeight="1" outlineLevel="1" x14ac:dyDescent="0.2">
      <c r="A8983" s="17"/>
      <c r="B8983" s="17"/>
      <c r="C8983" s="17"/>
      <c r="D8983" s="18"/>
      <c r="E8983" s="18"/>
      <c r="F8983" s="18"/>
      <c r="G8983" s="18"/>
      <c r="H8983" s="18"/>
      <c r="I8983" s="18"/>
      <c r="J8983" s="18"/>
      <c r="K8983" s="18"/>
      <c r="L8983" s="18"/>
      <c r="M8983" s="18"/>
      <c r="N8983" s="18"/>
      <c r="O8983" s="18"/>
      <c r="P8983" s="20"/>
      <c r="Q8983" s="20"/>
      <c r="R8983" s="20"/>
      <c r="S8983" s="20"/>
      <c r="T8983" s="20"/>
      <c r="U8983" s="20"/>
      <c r="V8983" s="20"/>
      <c r="W8983" s="20"/>
      <c r="X8983" s="19"/>
      <c r="Y8983" s="19"/>
      <c r="Z8983" s="19"/>
      <c r="AA8983" s="19"/>
    </row>
    <row r="8984" spans="1:27" s="1" customFormat="1" ht="11.1" customHeight="1" outlineLevel="1" x14ac:dyDescent="0.2">
      <c r="A8984" s="17">
        <v>15098</v>
      </c>
      <c r="B8984" s="17"/>
      <c r="C8984" s="17"/>
      <c r="D8984" s="18" t="s">
        <v>4451</v>
      </c>
      <c r="E8984" s="18"/>
      <c r="F8984" s="18"/>
      <c r="G8984" s="18"/>
      <c r="H8984" s="18"/>
      <c r="I8984" s="18"/>
      <c r="J8984" s="18"/>
      <c r="K8984" s="18"/>
      <c r="L8984" s="18"/>
      <c r="M8984" s="18"/>
      <c r="N8984" s="18"/>
      <c r="O8984" s="18"/>
      <c r="P8984" s="19">
        <v>190</v>
      </c>
      <c r="Q8984" s="19"/>
      <c r="R8984" s="19"/>
      <c r="S8984" s="19"/>
      <c r="T8984" s="19">
        <v>150</v>
      </c>
      <c r="U8984" s="19"/>
      <c r="V8984" s="19"/>
      <c r="W8984" s="19"/>
      <c r="X8984" s="19">
        <v>1</v>
      </c>
      <c r="Y8984" s="19"/>
      <c r="Z8984" s="19"/>
      <c r="AA8984" s="19"/>
    </row>
    <row r="8985" spans="1:27" s="1" customFormat="1" ht="11.1" customHeight="1" outlineLevel="1" x14ac:dyDescent="0.2">
      <c r="A8985" s="17"/>
      <c r="B8985" s="17"/>
      <c r="C8985" s="17"/>
      <c r="D8985" s="18"/>
      <c r="E8985" s="18"/>
      <c r="F8985" s="18"/>
      <c r="G8985" s="18"/>
      <c r="H8985" s="18"/>
      <c r="I8985" s="18"/>
      <c r="J8985" s="18"/>
      <c r="K8985" s="18"/>
      <c r="L8985" s="18"/>
      <c r="M8985" s="18"/>
      <c r="N8985" s="18"/>
      <c r="O8985" s="18"/>
      <c r="P8985" s="19"/>
      <c r="Q8985" s="19"/>
      <c r="R8985" s="19"/>
      <c r="S8985" s="19"/>
      <c r="T8985" s="19"/>
      <c r="U8985" s="19"/>
      <c r="V8985" s="19"/>
      <c r="W8985" s="19"/>
      <c r="X8985" s="19"/>
      <c r="Y8985" s="19"/>
      <c r="Z8985" s="19"/>
      <c r="AA8985" s="19"/>
    </row>
    <row r="8986" spans="1:27" s="1" customFormat="1" ht="14.1" customHeight="1" outlineLevel="1" x14ac:dyDescent="0.2">
      <c r="A8986" s="17">
        <v>17048</v>
      </c>
      <c r="B8986" s="17"/>
      <c r="C8986" s="17"/>
      <c r="D8986" s="18" t="s">
        <v>4452</v>
      </c>
      <c r="E8986" s="18"/>
      <c r="F8986" s="18"/>
      <c r="G8986" s="18"/>
      <c r="H8986" s="18"/>
      <c r="I8986" s="18"/>
      <c r="J8986" s="18"/>
      <c r="K8986" s="18"/>
      <c r="L8986" s="18"/>
      <c r="M8986" s="18"/>
      <c r="N8986" s="18"/>
      <c r="O8986" s="18"/>
      <c r="P8986" s="19">
        <v>350</v>
      </c>
      <c r="Q8986" s="19"/>
      <c r="R8986" s="19"/>
      <c r="S8986" s="19"/>
      <c r="T8986" s="19">
        <v>190</v>
      </c>
      <c r="U8986" s="19"/>
      <c r="V8986" s="19"/>
      <c r="W8986" s="19"/>
      <c r="X8986" s="19">
        <v>1</v>
      </c>
      <c r="Y8986" s="19"/>
      <c r="Z8986" s="19"/>
      <c r="AA8986" s="19"/>
    </row>
    <row r="8987" spans="1:27" s="1" customFormat="1" ht="14.1" customHeight="1" outlineLevel="1" x14ac:dyDescent="0.2">
      <c r="A8987" s="17"/>
      <c r="B8987" s="17"/>
      <c r="C8987" s="17"/>
      <c r="D8987" s="18"/>
      <c r="E8987" s="18"/>
      <c r="F8987" s="18"/>
      <c r="G8987" s="18"/>
      <c r="H8987" s="18"/>
      <c r="I8987" s="18"/>
      <c r="J8987" s="18"/>
      <c r="K8987" s="18"/>
      <c r="L8987" s="18"/>
      <c r="M8987" s="18"/>
      <c r="N8987" s="18"/>
      <c r="O8987" s="18"/>
      <c r="P8987" s="19"/>
      <c r="Q8987" s="19"/>
      <c r="R8987" s="19"/>
      <c r="S8987" s="19"/>
      <c r="T8987" s="19"/>
      <c r="U8987" s="19"/>
      <c r="V8987" s="19"/>
      <c r="W8987" s="19"/>
      <c r="X8987" s="19"/>
      <c r="Y8987" s="19"/>
      <c r="Z8987" s="19"/>
      <c r="AA8987" s="19"/>
    </row>
    <row r="8988" spans="1:27" s="1" customFormat="1" ht="14.1" customHeight="1" outlineLevel="1" x14ac:dyDescent="0.2">
      <c r="A8988" s="17">
        <v>13488</v>
      </c>
      <c r="B8988" s="17"/>
      <c r="C8988" s="17"/>
      <c r="D8988" s="18" t="s">
        <v>4453</v>
      </c>
      <c r="E8988" s="18"/>
      <c r="F8988" s="18"/>
      <c r="G8988" s="18"/>
      <c r="H8988" s="18"/>
      <c r="I8988" s="18"/>
      <c r="J8988" s="18"/>
      <c r="K8988" s="18"/>
      <c r="L8988" s="18"/>
      <c r="M8988" s="18"/>
      <c r="N8988" s="18"/>
      <c r="O8988" s="18"/>
      <c r="P8988" s="19">
        <v>440</v>
      </c>
      <c r="Q8988" s="19"/>
      <c r="R8988" s="19"/>
      <c r="S8988" s="19"/>
      <c r="T8988" s="19">
        <v>350</v>
      </c>
      <c r="U8988" s="19"/>
      <c r="V8988" s="19"/>
      <c r="W8988" s="19"/>
      <c r="X8988" s="19">
        <v>1</v>
      </c>
      <c r="Y8988" s="19"/>
      <c r="Z8988" s="19"/>
      <c r="AA8988" s="19"/>
    </row>
    <row r="8989" spans="1:27" s="1" customFormat="1" ht="14.1" customHeight="1" outlineLevel="1" x14ac:dyDescent="0.2">
      <c r="A8989" s="17"/>
      <c r="B8989" s="17"/>
      <c r="C8989" s="17"/>
      <c r="D8989" s="18"/>
      <c r="E8989" s="18"/>
      <c r="F8989" s="18"/>
      <c r="G8989" s="18"/>
      <c r="H8989" s="18"/>
      <c r="I8989" s="18"/>
      <c r="J8989" s="18"/>
      <c r="K8989" s="18"/>
      <c r="L8989" s="18"/>
      <c r="M8989" s="18"/>
      <c r="N8989" s="18"/>
      <c r="O8989" s="18"/>
      <c r="P8989" s="19"/>
      <c r="Q8989" s="19"/>
      <c r="R8989" s="19"/>
      <c r="S8989" s="19"/>
      <c r="T8989" s="19"/>
      <c r="U8989" s="19"/>
      <c r="V8989" s="19"/>
      <c r="W8989" s="19"/>
      <c r="X8989" s="19"/>
      <c r="Y8989" s="19"/>
      <c r="Z8989" s="19"/>
      <c r="AA8989" s="19"/>
    </row>
    <row r="8990" spans="1:27" s="1" customFormat="1" ht="11.1" customHeight="1" outlineLevel="1" x14ac:dyDescent="0.2">
      <c r="A8990" s="17">
        <v>13383</v>
      </c>
      <c r="B8990" s="17"/>
      <c r="C8990" s="17"/>
      <c r="D8990" s="18" t="s">
        <v>4454</v>
      </c>
      <c r="E8990" s="18"/>
      <c r="F8990" s="18"/>
      <c r="G8990" s="18"/>
      <c r="H8990" s="18"/>
      <c r="I8990" s="18"/>
      <c r="J8990" s="18"/>
      <c r="K8990" s="18"/>
      <c r="L8990" s="18"/>
      <c r="M8990" s="18"/>
      <c r="N8990" s="18"/>
      <c r="O8990" s="18"/>
      <c r="P8990" s="19">
        <v>530</v>
      </c>
      <c r="Q8990" s="19"/>
      <c r="R8990" s="19"/>
      <c r="S8990" s="19"/>
      <c r="T8990" s="19">
        <v>450</v>
      </c>
      <c r="U8990" s="19"/>
      <c r="V8990" s="19"/>
      <c r="W8990" s="19"/>
      <c r="X8990" s="19">
        <v>1</v>
      </c>
      <c r="Y8990" s="19"/>
      <c r="Z8990" s="19"/>
      <c r="AA8990" s="19"/>
    </row>
    <row r="8991" spans="1:27" s="1" customFormat="1" ht="11.1" customHeight="1" outlineLevel="1" x14ac:dyDescent="0.2">
      <c r="A8991" s="17"/>
      <c r="B8991" s="17"/>
      <c r="C8991" s="17"/>
      <c r="D8991" s="18"/>
      <c r="E8991" s="18"/>
      <c r="F8991" s="18"/>
      <c r="G8991" s="18"/>
      <c r="H8991" s="18"/>
      <c r="I8991" s="18"/>
      <c r="J8991" s="18"/>
      <c r="K8991" s="18"/>
      <c r="L8991" s="18"/>
      <c r="M8991" s="18"/>
      <c r="N8991" s="18"/>
      <c r="O8991" s="18"/>
      <c r="P8991" s="19"/>
      <c r="Q8991" s="19"/>
      <c r="R8991" s="19"/>
      <c r="S8991" s="19"/>
      <c r="T8991" s="19"/>
      <c r="U8991" s="19"/>
      <c r="V8991" s="19"/>
      <c r="W8991" s="19"/>
      <c r="X8991" s="19"/>
      <c r="Y8991" s="19"/>
      <c r="Z8991" s="19"/>
      <c r="AA8991" s="19"/>
    </row>
    <row r="8992" spans="1:27" s="1" customFormat="1" ht="14.1" customHeight="1" outlineLevel="1" x14ac:dyDescent="0.2">
      <c r="A8992" s="17">
        <v>17474</v>
      </c>
      <c r="B8992" s="17"/>
      <c r="C8992" s="17"/>
      <c r="D8992" s="18" t="s">
        <v>4455</v>
      </c>
      <c r="E8992" s="18"/>
      <c r="F8992" s="18"/>
      <c r="G8992" s="18"/>
      <c r="H8992" s="18"/>
      <c r="I8992" s="18"/>
      <c r="J8992" s="18"/>
      <c r="K8992" s="18"/>
      <c r="L8992" s="18"/>
      <c r="M8992" s="18"/>
      <c r="N8992" s="18"/>
      <c r="O8992" s="18"/>
      <c r="P8992" s="19">
        <v>350</v>
      </c>
      <c r="Q8992" s="19"/>
      <c r="R8992" s="19"/>
      <c r="S8992" s="19"/>
      <c r="T8992" s="19">
        <v>250</v>
      </c>
      <c r="U8992" s="19"/>
      <c r="V8992" s="19"/>
      <c r="W8992" s="19"/>
      <c r="X8992" s="19">
        <v>1</v>
      </c>
      <c r="Y8992" s="19"/>
      <c r="Z8992" s="19"/>
      <c r="AA8992" s="19"/>
    </row>
    <row r="8993" spans="1:27" s="1" customFormat="1" ht="14.1" customHeight="1" outlineLevel="1" x14ac:dyDescent="0.2">
      <c r="A8993" s="17"/>
      <c r="B8993" s="17"/>
      <c r="C8993" s="17"/>
      <c r="D8993" s="18"/>
      <c r="E8993" s="18"/>
      <c r="F8993" s="18"/>
      <c r="G8993" s="18"/>
      <c r="H8993" s="18"/>
      <c r="I8993" s="18"/>
      <c r="J8993" s="18"/>
      <c r="K8993" s="18"/>
      <c r="L8993" s="18"/>
      <c r="M8993" s="18"/>
      <c r="N8993" s="18"/>
      <c r="O8993" s="18"/>
      <c r="P8993" s="19"/>
      <c r="Q8993" s="19"/>
      <c r="R8993" s="19"/>
      <c r="S8993" s="19"/>
      <c r="T8993" s="19"/>
      <c r="U8993" s="19"/>
      <c r="V8993" s="19"/>
      <c r="W8993" s="19"/>
      <c r="X8993" s="19"/>
      <c r="Y8993" s="19"/>
      <c r="Z8993" s="19"/>
      <c r="AA8993" s="19"/>
    </row>
    <row r="8994" spans="1:27" s="1" customFormat="1" ht="14.1" customHeight="1" outlineLevel="1" x14ac:dyDescent="0.2">
      <c r="A8994" s="17">
        <v>13467</v>
      </c>
      <c r="B8994" s="17"/>
      <c r="C8994" s="17"/>
      <c r="D8994" s="18" t="s">
        <v>4456</v>
      </c>
      <c r="E8994" s="18"/>
      <c r="F8994" s="18"/>
      <c r="G8994" s="18"/>
      <c r="H8994" s="18"/>
      <c r="I8994" s="18"/>
      <c r="J8994" s="18"/>
      <c r="K8994" s="18"/>
      <c r="L8994" s="18"/>
      <c r="M8994" s="18"/>
      <c r="N8994" s="18"/>
      <c r="O8994" s="18"/>
      <c r="P8994" s="19">
        <v>250</v>
      </c>
      <c r="Q8994" s="19"/>
      <c r="R8994" s="19"/>
      <c r="S8994" s="19"/>
      <c r="T8994" s="19">
        <v>200</v>
      </c>
      <c r="U8994" s="19"/>
      <c r="V8994" s="19"/>
      <c r="W8994" s="19"/>
      <c r="X8994" s="19">
        <v>2</v>
      </c>
      <c r="Y8994" s="19"/>
      <c r="Z8994" s="19"/>
      <c r="AA8994" s="19"/>
    </row>
    <row r="8995" spans="1:27" s="1" customFormat="1" ht="14.1" customHeight="1" outlineLevel="1" x14ac:dyDescent="0.2">
      <c r="A8995" s="17"/>
      <c r="B8995" s="17"/>
      <c r="C8995" s="17"/>
      <c r="D8995" s="18"/>
      <c r="E8995" s="18"/>
      <c r="F8995" s="18"/>
      <c r="G8995" s="18"/>
      <c r="H8995" s="18"/>
      <c r="I8995" s="18"/>
      <c r="J8995" s="18"/>
      <c r="K8995" s="18"/>
      <c r="L8995" s="18"/>
      <c r="M8995" s="18"/>
      <c r="N8995" s="18"/>
      <c r="O8995" s="18"/>
      <c r="P8995" s="19"/>
      <c r="Q8995" s="19"/>
      <c r="R8995" s="19"/>
      <c r="S8995" s="19"/>
      <c r="T8995" s="19"/>
      <c r="U8995" s="19"/>
      <c r="V8995" s="19"/>
      <c r="W8995" s="19"/>
      <c r="X8995" s="19"/>
      <c r="Y8995" s="19"/>
      <c r="Z8995" s="19"/>
      <c r="AA8995" s="19"/>
    </row>
    <row r="8996" spans="1:27" s="1" customFormat="1" ht="14.1" customHeight="1" outlineLevel="1" x14ac:dyDescent="0.2">
      <c r="A8996" s="17">
        <v>13459</v>
      </c>
      <c r="B8996" s="17"/>
      <c r="C8996" s="17"/>
      <c r="D8996" s="18" t="s">
        <v>4457</v>
      </c>
      <c r="E8996" s="18"/>
      <c r="F8996" s="18"/>
      <c r="G8996" s="18"/>
      <c r="H8996" s="18"/>
      <c r="I8996" s="18"/>
      <c r="J8996" s="18"/>
      <c r="K8996" s="18"/>
      <c r="L8996" s="18"/>
      <c r="M8996" s="18"/>
      <c r="N8996" s="18"/>
      <c r="O8996" s="18"/>
      <c r="P8996" s="19">
        <v>410</v>
      </c>
      <c r="Q8996" s="19"/>
      <c r="R8996" s="19"/>
      <c r="S8996" s="19"/>
      <c r="T8996" s="19">
        <v>350</v>
      </c>
      <c r="U8996" s="19"/>
      <c r="V8996" s="19"/>
      <c r="W8996" s="19"/>
      <c r="X8996" s="19">
        <v>1</v>
      </c>
      <c r="Y8996" s="19"/>
      <c r="Z8996" s="19"/>
      <c r="AA8996" s="19"/>
    </row>
    <row r="8997" spans="1:27" s="1" customFormat="1" ht="14.1" customHeight="1" outlineLevel="1" x14ac:dyDescent="0.2">
      <c r="A8997" s="17"/>
      <c r="B8997" s="17"/>
      <c r="C8997" s="17"/>
      <c r="D8997" s="18"/>
      <c r="E8997" s="18"/>
      <c r="F8997" s="18"/>
      <c r="G8997" s="18"/>
      <c r="H8997" s="18"/>
      <c r="I8997" s="18"/>
      <c r="J8997" s="18"/>
      <c r="K8997" s="18"/>
      <c r="L8997" s="18"/>
      <c r="M8997" s="18"/>
      <c r="N8997" s="18"/>
      <c r="O8997" s="18"/>
      <c r="P8997" s="19"/>
      <c r="Q8997" s="19"/>
      <c r="R8997" s="19"/>
      <c r="S8997" s="19"/>
      <c r="T8997" s="19"/>
      <c r="U8997" s="19"/>
      <c r="V8997" s="19"/>
      <c r="W8997" s="19"/>
      <c r="X8997" s="19"/>
      <c r="Y8997" s="19"/>
      <c r="Z8997" s="19"/>
      <c r="AA8997" s="19"/>
    </row>
    <row r="8998" spans="1:27" s="1" customFormat="1" ht="14.1" customHeight="1" outlineLevel="1" x14ac:dyDescent="0.2">
      <c r="A8998" s="17">
        <v>11392</v>
      </c>
      <c r="B8998" s="17"/>
      <c r="C8998" s="17"/>
      <c r="D8998" s="18" t="s">
        <v>4458</v>
      </c>
      <c r="E8998" s="18"/>
      <c r="F8998" s="18"/>
      <c r="G8998" s="18"/>
      <c r="H8998" s="18"/>
      <c r="I8998" s="18"/>
      <c r="J8998" s="18"/>
      <c r="K8998" s="18"/>
      <c r="L8998" s="18"/>
      <c r="M8998" s="18"/>
      <c r="N8998" s="18"/>
      <c r="O8998" s="18"/>
      <c r="P8998" s="19">
        <v>900</v>
      </c>
      <c r="Q8998" s="19"/>
      <c r="R8998" s="19"/>
      <c r="S8998" s="19"/>
      <c r="T8998" s="19">
        <v>700</v>
      </c>
      <c r="U8998" s="19"/>
      <c r="V8998" s="19"/>
      <c r="W8998" s="19"/>
      <c r="X8998" s="19">
        <v>1</v>
      </c>
      <c r="Y8998" s="19"/>
      <c r="Z8998" s="19"/>
      <c r="AA8998" s="19"/>
    </row>
    <row r="8999" spans="1:27" s="1" customFormat="1" ht="14.1" customHeight="1" outlineLevel="1" x14ac:dyDescent="0.2">
      <c r="A8999" s="17"/>
      <c r="B8999" s="17"/>
      <c r="C8999" s="17"/>
      <c r="D8999" s="18"/>
      <c r="E8999" s="18"/>
      <c r="F8999" s="18"/>
      <c r="G8999" s="18"/>
      <c r="H8999" s="18"/>
      <c r="I8999" s="18"/>
      <c r="J8999" s="18"/>
      <c r="K8999" s="18"/>
      <c r="L8999" s="18"/>
      <c r="M8999" s="18"/>
      <c r="N8999" s="18"/>
      <c r="O8999" s="18"/>
      <c r="P8999" s="19"/>
      <c r="Q8999" s="19"/>
      <c r="R8999" s="19"/>
      <c r="S8999" s="19"/>
      <c r="T8999" s="19"/>
      <c r="U8999" s="19"/>
      <c r="V8999" s="19"/>
      <c r="W8999" s="19"/>
      <c r="X8999" s="19"/>
      <c r="Y8999" s="19"/>
      <c r="Z8999" s="19"/>
      <c r="AA8999" s="19"/>
    </row>
    <row r="9000" spans="1:27" s="1" customFormat="1" ht="14.1" customHeight="1" outlineLevel="1" x14ac:dyDescent="0.2">
      <c r="A9000" s="17">
        <v>16786</v>
      </c>
      <c r="B9000" s="17"/>
      <c r="C9000" s="17"/>
      <c r="D9000" s="18" t="s">
        <v>4459</v>
      </c>
      <c r="E9000" s="18"/>
      <c r="F9000" s="18"/>
      <c r="G9000" s="18"/>
      <c r="H9000" s="18"/>
      <c r="I9000" s="18"/>
      <c r="J9000" s="18"/>
      <c r="K9000" s="18"/>
      <c r="L9000" s="18"/>
      <c r="M9000" s="18"/>
      <c r="N9000" s="18"/>
      <c r="O9000" s="18"/>
      <c r="P9000" s="20">
        <v>1050</v>
      </c>
      <c r="Q9000" s="20"/>
      <c r="R9000" s="20"/>
      <c r="S9000" s="20"/>
      <c r="T9000" s="19">
        <v>900</v>
      </c>
      <c r="U9000" s="19"/>
      <c r="V9000" s="19"/>
      <c r="W9000" s="19"/>
      <c r="X9000" s="19">
        <v>3</v>
      </c>
      <c r="Y9000" s="19"/>
      <c r="Z9000" s="19"/>
      <c r="AA9000" s="19"/>
    </row>
    <row r="9001" spans="1:27" s="1" customFormat="1" ht="14.1" customHeight="1" outlineLevel="1" x14ac:dyDescent="0.2">
      <c r="A9001" s="17"/>
      <c r="B9001" s="17"/>
      <c r="C9001" s="17"/>
      <c r="D9001" s="18"/>
      <c r="E9001" s="18"/>
      <c r="F9001" s="18"/>
      <c r="G9001" s="18"/>
      <c r="H9001" s="18"/>
      <c r="I9001" s="18"/>
      <c r="J9001" s="18"/>
      <c r="K9001" s="18"/>
      <c r="L9001" s="18"/>
      <c r="M9001" s="18"/>
      <c r="N9001" s="18"/>
      <c r="O9001" s="18"/>
      <c r="P9001" s="20"/>
      <c r="Q9001" s="20"/>
      <c r="R9001" s="20"/>
      <c r="S9001" s="20"/>
      <c r="T9001" s="19"/>
      <c r="U9001" s="19"/>
      <c r="V9001" s="19"/>
      <c r="W9001" s="19"/>
      <c r="X9001" s="19"/>
      <c r="Y9001" s="19"/>
      <c r="Z9001" s="19"/>
      <c r="AA9001" s="19"/>
    </row>
    <row r="9002" spans="1:27" s="1" customFormat="1" ht="11.1" customHeight="1" outlineLevel="1" x14ac:dyDescent="0.2">
      <c r="A9002" s="17">
        <v>17067</v>
      </c>
      <c r="B9002" s="17"/>
      <c r="C9002" s="17"/>
      <c r="D9002" s="18" t="s">
        <v>4460</v>
      </c>
      <c r="E9002" s="18"/>
      <c r="F9002" s="18"/>
      <c r="G9002" s="18"/>
      <c r="H9002" s="18"/>
      <c r="I9002" s="18"/>
      <c r="J9002" s="18"/>
      <c r="K9002" s="18"/>
      <c r="L9002" s="18"/>
      <c r="M9002" s="18"/>
      <c r="N9002" s="18"/>
      <c r="O9002" s="18"/>
      <c r="P9002" s="19">
        <v>800</v>
      </c>
      <c r="Q9002" s="19"/>
      <c r="R9002" s="19"/>
      <c r="S9002" s="19"/>
      <c r="T9002" s="19">
        <v>600</v>
      </c>
      <c r="U9002" s="19"/>
      <c r="V9002" s="19"/>
      <c r="W9002" s="19"/>
      <c r="X9002" s="19">
        <v>1</v>
      </c>
      <c r="Y9002" s="19"/>
      <c r="Z9002" s="19"/>
      <c r="AA9002" s="19"/>
    </row>
    <row r="9003" spans="1:27" s="1" customFormat="1" ht="11.1" customHeight="1" outlineLevel="1" x14ac:dyDescent="0.2">
      <c r="A9003" s="17"/>
      <c r="B9003" s="17"/>
      <c r="C9003" s="17"/>
      <c r="D9003" s="18"/>
      <c r="E9003" s="18"/>
      <c r="F9003" s="18"/>
      <c r="G9003" s="18"/>
      <c r="H9003" s="18"/>
      <c r="I9003" s="18"/>
      <c r="J9003" s="18"/>
      <c r="K9003" s="18"/>
      <c r="L9003" s="18"/>
      <c r="M9003" s="18"/>
      <c r="N9003" s="18"/>
      <c r="O9003" s="18"/>
      <c r="P9003" s="19"/>
      <c r="Q9003" s="19"/>
      <c r="R9003" s="19"/>
      <c r="S9003" s="19"/>
      <c r="T9003" s="19"/>
      <c r="U9003" s="19"/>
      <c r="V9003" s="19"/>
      <c r="W9003" s="19"/>
      <c r="X9003" s="19"/>
      <c r="Y9003" s="19"/>
      <c r="Z9003" s="19"/>
      <c r="AA9003" s="19"/>
    </row>
    <row r="9004" spans="1:27" s="1" customFormat="1" ht="14.1" customHeight="1" outlineLevel="1" x14ac:dyDescent="0.2">
      <c r="A9004" s="17">
        <v>16839</v>
      </c>
      <c r="B9004" s="17"/>
      <c r="C9004" s="17"/>
      <c r="D9004" s="18" t="s">
        <v>4461</v>
      </c>
      <c r="E9004" s="18"/>
      <c r="F9004" s="18"/>
      <c r="G9004" s="18"/>
      <c r="H9004" s="18"/>
      <c r="I9004" s="18"/>
      <c r="J9004" s="18"/>
      <c r="K9004" s="18"/>
      <c r="L9004" s="18"/>
      <c r="M9004" s="18"/>
      <c r="N9004" s="18"/>
      <c r="O9004" s="18"/>
      <c r="P9004" s="19">
        <v>550</v>
      </c>
      <c r="Q9004" s="19"/>
      <c r="R9004" s="19"/>
      <c r="S9004" s="19"/>
      <c r="T9004" s="19">
        <v>450</v>
      </c>
      <c r="U9004" s="19"/>
      <c r="V9004" s="19"/>
      <c r="W9004" s="19"/>
      <c r="X9004" s="19">
        <v>1</v>
      </c>
      <c r="Y9004" s="19"/>
      <c r="Z9004" s="19"/>
      <c r="AA9004" s="19"/>
    </row>
    <row r="9005" spans="1:27" s="1" customFormat="1" ht="14.1" customHeight="1" outlineLevel="1" x14ac:dyDescent="0.2">
      <c r="A9005" s="17"/>
      <c r="B9005" s="17"/>
      <c r="C9005" s="17"/>
      <c r="D9005" s="18"/>
      <c r="E9005" s="18"/>
      <c r="F9005" s="18"/>
      <c r="G9005" s="18"/>
      <c r="H9005" s="18"/>
      <c r="I9005" s="18"/>
      <c r="J9005" s="18"/>
      <c r="K9005" s="18"/>
      <c r="L9005" s="18"/>
      <c r="M9005" s="18"/>
      <c r="N9005" s="18"/>
      <c r="O9005" s="18"/>
      <c r="P9005" s="19"/>
      <c r="Q9005" s="19"/>
      <c r="R9005" s="19"/>
      <c r="S9005" s="19"/>
      <c r="T9005" s="19"/>
      <c r="U9005" s="19"/>
      <c r="V9005" s="19"/>
      <c r="W9005" s="19"/>
      <c r="X9005" s="19"/>
      <c r="Y9005" s="19"/>
      <c r="Z9005" s="19"/>
      <c r="AA9005" s="19"/>
    </row>
    <row r="9006" spans="1:27" s="1" customFormat="1" ht="14.1" customHeight="1" outlineLevel="1" x14ac:dyDescent="0.2">
      <c r="A9006" s="17">
        <v>8701</v>
      </c>
      <c r="B9006" s="17"/>
      <c r="C9006" s="17"/>
      <c r="D9006" s="18" t="s">
        <v>4462</v>
      </c>
      <c r="E9006" s="18"/>
      <c r="F9006" s="18"/>
      <c r="G9006" s="18"/>
      <c r="H9006" s="18"/>
      <c r="I9006" s="18"/>
      <c r="J9006" s="18"/>
      <c r="K9006" s="18"/>
      <c r="L9006" s="18"/>
      <c r="M9006" s="18"/>
      <c r="N9006" s="18"/>
      <c r="O9006" s="18"/>
      <c r="P9006" s="19">
        <v>540</v>
      </c>
      <c r="Q9006" s="19"/>
      <c r="R9006" s="19"/>
      <c r="S9006" s="19"/>
      <c r="T9006" s="19">
        <v>450</v>
      </c>
      <c r="U9006" s="19"/>
      <c r="V9006" s="19"/>
      <c r="W9006" s="19"/>
      <c r="X9006" s="19">
        <v>9</v>
      </c>
      <c r="Y9006" s="19"/>
      <c r="Z9006" s="19"/>
      <c r="AA9006" s="19"/>
    </row>
    <row r="9007" spans="1:27" s="1" customFormat="1" ht="14.1" customHeight="1" outlineLevel="1" x14ac:dyDescent="0.2">
      <c r="A9007" s="17"/>
      <c r="B9007" s="17"/>
      <c r="C9007" s="17"/>
      <c r="D9007" s="18"/>
      <c r="E9007" s="18"/>
      <c r="F9007" s="18"/>
      <c r="G9007" s="18"/>
      <c r="H9007" s="18"/>
      <c r="I9007" s="18"/>
      <c r="J9007" s="18"/>
      <c r="K9007" s="18"/>
      <c r="L9007" s="18"/>
      <c r="M9007" s="18"/>
      <c r="N9007" s="18"/>
      <c r="O9007" s="18"/>
      <c r="P9007" s="19"/>
      <c r="Q9007" s="19"/>
      <c r="R9007" s="19"/>
      <c r="S9007" s="19"/>
      <c r="T9007" s="19"/>
      <c r="U9007" s="19"/>
      <c r="V9007" s="19"/>
      <c r="W9007" s="19"/>
      <c r="X9007" s="19"/>
      <c r="Y9007" s="19"/>
      <c r="Z9007" s="19"/>
      <c r="AA9007" s="19"/>
    </row>
    <row r="9008" spans="1:27" s="1" customFormat="1" ht="14.1" customHeight="1" outlineLevel="1" x14ac:dyDescent="0.2">
      <c r="A9008" s="17">
        <v>12813</v>
      </c>
      <c r="B9008" s="17"/>
      <c r="C9008" s="17"/>
      <c r="D9008" s="18" t="s">
        <v>4463</v>
      </c>
      <c r="E9008" s="18"/>
      <c r="F9008" s="18"/>
      <c r="G9008" s="18"/>
      <c r="H9008" s="18"/>
      <c r="I9008" s="18"/>
      <c r="J9008" s="18"/>
      <c r="K9008" s="18"/>
      <c r="L9008" s="18"/>
      <c r="M9008" s="18"/>
      <c r="N9008" s="18"/>
      <c r="O9008" s="18"/>
      <c r="P9008" s="20">
        <v>1200</v>
      </c>
      <c r="Q9008" s="20"/>
      <c r="R9008" s="20"/>
      <c r="S9008" s="20"/>
      <c r="T9008" s="20">
        <v>1000</v>
      </c>
      <c r="U9008" s="20"/>
      <c r="V9008" s="20"/>
      <c r="W9008" s="20"/>
      <c r="X9008" s="19">
        <v>1</v>
      </c>
      <c r="Y9008" s="19"/>
      <c r="Z9008" s="19"/>
      <c r="AA9008" s="19"/>
    </row>
    <row r="9009" spans="1:27" s="1" customFormat="1" ht="14.1" customHeight="1" outlineLevel="1" x14ac:dyDescent="0.2">
      <c r="A9009" s="17"/>
      <c r="B9009" s="17"/>
      <c r="C9009" s="17"/>
      <c r="D9009" s="18"/>
      <c r="E9009" s="18"/>
      <c r="F9009" s="18"/>
      <c r="G9009" s="18"/>
      <c r="H9009" s="18"/>
      <c r="I9009" s="18"/>
      <c r="J9009" s="18"/>
      <c r="K9009" s="18"/>
      <c r="L9009" s="18"/>
      <c r="M9009" s="18"/>
      <c r="N9009" s="18"/>
      <c r="O9009" s="18"/>
      <c r="P9009" s="20"/>
      <c r="Q9009" s="20"/>
      <c r="R9009" s="20"/>
      <c r="S9009" s="20"/>
      <c r="T9009" s="20"/>
      <c r="U9009" s="20"/>
      <c r="V9009" s="20"/>
      <c r="W9009" s="20"/>
      <c r="X9009" s="19"/>
      <c r="Y9009" s="19"/>
      <c r="Z9009" s="19"/>
      <c r="AA9009" s="19"/>
    </row>
    <row r="9010" spans="1:27" s="1" customFormat="1" ht="14.1" customHeight="1" outlineLevel="1" x14ac:dyDescent="0.2">
      <c r="A9010" s="17">
        <v>17955</v>
      </c>
      <c r="B9010" s="17"/>
      <c r="C9010" s="17"/>
      <c r="D9010" s="18" t="s">
        <v>4464</v>
      </c>
      <c r="E9010" s="18"/>
      <c r="F9010" s="18"/>
      <c r="G9010" s="18"/>
      <c r="H9010" s="18"/>
      <c r="I9010" s="18"/>
      <c r="J9010" s="18"/>
      <c r="K9010" s="18"/>
      <c r="L9010" s="18"/>
      <c r="M9010" s="18"/>
      <c r="N9010" s="18"/>
      <c r="O9010" s="18"/>
      <c r="P9010" s="19">
        <v>600</v>
      </c>
      <c r="Q9010" s="19"/>
      <c r="R9010" s="19"/>
      <c r="S9010" s="19"/>
      <c r="T9010" s="19">
        <v>500</v>
      </c>
      <c r="U9010" s="19"/>
      <c r="V9010" s="19"/>
      <c r="W9010" s="19"/>
      <c r="X9010" s="19">
        <v>1</v>
      </c>
      <c r="Y9010" s="19"/>
      <c r="Z9010" s="19"/>
      <c r="AA9010" s="19"/>
    </row>
    <row r="9011" spans="1:27" s="1" customFormat="1" ht="14.1" customHeight="1" outlineLevel="1" x14ac:dyDescent="0.2">
      <c r="A9011" s="17"/>
      <c r="B9011" s="17"/>
      <c r="C9011" s="17"/>
      <c r="D9011" s="18"/>
      <c r="E9011" s="18"/>
      <c r="F9011" s="18"/>
      <c r="G9011" s="18"/>
      <c r="H9011" s="18"/>
      <c r="I9011" s="18"/>
      <c r="J9011" s="18"/>
      <c r="K9011" s="18"/>
      <c r="L9011" s="18"/>
      <c r="M9011" s="18"/>
      <c r="N9011" s="18"/>
      <c r="O9011" s="18"/>
      <c r="P9011" s="19"/>
      <c r="Q9011" s="19"/>
      <c r="R9011" s="19"/>
      <c r="S9011" s="19"/>
      <c r="T9011" s="19"/>
      <c r="U9011" s="19"/>
      <c r="V9011" s="19"/>
      <c r="W9011" s="19"/>
      <c r="X9011" s="19"/>
      <c r="Y9011" s="19"/>
      <c r="Z9011" s="19"/>
      <c r="AA9011" s="19"/>
    </row>
    <row r="9012" spans="1:27" s="1" customFormat="1" ht="14.1" customHeight="1" outlineLevel="1" x14ac:dyDescent="0.2">
      <c r="A9012" s="17">
        <v>17851</v>
      </c>
      <c r="B9012" s="17"/>
      <c r="C9012" s="17"/>
      <c r="D9012" s="18" t="s">
        <v>4465</v>
      </c>
      <c r="E9012" s="18"/>
      <c r="F9012" s="18"/>
      <c r="G9012" s="18"/>
      <c r="H9012" s="18"/>
      <c r="I9012" s="18"/>
      <c r="J9012" s="18"/>
      <c r="K9012" s="18"/>
      <c r="L9012" s="18"/>
      <c r="M9012" s="18"/>
      <c r="N9012" s="18"/>
      <c r="O9012" s="18"/>
      <c r="P9012" s="19">
        <v>800</v>
      </c>
      <c r="Q9012" s="19"/>
      <c r="R9012" s="19"/>
      <c r="S9012" s="19"/>
      <c r="T9012" s="19">
        <v>700</v>
      </c>
      <c r="U9012" s="19"/>
      <c r="V9012" s="19"/>
      <c r="W9012" s="19"/>
      <c r="X9012" s="19">
        <v>3</v>
      </c>
      <c r="Y9012" s="19"/>
      <c r="Z9012" s="19"/>
      <c r="AA9012" s="19"/>
    </row>
    <row r="9013" spans="1:27" s="1" customFormat="1" ht="14.1" customHeight="1" outlineLevel="1" x14ac:dyDescent="0.2">
      <c r="A9013" s="17"/>
      <c r="B9013" s="17"/>
      <c r="C9013" s="17"/>
      <c r="D9013" s="18"/>
      <c r="E9013" s="18"/>
      <c r="F9013" s="18"/>
      <c r="G9013" s="18"/>
      <c r="H9013" s="18"/>
      <c r="I9013" s="18"/>
      <c r="J9013" s="18"/>
      <c r="K9013" s="18"/>
      <c r="L9013" s="18"/>
      <c r="M9013" s="18"/>
      <c r="N9013" s="18"/>
      <c r="O9013" s="18"/>
      <c r="P9013" s="19"/>
      <c r="Q9013" s="19"/>
      <c r="R9013" s="19"/>
      <c r="S9013" s="19"/>
      <c r="T9013" s="19"/>
      <c r="U9013" s="19"/>
      <c r="V9013" s="19"/>
      <c r="W9013" s="19"/>
      <c r="X9013" s="19"/>
      <c r="Y9013" s="19"/>
      <c r="Z9013" s="19"/>
      <c r="AA9013" s="19"/>
    </row>
    <row r="9014" spans="1:27" s="1" customFormat="1" ht="14.1" customHeight="1" outlineLevel="1" x14ac:dyDescent="0.2">
      <c r="A9014" s="17">
        <v>13451</v>
      </c>
      <c r="B9014" s="17"/>
      <c r="C9014" s="17"/>
      <c r="D9014" s="18" t="s">
        <v>4466</v>
      </c>
      <c r="E9014" s="18"/>
      <c r="F9014" s="18"/>
      <c r="G9014" s="18"/>
      <c r="H9014" s="18"/>
      <c r="I9014" s="18"/>
      <c r="J9014" s="18"/>
      <c r="K9014" s="18"/>
      <c r="L9014" s="18"/>
      <c r="M9014" s="18"/>
      <c r="N9014" s="18"/>
      <c r="O9014" s="18"/>
      <c r="P9014" s="19">
        <v>400</v>
      </c>
      <c r="Q9014" s="19"/>
      <c r="R9014" s="19"/>
      <c r="S9014" s="19"/>
      <c r="T9014" s="19">
        <v>300</v>
      </c>
      <c r="U9014" s="19"/>
      <c r="V9014" s="19"/>
      <c r="W9014" s="19"/>
      <c r="X9014" s="19">
        <v>5</v>
      </c>
      <c r="Y9014" s="19"/>
      <c r="Z9014" s="19"/>
      <c r="AA9014" s="19"/>
    </row>
    <row r="9015" spans="1:27" s="1" customFormat="1" ht="14.1" customHeight="1" outlineLevel="1" x14ac:dyDescent="0.2">
      <c r="A9015" s="17"/>
      <c r="B9015" s="17"/>
      <c r="C9015" s="17"/>
      <c r="D9015" s="18"/>
      <c r="E9015" s="18"/>
      <c r="F9015" s="18"/>
      <c r="G9015" s="18"/>
      <c r="H9015" s="18"/>
      <c r="I9015" s="18"/>
      <c r="J9015" s="18"/>
      <c r="K9015" s="18"/>
      <c r="L9015" s="18"/>
      <c r="M9015" s="18"/>
      <c r="N9015" s="18"/>
      <c r="O9015" s="18"/>
      <c r="P9015" s="19"/>
      <c r="Q9015" s="19"/>
      <c r="R9015" s="19"/>
      <c r="S9015" s="19"/>
      <c r="T9015" s="19"/>
      <c r="U9015" s="19"/>
      <c r="V9015" s="19"/>
      <c r="W9015" s="19"/>
      <c r="X9015" s="19"/>
      <c r="Y9015" s="19"/>
      <c r="Z9015" s="19"/>
      <c r="AA9015" s="19"/>
    </row>
    <row r="9016" spans="1:27" s="1" customFormat="1" ht="14.1" customHeight="1" outlineLevel="1" x14ac:dyDescent="0.2">
      <c r="A9016" s="17">
        <v>12366</v>
      </c>
      <c r="B9016" s="17"/>
      <c r="C9016" s="17"/>
      <c r="D9016" s="18" t="s">
        <v>4467</v>
      </c>
      <c r="E9016" s="18"/>
      <c r="F9016" s="18"/>
      <c r="G9016" s="18"/>
      <c r="H9016" s="18"/>
      <c r="I9016" s="18"/>
      <c r="J9016" s="18"/>
      <c r="K9016" s="18"/>
      <c r="L9016" s="18"/>
      <c r="M9016" s="18"/>
      <c r="N9016" s="18"/>
      <c r="O9016" s="18"/>
      <c r="P9016" s="19">
        <v>300</v>
      </c>
      <c r="Q9016" s="19"/>
      <c r="R9016" s="19"/>
      <c r="S9016" s="19"/>
      <c r="T9016" s="19">
        <v>250</v>
      </c>
      <c r="U9016" s="19"/>
      <c r="V9016" s="19"/>
      <c r="W9016" s="19"/>
      <c r="X9016" s="19">
        <v>1</v>
      </c>
      <c r="Y9016" s="19"/>
      <c r="Z9016" s="19"/>
      <c r="AA9016" s="19"/>
    </row>
    <row r="9017" spans="1:27" s="1" customFormat="1" ht="14.1" customHeight="1" outlineLevel="1" x14ac:dyDescent="0.2">
      <c r="A9017" s="17"/>
      <c r="B9017" s="17"/>
      <c r="C9017" s="17"/>
      <c r="D9017" s="18"/>
      <c r="E9017" s="18"/>
      <c r="F9017" s="18"/>
      <c r="G9017" s="18"/>
      <c r="H9017" s="18"/>
      <c r="I9017" s="18"/>
      <c r="J9017" s="18"/>
      <c r="K9017" s="18"/>
      <c r="L9017" s="18"/>
      <c r="M9017" s="18"/>
      <c r="N9017" s="18"/>
      <c r="O9017" s="18"/>
      <c r="P9017" s="19"/>
      <c r="Q9017" s="19"/>
      <c r="R9017" s="19"/>
      <c r="S9017" s="19"/>
      <c r="T9017" s="19"/>
      <c r="U9017" s="19"/>
      <c r="V9017" s="19"/>
      <c r="W9017" s="19"/>
      <c r="X9017" s="19"/>
      <c r="Y9017" s="19"/>
      <c r="Z9017" s="19"/>
      <c r="AA9017" s="19"/>
    </row>
    <row r="9018" spans="1:27" s="1" customFormat="1" ht="11.1" customHeight="1" outlineLevel="1" x14ac:dyDescent="0.2">
      <c r="A9018" s="17">
        <v>14164</v>
      </c>
      <c r="B9018" s="17"/>
      <c r="C9018" s="17"/>
      <c r="D9018" s="18" t="s">
        <v>4468</v>
      </c>
      <c r="E9018" s="18"/>
      <c r="F9018" s="18"/>
      <c r="G9018" s="18"/>
      <c r="H9018" s="18"/>
      <c r="I9018" s="18"/>
      <c r="J9018" s="18"/>
      <c r="K9018" s="18"/>
      <c r="L9018" s="18"/>
      <c r="M9018" s="18"/>
      <c r="N9018" s="18"/>
      <c r="O9018" s="18"/>
      <c r="P9018" s="19">
        <v>350</v>
      </c>
      <c r="Q9018" s="19"/>
      <c r="R9018" s="19"/>
      <c r="S9018" s="19"/>
      <c r="T9018" s="19">
        <v>300</v>
      </c>
      <c r="U9018" s="19"/>
      <c r="V9018" s="19"/>
      <c r="W9018" s="19"/>
      <c r="X9018" s="19">
        <v>1</v>
      </c>
      <c r="Y9018" s="19"/>
      <c r="Z9018" s="19"/>
      <c r="AA9018" s="19"/>
    </row>
    <row r="9019" spans="1:27" s="1" customFormat="1" ht="11.1" customHeight="1" outlineLevel="1" x14ac:dyDescent="0.2">
      <c r="A9019" s="17"/>
      <c r="B9019" s="17"/>
      <c r="C9019" s="17"/>
      <c r="D9019" s="18"/>
      <c r="E9019" s="18"/>
      <c r="F9019" s="18"/>
      <c r="G9019" s="18"/>
      <c r="H9019" s="18"/>
      <c r="I9019" s="18"/>
      <c r="J9019" s="18"/>
      <c r="K9019" s="18"/>
      <c r="L9019" s="18"/>
      <c r="M9019" s="18"/>
      <c r="N9019" s="18"/>
      <c r="O9019" s="18"/>
      <c r="P9019" s="19"/>
      <c r="Q9019" s="19"/>
      <c r="R9019" s="19"/>
      <c r="S9019" s="19"/>
      <c r="T9019" s="19"/>
      <c r="U9019" s="19"/>
      <c r="V9019" s="19"/>
      <c r="W9019" s="19"/>
      <c r="X9019" s="19"/>
      <c r="Y9019" s="19"/>
      <c r="Z9019" s="19"/>
      <c r="AA9019" s="19"/>
    </row>
    <row r="9020" spans="1:27" s="1" customFormat="1" ht="14.1" customHeight="1" outlineLevel="1" x14ac:dyDescent="0.2">
      <c r="A9020" s="17">
        <v>16793</v>
      </c>
      <c r="B9020" s="17"/>
      <c r="C9020" s="17"/>
      <c r="D9020" s="18" t="s">
        <v>4469</v>
      </c>
      <c r="E9020" s="18"/>
      <c r="F9020" s="18"/>
      <c r="G9020" s="18"/>
      <c r="H9020" s="18"/>
      <c r="I9020" s="18"/>
      <c r="J9020" s="18"/>
      <c r="K9020" s="18"/>
      <c r="L9020" s="18"/>
      <c r="M9020" s="18"/>
      <c r="N9020" s="18"/>
      <c r="O9020" s="18"/>
      <c r="P9020" s="20">
        <v>1200</v>
      </c>
      <c r="Q9020" s="20"/>
      <c r="R9020" s="20"/>
      <c r="S9020" s="20"/>
      <c r="T9020" s="20">
        <v>1000</v>
      </c>
      <c r="U9020" s="20"/>
      <c r="V9020" s="20"/>
      <c r="W9020" s="20"/>
      <c r="X9020" s="19">
        <v>1</v>
      </c>
      <c r="Y9020" s="19"/>
      <c r="Z9020" s="19"/>
      <c r="AA9020" s="19"/>
    </row>
    <row r="9021" spans="1:27" s="1" customFormat="1" ht="14.1" customHeight="1" outlineLevel="1" x14ac:dyDescent="0.2">
      <c r="A9021" s="17"/>
      <c r="B9021" s="17"/>
      <c r="C9021" s="17"/>
      <c r="D9021" s="18"/>
      <c r="E9021" s="18"/>
      <c r="F9021" s="18"/>
      <c r="G9021" s="18"/>
      <c r="H9021" s="18"/>
      <c r="I9021" s="18"/>
      <c r="J9021" s="18"/>
      <c r="K9021" s="18"/>
      <c r="L9021" s="18"/>
      <c r="M9021" s="18"/>
      <c r="N9021" s="18"/>
      <c r="O9021" s="18"/>
      <c r="P9021" s="20"/>
      <c r="Q9021" s="20"/>
      <c r="R9021" s="20"/>
      <c r="S9021" s="20"/>
      <c r="T9021" s="20"/>
      <c r="U9021" s="20"/>
      <c r="V9021" s="20"/>
      <c r="W9021" s="20"/>
      <c r="X9021" s="19"/>
      <c r="Y9021" s="19"/>
      <c r="Z9021" s="19"/>
      <c r="AA9021" s="19"/>
    </row>
    <row r="9022" spans="1:27" s="1" customFormat="1" ht="14.1" customHeight="1" outlineLevel="1" x14ac:dyDescent="0.2">
      <c r="A9022" s="17">
        <v>11456</v>
      </c>
      <c r="B9022" s="17"/>
      <c r="C9022" s="17"/>
      <c r="D9022" s="18" t="s">
        <v>4470</v>
      </c>
      <c r="E9022" s="18"/>
      <c r="F9022" s="18"/>
      <c r="G9022" s="18"/>
      <c r="H9022" s="18"/>
      <c r="I9022" s="18"/>
      <c r="J9022" s="18"/>
      <c r="K9022" s="18"/>
      <c r="L9022" s="18"/>
      <c r="M9022" s="18"/>
      <c r="N9022" s="18"/>
      <c r="O9022" s="18"/>
      <c r="P9022" s="20">
        <v>1300</v>
      </c>
      <c r="Q9022" s="20"/>
      <c r="R9022" s="20"/>
      <c r="S9022" s="20"/>
      <c r="T9022" s="20">
        <v>1200</v>
      </c>
      <c r="U9022" s="20"/>
      <c r="V9022" s="20"/>
      <c r="W9022" s="20"/>
      <c r="X9022" s="19">
        <v>1</v>
      </c>
      <c r="Y9022" s="19"/>
      <c r="Z9022" s="19"/>
      <c r="AA9022" s="19"/>
    </row>
    <row r="9023" spans="1:27" s="1" customFormat="1" ht="14.1" customHeight="1" outlineLevel="1" x14ac:dyDescent="0.2">
      <c r="A9023" s="17"/>
      <c r="B9023" s="17"/>
      <c r="C9023" s="17"/>
      <c r="D9023" s="18"/>
      <c r="E9023" s="18"/>
      <c r="F9023" s="18"/>
      <c r="G9023" s="18"/>
      <c r="H9023" s="18"/>
      <c r="I9023" s="18"/>
      <c r="J9023" s="18"/>
      <c r="K9023" s="18"/>
      <c r="L9023" s="18"/>
      <c r="M9023" s="18"/>
      <c r="N9023" s="18"/>
      <c r="O9023" s="18"/>
      <c r="P9023" s="20"/>
      <c r="Q9023" s="20"/>
      <c r="R9023" s="20"/>
      <c r="S9023" s="20"/>
      <c r="T9023" s="20"/>
      <c r="U9023" s="20"/>
      <c r="V9023" s="20"/>
      <c r="W9023" s="20"/>
      <c r="X9023" s="19"/>
      <c r="Y9023" s="19"/>
      <c r="Z9023" s="19"/>
      <c r="AA9023" s="19"/>
    </row>
    <row r="9024" spans="1:27" s="1" customFormat="1" ht="14.1" customHeight="1" outlineLevel="1" x14ac:dyDescent="0.2">
      <c r="A9024" s="17">
        <v>16982</v>
      </c>
      <c r="B9024" s="17"/>
      <c r="C9024" s="17"/>
      <c r="D9024" s="18" t="s">
        <v>4471</v>
      </c>
      <c r="E9024" s="18"/>
      <c r="F9024" s="18"/>
      <c r="G9024" s="18"/>
      <c r="H9024" s="18"/>
      <c r="I9024" s="18"/>
      <c r="J9024" s="18"/>
      <c r="K9024" s="18"/>
      <c r="L9024" s="18"/>
      <c r="M9024" s="18"/>
      <c r="N9024" s="18"/>
      <c r="O9024" s="18"/>
      <c r="P9024" s="20">
        <v>2100</v>
      </c>
      <c r="Q9024" s="20"/>
      <c r="R9024" s="20"/>
      <c r="S9024" s="20"/>
      <c r="T9024" s="20">
        <v>1800</v>
      </c>
      <c r="U9024" s="20"/>
      <c r="V9024" s="20"/>
      <c r="W9024" s="20"/>
      <c r="X9024" s="19">
        <v>1</v>
      </c>
      <c r="Y9024" s="19"/>
      <c r="Z9024" s="19"/>
      <c r="AA9024" s="19"/>
    </row>
    <row r="9025" spans="1:27" s="1" customFormat="1" ht="14.1" customHeight="1" outlineLevel="1" x14ac:dyDescent="0.2">
      <c r="A9025" s="17"/>
      <c r="B9025" s="17"/>
      <c r="C9025" s="17"/>
      <c r="D9025" s="18"/>
      <c r="E9025" s="18"/>
      <c r="F9025" s="18"/>
      <c r="G9025" s="18"/>
      <c r="H9025" s="18"/>
      <c r="I9025" s="18"/>
      <c r="J9025" s="18"/>
      <c r="K9025" s="18"/>
      <c r="L9025" s="18"/>
      <c r="M9025" s="18"/>
      <c r="N9025" s="18"/>
      <c r="O9025" s="18"/>
      <c r="P9025" s="20"/>
      <c r="Q9025" s="20"/>
      <c r="R9025" s="20"/>
      <c r="S9025" s="20"/>
      <c r="T9025" s="20"/>
      <c r="U9025" s="20"/>
      <c r="V9025" s="20"/>
      <c r="W9025" s="20"/>
      <c r="X9025" s="19"/>
      <c r="Y9025" s="19"/>
      <c r="Z9025" s="19"/>
      <c r="AA9025" s="19"/>
    </row>
    <row r="9026" spans="1:27" s="1" customFormat="1" ht="14.1" customHeight="1" outlineLevel="1" x14ac:dyDescent="0.2">
      <c r="A9026" s="17">
        <v>17583</v>
      </c>
      <c r="B9026" s="17"/>
      <c r="C9026" s="17"/>
      <c r="D9026" s="18" t="s">
        <v>4472</v>
      </c>
      <c r="E9026" s="18"/>
      <c r="F9026" s="18"/>
      <c r="G9026" s="18"/>
      <c r="H9026" s="18"/>
      <c r="I9026" s="18"/>
      <c r="J9026" s="18"/>
      <c r="K9026" s="18"/>
      <c r="L9026" s="18"/>
      <c r="M9026" s="18"/>
      <c r="N9026" s="18"/>
      <c r="O9026" s="18"/>
      <c r="P9026" s="20">
        <v>1200</v>
      </c>
      <c r="Q9026" s="20"/>
      <c r="R9026" s="20"/>
      <c r="S9026" s="20"/>
      <c r="T9026" s="20">
        <v>1050</v>
      </c>
      <c r="U9026" s="20"/>
      <c r="V9026" s="20"/>
      <c r="W9026" s="20"/>
      <c r="X9026" s="19">
        <v>2</v>
      </c>
      <c r="Y9026" s="19"/>
      <c r="Z9026" s="19"/>
      <c r="AA9026" s="19"/>
    </row>
    <row r="9027" spans="1:27" s="1" customFormat="1" ht="14.1" customHeight="1" outlineLevel="1" x14ac:dyDescent="0.2">
      <c r="A9027" s="17"/>
      <c r="B9027" s="17"/>
      <c r="C9027" s="17"/>
      <c r="D9027" s="18"/>
      <c r="E9027" s="18"/>
      <c r="F9027" s="18"/>
      <c r="G9027" s="18"/>
      <c r="H9027" s="18"/>
      <c r="I9027" s="18"/>
      <c r="J9027" s="18"/>
      <c r="K9027" s="18"/>
      <c r="L9027" s="18"/>
      <c r="M9027" s="18"/>
      <c r="N9027" s="18"/>
      <c r="O9027" s="18"/>
      <c r="P9027" s="20"/>
      <c r="Q9027" s="20"/>
      <c r="R9027" s="20"/>
      <c r="S9027" s="20"/>
      <c r="T9027" s="20"/>
      <c r="U9027" s="20"/>
      <c r="V9027" s="20"/>
      <c r="W9027" s="20"/>
      <c r="X9027" s="19"/>
      <c r="Y9027" s="19"/>
      <c r="Z9027" s="19"/>
      <c r="AA9027" s="19"/>
    </row>
    <row r="9028" spans="1:27" s="1" customFormat="1" ht="14.1" customHeight="1" outlineLevel="1" x14ac:dyDescent="0.2">
      <c r="A9028" s="17">
        <v>16770</v>
      </c>
      <c r="B9028" s="17"/>
      <c r="C9028" s="17"/>
      <c r="D9028" s="18" t="s">
        <v>4473</v>
      </c>
      <c r="E9028" s="18"/>
      <c r="F9028" s="18"/>
      <c r="G9028" s="18"/>
      <c r="H9028" s="18"/>
      <c r="I9028" s="18"/>
      <c r="J9028" s="18"/>
      <c r="K9028" s="18"/>
      <c r="L9028" s="18"/>
      <c r="M9028" s="18"/>
      <c r="N9028" s="18"/>
      <c r="O9028" s="18"/>
      <c r="P9028" s="20">
        <v>6500</v>
      </c>
      <c r="Q9028" s="20"/>
      <c r="R9028" s="20"/>
      <c r="S9028" s="20"/>
      <c r="T9028" s="20">
        <v>5000</v>
      </c>
      <c r="U9028" s="20"/>
      <c r="V9028" s="20"/>
      <c r="W9028" s="20"/>
      <c r="X9028" s="19">
        <v>2</v>
      </c>
      <c r="Y9028" s="19"/>
      <c r="Z9028" s="19"/>
      <c r="AA9028" s="19"/>
    </row>
    <row r="9029" spans="1:27" s="1" customFormat="1" ht="14.1" customHeight="1" outlineLevel="1" x14ac:dyDescent="0.2">
      <c r="A9029" s="17"/>
      <c r="B9029" s="17"/>
      <c r="C9029" s="17"/>
      <c r="D9029" s="18"/>
      <c r="E9029" s="18"/>
      <c r="F9029" s="18"/>
      <c r="G9029" s="18"/>
      <c r="H9029" s="18"/>
      <c r="I9029" s="18"/>
      <c r="J9029" s="18"/>
      <c r="K9029" s="18"/>
      <c r="L9029" s="18"/>
      <c r="M9029" s="18"/>
      <c r="N9029" s="18"/>
      <c r="O9029" s="18"/>
      <c r="P9029" s="20"/>
      <c r="Q9029" s="20"/>
      <c r="R9029" s="20"/>
      <c r="S9029" s="20"/>
      <c r="T9029" s="20"/>
      <c r="U9029" s="20"/>
      <c r="V9029" s="20"/>
      <c r="W9029" s="20"/>
      <c r="X9029" s="19"/>
      <c r="Y9029" s="19"/>
      <c r="Z9029" s="19"/>
      <c r="AA9029" s="19"/>
    </row>
    <row r="9030" spans="1:27" s="1" customFormat="1" ht="14.1" customHeight="1" outlineLevel="1" x14ac:dyDescent="0.2">
      <c r="A9030" s="17">
        <v>6674</v>
      </c>
      <c r="B9030" s="17"/>
      <c r="C9030" s="17"/>
      <c r="D9030" s="18" t="s">
        <v>4474</v>
      </c>
      <c r="E9030" s="18"/>
      <c r="F9030" s="18"/>
      <c r="G9030" s="18"/>
      <c r="H9030" s="18"/>
      <c r="I9030" s="18"/>
      <c r="J9030" s="18"/>
      <c r="K9030" s="18"/>
      <c r="L9030" s="18"/>
      <c r="M9030" s="18"/>
      <c r="N9030" s="18"/>
      <c r="O9030" s="18"/>
      <c r="P9030" s="19">
        <v>400</v>
      </c>
      <c r="Q9030" s="19"/>
      <c r="R9030" s="19"/>
      <c r="S9030" s="19"/>
      <c r="T9030" s="19">
        <v>300</v>
      </c>
      <c r="U9030" s="19"/>
      <c r="V9030" s="19"/>
      <c r="W9030" s="19"/>
      <c r="X9030" s="19">
        <v>7</v>
      </c>
      <c r="Y9030" s="19"/>
      <c r="Z9030" s="19"/>
      <c r="AA9030" s="19"/>
    </row>
    <row r="9031" spans="1:27" s="1" customFormat="1" ht="14.1" customHeight="1" outlineLevel="1" x14ac:dyDescent="0.2">
      <c r="A9031" s="17"/>
      <c r="B9031" s="17"/>
      <c r="C9031" s="17"/>
      <c r="D9031" s="18"/>
      <c r="E9031" s="18"/>
      <c r="F9031" s="18"/>
      <c r="G9031" s="18"/>
      <c r="H9031" s="18"/>
      <c r="I9031" s="18"/>
      <c r="J9031" s="18"/>
      <c r="K9031" s="18"/>
      <c r="L9031" s="18"/>
      <c r="M9031" s="18"/>
      <c r="N9031" s="18"/>
      <c r="O9031" s="18"/>
      <c r="P9031" s="19"/>
      <c r="Q9031" s="19"/>
      <c r="R9031" s="19"/>
      <c r="S9031" s="19"/>
      <c r="T9031" s="19"/>
      <c r="U9031" s="19"/>
      <c r="V9031" s="19"/>
      <c r="W9031" s="19"/>
      <c r="X9031" s="19"/>
      <c r="Y9031" s="19"/>
      <c r="Z9031" s="19"/>
      <c r="AA9031" s="19"/>
    </row>
    <row r="9032" spans="1:27" s="1" customFormat="1" ht="14.1" customHeight="1" outlineLevel="1" x14ac:dyDescent="0.2">
      <c r="A9032" s="17">
        <v>9285</v>
      </c>
      <c r="B9032" s="17"/>
      <c r="C9032" s="17"/>
      <c r="D9032" s="18" t="s">
        <v>4475</v>
      </c>
      <c r="E9032" s="18"/>
      <c r="F9032" s="18"/>
      <c r="G9032" s="18"/>
      <c r="H9032" s="18"/>
      <c r="I9032" s="18"/>
      <c r="J9032" s="18"/>
      <c r="K9032" s="18"/>
      <c r="L9032" s="18"/>
      <c r="M9032" s="18"/>
      <c r="N9032" s="18"/>
      <c r="O9032" s="18"/>
      <c r="P9032" s="19">
        <v>700</v>
      </c>
      <c r="Q9032" s="19"/>
      <c r="R9032" s="19"/>
      <c r="S9032" s="19"/>
      <c r="T9032" s="19">
        <v>600</v>
      </c>
      <c r="U9032" s="19"/>
      <c r="V9032" s="19"/>
      <c r="W9032" s="19"/>
      <c r="X9032" s="19">
        <v>4</v>
      </c>
      <c r="Y9032" s="19"/>
      <c r="Z9032" s="19"/>
      <c r="AA9032" s="19"/>
    </row>
    <row r="9033" spans="1:27" s="1" customFormat="1" ht="14.1" customHeight="1" outlineLevel="1" x14ac:dyDescent="0.2">
      <c r="A9033" s="17"/>
      <c r="B9033" s="17"/>
      <c r="C9033" s="17"/>
      <c r="D9033" s="18"/>
      <c r="E9033" s="18"/>
      <c r="F9033" s="18"/>
      <c r="G9033" s="18"/>
      <c r="H9033" s="18"/>
      <c r="I9033" s="18"/>
      <c r="J9033" s="18"/>
      <c r="K9033" s="18"/>
      <c r="L9033" s="18"/>
      <c r="M9033" s="18"/>
      <c r="N9033" s="18"/>
      <c r="O9033" s="18"/>
      <c r="P9033" s="19"/>
      <c r="Q9033" s="19"/>
      <c r="R9033" s="19"/>
      <c r="S9033" s="19"/>
      <c r="T9033" s="19"/>
      <c r="U9033" s="19"/>
      <c r="V9033" s="19"/>
      <c r="W9033" s="19"/>
      <c r="X9033" s="19"/>
      <c r="Y9033" s="19"/>
      <c r="Z9033" s="19"/>
      <c r="AA9033" s="19"/>
    </row>
    <row r="9034" spans="1:27" s="1" customFormat="1" ht="11.1" customHeight="1" outlineLevel="1" x14ac:dyDescent="0.2">
      <c r="A9034" s="17">
        <v>10291</v>
      </c>
      <c r="B9034" s="17"/>
      <c r="C9034" s="17"/>
      <c r="D9034" s="18" t="s">
        <v>4476</v>
      </c>
      <c r="E9034" s="18"/>
      <c r="F9034" s="18"/>
      <c r="G9034" s="18"/>
      <c r="H9034" s="18"/>
      <c r="I9034" s="18"/>
      <c r="J9034" s="18"/>
      <c r="K9034" s="18"/>
      <c r="L9034" s="18"/>
      <c r="M9034" s="18"/>
      <c r="N9034" s="18"/>
      <c r="O9034" s="18"/>
      <c r="P9034" s="19">
        <v>100</v>
      </c>
      <c r="Q9034" s="19"/>
      <c r="R9034" s="19"/>
      <c r="S9034" s="19"/>
      <c r="T9034" s="19">
        <v>100</v>
      </c>
      <c r="U9034" s="19"/>
      <c r="V9034" s="19"/>
      <c r="W9034" s="19"/>
      <c r="X9034" s="19">
        <v>1</v>
      </c>
      <c r="Y9034" s="19"/>
      <c r="Z9034" s="19"/>
      <c r="AA9034" s="19"/>
    </row>
    <row r="9035" spans="1:27" s="1" customFormat="1" ht="11.1" customHeight="1" outlineLevel="1" x14ac:dyDescent="0.2">
      <c r="A9035" s="17"/>
      <c r="B9035" s="17"/>
      <c r="C9035" s="17"/>
      <c r="D9035" s="18"/>
      <c r="E9035" s="18"/>
      <c r="F9035" s="18"/>
      <c r="G9035" s="18"/>
      <c r="H9035" s="18"/>
      <c r="I9035" s="18"/>
      <c r="J9035" s="18"/>
      <c r="K9035" s="18"/>
      <c r="L9035" s="18"/>
      <c r="M9035" s="18"/>
      <c r="N9035" s="18"/>
      <c r="O9035" s="18"/>
      <c r="P9035" s="19"/>
      <c r="Q9035" s="19"/>
      <c r="R9035" s="19"/>
      <c r="S9035" s="19"/>
      <c r="T9035" s="19"/>
      <c r="U9035" s="19"/>
      <c r="V9035" s="19"/>
      <c r="W9035" s="19"/>
      <c r="X9035" s="19"/>
      <c r="Y9035" s="19"/>
      <c r="Z9035" s="19"/>
      <c r="AA9035" s="19"/>
    </row>
    <row r="9036" spans="1:27" s="1" customFormat="1" ht="14.1" customHeight="1" outlineLevel="1" x14ac:dyDescent="0.2">
      <c r="A9036" s="17">
        <v>12732</v>
      </c>
      <c r="B9036" s="17"/>
      <c r="C9036" s="17"/>
      <c r="D9036" s="18" t="s">
        <v>4477</v>
      </c>
      <c r="E9036" s="18"/>
      <c r="F9036" s="18"/>
      <c r="G9036" s="18"/>
      <c r="H9036" s="18"/>
      <c r="I9036" s="18"/>
      <c r="J9036" s="18"/>
      <c r="K9036" s="18"/>
      <c r="L9036" s="18"/>
      <c r="M9036" s="18"/>
      <c r="N9036" s="18"/>
      <c r="O9036" s="18"/>
      <c r="P9036" s="19">
        <v>320</v>
      </c>
      <c r="Q9036" s="19"/>
      <c r="R9036" s="19"/>
      <c r="S9036" s="19"/>
      <c r="T9036" s="19">
        <v>250</v>
      </c>
      <c r="U9036" s="19"/>
      <c r="V9036" s="19"/>
      <c r="W9036" s="19"/>
      <c r="X9036" s="19">
        <v>1</v>
      </c>
      <c r="Y9036" s="19"/>
      <c r="Z9036" s="19"/>
      <c r="AA9036" s="19"/>
    </row>
    <row r="9037" spans="1:27" s="1" customFormat="1" ht="14.1" customHeight="1" outlineLevel="1" x14ac:dyDescent="0.2">
      <c r="A9037" s="17"/>
      <c r="B9037" s="17"/>
      <c r="C9037" s="17"/>
      <c r="D9037" s="18"/>
      <c r="E9037" s="18"/>
      <c r="F9037" s="18"/>
      <c r="G9037" s="18"/>
      <c r="H9037" s="18"/>
      <c r="I9037" s="18"/>
      <c r="J9037" s="18"/>
      <c r="K9037" s="18"/>
      <c r="L9037" s="18"/>
      <c r="M9037" s="18"/>
      <c r="N9037" s="18"/>
      <c r="O9037" s="18"/>
      <c r="P9037" s="19"/>
      <c r="Q9037" s="19"/>
      <c r="R9037" s="19"/>
      <c r="S9037" s="19"/>
      <c r="T9037" s="19"/>
      <c r="U9037" s="19"/>
      <c r="V9037" s="19"/>
      <c r="W9037" s="19"/>
      <c r="X9037" s="19"/>
      <c r="Y9037" s="19"/>
      <c r="Z9037" s="19"/>
      <c r="AA9037" s="19"/>
    </row>
    <row r="9038" spans="1:27" s="1" customFormat="1" ht="14.1" customHeight="1" outlineLevel="1" x14ac:dyDescent="0.2">
      <c r="A9038" s="17">
        <v>14600</v>
      </c>
      <c r="B9038" s="17"/>
      <c r="C9038" s="17"/>
      <c r="D9038" s="18" t="s">
        <v>4478</v>
      </c>
      <c r="E9038" s="18"/>
      <c r="F9038" s="18"/>
      <c r="G9038" s="18"/>
      <c r="H9038" s="18"/>
      <c r="I9038" s="18"/>
      <c r="J9038" s="18"/>
      <c r="K9038" s="18"/>
      <c r="L9038" s="18"/>
      <c r="M9038" s="18"/>
      <c r="N9038" s="18"/>
      <c r="O9038" s="18"/>
      <c r="P9038" s="19">
        <v>650</v>
      </c>
      <c r="Q9038" s="19"/>
      <c r="R9038" s="19"/>
      <c r="S9038" s="19"/>
      <c r="T9038" s="19">
        <v>520</v>
      </c>
      <c r="U9038" s="19"/>
      <c r="V9038" s="19"/>
      <c r="W9038" s="19"/>
      <c r="X9038" s="19">
        <v>1</v>
      </c>
      <c r="Y9038" s="19"/>
      <c r="Z9038" s="19"/>
      <c r="AA9038" s="19"/>
    </row>
    <row r="9039" spans="1:27" s="1" customFormat="1" ht="14.1" customHeight="1" outlineLevel="1" x14ac:dyDescent="0.2">
      <c r="A9039" s="17"/>
      <c r="B9039" s="17"/>
      <c r="C9039" s="17"/>
      <c r="D9039" s="18"/>
      <c r="E9039" s="18"/>
      <c r="F9039" s="18"/>
      <c r="G9039" s="18"/>
      <c r="H9039" s="18"/>
      <c r="I9039" s="18"/>
      <c r="J9039" s="18"/>
      <c r="K9039" s="18"/>
      <c r="L9039" s="18"/>
      <c r="M9039" s="18"/>
      <c r="N9039" s="18"/>
      <c r="O9039" s="18"/>
      <c r="P9039" s="19"/>
      <c r="Q9039" s="19"/>
      <c r="R9039" s="19"/>
      <c r="S9039" s="19"/>
      <c r="T9039" s="19"/>
      <c r="U9039" s="19"/>
      <c r="V9039" s="19"/>
      <c r="W9039" s="19"/>
      <c r="X9039" s="19"/>
      <c r="Y9039" s="19"/>
      <c r="Z9039" s="19"/>
      <c r="AA9039" s="19"/>
    </row>
    <row r="9040" spans="1:27" s="1" customFormat="1" ht="14.1" customHeight="1" outlineLevel="1" x14ac:dyDescent="0.2">
      <c r="A9040" s="17">
        <v>17075</v>
      </c>
      <c r="B9040" s="17"/>
      <c r="C9040" s="17"/>
      <c r="D9040" s="18" t="s">
        <v>4479</v>
      </c>
      <c r="E9040" s="18"/>
      <c r="F9040" s="18"/>
      <c r="G9040" s="18"/>
      <c r="H9040" s="18"/>
      <c r="I9040" s="18"/>
      <c r="J9040" s="18"/>
      <c r="K9040" s="18"/>
      <c r="L9040" s="18"/>
      <c r="M9040" s="18"/>
      <c r="N9040" s="18"/>
      <c r="O9040" s="18"/>
      <c r="P9040" s="20">
        <v>2500</v>
      </c>
      <c r="Q9040" s="20"/>
      <c r="R9040" s="20"/>
      <c r="S9040" s="20"/>
      <c r="T9040" s="20">
        <v>2000</v>
      </c>
      <c r="U9040" s="20"/>
      <c r="V9040" s="20"/>
      <c r="W9040" s="20"/>
      <c r="X9040" s="19">
        <v>2</v>
      </c>
      <c r="Y9040" s="19"/>
      <c r="Z9040" s="19"/>
      <c r="AA9040" s="19"/>
    </row>
    <row r="9041" spans="1:27" s="1" customFormat="1" ht="14.1" customHeight="1" outlineLevel="1" x14ac:dyDescent="0.2">
      <c r="A9041" s="17"/>
      <c r="B9041" s="17"/>
      <c r="C9041" s="17"/>
      <c r="D9041" s="18"/>
      <c r="E9041" s="18"/>
      <c r="F9041" s="18"/>
      <c r="G9041" s="18"/>
      <c r="H9041" s="18"/>
      <c r="I9041" s="18"/>
      <c r="J9041" s="18"/>
      <c r="K9041" s="18"/>
      <c r="L9041" s="18"/>
      <c r="M9041" s="18"/>
      <c r="N9041" s="18"/>
      <c r="O9041" s="18"/>
      <c r="P9041" s="20"/>
      <c r="Q9041" s="20"/>
      <c r="R9041" s="20"/>
      <c r="S9041" s="20"/>
      <c r="T9041" s="20"/>
      <c r="U9041" s="20"/>
      <c r="V9041" s="20"/>
      <c r="W9041" s="20"/>
      <c r="X9041" s="19"/>
      <c r="Y9041" s="19"/>
      <c r="Z9041" s="19"/>
      <c r="AA9041" s="19"/>
    </row>
    <row r="9042" spans="1:27" s="1" customFormat="1" ht="14.1" customHeight="1" outlineLevel="1" x14ac:dyDescent="0.2">
      <c r="A9042" s="17">
        <v>7187</v>
      </c>
      <c r="B9042" s="17"/>
      <c r="C9042" s="17"/>
      <c r="D9042" s="18" t="s">
        <v>4480</v>
      </c>
      <c r="E9042" s="18"/>
      <c r="F9042" s="18"/>
      <c r="G9042" s="18"/>
      <c r="H9042" s="18"/>
      <c r="I9042" s="18"/>
      <c r="J9042" s="18"/>
      <c r="K9042" s="18"/>
      <c r="L9042" s="18"/>
      <c r="M9042" s="18"/>
      <c r="N9042" s="18"/>
      <c r="O9042" s="18"/>
      <c r="P9042" s="19">
        <v>150</v>
      </c>
      <c r="Q9042" s="19"/>
      <c r="R9042" s="19"/>
      <c r="S9042" s="19"/>
      <c r="T9042" s="19">
        <v>150</v>
      </c>
      <c r="U9042" s="19"/>
      <c r="V9042" s="19"/>
      <c r="W9042" s="19"/>
      <c r="X9042" s="19">
        <v>1</v>
      </c>
      <c r="Y9042" s="19"/>
      <c r="Z9042" s="19"/>
      <c r="AA9042" s="19"/>
    </row>
    <row r="9043" spans="1:27" s="1" customFormat="1" ht="14.1" customHeight="1" outlineLevel="1" x14ac:dyDescent="0.2">
      <c r="A9043" s="17"/>
      <c r="B9043" s="17"/>
      <c r="C9043" s="17"/>
      <c r="D9043" s="18"/>
      <c r="E9043" s="18"/>
      <c r="F9043" s="18"/>
      <c r="G9043" s="18"/>
      <c r="H9043" s="18"/>
      <c r="I9043" s="18"/>
      <c r="J9043" s="18"/>
      <c r="K9043" s="18"/>
      <c r="L9043" s="18"/>
      <c r="M9043" s="18"/>
      <c r="N9043" s="18"/>
      <c r="O9043" s="18"/>
      <c r="P9043" s="19"/>
      <c r="Q9043" s="19"/>
      <c r="R9043" s="19"/>
      <c r="S9043" s="19"/>
      <c r="T9043" s="19"/>
      <c r="U9043" s="19"/>
      <c r="V9043" s="19"/>
      <c r="W9043" s="19"/>
      <c r="X9043" s="19"/>
      <c r="Y9043" s="19"/>
      <c r="Z9043" s="19"/>
      <c r="AA9043" s="19"/>
    </row>
    <row r="9044" spans="1:27" s="1" customFormat="1" ht="11.1" customHeight="1" outlineLevel="1" x14ac:dyDescent="0.2">
      <c r="A9044" s="17">
        <v>8702</v>
      </c>
      <c r="B9044" s="17"/>
      <c r="C9044" s="17"/>
      <c r="D9044" s="18" t="s">
        <v>4481</v>
      </c>
      <c r="E9044" s="18"/>
      <c r="F9044" s="18"/>
      <c r="G9044" s="18"/>
      <c r="H9044" s="18"/>
      <c r="I9044" s="18"/>
      <c r="J9044" s="18"/>
      <c r="K9044" s="18"/>
      <c r="L9044" s="18"/>
      <c r="M9044" s="18"/>
      <c r="N9044" s="18"/>
      <c r="O9044" s="18"/>
      <c r="P9044" s="19">
        <v>80</v>
      </c>
      <c r="Q9044" s="19"/>
      <c r="R9044" s="19"/>
      <c r="S9044" s="19"/>
      <c r="T9044" s="19">
        <v>50</v>
      </c>
      <c r="U9044" s="19"/>
      <c r="V9044" s="19"/>
      <c r="W9044" s="19"/>
      <c r="X9044" s="19">
        <v>6</v>
      </c>
      <c r="Y9044" s="19"/>
      <c r="Z9044" s="19"/>
      <c r="AA9044" s="19"/>
    </row>
    <row r="9045" spans="1:27" s="1" customFormat="1" ht="11.1" customHeight="1" outlineLevel="1" x14ac:dyDescent="0.2">
      <c r="A9045" s="17"/>
      <c r="B9045" s="17"/>
      <c r="C9045" s="17"/>
      <c r="D9045" s="18"/>
      <c r="E9045" s="18"/>
      <c r="F9045" s="18"/>
      <c r="G9045" s="18"/>
      <c r="H9045" s="18"/>
      <c r="I9045" s="18"/>
      <c r="J9045" s="18"/>
      <c r="K9045" s="18"/>
      <c r="L9045" s="18"/>
      <c r="M9045" s="18"/>
      <c r="N9045" s="18"/>
      <c r="O9045" s="18"/>
      <c r="P9045" s="19"/>
      <c r="Q9045" s="19"/>
      <c r="R9045" s="19"/>
      <c r="S9045" s="19"/>
      <c r="T9045" s="19"/>
      <c r="U9045" s="19"/>
      <c r="V9045" s="19"/>
      <c r="W9045" s="19"/>
      <c r="X9045" s="19"/>
      <c r="Y9045" s="19"/>
      <c r="Z9045" s="19"/>
      <c r="AA9045" s="19"/>
    </row>
    <row r="9046" spans="1:27" s="1" customFormat="1" ht="14.1" customHeight="1" outlineLevel="1" x14ac:dyDescent="0.2">
      <c r="A9046" s="17">
        <v>8612</v>
      </c>
      <c r="B9046" s="17"/>
      <c r="C9046" s="17"/>
      <c r="D9046" s="18" t="s">
        <v>4482</v>
      </c>
      <c r="E9046" s="18"/>
      <c r="F9046" s="18"/>
      <c r="G9046" s="18"/>
      <c r="H9046" s="18"/>
      <c r="I9046" s="18"/>
      <c r="J9046" s="18"/>
      <c r="K9046" s="18"/>
      <c r="L9046" s="18"/>
      <c r="M9046" s="18"/>
      <c r="N9046" s="18"/>
      <c r="O9046" s="18"/>
      <c r="P9046" s="20">
        <v>1200</v>
      </c>
      <c r="Q9046" s="20"/>
      <c r="R9046" s="20"/>
      <c r="S9046" s="20"/>
      <c r="T9046" s="20">
        <v>1000</v>
      </c>
      <c r="U9046" s="20"/>
      <c r="V9046" s="20"/>
      <c r="W9046" s="20"/>
      <c r="X9046" s="19">
        <v>1</v>
      </c>
      <c r="Y9046" s="19"/>
      <c r="Z9046" s="19"/>
      <c r="AA9046" s="19"/>
    </row>
    <row r="9047" spans="1:27" s="1" customFormat="1" ht="14.1" customHeight="1" outlineLevel="1" x14ac:dyDescent="0.2">
      <c r="A9047" s="17"/>
      <c r="B9047" s="17"/>
      <c r="C9047" s="17"/>
      <c r="D9047" s="18"/>
      <c r="E9047" s="18"/>
      <c r="F9047" s="18"/>
      <c r="G9047" s="18"/>
      <c r="H9047" s="18"/>
      <c r="I9047" s="18"/>
      <c r="J9047" s="18"/>
      <c r="K9047" s="18"/>
      <c r="L9047" s="18"/>
      <c r="M9047" s="18"/>
      <c r="N9047" s="18"/>
      <c r="O9047" s="18"/>
      <c r="P9047" s="20"/>
      <c r="Q9047" s="20"/>
      <c r="R9047" s="20"/>
      <c r="S9047" s="20"/>
      <c r="T9047" s="20"/>
      <c r="U9047" s="20"/>
      <c r="V9047" s="20"/>
      <c r="W9047" s="20"/>
      <c r="X9047" s="19"/>
      <c r="Y9047" s="19"/>
      <c r="Z9047" s="19"/>
      <c r="AA9047" s="19"/>
    </row>
    <row r="9048" spans="1:27" s="1" customFormat="1" ht="14.1" customHeight="1" outlineLevel="1" x14ac:dyDescent="0.2">
      <c r="A9048" s="17">
        <v>6303</v>
      </c>
      <c r="B9048" s="17"/>
      <c r="C9048" s="17"/>
      <c r="D9048" s="18" t="s">
        <v>4483</v>
      </c>
      <c r="E9048" s="18"/>
      <c r="F9048" s="18"/>
      <c r="G9048" s="18"/>
      <c r="H9048" s="18"/>
      <c r="I9048" s="18"/>
      <c r="J9048" s="18"/>
      <c r="K9048" s="18"/>
      <c r="L9048" s="18"/>
      <c r="M9048" s="18"/>
      <c r="N9048" s="18"/>
      <c r="O9048" s="18"/>
      <c r="P9048" s="19">
        <v>350</v>
      </c>
      <c r="Q9048" s="19"/>
      <c r="R9048" s="19"/>
      <c r="S9048" s="19"/>
      <c r="T9048" s="19">
        <v>290</v>
      </c>
      <c r="U9048" s="19"/>
      <c r="V9048" s="19"/>
      <c r="W9048" s="19"/>
      <c r="X9048" s="19">
        <v>3</v>
      </c>
      <c r="Y9048" s="19"/>
      <c r="Z9048" s="19"/>
      <c r="AA9048" s="19"/>
    </row>
    <row r="9049" spans="1:27" s="1" customFormat="1" ht="14.1" customHeight="1" outlineLevel="1" x14ac:dyDescent="0.2">
      <c r="A9049" s="17"/>
      <c r="B9049" s="17"/>
      <c r="C9049" s="17"/>
      <c r="D9049" s="18"/>
      <c r="E9049" s="18"/>
      <c r="F9049" s="18"/>
      <c r="G9049" s="18"/>
      <c r="H9049" s="18"/>
      <c r="I9049" s="18"/>
      <c r="J9049" s="18"/>
      <c r="K9049" s="18"/>
      <c r="L9049" s="18"/>
      <c r="M9049" s="18"/>
      <c r="N9049" s="18"/>
      <c r="O9049" s="18"/>
      <c r="P9049" s="19"/>
      <c r="Q9049" s="19"/>
      <c r="R9049" s="19"/>
      <c r="S9049" s="19"/>
      <c r="T9049" s="19"/>
      <c r="U9049" s="19"/>
      <c r="V9049" s="19"/>
      <c r="W9049" s="19"/>
      <c r="X9049" s="19"/>
      <c r="Y9049" s="19"/>
      <c r="Z9049" s="19"/>
      <c r="AA9049" s="19"/>
    </row>
    <row r="9050" spans="1:27" s="1" customFormat="1" ht="14.1" customHeight="1" outlineLevel="1" x14ac:dyDescent="0.2">
      <c r="A9050" s="17">
        <v>6302</v>
      </c>
      <c r="B9050" s="17"/>
      <c r="C9050" s="17"/>
      <c r="D9050" s="18" t="s">
        <v>4484</v>
      </c>
      <c r="E9050" s="18"/>
      <c r="F9050" s="18"/>
      <c r="G9050" s="18"/>
      <c r="H9050" s="18"/>
      <c r="I9050" s="18"/>
      <c r="J9050" s="18"/>
      <c r="K9050" s="18"/>
      <c r="L9050" s="18"/>
      <c r="M9050" s="18"/>
      <c r="N9050" s="18"/>
      <c r="O9050" s="18"/>
      <c r="P9050" s="19">
        <v>450</v>
      </c>
      <c r="Q9050" s="19"/>
      <c r="R9050" s="19"/>
      <c r="S9050" s="19"/>
      <c r="T9050" s="19">
        <v>390</v>
      </c>
      <c r="U9050" s="19"/>
      <c r="V9050" s="19"/>
      <c r="W9050" s="19"/>
      <c r="X9050" s="19">
        <v>1</v>
      </c>
      <c r="Y9050" s="19"/>
      <c r="Z9050" s="19"/>
      <c r="AA9050" s="19"/>
    </row>
    <row r="9051" spans="1:27" s="1" customFormat="1" ht="14.1" customHeight="1" outlineLevel="1" x14ac:dyDescent="0.2">
      <c r="A9051" s="17"/>
      <c r="B9051" s="17"/>
      <c r="C9051" s="17"/>
      <c r="D9051" s="18"/>
      <c r="E9051" s="18"/>
      <c r="F9051" s="18"/>
      <c r="G9051" s="18"/>
      <c r="H9051" s="18"/>
      <c r="I9051" s="18"/>
      <c r="J9051" s="18"/>
      <c r="K9051" s="18"/>
      <c r="L9051" s="18"/>
      <c r="M9051" s="18"/>
      <c r="N9051" s="18"/>
      <c r="O9051" s="18"/>
      <c r="P9051" s="19"/>
      <c r="Q9051" s="19"/>
      <c r="R9051" s="19"/>
      <c r="S9051" s="19"/>
      <c r="T9051" s="19"/>
      <c r="U9051" s="19"/>
      <c r="V9051" s="19"/>
      <c r="W9051" s="19"/>
      <c r="X9051" s="19"/>
      <c r="Y9051" s="19"/>
      <c r="Z9051" s="19"/>
      <c r="AA9051" s="19"/>
    </row>
    <row r="9052" spans="1:27" s="1" customFormat="1" ht="14.1" customHeight="1" outlineLevel="1" x14ac:dyDescent="0.2">
      <c r="A9052" s="17">
        <v>6301</v>
      </c>
      <c r="B9052" s="17"/>
      <c r="C9052" s="17"/>
      <c r="D9052" s="18" t="s">
        <v>4485</v>
      </c>
      <c r="E9052" s="18"/>
      <c r="F9052" s="18"/>
      <c r="G9052" s="18"/>
      <c r="H9052" s="18"/>
      <c r="I9052" s="18"/>
      <c r="J9052" s="18"/>
      <c r="K9052" s="18"/>
      <c r="L9052" s="18"/>
      <c r="M9052" s="18"/>
      <c r="N9052" s="18"/>
      <c r="O9052" s="18"/>
      <c r="P9052" s="19">
        <v>450</v>
      </c>
      <c r="Q9052" s="19"/>
      <c r="R9052" s="19"/>
      <c r="S9052" s="19"/>
      <c r="T9052" s="19">
        <v>400</v>
      </c>
      <c r="U9052" s="19"/>
      <c r="V9052" s="19"/>
      <c r="W9052" s="19"/>
      <c r="X9052" s="19">
        <v>1</v>
      </c>
      <c r="Y9052" s="19"/>
      <c r="Z9052" s="19"/>
      <c r="AA9052" s="19"/>
    </row>
    <row r="9053" spans="1:27" s="1" customFormat="1" ht="14.1" customHeight="1" outlineLevel="1" x14ac:dyDescent="0.2">
      <c r="A9053" s="17"/>
      <c r="B9053" s="17"/>
      <c r="C9053" s="17"/>
      <c r="D9053" s="18"/>
      <c r="E9053" s="18"/>
      <c r="F9053" s="18"/>
      <c r="G9053" s="18"/>
      <c r="H9053" s="18"/>
      <c r="I9053" s="18"/>
      <c r="J9053" s="18"/>
      <c r="K9053" s="18"/>
      <c r="L9053" s="18"/>
      <c r="M9053" s="18"/>
      <c r="N9053" s="18"/>
      <c r="O9053" s="18"/>
      <c r="P9053" s="19"/>
      <c r="Q9053" s="19"/>
      <c r="R9053" s="19"/>
      <c r="S9053" s="19"/>
      <c r="T9053" s="19"/>
      <c r="U9053" s="19"/>
      <c r="V9053" s="19"/>
      <c r="W9053" s="19"/>
      <c r="X9053" s="19"/>
      <c r="Y9053" s="19"/>
      <c r="Z9053" s="19"/>
      <c r="AA9053" s="19"/>
    </row>
    <row r="9054" spans="1:27" s="1" customFormat="1" ht="14.1" customHeight="1" outlineLevel="1" x14ac:dyDescent="0.2">
      <c r="A9054" s="17">
        <v>13323</v>
      </c>
      <c r="B9054" s="17"/>
      <c r="C9054" s="17"/>
      <c r="D9054" s="18" t="s">
        <v>4486</v>
      </c>
      <c r="E9054" s="18"/>
      <c r="F9054" s="18"/>
      <c r="G9054" s="18"/>
      <c r="H9054" s="18"/>
      <c r="I9054" s="18"/>
      <c r="J9054" s="18"/>
      <c r="K9054" s="18"/>
      <c r="L9054" s="18"/>
      <c r="M9054" s="18"/>
      <c r="N9054" s="18"/>
      <c r="O9054" s="18"/>
      <c r="P9054" s="19">
        <v>90</v>
      </c>
      <c r="Q9054" s="19"/>
      <c r="R9054" s="19"/>
      <c r="S9054" s="19"/>
      <c r="T9054" s="19">
        <v>50</v>
      </c>
      <c r="U9054" s="19"/>
      <c r="V9054" s="19"/>
      <c r="W9054" s="19"/>
      <c r="X9054" s="19">
        <v>3</v>
      </c>
      <c r="Y9054" s="19"/>
      <c r="Z9054" s="19"/>
      <c r="AA9054" s="19"/>
    </row>
    <row r="9055" spans="1:27" s="1" customFormat="1" ht="14.1" customHeight="1" outlineLevel="1" x14ac:dyDescent="0.2">
      <c r="A9055" s="17"/>
      <c r="B9055" s="17"/>
      <c r="C9055" s="17"/>
      <c r="D9055" s="18"/>
      <c r="E9055" s="18"/>
      <c r="F9055" s="18"/>
      <c r="G9055" s="18"/>
      <c r="H9055" s="18"/>
      <c r="I9055" s="18"/>
      <c r="J9055" s="18"/>
      <c r="K9055" s="18"/>
      <c r="L9055" s="18"/>
      <c r="M9055" s="18"/>
      <c r="N9055" s="18"/>
      <c r="O9055" s="18"/>
      <c r="P9055" s="19"/>
      <c r="Q9055" s="19"/>
      <c r="R9055" s="19"/>
      <c r="S9055" s="19"/>
      <c r="T9055" s="19"/>
      <c r="U9055" s="19"/>
      <c r="V9055" s="19"/>
      <c r="W9055" s="19"/>
      <c r="X9055" s="19"/>
      <c r="Y9055" s="19"/>
      <c r="Z9055" s="19"/>
      <c r="AA9055" s="19"/>
    </row>
    <row r="9056" spans="1:27" s="1" customFormat="1" ht="14.1" customHeight="1" outlineLevel="1" x14ac:dyDescent="0.2">
      <c r="A9056" s="17">
        <v>14601</v>
      </c>
      <c r="B9056" s="17"/>
      <c r="C9056" s="17"/>
      <c r="D9056" s="18" t="s">
        <v>4487</v>
      </c>
      <c r="E9056" s="18"/>
      <c r="F9056" s="18"/>
      <c r="G9056" s="18"/>
      <c r="H9056" s="18"/>
      <c r="I9056" s="18"/>
      <c r="J9056" s="18"/>
      <c r="K9056" s="18"/>
      <c r="L9056" s="18"/>
      <c r="M9056" s="18"/>
      <c r="N9056" s="18"/>
      <c r="O9056" s="18"/>
      <c r="P9056" s="19">
        <v>150</v>
      </c>
      <c r="Q9056" s="19"/>
      <c r="R9056" s="19"/>
      <c r="S9056" s="19"/>
      <c r="T9056" s="19">
        <v>100</v>
      </c>
      <c r="U9056" s="19"/>
      <c r="V9056" s="19"/>
      <c r="W9056" s="19"/>
      <c r="X9056" s="19">
        <v>1</v>
      </c>
      <c r="Y9056" s="19"/>
      <c r="Z9056" s="19"/>
      <c r="AA9056" s="19"/>
    </row>
    <row r="9057" spans="1:27" s="1" customFormat="1" ht="14.1" customHeight="1" outlineLevel="1" x14ac:dyDescent="0.2">
      <c r="A9057" s="17"/>
      <c r="B9057" s="17"/>
      <c r="C9057" s="17"/>
      <c r="D9057" s="18"/>
      <c r="E9057" s="18"/>
      <c r="F9057" s="18"/>
      <c r="G9057" s="18"/>
      <c r="H9057" s="18"/>
      <c r="I9057" s="18"/>
      <c r="J9057" s="18"/>
      <c r="K9057" s="18"/>
      <c r="L9057" s="18"/>
      <c r="M9057" s="18"/>
      <c r="N9057" s="18"/>
      <c r="O9057" s="18"/>
      <c r="P9057" s="19"/>
      <c r="Q9057" s="19"/>
      <c r="R9057" s="19"/>
      <c r="S9057" s="19"/>
      <c r="T9057" s="19"/>
      <c r="U9057" s="19"/>
      <c r="V9057" s="19"/>
      <c r="W9057" s="19"/>
      <c r="X9057" s="19"/>
      <c r="Y9057" s="19"/>
      <c r="Z9057" s="19"/>
      <c r="AA9057" s="19"/>
    </row>
    <row r="9058" spans="1:27" s="1" customFormat="1" ht="11.1" customHeight="1" outlineLevel="1" x14ac:dyDescent="0.2">
      <c r="A9058" s="17">
        <v>15102</v>
      </c>
      <c r="B9058" s="17"/>
      <c r="C9058" s="17"/>
      <c r="D9058" s="18" t="s">
        <v>4488</v>
      </c>
      <c r="E9058" s="18"/>
      <c r="F9058" s="18"/>
      <c r="G9058" s="18"/>
      <c r="H9058" s="18"/>
      <c r="I9058" s="18"/>
      <c r="J9058" s="18"/>
      <c r="K9058" s="18"/>
      <c r="L9058" s="18"/>
      <c r="M9058" s="18"/>
      <c r="N9058" s="18"/>
      <c r="O9058" s="18"/>
      <c r="P9058" s="19">
        <v>80</v>
      </c>
      <c r="Q9058" s="19"/>
      <c r="R9058" s="19"/>
      <c r="S9058" s="19"/>
      <c r="T9058" s="19">
        <v>50</v>
      </c>
      <c r="U9058" s="19"/>
      <c r="V9058" s="19"/>
      <c r="W9058" s="19"/>
      <c r="X9058" s="19">
        <v>1</v>
      </c>
      <c r="Y9058" s="19"/>
      <c r="Z9058" s="19"/>
      <c r="AA9058" s="19"/>
    </row>
    <row r="9059" spans="1:27" s="1" customFormat="1" ht="11.1" customHeight="1" outlineLevel="1" x14ac:dyDescent="0.2">
      <c r="A9059" s="17"/>
      <c r="B9059" s="17"/>
      <c r="C9059" s="17"/>
      <c r="D9059" s="18"/>
      <c r="E9059" s="18"/>
      <c r="F9059" s="18"/>
      <c r="G9059" s="18"/>
      <c r="H9059" s="18"/>
      <c r="I9059" s="18"/>
      <c r="J9059" s="18"/>
      <c r="K9059" s="18"/>
      <c r="L9059" s="18"/>
      <c r="M9059" s="18"/>
      <c r="N9059" s="18"/>
      <c r="O9059" s="18"/>
      <c r="P9059" s="19"/>
      <c r="Q9059" s="19"/>
      <c r="R9059" s="19"/>
      <c r="S9059" s="19"/>
      <c r="T9059" s="19"/>
      <c r="U9059" s="19"/>
      <c r="V9059" s="19"/>
      <c r="W9059" s="19"/>
      <c r="X9059" s="19"/>
      <c r="Y9059" s="19"/>
      <c r="Z9059" s="19"/>
      <c r="AA9059" s="19"/>
    </row>
    <row r="9060" spans="1:27" s="1" customFormat="1" ht="11.1" customHeight="1" outlineLevel="1" x14ac:dyDescent="0.2">
      <c r="A9060" s="17">
        <v>13487</v>
      </c>
      <c r="B9060" s="17"/>
      <c r="C9060" s="17"/>
      <c r="D9060" s="18" t="s">
        <v>4489</v>
      </c>
      <c r="E9060" s="18"/>
      <c r="F9060" s="18"/>
      <c r="G9060" s="18"/>
      <c r="H9060" s="18"/>
      <c r="I9060" s="18"/>
      <c r="J9060" s="18"/>
      <c r="K9060" s="18"/>
      <c r="L9060" s="18"/>
      <c r="M9060" s="18"/>
      <c r="N9060" s="18"/>
      <c r="O9060" s="18"/>
      <c r="P9060" s="19">
        <v>110</v>
      </c>
      <c r="Q9060" s="19"/>
      <c r="R9060" s="19"/>
      <c r="S9060" s="19"/>
      <c r="T9060" s="19">
        <v>70</v>
      </c>
      <c r="U9060" s="19"/>
      <c r="V9060" s="19"/>
      <c r="W9060" s="19"/>
      <c r="X9060" s="19">
        <v>1</v>
      </c>
      <c r="Y9060" s="19"/>
      <c r="Z9060" s="19"/>
      <c r="AA9060" s="19"/>
    </row>
    <row r="9061" spans="1:27" s="1" customFormat="1" ht="11.1" customHeight="1" outlineLevel="1" x14ac:dyDescent="0.2">
      <c r="A9061" s="17"/>
      <c r="B9061" s="17"/>
      <c r="C9061" s="17"/>
      <c r="D9061" s="18"/>
      <c r="E9061" s="18"/>
      <c r="F9061" s="18"/>
      <c r="G9061" s="18"/>
      <c r="H9061" s="18"/>
      <c r="I9061" s="18"/>
      <c r="J9061" s="18"/>
      <c r="K9061" s="18"/>
      <c r="L9061" s="18"/>
      <c r="M9061" s="18"/>
      <c r="N9061" s="18"/>
      <c r="O9061" s="18"/>
      <c r="P9061" s="19"/>
      <c r="Q9061" s="19"/>
      <c r="R9061" s="19"/>
      <c r="S9061" s="19"/>
      <c r="T9061" s="19"/>
      <c r="U9061" s="19"/>
      <c r="V9061" s="19"/>
      <c r="W9061" s="19"/>
      <c r="X9061" s="19"/>
      <c r="Y9061" s="19"/>
      <c r="Z9061" s="19"/>
      <c r="AA9061" s="19"/>
    </row>
    <row r="9062" spans="1:27" s="1" customFormat="1" ht="11.1" customHeight="1" outlineLevel="1" x14ac:dyDescent="0.2">
      <c r="A9062" s="17">
        <v>14569</v>
      </c>
      <c r="B9062" s="17"/>
      <c r="C9062" s="17"/>
      <c r="D9062" s="18" t="s">
        <v>4490</v>
      </c>
      <c r="E9062" s="18"/>
      <c r="F9062" s="18"/>
      <c r="G9062" s="18"/>
      <c r="H9062" s="18"/>
      <c r="I9062" s="18"/>
      <c r="J9062" s="18"/>
      <c r="K9062" s="18"/>
      <c r="L9062" s="18"/>
      <c r="M9062" s="18"/>
      <c r="N9062" s="18"/>
      <c r="O9062" s="18"/>
      <c r="P9062" s="19">
        <v>80</v>
      </c>
      <c r="Q9062" s="19"/>
      <c r="R9062" s="19"/>
      <c r="S9062" s="19"/>
      <c r="T9062" s="19">
        <v>50</v>
      </c>
      <c r="U9062" s="19"/>
      <c r="V9062" s="19"/>
      <c r="W9062" s="19"/>
      <c r="X9062" s="19">
        <v>1</v>
      </c>
      <c r="Y9062" s="19"/>
      <c r="Z9062" s="19"/>
      <c r="AA9062" s="19"/>
    </row>
    <row r="9063" spans="1:27" s="1" customFormat="1" ht="11.1" customHeight="1" outlineLevel="1" x14ac:dyDescent="0.2">
      <c r="A9063" s="17"/>
      <c r="B9063" s="17"/>
      <c r="C9063" s="17"/>
      <c r="D9063" s="18"/>
      <c r="E9063" s="18"/>
      <c r="F9063" s="18"/>
      <c r="G9063" s="18"/>
      <c r="H9063" s="18"/>
      <c r="I9063" s="18"/>
      <c r="J9063" s="18"/>
      <c r="K9063" s="18"/>
      <c r="L9063" s="18"/>
      <c r="M9063" s="18"/>
      <c r="N9063" s="18"/>
      <c r="O9063" s="18"/>
      <c r="P9063" s="19"/>
      <c r="Q9063" s="19"/>
      <c r="R9063" s="19"/>
      <c r="S9063" s="19"/>
      <c r="T9063" s="19"/>
      <c r="U9063" s="19"/>
      <c r="V9063" s="19"/>
      <c r="W9063" s="19"/>
      <c r="X9063" s="19"/>
      <c r="Y9063" s="19"/>
      <c r="Z9063" s="19"/>
      <c r="AA9063" s="19"/>
    </row>
    <row r="9064" spans="1:27" s="1" customFormat="1" ht="14.1" customHeight="1" outlineLevel="1" x14ac:dyDescent="0.2">
      <c r="A9064" s="17">
        <v>17884</v>
      </c>
      <c r="B9064" s="17"/>
      <c r="C9064" s="17"/>
      <c r="D9064" s="18" t="s">
        <v>4491</v>
      </c>
      <c r="E9064" s="18"/>
      <c r="F9064" s="18"/>
      <c r="G9064" s="18"/>
      <c r="H9064" s="18"/>
      <c r="I9064" s="18"/>
      <c r="J9064" s="18"/>
      <c r="K9064" s="18"/>
      <c r="L9064" s="18"/>
      <c r="M9064" s="18"/>
      <c r="N9064" s="18"/>
      <c r="O9064" s="18"/>
      <c r="P9064" s="19">
        <v>150</v>
      </c>
      <c r="Q9064" s="19"/>
      <c r="R9064" s="19"/>
      <c r="S9064" s="19"/>
      <c r="T9064" s="19">
        <v>100</v>
      </c>
      <c r="U9064" s="19"/>
      <c r="V9064" s="19"/>
      <c r="W9064" s="19"/>
      <c r="X9064" s="19">
        <v>1</v>
      </c>
      <c r="Y9064" s="19"/>
      <c r="Z9064" s="19"/>
      <c r="AA9064" s="19"/>
    </row>
    <row r="9065" spans="1:27" s="1" customFormat="1" ht="14.1" customHeight="1" outlineLevel="1" x14ac:dyDescent="0.2">
      <c r="A9065" s="17"/>
      <c r="B9065" s="17"/>
      <c r="C9065" s="17"/>
      <c r="D9065" s="18"/>
      <c r="E9065" s="18"/>
      <c r="F9065" s="18"/>
      <c r="G9065" s="18"/>
      <c r="H9065" s="18"/>
      <c r="I9065" s="18"/>
      <c r="J9065" s="18"/>
      <c r="K9065" s="18"/>
      <c r="L9065" s="18"/>
      <c r="M9065" s="18"/>
      <c r="N9065" s="18"/>
      <c r="O9065" s="18"/>
      <c r="P9065" s="19"/>
      <c r="Q9065" s="19"/>
      <c r="R9065" s="19"/>
      <c r="S9065" s="19"/>
      <c r="T9065" s="19"/>
      <c r="U9065" s="19"/>
      <c r="V9065" s="19"/>
      <c r="W9065" s="19"/>
      <c r="X9065" s="19"/>
      <c r="Y9065" s="19"/>
      <c r="Z9065" s="19"/>
      <c r="AA9065" s="19"/>
    </row>
    <row r="9066" spans="1:27" s="1" customFormat="1" ht="11.1" customHeight="1" outlineLevel="1" x14ac:dyDescent="0.2">
      <c r="A9066" s="17">
        <v>15517</v>
      </c>
      <c r="B9066" s="17"/>
      <c r="C9066" s="17"/>
      <c r="D9066" s="18" t="s">
        <v>4492</v>
      </c>
      <c r="E9066" s="18"/>
      <c r="F9066" s="18"/>
      <c r="G9066" s="18"/>
      <c r="H9066" s="18"/>
      <c r="I9066" s="18"/>
      <c r="J9066" s="18"/>
      <c r="K9066" s="18"/>
      <c r="L9066" s="18"/>
      <c r="M9066" s="18"/>
      <c r="N9066" s="18"/>
      <c r="O9066" s="18"/>
      <c r="P9066" s="19">
        <v>130</v>
      </c>
      <c r="Q9066" s="19"/>
      <c r="R9066" s="19"/>
      <c r="S9066" s="19"/>
      <c r="T9066" s="19">
        <v>90</v>
      </c>
      <c r="U9066" s="19"/>
      <c r="V9066" s="19"/>
      <c r="W9066" s="19"/>
      <c r="X9066" s="19">
        <v>2</v>
      </c>
      <c r="Y9066" s="19"/>
      <c r="Z9066" s="19"/>
      <c r="AA9066" s="19"/>
    </row>
    <row r="9067" spans="1:27" s="1" customFormat="1" ht="11.1" customHeight="1" outlineLevel="1" x14ac:dyDescent="0.2">
      <c r="A9067" s="17"/>
      <c r="B9067" s="17"/>
      <c r="C9067" s="17"/>
      <c r="D9067" s="18"/>
      <c r="E9067" s="18"/>
      <c r="F9067" s="18"/>
      <c r="G9067" s="18"/>
      <c r="H9067" s="18"/>
      <c r="I9067" s="18"/>
      <c r="J9067" s="18"/>
      <c r="K9067" s="18"/>
      <c r="L9067" s="18"/>
      <c r="M9067" s="18"/>
      <c r="N9067" s="18"/>
      <c r="O9067" s="18"/>
      <c r="P9067" s="19"/>
      <c r="Q9067" s="19"/>
      <c r="R9067" s="19"/>
      <c r="S9067" s="19"/>
      <c r="T9067" s="19"/>
      <c r="U9067" s="19"/>
      <c r="V9067" s="19"/>
      <c r="W9067" s="19"/>
      <c r="X9067" s="19"/>
      <c r="Y9067" s="19"/>
      <c r="Z9067" s="19"/>
      <c r="AA9067" s="19"/>
    </row>
    <row r="9068" spans="1:27" s="1" customFormat="1" ht="14.1" customHeight="1" outlineLevel="1" x14ac:dyDescent="0.2">
      <c r="A9068" s="17">
        <v>17466</v>
      </c>
      <c r="B9068" s="17"/>
      <c r="C9068" s="17"/>
      <c r="D9068" s="18" t="s">
        <v>4493</v>
      </c>
      <c r="E9068" s="18"/>
      <c r="F9068" s="18"/>
      <c r="G9068" s="18"/>
      <c r="H9068" s="18"/>
      <c r="I9068" s="18"/>
      <c r="J9068" s="18"/>
      <c r="K9068" s="18"/>
      <c r="L9068" s="18"/>
      <c r="M9068" s="18"/>
      <c r="N9068" s="18"/>
      <c r="O9068" s="18"/>
      <c r="P9068" s="19">
        <v>150</v>
      </c>
      <c r="Q9068" s="19"/>
      <c r="R9068" s="19"/>
      <c r="S9068" s="19"/>
      <c r="T9068" s="19">
        <v>90</v>
      </c>
      <c r="U9068" s="19"/>
      <c r="V9068" s="19"/>
      <c r="W9068" s="19"/>
      <c r="X9068" s="19">
        <v>1</v>
      </c>
      <c r="Y9068" s="19"/>
      <c r="Z9068" s="19"/>
      <c r="AA9068" s="19"/>
    </row>
    <row r="9069" spans="1:27" s="1" customFormat="1" ht="14.1" customHeight="1" outlineLevel="1" x14ac:dyDescent="0.2">
      <c r="A9069" s="17"/>
      <c r="B9069" s="17"/>
      <c r="C9069" s="17"/>
      <c r="D9069" s="18"/>
      <c r="E9069" s="18"/>
      <c r="F9069" s="18"/>
      <c r="G9069" s="18"/>
      <c r="H9069" s="18"/>
      <c r="I9069" s="18"/>
      <c r="J9069" s="18"/>
      <c r="K9069" s="18"/>
      <c r="L9069" s="18"/>
      <c r="M9069" s="18"/>
      <c r="N9069" s="18"/>
      <c r="O9069" s="18"/>
      <c r="P9069" s="19"/>
      <c r="Q9069" s="19"/>
      <c r="R9069" s="19"/>
      <c r="S9069" s="19"/>
      <c r="T9069" s="19"/>
      <c r="U9069" s="19"/>
      <c r="V9069" s="19"/>
      <c r="W9069" s="19"/>
      <c r="X9069" s="19"/>
      <c r="Y9069" s="19"/>
      <c r="Z9069" s="19"/>
      <c r="AA9069" s="19"/>
    </row>
    <row r="9070" spans="1:27" s="1" customFormat="1" ht="14.1" customHeight="1" outlineLevel="1" x14ac:dyDescent="0.2">
      <c r="A9070" s="17">
        <v>13396</v>
      </c>
      <c r="B9070" s="17"/>
      <c r="C9070" s="17"/>
      <c r="D9070" s="18" t="s">
        <v>4494</v>
      </c>
      <c r="E9070" s="18"/>
      <c r="F9070" s="18"/>
      <c r="G9070" s="18"/>
      <c r="H9070" s="18"/>
      <c r="I9070" s="18"/>
      <c r="J9070" s="18"/>
      <c r="K9070" s="18"/>
      <c r="L9070" s="18"/>
      <c r="M9070" s="18"/>
      <c r="N9070" s="18"/>
      <c r="O9070" s="18"/>
      <c r="P9070" s="19">
        <v>75</v>
      </c>
      <c r="Q9070" s="19"/>
      <c r="R9070" s="19"/>
      <c r="S9070" s="19"/>
      <c r="T9070" s="19">
        <v>50</v>
      </c>
      <c r="U9070" s="19"/>
      <c r="V9070" s="19"/>
      <c r="W9070" s="19"/>
      <c r="X9070" s="19">
        <v>2</v>
      </c>
      <c r="Y9070" s="19"/>
      <c r="Z9070" s="19"/>
      <c r="AA9070" s="19"/>
    </row>
    <row r="9071" spans="1:27" s="1" customFormat="1" ht="14.1" customHeight="1" outlineLevel="1" x14ac:dyDescent="0.2">
      <c r="A9071" s="17"/>
      <c r="B9071" s="17"/>
      <c r="C9071" s="17"/>
      <c r="D9071" s="18"/>
      <c r="E9071" s="18"/>
      <c r="F9071" s="18"/>
      <c r="G9071" s="18"/>
      <c r="H9071" s="18"/>
      <c r="I9071" s="18"/>
      <c r="J9071" s="18"/>
      <c r="K9071" s="18"/>
      <c r="L9071" s="18"/>
      <c r="M9071" s="18"/>
      <c r="N9071" s="18"/>
      <c r="O9071" s="18"/>
      <c r="P9071" s="19"/>
      <c r="Q9071" s="19"/>
      <c r="R9071" s="19"/>
      <c r="S9071" s="19"/>
      <c r="T9071" s="19"/>
      <c r="U9071" s="19"/>
      <c r="V9071" s="19"/>
      <c r="W9071" s="19"/>
      <c r="X9071" s="19"/>
      <c r="Y9071" s="19"/>
      <c r="Z9071" s="19"/>
      <c r="AA9071" s="19"/>
    </row>
    <row r="9072" spans="1:27" s="1" customFormat="1" ht="11.1" customHeight="1" outlineLevel="1" x14ac:dyDescent="0.2">
      <c r="A9072" s="17">
        <v>15513</v>
      </c>
      <c r="B9072" s="17"/>
      <c r="C9072" s="17"/>
      <c r="D9072" s="18" t="s">
        <v>4495</v>
      </c>
      <c r="E9072" s="18"/>
      <c r="F9072" s="18"/>
      <c r="G9072" s="18"/>
      <c r="H9072" s="18"/>
      <c r="I9072" s="18"/>
      <c r="J9072" s="18"/>
      <c r="K9072" s="18"/>
      <c r="L9072" s="18"/>
      <c r="M9072" s="18"/>
      <c r="N9072" s="18"/>
      <c r="O9072" s="18"/>
      <c r="P9072" s="19">
        <v>150</v>
      </c>
      <c r="Q9072" s="19"/>
      <c r="R9072" s="19"/>
      <c r="S9072" s="19"/>
      <c r="T9072" s="19">
        <v>100</v>
      </c>
      <c r="U9072" s="19"/>
      <c r="V9072" s="19"/>
      <c r="W9072" s="19"/>
      <c r="X9072" s="19">
        <v>3</v>
      </c>
      <c r="Y9072" s="19"/>
      <c r="Z9072" s="19"/>
      <c r="AA9072" s="19"/>
    </row>
    <row r="9073" spans="1:27" s="1" customFormat="1" ht="11.1" customHeight="1" outlineLevel="1" x14ac:dyDescent="0.2">
      <c r="A9073" s="17"/>
      <c r="B9073" s="17"/>
      <c r="C9073" s="17"/>
      <c r="D9073" s="18"/>
      <c r="E9073" s="18"/>
      <c r="F9073" s="18"/>
      <c r="G9073" s="18"/>
      <c r="H9073" s="18"/>
      <c r="I9073" s="18"/>
      <c r="J9073" s="18"/>
      <c r="K9073" s="18"/>
      <c r="L9073" s="18"/>
      <c r="M9073" s="18"/>
      <c r="N9073" s="18"/>
      <c r="O9073" s="18"/>
      <c r="P9073" s="19"/>
      <c r="Q9073" s="19"/>
      <c r="R9073" s="19"/>
      <c r="S9073" s="19"/>
      <c r="T9073" s="19"/>
      <c r="U9073" s="19"/>
      <c r="V9073" s="19"/>
      <c r="W9073" s="19"/>
      <c r="X9073" s="19"/>
      <c r="Y9073" s="19"/>
      <c r="Z9073" s="19"/>
      <c r="AA9073" s="19"/>
    </row>
    <row r="9074" spans="1:27" s="1" customFormat="1" ht="14.1" customHeight="1" outlineLevel="1" x14ac:dyDescent="0.2">
      <c r="A9074" s="17">
        <v>16915</v>
      </c>
      <c r="B9074" s="17"/>
      <c r="C9074" s="17"/>
      <c r="D9074" s="18" t="s">
        <v>4496</v>
      </c>
      <c r="E9074" s="18"/>
      <c r="F9074" s="18"/>
      <c r="G9074" s="18"/>
      <c r="H9074" s="18"/>
      <c r="I9074" s="18"/>
      <c r="J9074" s="18"/>
      <c r="K9074" s="18"/>
      <c r="L9074" s="18"/>
      <c r="M9074" s="18"/>
      <c r="N9074" s="18"/>
      <c r="O9074" s="18"/>
      <c r="P9074" s="19">
        <v>150</v>
      </c>
      <c r="Q9074" s="19"/>
      <c r="R9074" s="19"/>
      <c r="S9074" s="19"/>
      <c r="T9074" s="19">
        <v>90</v>
      </c>
      <c r="U9074" s="19"/>
      <c r="V9074" s="19"/>
      <c r="W9074" s="19"/>
      <c r="X9074" s="19">
        <v>1</v>
      </c>
      <c r="Y9074" s="19"/>
      <c r="Z9074" s="19"/>
      <c r="AA9074" s="19"/>
    </row>
    <row r="9075" spans="1:27" s="1" customFormat="1" ht="14.1" customHeight="1" outlineLevel="1" x14ac:dyDescent="0.2">
      <c r="A9075" s="17"/>
      <c r="B9075" s="17"/>
      <c r="C9075" s="17"/>
      <c r="D9075" s="18"/>
      <c r="E9075" s="18"/>
      <c r="F9075" s="18"/>
      <c r="G9075" s="18"/>
      <c r="H9075" s="18"/>
      <c r="I9075" s="18"/>
      <c r="J9075" s="18"/>
      <c r="K9075" s="18"/>
      <c r="L9075" s="18"/>
      <c r="M9075" s="18"/>
      <c r="N9075" s="18"/>
      <c r="O9075" s="18"/>
      <c r="P9075" s="19"/>
      <c r="Q9075" s="19"/>
      <c r="R9075" s="19"/>
      <c r="S9075" s="19"/>
      <c r="T9075" s="19"/>
      <c r="U9075" s="19"/>
      <c r="V9075" s="19"/>
      <c r="W9075" s="19"/>
      <c r="X9075" s="19"/>
      <c r="Y9075" s="19"/>
      <c r="Z9075" s="19"/>
      <c r="AA9075" s="19"/>
    </row>
    <row r="9076" spans="1:27" s="1" customFormat="1" ht="14.1" customHeight="1" outlineLevel="1" x14ac:dyDescent="0.2">
      <c r="A9076" s="17">
        <v>16905</v>
      </c>
      <c r="B9076" s="17"/>
      <c r="C9076" s="17"/>
      <c r="D9076" s="18" t="s">
        <v>4497</v>
      </c>
      <c r="E9076" s="18"/>
      <c r="F9076" s="18"/>
      <c r="G9076" s="18"/>
      <c r="H9076" s="18"/>
      <c r="I9076" s="18"/>
      <c r="J9076" s="18"/>
      <c r="K9076" s="18"/>
      <c r="L9076" s="18"/>
      <c r="M9076" s="18"/>
      <c r="N9076" s="18"/>
      <c r="O9076" s="18"/>
      <c r="P9076" s="19">
        <v>250</v>
      </c>
      <c r="Q9076" s="19"/>
      <c r="R9076" s="19"/>
      <c r="S9076" s="19"/>
      <c r="T9076" s="19">
        <v>150</v>
      </c>
      <c r="U9076" s="19"/>
      <c r="V9076" s="19"/>
      <c r="W9076" s="19"/>
      <c r="X9076" s="19">
        <v>1</v>
      </c>
      <c r="Y9076" s="19"/>
      <c r="Z9076" s="19"/>
      <c r="AA9076" s="19"/>
    </row>
    <row r="9077" spans="1:27" s="1" customFormat="1" ht="14.1" customHeight="1" outlineLevel="1" x14ac:dyDescent="0.2">
      <c r="A9077" s="17"/>
      <c r="B9077" s="17"/>
      <c r="C9077" s="17"/>
      <c r="D9077" s="18"/>
      <c r="E9077" s="18"/>
      <c r="F9077" s="18"/>
      <c r="G9077" s="18"/>
      <c r="H9077" s="18"/>
      <c r="I9077" s="18"/>
      <c r="J9077" s="18"/>
      <c r="K9077" s="18"/>
      <c r="L9077" s="18"/>
      <c r="M9077" s="18"/>
      <c r="N9077" s="18"/>
      <c r="O9077" s="18"/>
      <c r="P9077" s="19"/>
      <c r="Q9077" s="19"/>
      <c r="R9077" s="19"/>
      <c r="S9077" s="19"/>
      <c r="T9077" s="19"/>
      <c r="U9077" s="19"/>
      <c r="V9077" s="19"/>
      <c r="W9077" s="19"/>
      <c r="X9077" s="19"/>
      <c r="Y9077" s="19"/>
      <c r="Z9077" s="19"/>
      <c r="AA9077" s="19"/>
    </row>
    <row r="9078" spans="1:27" s="1" customFormat="1" ht="11.1" customHeight="1" outlineLevel="1" x14ac:dyDescent="0.2">
      <c r="A9078" s="17">
        <v>13496</v>
      </c>
      <c r="B9078" s="17"/>
      <c r="C9078" s="17"/>
      <c r="D9078" s="18" t="s">
        <v>4498</v>
      </c>
      <c r="E9078" s="18"/>
      <c r="F9078" s="18"/>
      <c r="G9078" s="18"/>
      <c r="H9078" s="18"/>
      <c r="I9078" s="18"/>
      <c r="J9078" s="18"/>
      <c r="K9078" s="18"/>
      <c r="L9078" s="18"/>
      <c r="M9078" s="18"/>
      <c r="N9078" s="18"/>
      <c r="O9078" s="18"/>
      <c r="P9078" s="19">
        <v>110</v>
      </c>
      <c r="Q9078" s="19"/>
      <c r="R9078" s="19"/>
      <c r="S9078" s="19"/>
      <c r="T9078" s="19">
        <v>70</v>
      </c>
      <c r="U9078" s="19"/>
      <c r="V9078" s="19"/>
      <c r="W9078" s="19"/>
      <c r="X9078" s="19">
        <v>1</v>
      </c>
      <c r="Y9078" s="19"/>
      <c r="Z9078" s="19"/>
      <c r="AA9078" s="19"/>
    </row>
    <row r="9079" spans="1:27" s="1" customFormat="1" ht="11.1" customHeight="1" outlineLevel="1" x14ac:dyDescent="0.2">
      <c r="A9079" s="17"/>
      <c r="B9079" s="17"/>
      <c r="C9079" s="17"/>
      <c r="D9079" s="18"/>
      <c r="E9079" s="18"/>
      <c r="F9079" s="18"/>
      <c r="G9079" s="18"/>
      <c r="H9079" s="18"/>
      <c r="I9079" s="18"/>
      <c r="J9079" s="18"/>
      <c r="K9079" s="18"/>
      <c r="L9079" s="18"/>
      <c r="M9079" s="18"/>
      <c r="N9079" s="18"/>
      <c r="O9079" s="18"/>
      <c r="P9079" s="19"/>
      <c r="Q9079" s="19"/>
      <c r="R9079" s="19"/>
      <c r="S9079" s="19"/>
      <c r="T9079" s="19"/>
      <c r="U9079" s="19"/>
      <c r="V9079" s="19"/>
      <c r="W9079" s="19"/>
      <c r="X9079" s="19"/>
      <c r="Y9079" s="19"/>
      <c r="Z9079" s="19"/>
      <c r="AA9079" s="19"/>
    </row>
    <row r="9080" spans="1:27" s="1" customFormat="1" ht="14.1" customHeight="1" outlineLevel="1" x14ac:dyDescent="0.2">
      <c r="A9080" s="17">
        <v>16785</v>
      </c>
      <c r="B9080" s="17"/>
      <c r="C9080" s="17"/>
      <c r="D9080" s="18" t="s">
        <v>4499</v>
      </c>
      <c r="E9080" s="18"/>
      <c r="F9080" s="18"/>
      <c r="G9080" s="18"/>
      <c r="H9080" s="18"/>
      <c r="I9080" s="18"/>
      <c r="J9080" s="18"/>
      <c r="K9080" s="18"/>
      <c r="L9080" s="18"/>
      <c r="M9080" s="18"/>
      <c r="N9080" s="18"/>
      <c r="O9080" s="18"/>
      <c r="P9080" s="19">
        <v>150</v>
      </c>
      <c r="Q9080" s="19"/>
      <c r="R9080" s="19"/>
      <c r="S9080" s="19"/>
      <c r="T9080" s="19">
        <v>90</v>
      </c>
      <c r="U9080" s="19"/>
      <c r="V9080" s="19"/>
      <c r="W9080" s="19"/>
      <c r="X9080" s="19">
        <v>1</v>
      </c>
      <c r="Y9080" s="19"/>
      <c r="Z9080" s="19"/>
      <c r="AA9080" s="19"/>
    </row>
    <row r="9081" spans="1:27" s="1" customFormat="1" ht="14.1" customHeight="1" outlineLevel="1" x14ac:dyDescent="0.2">
      <c r="A9081" s="17"/>
      <c r="B9081" s="17"/>
      <c r="C9081" s="17"/>
      <c r="D9081" s="18"/>
      <c r="E9081" s="18"/>
      <c r="F9081" s="18"/>
      <c r="G9081" s="18"/>
      <c r="H9081" s="18"/>
      <c r="I9081" s="18"/>
      <c r="J9081" s="18"/>
      <c r="K9081" s="18"/>
      <c r="L9081" s="18"/>
      <c r="M9081" s="18"/>
      <c r="N9081" s="18"/>
      <c r="O9081" s="18"/>
      <c r="P9081" s="19"/>
      <c r="Q9081" s="19"/>
      <c r="R9081" s="19"/>
      <c r="S9081" s="19"/>
      <c r="T9081" s="19"/>
      <c r="U9081" s="19"/>
      <c r="V9081" s="19"/>
      <c r="W9081" s="19"/>
      <c r="X9081" s="19"/>
      <c r="Y9081" s="19"/>
      <c r="Z9081" s="19"/>
      <c r="AA9081" s="19"/>
    </row>
    <row r="9082" spans="1:27" s="1" customFormat="1" ht="14.1" customHeight="1" outlineLevel="1" x14ac:dyDescent="0.2">
      <c r="A9082" s="17">
        <v>13407</v>
      </c>
      <c r="B9082" s="17"/>
      <c r="C9082" s="17"/>
      <c r="D9082" s="18" t="s">
        <v>4500</v>
      </c>
      <c r="E9082" s="18"/>
      <c r="F9082" s="18"/>
      <c r="G9082" s="18"/>
      <c r="H9082" s="18"/>
      <c r="I9082" s="18"/>
      <c r="J9082" s="18"/>
      <c r="K9082" s="18"/>
      <c r="L9082" s="18"/>
      <c r="M9082" s="18"/>
      <c r="N9082" s="18"/>
      <c r="O9082" s="18"/>
      <c r="P9082" s="19">
        <v>75</v>
      </c>
      <c r="Q9082" s="19"/>
      <c r="R9082" s="19"/>
      <c r="S9082" s="19"/>
      <c r="T9082" s="19">
        <v>50</v>
      </c>
      <c r="U9082" s="19"/>
      <c r="V9082" s="19"/>
      <c r="W9082" s="19"/>
      <c r="X9082" s="19">
        <v>1</v>
      </c>
      <c r="Y9082" s="19"/>
      <c r="Z9082" s="19"/>
      <c r="AA9082" s="19"/>
    </row>
    <row r="9083" spans="1:27" s="1" customFormat="1" ht="14.1" customHeight="1" outlineLevel="1" x14ac:dyDescent="0.2">
      <c r="A9083" s="17"/>
      <c r="B9083" s="17"/>
      <c r="C9083" s="17"/>
      <c r="D9083" s="18"/>
      <c r="E9083" s="18"/>
      <c r="F9083" s="18"/>
      <c r="G9083" s="18"/>
      <c r="H9083" s="18"/>
      <c r="I9083" s="18"/>
      <c r="J9083" s="18"/>
      <c r="K9083" s="18"/>
      <c r="L9083" s="18"/>
      <c r="M9083" s="18"/>
      <c r="N9083" s="18"/>
      <c r="O9083" s="18"/>
      <c r="P9083" s="19"/>
      <c r="Q9083" s="19"/>
      <c r="R9083" s="19"/>
      <c r="S9083" s="19"/>
      <c r="T9083" s="19"/>
      <c r="U9083" s="19"/>
      <c r="V9083" s="19"/>
      <c r="W9083" s="19"/>
      <c r="X9083" s="19"/>
      <c r="Y9083" s="19"/>
      <c r="Z9083" s="19"/>
      <c r="AA9083" s="19"/>
    </row>
    <row r="9084" spans="1:27" s="1" customFormat="1" ht="14.1" customHeight="1" outlineLevel="1" x14ac:dyDescent="0.2">
      <c r="A9084" s="17">
        <v>13356</v>
      </c>
      <c r="B9084" s="17"/>
      <c r="C9084" s="17"/>
      <c r="D9084" s="18" t="s">
        <v>4501</v>
      </c>
      <c r="E9084" s="18"/>
      <c r="F9084" s="18"/>
      <c r="G9084" s="18"/>
      <c r="H9084" s="18"/>
      <c r="I9084" s="18"/>
      <c r="J9084" s="18"/>
      <c r="K9084" s="18"/>
      <c r="L9084" s="18"/>
      <c r="M9084" s="18"/>
      <c r="N9084" s="18"/>
      <c r="O9084" s="18"/>
      <c r="P9084" s="19">
        <v>85</v>
      </c>
      <c r="Q9084" s="19"/>
      <c r="R9084" s="19"/>
      <c r="S9084" s="19"/>
      <c r="T9084" s="19">
        <v>50</v>
      </c>
      <c r="U9084" s="19"/>
      <c r="V9084" s="19"/>
      <c r="W9084" s="19"/>
      <c r="X9084" s="19">
        <v>5</v>
      </c>
      <c r="Y9084" s="19"/>
      <c r="Z9084" s="19"/>
      <c r="AA9084" s="19"/>
    </row>
    <row r="9085" spans="1:27" s="1" customFormat="1" ht="14.1" customHeight="1" outlineLevel="1" x14ac:dyDescent="0.2">
      <c r="A9085" s="17"/>
      <c r="B9085" s="17"/>
      <c r="C9085" s="17"/>
      <c r="D9085" s="18"/>
      <c r="E9085" s="18"/>
      <c r="F9085" s="18"/>
      <c r="G9085" s="18"/>
      <c r="H9085" s="18"/>
      <c r="I9085" s="18"/>
      <c r="J9085" s="18"/>
      <c r="K9085" s="18"/>
      <c r="L9085" s="18"/>
      <c r="M9085" s="18"/>
      <c r="N9085" s="18"/>
      <c r="O9085" s="18"/>
      <c r="P9085" s="19"/>
      <c r="Q9085" s="19"/>
      <c r="R9085" s="19"/>
      <c r="S9085" s="19"/>
      <c r="T9085" s="19"/>
      <c r="U9085" s="19"/>
      <c r="V9085" s="19"/>
      <c r="W9085" s="19"/>
      <c r="X9085" s="19"/>
      <c r="Y9085" s="19"/>
      <c r="Z9085" s="19"/>
      <c r="AA9085" s="19"/>
    </row>
    <row r="9086" spans="1:27" s="1" customFormat="1" ht="14.1" customHeight="1" outlineLevel="1" x14ac:dyDescent="0.2">
      <c r="A9086" s="17">
        <v>12810</v>
      </c>
      <c r="B9086" s="17"/>
      <c r="C9086" s="17"/>
      <c r="D9086" s="18" t="s">
        <v>4502</v>
      </c>
      <c r="E9086" s="18"/>
      <c r="F9086" s="18"/>
      <c r="G9086" s="18"/>
      <c r="H9086" s="18"/>
      <c r="I9086" s="18"/>
      <c r="J9086" s="18"/>
      <c r="K9086" s="18"/>
      <c r="L9086" s="18"/>
      <c r="M9086" s="18"/>
      <c r="N9086" s="18"/>
      <c r="O9086" s="18"/>
      <c r="P9086" s="19">
        <v>200</v>
      </c>
      <c r="Q9086" s="19"/>
      <c r="R9086" s="19"/>
      <c r="S9086" s="19"/>
      <c r="T9086" s="19">
        <v>150</v>
      </c>
      <c r="U9086" s="19"/>
      <c r="V9086" s="19"/>
      <c r="W9086" s="19"/>
      <c r="X9086" s="19">
        <v>1</v>
      </c>
      <c r="Y9086" s="19"/>
      <c r="Z9086" s="19"/>
      <c r="AA9086" s="19"/>
    </row>
    <row r="9087" spans="1:27" s="1" customFormat="1" ht="14.1" customHeight="1" outlineLevel="1" x14ac:dyDescent="0.2">
      <c r="A9087" s="17"/>
      <c r="B9087" s="17"/>
      <c r="C9087" s="17"/>
      <c r="D9087" s="18"/>
      <c r="E9087" s="18"/>
      <c r="F9087" s="18"/>
      <c r="G9087" s="18"/>
      <c r="H9087" s="18"/>
      <c r="I9087" s="18"/>
      <c r="J9087" s="18"/>
      <c r="K9087" s="18"/>
      <c r="L9087" s="18"/>
      <c r="M9087" s="18"/>
      <c r="N9087" s="18"/>
      <c r="O9087" s="18"/>
      <c r="P9087" s="19"/>
      <c r="Q9087" s="19"/>
      <c r="R9087" s="19"/>
      <c r="S9087" s="19"/>
      <c r="T9087" s="19"/>
      <c r="U9087" s="19"/>
      <c r="V9087" s="19"/>
      <c r="W9087" s="19"/>
      <c r="X9087" s="19"/>
      <c r="Y9087" s="19"/>
      <c r="Z9087" s="19"/>
      <c r="AA9087" s="19"/>
    </row>
    <row r="9088" spans="1:27" s="1" customFormat="1" ht="14.1" customHeight="1" outlineLevel="1" x14ac:dyDescent="0.2">
      <c r="A9088" s="17">
        <v>16703</v>
      </c>
      <c r="B9088" s="17"/>
      <c r="C9088" s="17"/>
      <c r="D9088" s="18" t="s">
        <v>4503</v>
      </c>
      <c r="E9088" s="18"/>
      <c r="F9088" s="18"/>
      <c r="G9088" s="18"/>
      <c r="H9088" s="18"/>
      <c r="I9088" s="18"/>
      <c r="J9088" s="18"/>
      <c r="K9088" s="18"/>
      <c r="L9088" s="18"/>
      <c r="M9088" s="18"/>
      <c r="N9088" s="18"/>
      <c r="O9088" s="18"/>
      <c r="P9088" s="19">
        <v>220</v>
      </c>
      <c r="Q9088" s="19"/>
      <c r="R9088" s="19"/>
      <c r="S9088" s="19"/>
      <c r="T9088" s="19">
        <v>150</v>
      </c>
      <c r="U9088" s="19"/>
      <c r="V9088" s="19"/>
      <c r="W9088" s="19"/>
      <c r="X9088" s="19">
        <v>2</v>
      </c>
      <c r="Y9088" s="19"/>
      <c r="Z9088" s="19"/>
      <c r="AA9088" s="19"/>
    </row>
    <row r="9089" spans="1:27" s="1" customFormat="1" ht="14.1" customHeight="1" outlineLevel="1" x14ac:dyDescent="0.2">
      <c r="A9089" s="17"/>
      <c r="B9089" s="17"/>
      <c r="C9089" s="17"/>
      <c r="D9089" s="18"/>
      <c r="E9089" s="18"/>
      <c r="F9089" s="18"/>
      <c r="G9089" s="18"/>
      <c r="H9089" s="18"/>
      <c r="I9089" s="18"/>
      <c r="J9089" s="18"/>
      <c r="K9089" s="18"/>
      <c r="L9089" s="18"/>
      <c r="M9089" s="18"/>
      <c r="N9089" s="18"/>
      <c r="O9089" s="18"/>
      <c r="P9089" s="19"/>
      <c r="Q9089" s="19"/>
      <c r="R9089" s="19"/>
      <c r="S9089" s="19"/>
      <c r="T9089" s="19"/>
      <c r="U9089" s="19"/>
      <c r="V9089" s="19"/>
      <c r="W9089" s="19"/>
      <c r="X9089" s="19"/>
      <c r="Y9089" s="19"/>
      <c r="Z9089" s="19"/>
      <c r="AA9089" s="19"/>
    </row>
    <row r="9090" spans="1:27" s="1" customFormat="1" ht="14.1" customHeight="1" outlineLevel="1" x14ac:dyDescent="0.2">
      <c r="A9090" s="17">
        <v>16822</v>
      </c>
      <c r="B9090" s="17"/>
      <c r="C9090" s="17"/>
      <c r="D9090" s="18" t="s">
        <v>4504</v>
      </c>
      <c r="E9090" s="18"/>
      <c r="F9090" s="18"/>
      <c r="G9090" s="18"/>
      <c r="H9090" s="18"/>
      <c r="I9090" s="18"/>
      <c r="J9090" s="18"/>
      <c r="K9090" s="18"/>
      <c r="L9090" s="18"/>
      <c r="M9090" s="18"/>
      <c r="N9090" s="18"/>
      <c r="O9090" s="18"/>
      <c r="P9090" s="19">
        <v>250</v>
      </c>
      <c r="Q9090" s="19"/>
      <c r="R9090" s="19"/>
      <c r="S9090" s="19"/>
      <c r="T9090" s="19">
        <v>150</v>
      </c>
      <c r="U9090" s="19"/>
      <c r="V9090" s="19"/>
      <c r="W9090" s="19"/>
      <c r="X9090" s="19">
        <v>1</v>
      </c>
      <c r="Y9090" s="19"/>
      <c r="Z9090" s="19"/>
      <c r="AA9090" s="19"/>
    </row>
    <row r="9091" spans="1:27" s="1" customFormat="1" ht="14.1" customHeight="1" outlineLevel="1" x14ac:dyDescent="0.2">
      <c r="A9091" s="17"/>
      <c r="B9091" s="17"/>
      <c r="C9091" s="17"/>
      <c r="D9091" s="18"/>
      <c r="E9091" s="18"/>
      <c r="F9091" s="18"/>
      <c r="G9091" s="18"/>
      <c r="H9091" s="18"/>
      <c r="I9091" s="18"/>
      <c r="J9091" s="18"/>
      <c r="K9091" s="18"/>
      <c r="L9091" s="18"/>
      <c r="M9091" s="18"/>
      <c r="N9091" s="18"/>
      <c r="O9091" s="18"/>
      <c r="P9091" s="19"/>
      <c r="Q9091" s="19"/>
      <c r="R9091" s="19"/>
      <c r="S9091" s="19"/>
      <c r="T9091" s="19"/>
      <c r="U9091" s="19"/>
      <c r="V9091" s="19"/>
      <c r="W9091" s="19"/>
      <c r="X9091" s="19"/>
      <c r="Y9091" s="19"/>
      <c r="Z9091" s="19"/>
      <c r="AA9091" s="19"/>
    </row>
    <row r="9092" spans="1:27" s="1" customFormat="1" ht="14.1" customHeight="1" outlineLevel="1" x14ac:dyDescent="0.2">
      <c r="A9092" s="17">
        <v>13347</v>
      </c>
      <c r="B9092" s="17"/>
      <c r="C9092" s="17"/>
      <c r="D9092" s="18" t="s">
        <v>4505</v>
      </c>
      <c r="E9092" s="18"/>
      <c r="F9092" s="18"/>
      <c r="G9092" s="18"/>
      <c r="H9092" s="18"/>
      <c r="I9092" s="18"/>
      <c r="J9092" s="18"/>
      <c r="K9092" s="18"/>
      <c r="L9092" s="18"/>
      <c r="M9092" s="18"/>
      <c r="N9092" s="18"/>
      <c r="O9092" s="18"/>
      <c r="P9092" s="19">
        <v>110</v>
      </c>
      <c r="Q9092" s="19"/>
      <c r="R9092" s="19"/>
      <c r="S9092" s="19"/>
      <c r="T9092" s="19">
        <v>70</v>
      </c>
      <c r="U9092" s="19"/>
      <c r="V9092" s="19"/>
      <c r="W9092" s="19"/>
      <c r="X9092" s="19">
        <v>1</v>
      </c>
      <c r="Y9092" s="19"/>
      <c r="Z9092" s="19"/>
      <c r="AA9092" s="19"/>
    </row>
    <row r="9093" spans="1:27" s="1" customFormat="1" ht="14.1" customHeight="1" outlineLevel="1" x14ac:dyDescent="0.2">
      <c r="A9093" s="17"/>
      <c r="B9093" s="17"/>
      <c r="C9093" s="17"/>
      <c r="D9093" s="18"/>
      <c r="E9093" s="18"/>
      <c r="F9093" s="18"/>
      <c r="G9093" s="18"/>
      <c r="H9093" s="18"/>
      <c r="I9093" s="18"/>
      <c r="J9093" s="18"/>
      <c r="K9093" s="18"/>
      <c r="L9093" s="18"/>
      <c r="M9093" s="18"/>
      <c r="N9093" s="18"/>
      <c r="O9093" s="18"/>
      <c r="P9093" s="19"/>
      <c r="Q9093" s="19"/>
      <c r="R9093" s="19"/>
      <c r="S9093" s="19"/>
      <c r="T9093" s="19"/>
      <c r="U9093" s="19"/>
      <c r="V9093" s="19"/>
      <c r="W9093" s="19"/>
      <c r="X9093" s="19"/>
      <c r="Y9093" s="19"/>
      <c r="Z9093" s="19"/>
      <c r="AA9093" s="19"/>
    </row>
    <row r="9094" spans="1:27" s="1" customFormat="1" ht="14.1" customHeight="1" outlineLevel="1" x14ac:dyDescent="0.2">
      <c r="A9094" s="17">
        <v>17855</v>
      </c>
      <c r="B9094" s="17"/>
      <c r="C9094" s="17"/>
      <c r="D9094" s="18" t="s">
        <v>4506</v>
      </c>
      <c r="E9094" s="18"/>
      <c r="F9094" s="18"/>
      <c r="G9094" s="18"/>
      <c r="H9094" s="18"/>
      <c r="I9094" s="18"/>
      <c r="J9094" s="18"/>
      <c r="K9094" s="18"/>
      <c r="L9094" s="18"/>
      <c r="M9094" s="18"/>
      <c r="N9094" s="18"/>
      <c r="O9094" s="18"/>
      <c r="P9094" s="19">
        <v>150</v>
      </c>
      <c r="Q9094" s="19"/>
      <c r="R9094" s="19"/>
      <c r="S9094" s="19"/>
      <c r="T9094" s="19">
        <v>100</v>
      </c>
      <c r="U9094" s="19"/>
      <c r="V9094" s="19"/>
      <c r="W9094" s="19"/>
      <c r="X9094" s="19">
        <v>3</v>
      </c>
      <c r="Y9094" s="19"/>
      <c r="Z9094" s="19"/>
      <c r="AA9094" s="19"/>
    </row>
    <row r="9095" spans="1:27" s="1" customFormat="1" ht="14.1" customHeight="1" outlineLevel="1" x14ac:dyDescent="0.2">
      <c r="A9095" s="17"/>
      <c r="B9095" s="17"/>
      <c r="C9095" s="17"/>
      <c r="D9095" s="18"/>
      <c r="E9095" s="18"/>
      <c r="F9095" s="18"/>
      <c r="G9095" s="18"/>
      <c r="H9095" s="18"/>
      <c r="I9095" s="18"/>
      <c r="J9095" s="18"/>
      <c r="K9095" s="18"/>
      <c r="L9095" s="18"/>
      <c r="M9095" s="18"/>
      <c r="N9095" s="18"/>
      <c r="O9095" s="18"/>
      <c r="P9095" s="19"/>
      <c r="Q9095" s="19"/>
      <c r="R9095" s="19"/>
      <c r="S9095" s="19"/>
      <c r="T9095" s="19"/>
      <c r="U9095" s="19"/>
      <c r="V9095" s="19"/>
      <c r="W9095" s="19"/>
      <c r="X9095" s="19"/>
      <c r="Y9095" s="19"/>
      <c r="Z9095" s="19"/>
      <c r="AA9095" s="19"/>
    </row>
    <row r="9096" spans="1:27" s="1" customFormat="1" ht="14.1" customHeight="1" outlineLevel="1" x14ac:dyDescent="0.2">
      <c r="A9096" s="17">
        <v>18181</v>
      </c>
      <c r="B9096" s="17"/>
      <c r="C9096" s="17"/>
      <c r="D9096" s="18" t="s">
        <v>4507</v>
      </c>
      <c r="E9096" s="18"/>
      <c r="F9096" s="18"/>
      <c r="G9096" s="18"/>
      <c r="H9096" s="18"/>
      <c r="I9096" s="18"/>
      <c r="J9096" s="18"/>
      <c r="K9096" s="18"/>
      <c r="L9096" s="18"/>
      <c r="M9096" s="18"/>
      <c r="N9096" s="18"/>
      <c r="O9096" s="18"/>
      <c r="P9096" s="19">
        <v>150</v>
      </c>
      <c r="Q9096" s="19"/>
      <c r="R9096" s="19"/>
      <c r="S9096" s="19"/>
      <c r="T9096" s="19">
        <v>90</v>
      </c>
      <c r="U9096" s="19"/>
      <c r="V9096" s="19"/>
      <c r="W9096" s="19"/>
      <c r="X9096" s="19">
        <v>1</v>
      </c>
      <c r="Y9096" s="19"/>
      <c r="Z9096" s="19"/>
      <c r="AA9096" s="19"/>
    </row>
    <row r="9097" spans="1:27" s="1" customFormat="1" ht="14.1" customHeight="1" outlineLevel="1" x14ac:dyDescent="0.2">
      <c r="A9097" s="17"/>
      <c r="B9097" s="17"/>
      <c r="C9097" s="17"/>
      <c r="D9097" s="18"/>
      <c r="E9097" s="18"/>
      <c r="F9097" s="18"/>
      <c r="G9097" s="18"/>
      <c r="H9097" s="18"/>
      <c r="I9097" s="18"/>
      <c r="J9097" s="18"/>
      <c r="K9097" s="18"/>
      <c r="L9097" s="18"/>
      <c r="M9097" s="18"/>
      <c r="N9097" s="18"/>
      <c r="O9097" s="18"/>
      <c r="P9097" s="19"/>
      <c r="Q9097" s="19"/>
      <c r="R9097" s="19"/>
      <c r="S9097" s="19"/>
      <c r="T9097" s="19"/>
      <c r="U9097" s="19"/>
      <c r="V9097" s="19"/>
      <c r="W9097" s="19"/>
      <c r="X9097" s="19"/>
      <c r="Y9097" s="19"/>
      <c r="Z9097" s="19"/>
      <c r="AA9097" s="19"/>
    </row>
    <row r="9098" spans="1:27" s="1" customFormat="1" ht="14.1" customHeight="1" outlineLevel="1" x14ac:dyDescent="0.2">
      <c r="A9098" s="17">
        <v>13296</v>
      </c>
      <c r="B9098" s="17"/>
      <c r="C9098" s="17"/>
      <c r="D9098" s="18" t="s">
        <v>4508</v>
      </c>
      <c r="E9098" s="18"/>
      <c r="F9098" s="18"/>
      <c r="G9098" s="18"/>
      <c r="H9098" s="18"/>
      <c r="I9098" s="18"/>
      <c r="J9098" s="18"/>
      <c r="K9098" s="18"/>
      <c r="L9098" s="18"/>
      <c r="M9098" s="18"/>
      <c r="N9098" s="18"/>
      <c r="O9098" s="18"/>
      <c r="P9098" s="19">
        <v>100</v>
      </c>
      <c r="Q9098" s="19"/>
      <c r="R9098" s="19"/>
      <c r="S9098" s="19"/>
      <c r="T9098" s="19">
        <v>70</v>
      </c>
      <c r="U9098" s="19"/>
      <c r="V9098" s="19"/>
      <c r="W9098" s="19"/>
      <c r="X9098" s="19">
        <v>4</v>
      </c>
      <c r="Y9098" s="19"/>
      <c r="Z9098" s="19"/>
      <c r="AA9098" s="19"/>
    </row>
    <row r="9099" spans="1:27" s="1" customFormat="1" ht="14.1" customHeight="1" outlineLevel="1" x14ac:dyDescent="0.2">
      <c r="A9099" s="17"/>
      <c r="B9099" s="17"/>
      <c r="C9099" s="17"/>
      <c r="D9099" s="18"/>
      <c r="E9099" s="18"/>
      <c r="F9099" s="18"/>
      <c r="G9099" s="18"/>
      <c r="H9099" s="18"/>
      <c r="I9099" s="18"/>
      <c r="J9099" s="18"/>
      <c r="K9099" s="18"/>
      <c r="L9099" s="18"/>
      <c r="M9099" s="18"/>
      <c r="N9099" s="18"/>
      <c r="O9099" s="18"/>
      <c r="P9099" s="19"/>
      <c r="Q9099" s="19"/>
      <c r="R9099" s="19"/>
      <c r="S9099" s="19"/>
      <c r="T9099" s="19"/>
      <c r="U9099" s="19"/>
      <c r="V9099" s="19"/>
      <c r="W9099" s="19"/>
      <c r="X9099" s="19"/>
      <c r="Y9099" s="19"/>
      <c r="Z9099" s="19"/>
      <c r="AA9099" s="19"/>
    </row>
    <row r="9100" spans="1:27" s="1" customFormat="1" ht="11.1" customHeight="1" outlineLevel="1" x14ac:dyDescent="0.2">
      <c r="A9100" s="17">
        <v>12651</v>
      </c>
      <c r="B9100" s="17"/>
      <c r="C9100" s="17"/>
      <c r="D9100" s="18" t="s">
        <v>4509</v>
      </c>
      <c r="E9100" s="18"/>
      <c r="F9100" s="18"/>
      <c r="G9100" s="18"/>
      <c r="H9100" s="18"/>
      <c r="I9100" s="18"/>
      <c r="J9100" s="18"/>
      <c r="K9100" s="18"/>
      <c r="L9100" s="18"/>
      <c r="M9100" s="18"/>
      <c r="N9100" s="18"/>
      <c r="O9100" s="18"/>
      <c r="P9100" s="19">
        <v>80</v>
      </c>
      <c r="Q9100" s="19"/>
      <c r="R9100" s="19"/>
      <c r="S9100" s="19"/>
      <c r="T9100" s="19">
        <v>50</v>
      </c>
      <c r="U9100" s="19"/>
      <c r="V9100" s="19"/>
      <c r="W9100" s="19"/>
      <c r="X9100" s="19">
        <v>1</v>
      </c>
      <c r="Y9100" s="19"/>
      <c r="Z9100" s="19"/>
      <c r="AA9100" s="19"/>
    </row>
    <row r="9101" spans="1:27" s="1" customFormat="1" ht="11.1" customHeight="1" outlineLevel="1" x14ac:dyDescent="0.2">
      <c r="A9101" s="17"/>
      <c r="B9101" s="17"/>
      <c r="C9101" s="17"/>
      <c r="D9101" s="18"/>
      <c r="E9101" s="18"/>
      <c r="F9101" s="18"/>
      <c r="G9101" s="18"/>
      <c r="H9101" s="18"/>
      <c r="I9101" s="18"/>
      <c r="J9101" s="18"/>
      <c r="K9101" s="18"/>
      <c r="L9101" s="18"/>
      <c r="M9101" s="18"/>
      <c r="N9101" s="18"/>
      <c r="O9101" s="18"/>
      <c r="P9101" s="19"/>
      <c r="Q9101" s="19"/>
      <c r="R9101" s="19"/>
      <c r="S9101" s="19"/>
      <c r="T9101" s="19"/>
      <c r="U9101" s="19"/>
      <c r="V9101" s="19"/>
      <c r="W9101" s="19"/>
      <c r="X9101" s="19"/>
      <c r="Y9101" s="19"/>
      <c r="Z9101" s="19"/>
      <c r="AA9101" s="19"/>
    </row>
    <row r="9102" spans="1:27" s="1" customFormat="1" ht="14.1" customHeight="1" outlineLevel="1" x14ac:dyDescent="0.2">
      <c r="A9102" s="17">
        <v>16797</v>
      </c>
      <c r="B9102" s="17"/>
      <c r="C9102" s="17"/>
      <c r="D9102" s="18" t="s">
        <v>4510</v>
      </c>
      <c r="E9102" s="18"/>
      <c r="F9102" s="18"/>
      <c r="G9102" s="18"/>
      <c r="H9102" s="18"/>
      <c r="I9102" s="18"/>
      <c r="J9102" s="18"/>
      <c r="K9102" s="18"/>
      <c r="L9102" s="18"/>
      <c r="M9102" s="18"/>
      <c r="N9102" s="18"/>
      <c r="O9102" s="18"/>
      <c r="P9102" s="19">
        <v>150</v>
      </c>
      <c r="Q9102" s="19"/>
      <c r="R9102" s="19"/>
      <c r="S9102" s="19"/>
      <c r="T9102" s="19">
        <v>90</v>
      </c>
      <c r="U9102" s="19"/>
      <c r="V9102" s="19"/>
      <c r="W9102" s="19"/>
      <c r="X9102" s="19">
        <v>1</v>
      </c>
      <c r="Y9102" s="19"/>
      <c r="Z9102" s="19"/>
      <c r="AA9102" s="19"/>
    </row>
    <row r="9103" spans="1:27" s="1" customFormat="1" ht="14.1" customHeight="1" outlineLevel="1" x14ac:dyDescent="0.2">
      <c r="A9103" s="17"/>
      <c r="B9103" s="17"/>
      <c r="C9103" s="17"/>
      <c r="D9103" s="18"/>
      <c r="E9103" s="18"/>
      <c r="F9103" s="18"/>
      <c r="G9103" s="18"/>
      <c r="H9103" s="18"/>
      <c r="I9103" s="18"/>
      <c r="J9103" s="18"/>
      <c r="K9103" s="18"/>
      <c r="L9103" s="18"/>
      <c r="M9103" s="18"/>
      <c r="N9103" s="18"/>
      <c r="O9103" s="18"/>
      <c r="P9103" s="19"/>
      <c r="Q9103" s="19"/>
      <c r="R9103" s="19"/>
      <c r="S9103" s="19"/>
      <c r="T9103" s="19"/>
      <c r="U9103" s="19"/>
      <c r="V9103" s="19"/>
      <c r="W9103" s="19"/>
      <c r="X9103" s="19"/>
      <c r="Y9103" s="19"/>
      <c r="Z9103" s="19"/>
      <c r="AA9103" s="19"/>
    </row>
    <row r="9104" spans="1:27" s="1" customFormat="1" ht="14.1" customHeight="1" outlineLevel="1" x14ac:dyDescent="0.2">
      <c r="A9104" s="17">
        <v>15781</v>
      </c>
      <c r="B9104" s="17"/>
      <c r="C9104" s="17"/>
      <c r="D9104" s="18" t="s">
        <v>4511</v>
      </c>
      <c r="E9104" s="18"/>
      <c r="F9104" s="18"/>
      <c r="G9104" s="18"/>
      <c r="H9104" s="18"/>
      <c r="I9104" s="18"/>
      <c r="J9104" s="18"/>
      <c r="K9104" s="18"/>
      <c r="L9104" s="18"/>
      <c r="M9104" s="18"/>
      <c r="N9104" s="18"/>
      <c r="O9104" s="18"/>
      <c r="P9104" s="19">
        <v>150</v>
      </c>
      <c r="Q9104" s="19"/>
      <c r="R9104" s="19"/>
      <c r="S9104" s="19"/>
      <c r="T9104" s="19">
        <v>90</v>
      </c>
      <c r="U9104" s="19"/>
      <c r="V9104" s="19"/>
      <c r="W9104" s="19"/>
      <c r="X9104" s="19">
        <v>2</v>
      </c>
      <c r="Y9104" s="19"/>
      <c r="Z9104" s="19"/>
      <c r="AA9104" s="19"/>
    </row>
    <row r="9105" spans="1:27" s="1" customFormat="1" ht="14.1" customHeight="1" outlineLevel="1" x14ac:dyDescent="0.2">
      <c r="A9105" s="17"/>
      <c r="B9105" s="17"/>
      <c r="C9105" s="17"/>
      <c r="D9105" s="18"/>
      <c r="E9105" s="18"/>
      <c r="F9105" s="18"/>
      <c r="G9105" s="18"/>
      <c r="H9105" s="18"/>
      <c r="I9105" s="18"/>
      <c r="J9105" s="18"/>
      <c r="K9105" s="18"/>
      <c r="L9105" s="18"/>
      <c r="M9105" s="18"/>
      <c r="N9105" s="18"/>
      <c r="O9105" s="18"/>
      <c r="P9105" s="19"/>
      <c r="Q9105" s="19"/>
      <c r="R9105" s="19"/>
      <c r="S9105" s="19"/>
      <c r="T9105" s="19"/>
      <c r="U9105" s="19"/>
      <c r="V9105" s="19"/>
      <c r="W9105" s="19"/>
      <c r="X9105" s="19"/>
      <c r="Y9105" s="19"/>
      <c r="Z9105" s="19"/>
      <c r="AA9105" s="19"/>
    </row>
    <row r="9106" spans="1:27" s="1" customFormat="1" ht="14.1" customHeight="1" outlineLevel="1" x14ac:dyDescent="0.2">
      <c r="A9106" s="17">
        <v>17456</v>
      </c>
      <c r="B9106" s="17"/>
      <c r="C9106" s="17"/>
      <c r="D9106" s="18" t="s">
        <v>4512</v>
      </c>
      <c r="E9106" s="18"/>
      <c r="F9106" s="18"/>
      <c r="G9106" s="18"/>
      <c r="H9106" s="18"/>
      <c r="I9106" s="18"/>
      <c r="J9106" s="18"/>
      <c r="K9106" s="18"/>
      <c r="L9106" s="18"/>
      <c r="M9106" s="18"/>
      <c r="N9106" s="18"/>
      <c r="O9106" s="18"/>
      <c r="P9106" s="19">
        <v>150</v>
      </c>
      <c r="Q9106" s="19"/>
      <c r="R9106" s="19"/>
      <c r="S9106" s="19"/>
      <c r="T9106" s="19">
        <v>100</v>
      </c>
      <c r="U9106" s="19"/>
      <c r="V9106" s="19"/>
      <c r="W9106" s="19"/>
      <c r="X9106" s="19">
        <v>2</v>
      </c>
      <c r="Y9106" s="19"/>
      <c r="Z9106" s="19"/>
      <c r="AA9106" s="19"/>
    </row>
    <row r="9107" spans="1:27" s="1" customFormat="1" ht="14.1" customHeight="1" outlineLevel="1" x14ac:dyDescent="0.2">
      <c r="A9107" s="17"/>
      <c r="B9107" s="17"/>
      <c r="C9107" s="17"/>
      <c r="D9107" s="18"/>
      <c r="E9107" s="18"/>
      <c r="F9107" s="18"/>
      <c r="G9107" s="18"/>
      <c r="H9107" s="18"/>
      <c r="I9107" s="18"/>
      <c r="J9107" s="18"/>
      <c r="K9107" s="18"/>
      <c r="L9107" s="18"/>
      <c r="M9107" s="18"/>
      <c r="N9107" s="18"/>
      <c r="O9107" s="18"/>
      <c r="P9107" s="19"/>
      <c r="Q9107" s="19"/>
      <c r="R9107" s="19"/>
      <c r="S9107" s="19"/>
      <c r="T9107" s="19"/>
      <c r="U9107" s="19"/>
      <c r="V9107" s="19"/>
      <c r="W9107" s="19"/>
      <c r="X9107" s="19"/>
      <c r="Y9107" s="19"/>
      <c r="Z9107" s="19"/>
      <c r="AA9107" s="19"/>
    </row>
    <row r="9108" spans="1:27" s="1" customFormat="1" ht="14.1" customHeight="1" outlineLevel="1" x14ac:dyDescent="0.2">
      <c r="A9108" s="17">
        <v>16771</v>
      </c>
      <c r="B9108" s="17"/>
      <c r="C9108" s="17"/>
      <c r="D9108" s="18" t="s">
        <v>4513</v>
      </c>
      <c r="E9108" s="18"/>
      <c r="F9108" s="18"/>
      <c r="G9108" s="18"/>
      <c r="H9108" s="18"/>
      <c r="I9108" s="18"/>
      <c r="J9108" s="18"/>
      <c r="K9108" s="18"/>
      <c r="L9108" s="18"/>
      <c r="M9108" s="18"/>
      <c r="N9108" s="18"/>
      <c r="O9108" s="18"/>
      <c r="P9108" s="19">
        <v>290</v>
      </c>
      <c r="Q9108" s="19"/>
      <c r="R9108" s="19"/>
      <c r="S9108" s="19"/>
      <c r="T9108" s="19">
        <v>200</v>
      </c>
      <c r="U9108" s="19"/>
      <c r="V9108" s="19"/>
      <c r="W9108" s="19"/>
      <c r="X9108" s="19">
        <v>2</v>
      </c>
      <c r="Y9108" s="19"/>
      <c r="Z9108" s="19"/>
      <c r="AA9108" s="19"/>
    </row>
    <row r="9109" spans="1:27" s="1" customFormat="1" ht="14.1" customHeight="1" outlineLevel="1" x14ac:dyDescent="0.2">
      <c r="A9109" s="17"/>
      <c r="B9109" s="17"/>
      <c r="C9109" s="17"/>
      <c r="D9109" s="18"/>
      <c r="E9109" s="18"/>
      <c r="F9109" s="18"/>
      <c r="G9109" s="18"/>
      <c r="H9109" s="18"/>
      <c r="I9109" s="18"/>
      <c r="J9109" s="18"/>
      <c r="K9109" s="18"/>
      <c r="L9109" s="18"/>
      <c r="M9109" s="18"/>
      <c r="N9109" s="18"/>
      <c r="O9109" s="18"/>
      <c r="P9109" s="19"/>
      <c r="Q9109" s="19"/>
      <c r="R9109" s="19"/>
      <c r="S9109" s="19"/>
      <c r="T9109" s="19"/>
      <c r="U9109" s="19"/>
      <c r="V9109" s="19"/>
      <c r="W9109" s="19"/>
      <c r="X9109" s="19"/>
      <c r="Y9109" s="19"/>
      <c r="Z9109" s="19"/>
      <c r="AA9109" s="19"/>
    </row>
    <row r="9110" spans="1:27" s="1" customFormat="1" ht="14.1" customHeight="1" outlineLevel="1" x14ac:dyDescent="0.2">
      <c r="A9110" s="17">
        <v>13502</v>
      </c>
      <c r="B9110" s="17"/>
      <c r="C9110" s="17"/>
      <c r="D9110" s="18" t="s">
        <v>4514</v>
      </c>
      <c r="E9110" s="18"/>
      <c r="F9110" s="18"/>
      <c r="G9110" s="18"/>
      <c r="H9110" s="18"/>
      <c r="I9110" s="18"/>
      <c r="J9110" s="18"/>
      <c r="K9110" s="18"/>
      <c r="L9110" s="18"/>
      <c r="M9110" s="18"/>
      <c r="N9110" s="18"/>
      <c r="O9110" s="18"/>
      <c r="P9110" s="19">
        <v>130</v>
      </c>
      <c r="Q9110" s="19"/>
      <c r="R9110" s="19"/>
      <c r="S9110" s="19"/>
      <c r="T9110" s="19">
        <v>100</v>
      </c>
      <c r="U9110" s="19"/>
      <c r="V9110" s="19"/>
      <c r="W9110" s="19"/>
      <c r="X9110" s="19">
        <v>6</v>
      </c>
      <c r="Y9110" s="19"/>
      <c r="Z9110" s="19"/>
      <c r="AA9110" s="19"/>
    </row>
    <row r="9111" spans="1:27" s="1" customFormat="1" ht="14.1" customHeight="1" outlineLevel="1" x14ac:dyDescent="0.2">
      <c r="A9111" s="17"/>
      <c r="B9111" s="17"/>
      <c r="C9111" s="17"/>
      <c r="D9111" s="18"/>
      <c r="E9111" s="18"/>
      <c r="F9111" s="18"/>
      <c r="G9111" s="18"/>
      <c r="H9111" s="18"/>
      <c r="I9111" s="18"/>
      <c r="J9111" s="18"/>
      <c r="K9111" s="18"/>
      <c r="L9111" s="18"/>
      <c r="M9111" s="18"/>
      <c r="N9111" s="18"/>
      <c r="O9111" s="18"/>
      <c r="P9111" s="19"/>
      <c r="Q9111" s="19"/>
      <c r="R9111" s="19"/>
      <c r="S9111" s="19"/>
      <c r="T9111" s="19"/>
      <c r="U9111" s="19"/>
      <c r="V9111" s="19"/>
      <c r="W9111" s="19"/>
      <c r="X9111" s="19"/>
      <c r="Y9111" s="19"/>
      <c r="Z9111" s="19"/>
      <c r="AA9111" s="19"/>
    </row>
    <row r="9112" spans="1:27" s="1" customFormat="1" ht="11.1" customHeight="1" outlineLevel="1" x14ac:dyDescent="0.2">
      <c r="A9112" s="17">
        <v>12905</v>
      </c>
      <c r="B9112" s="17"/>
      <c r="C9112" s="17"/>
      <c r="D9112" s="18" t="s">
        <v>4515</v>
      </c>
      <c r="E9112" s="18"/>
      <c r="F9112" s="18"/>
      <c r="G9112" s="18"/>
      <c r="H9112" s="18"/>
      <c r="I9112" s="18"/>
      <c r="J9112" s="18"/>
      <c r="K9112" s="18"/>
      <c r="L9112" s="18"/>
      <c r="M9112" s="18"/>
      <c r="N9112" s="18"/>
      <c r="O9112" s="18"/>
      <c r="P9112" s="19">
        <v>100</v>
      </c>
      <c r="Q9112" s="19"/>
      <c r="R9112" s="19"/>
      <c r="S9112" s="19"/>
      <c r="T9112" s="19">
        <v>70</v>
      </c>
      <c r="U9112" s="19"/>
      <c r="V9112" s="19"/>
      <c r="W9112" s="19"/>
      <c r="X9112" s="19">
        <v>1</v>
      </c>
      <c r="Y9112" s="19"/>
      <c r="Z9112" s="19"/>
      <c r="AA9112" s="19"/>
    </row>
    <row r="9113" spans="1:27" s="1" customFormat="1" ht="11.1" customHeight="1" outlineLevel="1" x14ac:dyDescent="0.2">
      <c r="A9113" s="17"/>
      <c r="B9113" s="17"/>
      <c r="C9113" s="17"/>
      <c r="D9113" s="18"/>
      <c r="E9113" s="18"/>
      <c r="F9113" s="18"/>
      <c r="G9113" s="18"/>
      <c r="H9113" s="18"/>
      <c r="I9113" s="18"/>
      <c r="J9113" s="18"/>
      <c r="K9113" s="18"/>
      <c r="L9113" s="18"/>
      <c r="M9113" s="18"/>
      <c r="N9113" s="18"/>
      <c r="O9113" s="18"/>
      <c r="P9113" s="19"/>
      <c r="Q9113" s="19"/>
      <c r="R9113" s="19"/>
      <c r="S9113" s="19"/>
      <c r="T9113" s="19"/>
      <c r="U9113" s="19"/>
      <c r="V9113" s="19"/>
      <c r="W9113" s="19"/>
      <c r="X9113" s="19"/>
      <c r="Y9113" s="19"/>
      <c r="Z9113" s="19"/>
      <c r="AA9113" s="19"/>
    </row>
    <row r="9114" spans="1:27" s="1" customFormat="1" ht="14.1" customHeight="1" outlineLevel="1" x14ac:dyDescent="0.2">
      <c r="A9114" s="17">
        <v>17914</v>
      </c>
      <c r="B9114" s="17"/>
      <c r="C9114" s="17"/>
      <c r="D9114" s="18" t="s">
        <v>4516</v>
      </c>
      <c r="E9114" s="18"/>
      <c r="F9114" s="18"/>
      <c r="G9114" s="18"/>
      <c r="H9114" s="18"/>
      <c r="I9114" s="18"/>
      <c r="J9114" s="18"/>
      <c r="K9114" s="18"/>
      <c r="L9114" s="18"/>
      <c r="M9114" s="18"/>
      <c r="N9114" s="18"/>
      <c r="O9114" s="18"/>
      <c r="P9114" s="20">
        <v>1800</v>
      </c>
      <c r="Q9114" s="20"/>
      <c r="R9114" s="20"/>
      <c r="S9114" s="20"/>
      <c r="T9114" s="20">
        <v>1500</v>
      </c>
      <c r="U9114" s="20"/>
      <c r="V9114" s="20"/>
      <c r="W9114" s="20"/>
      <c r="X9114" s="19">
        <v>1</v>
      </c>
      <c r="Y9114" s="19"/>
      <c r="Z9114" s="19"/>
      <c r="AA9114" s="19"/>
    </row>
    <row r="9115" spans="1:27" s="1" customFormat="1" ht="14.1" customHeight="1" outlineLevel="1" x14ac:dyDescent="0.2">
      <c r="A9115" s="17"/>
      <c r="B9115" s="17"/>
      <c r="C9115" s="17"/>
      <c r="D9115" s="18"/>
      <c r="E9115" s="18"/>
      <c r="F9115" s="18"/>
      <c r="G9115" s="18"/>
      <c r="H9115" s="18"/>
      <c r="I9115" s="18"/>
      <c r="J9115" s="18"/>
      <c r="K9115" s="18"/>
      <c r="L9115" s="18"/>
      <c r="M9115" s="18"/>
      <c r="N9115" s="18"/>
      <c r="O9115" s="18"/>
      <c r="P9115" s="20"/>
      <c r="Q9115" s="20"/>
      <c r="R9115" s="20"/>
      <c r="S9115" s="20"/>
      <c r="T9115" s="20"/>
      <c r="U9115" s="20"/>
      <c r="V9115" s="20"/>
      <c r="W9115" s="20"/>
      <c r="X9115" s="19"/>
      <c r="Y9115" s="19"/>
      <c r="Z9115" s="19"/>
      <c r="AA9115" s="19"/>
    </row>
    <row r="9116" spans="1:27" s="1" customFormat="1" ht="14.1" customHeight="1" outlineLevel="1" x14ac:dyDescent="0.2">
      <c r="A9116" s="17">
        <v>15514</v>
      </c>
      <c r="B9116" s="17"/>
      <c r="C9116" s="17"/>
      <c r="D9116" s="18" t="s">
        <v>4517</v>
      </c>
      <c r="E9116" s="18"/>
      <c r="F9116" s="18"/>
      <c r="G9116" s="18"/>
      <c r="H9116" s="18"/>
      <c r="I9116" s="18"/>
      <c r="J9116" s="18"/>
      <c r="K9116" s="18"/>
      <c r="L9116" s="18"/>
      <c r="M9116" s="18"/>
      <c r="N9116" s="18"/>
      <c r="O9116" s="18"/>
      <c r="P9116" s="20">
        <v>1500</v>
      </c>
      <c r="Q9116" s="20"/>
      <c r="R9116" s="20"/>
      <c r="S9116" s="20"/>
      <c r="T9116" s="20">
        <v>1000</v>
      </c>
      <c r="U9116" s="20"/>
      <c r="V9116" s="20"/>
      <c r="W9116" s="20"/>
      <c r="X9116" s="19">
        <v>2</v>
      </c>
      <c r="Y9116" s="19"/>
      <c r="Z9116" s="19"/>
      <c r="AA9116" s="19"/>
    </row>
    <row r="9117" spans="1:27" s="1" customFormat="1" ht="14.1" customHeight="1" outlineLevel="1" x14ac:dyDescent="0.2">
      <c r="A9117" s="17"/>
      <c r="B9117" s="17"/>
      <c r="C9117" s="17"/>
      <c r="D9117" s="18"/>
      <c r="E9117" s="18"/>
      <c r="F9117" s="18"/>
      <c r="G9117" s="18"/>
      <c r="H9117" s="18"/>
      <c r="I9117" s="18"/>
      <c r="J9117" s="18"/>
      <c r="K9117" s="18"/>
      <c r="L9117" s="18"/>
      <c r="M9117" s="18"/>
      <c r="N9117" s="18"/>
      <c r="O9117" s="18"/>
      <c r="P9117" s="20"/>
      <c r="Q9117" s="20"/>
      <c r="R9117" s="20"/>
      <c r="S9117" s="20"/>
      <c r="T9117" s="20"/>
      <c r="U9117" s="20"/>
      <c r="V9117" s="20"/>
      <c r="W9117" s="20"/>
      <c r="X9117" s="19"/>
      <c r="Y9117" s="19"/>
      <c r="Z9117" s="19"/>
      <c r="AA9117" s="19"/>
    </row>
    <row r="9118" spans="1:27" s="1" customFormat="1" ht="14.1" customHeight="1" outlineLevel="1" x14ac:dyDescent="0.2">
      <c r="A9118" s="17">
        <v>15694</v>
      </c>
      <c r="B9118" s="17"/>
      <c r="C9118" s="17"/>
      <c r="D9118" s="18" t="s">
        <v>4518</v>
      </c>
      <c r="E9118" s="18"/>
      <c r="F9118" s="18"/>
      <c r="G9118" s="18"/>
      <c r="H9118" s="18"/>
      <c r="I9118" s="18"/>
      <c r="J9118" s="18"/>
      <c r="K9118" s="18"/>
      <c r="L9118" s="18"/>
      <c r="M9118" s="18"/>
      <c r="N9118" s="18"/>
      <c r="O9118" s="18"/>
      <c r="P9118" s="20">
        <v>1600</v>
      </c>
      <c r="Q9118" s="20"/>
      <c r="R9118" s="20"/>
      <c r="S9118" s="20"/>
      <c r="T9118" s="20">
        <v>1500</v>
      </c>
      <c r="U9118" s="20"/>
      <c r="V9118" s="20"/>
      <c r="W9118" s="20"/>
      <c r="X9118" s="19">
        <v>1</v>
      </c>
      <c r="Y9118" s="19"/>
      <c r="Z9118" s="19"/>
      <c r="AA9118" s="19"/>
    </row>
    <row r="9119" spans="1:27" s="1" customFormat="1" ht="14.1" customHeight="1" outlineLevel="1" x14ac:dyDescent="0.2">
      <c r="A9119" s="17"/>
      <c r="B9119" s="17"/>
      <c r="C9119" s="17"/>
      <c r="D9119" s="18"/>
      <c r="E9119" s="18"/>
      <c r="F9119" s="18"/>
      <c r="G9119" s="18"/>
      <c r="H9119" s="18"/>
      <c r="I9119" s="18"/>
      <c r="J9119" s="18"/>
      <c r="K9119" s="18"/>
      <c r="L9119" s="18"/>
      <c r="M9119" s="18"/>
      <c r="N9119" s="18"/>
      <c r="O9119" s="18"/>
      <c r="P9119" s="20"/>
      <c r="Q9119" s="20"/>
      <c r="R9119" s="20"/>
      <c r="S9119" s="20"/>
      <c r="T9119" s="20"/>
      <c r="U9119" s="20"/>
      <c r="V9119" s="20"/>
      <c r="W9119" s="20"/>
      <c r="X9119" s="19"/>
      <c r="Y9119" s="19"/>
      <c r="Z9119" s="19"/>
      <c r="AA9119" s="19"/>
    </row>
    <row r="9120" spans="1:27" s="1" customFormat="1" ht="14.1" customHeight="1" outlineLevel="1" x14ac:dyDescent="0.2">
      <c r="A9120" s="17">
        <v>16983</v>
      </c>
      <c r="B9120" s="17"/>
      <c r="C9120" s="17"/>
      <c r="D9120" s="18" t="s">
        <v>4519</v>
      </c>
      <c r="E9120" s="18"/>
      <c r="F9120" s="18"/>
      <c r="G9120" s="18"/>
      <c r="H9120" s="18"/>
      <c r="I9120" s="18"/>
      <c r="J9120" s="18"/>
      <c r="K9120" s="18"/>
      <c r="L9120" s="18"/>
      <c r="M9120" s="18"/>
      <c r="N9120" s="18"/>
      <c r="O9120" s="18"/>
      <c r="P9120" s="20">
        <v>4500</v>
      </c>
      <c r="Q9120" s="20"/>
      <c r="R9120" s="20"/>
      <c r="S9120" s="20"/>
      <c r="T9120" s="20">
        <v>4000</v>
      </c>
      <c r="U9120" s="20"/>
      <c r="V9120" s="20"/>
      <c r="W9120" s="20"/>
      <c r="X9120" s="19">
        <v>2</v>
      </c>
      <c r="Y9120" s="19"/>
      <c r="Z9120" s="19"/>
      <c r="AA9120" s="19"/>
    </row>
    <row r="9121" spans="1:27" s="1" customFormat="1" ht="14.1" customHeight="1" outlineLevel="1" x14ac:dyDescent="0.2">
      <c r="A9121" s="17"/>
      <c r="B9121" s="17"/>
      <c r="C9121" s="17"/>
      <c r="D9121" s="18"/>
      <c r="E9121" s="18"/>
      <c r="F9121" s="18"/>
      <c r="G9121" s="18"/>
      <c r="H9121" s="18"/>
      <c r="I9121" s="18"/>
      <c r="J9121" s="18"/>
      <c r="K9121" s="18"/>
      <c r="L9121" s="18"/>
      <c r="M9121" s="18"/>
      <c r="N9121" s="18"/>
      <c r="O9121" s="18"/>
      <c r="P9121" s="20"/>
      <c r="Q9121" s="20"/>
      <c r="R9121" s="20"/>
      <c r="S9121" s="20"/>
      <c r="T9121" s="20"/>
      <c r="U9121" s="20"/>
      <c r="V9121" s="20"/>
      <c r="W9121" s="20"/>
      <c r="X9121" s="19"/>
      <c r="Y9121" s="19"/>
      <c r="Z9121" s="19"/>
      <c r="AA9121" s="19"/>
    </row>
    <row r="9122" spans="1:27" s="1" customFormat="1" ht="14.1" customHeight="1" outlineLevel="1" x14ac:dyDescent="0.2">
      <c r="A9122" s="17">
        <v>15536</v>
      </c>
      <c r="B9122" s="17"/>
      <c r="C9122" s="17"/>
      <c r="D9122" s="18" t="s">
        <v>4520</v>
      </c>
      <c r="E9122" s="18"/>
      <c r="F9122" s="18"/>
      <c r="G9122" s="18"/>
      <c r="H9122" s="18"/>
      <c r="I9122" s="18"/>
      <c r="J9122" s="18"/>
      <c r="K9122" s="18"/>
      <c r="L9122" s="18"/>
      <c r="M9122" s="18"/>
      <c r="N9122" s="18"/>
      <c r="O9122" s="18"/>
      <c r="P9122" s="20">
        <v>2200</v>
      </c>
      <c r="Q9122" s="20"/>
      <c r="R9122" s="20"/>
      <c r="S9122" s="20"/>
      <c r="T9122" s="20">
        <v>2000</v>
      </c>
      <c r="U9122" s="20"/>
      <c r="V9122" s="20"/>
      <c r="W9122" s="20"/>
      <c r="X9122" s="19">
        <v>2</v>
      </c>
      <c r="Y9122" s="19"/>
      <c r="Z9122" s="19"/>
      <c r="AA9122" s="19"/>
    </row>
    <row r="9123" spans="1:27" s="1" customFormat="1" ht="14.1" customHeight="1" outlineLevel="1" x14ac:dyDescent="0.2">
      <c r="A9123" s="17"/>
      <c r="B9123" s="17"/>
      <c r="C9123" s="17"/>
      <c r="D9123" s="18"/>
      <c r="E9123" s="18"/>
      <c r="F9123" s="18"/>
      <c r="G9123" s="18"/>
      <c r="H9123" s="18"/>
      <c r="I9123" s="18"/>
      <c r="J9123" s="18"/>
      <c r="K9123" s="18"/>
      <c r="L9123" s="18"/>
      <c r="M9123" s="18"/>
      <c r="N9123" s="18"/>
      <c r="O9123" s="18"/>
      <c r="P9123" s="20"/>
      <c r="Q9123" s="20"/>
      <c r="R9123" s="20"/>
      <c r="S9123" s="20"/>
      <c r="T9123" s="20"/>
      <c r="U9123" s="20"/>
      <c r="V9123" s="20"/>
      <c r="W9123" s="20"/>
      <c r="X9123" s="19"/>
      <c r="Y9123" s="19"/>
      <c r="Z9123" s="19"/>
      <c r="AA9123" s="19"/>
    </row>
    <row r="9124" spans="1:27" s="1" customFormat="1" ht="14.1" customHeight="1" outlineLevel="1" x14ac:dyDescent="0.2">
      <c r="A9124" s="17">
        <v>17886</v>
      </c>
      <c r="B9124" s="17"/>
      <c r="C9124" s="17"/>
      <c r="D9124" s="18" t="s">
        <v>4521</v>
      </c>
      <c r="E9124" s="18"/>
      <c r="F9124" s="18"/>
      <c r="G9124" s="18"/>
      <c r="H9124" s="18"/>
      <c r="I9124" s="18"/>
      <c r="J9124" s="18"/>
      <c r="K9124" s="18"/>
      <c r="L9124" s="18"/>
      <c r="M9124" s="18"/>
      <c r="N9124" s="18"/>
      <c r="O9124" s="18"/>
      <c r="P9124" s="20">
        <v>1400</v>
      </c>
      <c r="Q9124" s="20"/>
      <c r="R9124" s="20"/>
      <c r="S9124" s="20"/>
      <c r="T9124" s="20">
        <v>1200</v>
      </c>
      <c r="U9124" s="20"/>
      <c r="V9124" s="20"/>
      <c r="W9124" s="20"/>
      <c r="X9124" s="19">
        <v>1</v>
      </c>
      <c r="Y9124" s="19"/>
      <c r="Z9124" s="19"/>
      <c r="AA9124" s="19"/>
    </row>
    <row r="9125" spans="1:27" s="1" customFormat="1" ht="14.1" customHeight="1" outlineLevel="1" x14ac:dyDescent="0.2">
      <c r="A9125" s="17"/>
      <c r="B9125" s="17"/>
      <c r="C9125" s="17"/>
      <c r="D9125" s="18"/>
      <c r="E9125" s="18"/>
      <c r="F9125" s="18"/>
      <c r="G9125" s="18"/>
      <c r="H9125" s="18"/>
      <c r="I9125" s="18"/>
      <c r="J9125" s="18"/>
      <c r="K9125" s="18"/>
      <c r="L9125" s="18"/>
      <c r="M9125" s="18"/>
      <c r="N9125" s="18"/>
      <c r="O9125" s="18"/>
      <c r="P9125" s="20"/>
      <c r="Q9125" s="20"/>
      <c r="R9125" s="20"/>
      <c r="S9125" s="20"/>
      <c r="T9125" s="20"/>
      <c r="U9125" s="20"/>
      <c r="V9125" s="20"/>
      <c r="W9125" s="20"/>
      <c r="X9125" s="19"/>
      <c r="Y9125" s="19"/>
      <c r="Z9125" s="19"/>
      <c r="AA9125" s="19"/>
    </row>
    <row r="9126" spans="1:27" s="1" customFormat="1" ht="14.1" customHeight="1" outlineLevel="1" x14ac:dyDescent="0.2">
      <c r="A9126" s="17">
        <v>17954</v>
      </c>
      <c r="B9126" s="17"/>
      <c r="C9126" s="17"/>
      <c r="D9126" s="18" t="s">
        <v>4522</v>
      </c>
      <c r="E9126" s="18"/>
      <c r="F9126" s="18"/>
      <c r="G9126" s="18"/>
      <c r="H9126" s="18"/>
      <c r="I9126" s="18"/>
      <c r="J9126" s="18"/>
      <c r="K9126" s="18"/>
      <c r="L9126" s="18"/>
      <c r="M9126" s="18"/>
      <c r="N9126" s="18"/>
      <c r="O9126" s="18"/>
      <c r="P9126" s="20">
        <v>1200</v>
      </c>
      <c r="Q9126" s="20"/>
      <c r="R9126" s="20"/>
      <c r="S9126" s="20"/>
      <c r="T9126" s="20">
        <v>1000</v>
      </c>
      <c r="U9126" s="20"/>
      <c r="V9126" s="20"/>
      <c r="W9126" s="20"/>
      <c r="X9126" s="19">
        <v>1</v>
      </c>
      <c r="Y9126" s="19"/>
      <c r="Z9126" s="19"/>
      <c r="AA9126" s="19"/>
    </row>
    <row r="9127" spans="1:27" s="1" customFormat="1" ht="14.1" customHeight="1" outlineLevel="1" x14ac:dyDescent="0.2">
      <c r="A9127" s="17"/>
      <c r="B9127" s="17"/>
      <c r="C9127" s="17"/>
      <c r="D9127" s="18"/>
      <c r="E9127" s="18"/>
      <c r="F9127" s="18"/>
      <c r="G9127" s="18"/>
      <c r="H9127" s="18"/>
      <c r="I9127" s="18"/>
      <c r="J9127" s="18"/>
      <c r="K9127" s="18"/>
      <c r="L9127" s="18"/>
      <c r="M9127" s="18"/>
      <c r="N9127" s="18"/>
      <c r="O9127" s="18"/>
      <c r="P9127" s="20"/>
      <c r="Q9127" s="20"/>
      <c r="R9127" s="20"/>
      <c r="S9127" s="20"/>
      <c r="T9127" s="20"/>
      <c r="U9127" s="20"/>
      <c r="V9127" s="20"/>
      <c r="W9127" s="20"/>
      <c r="X9127" s="19"/>
      <c r="Y9127" s="19"/>
      <c r="Z9127" s="19"/>
      <c r="AA9127" s="19"/>
    </row>
    <row r="9128" spans="1:27" s="1" customFormat="1" ht="14.1" customHeight="1" outlineLevel="1" x14ac:dyDescent="0.2">
      <c r="A9128" s="17">
        <v>17854</v>
      </c>
      <c r="B9128" s="17"/>
      <c r="C9128" s="17"/>
      <c r="D9128" s="18" t="s">
        <v>4523</v>
      </c>
      <c r="E9128" s="18"/>
      <c r="F9128" s="18"/>
      <c r="G9128" s="18"/>
      <c r="H9128" s="18"/>
      <c r="I9128" s="18"/>
      <c r="J9128" s="18"/>
      <c r="K9128" s="18"/>
      <c r="L9128" s="18"/>
      <c r="M9128" s="18"/>
      <c r="N9128" s="18"/>
      <c r="O9128" s="18"/>
      <c r="P9128" s="20">
        <v>1700</v>
      </c>
      <c r="Q9128" s="20"/>
      <c r="R9128" s="20"/>
      <c r="S9128" s="20"/>
      <c r="T9128" s="20">
        <v>1500</v>
      </c>
      <c r="U9128" s="20"/>
      <c r="V9128" s="20"/>
      <c r="W9128" s="20"/>
      <c r="X9128" s="19">
        <v>3</v>
      </c>
      <c r="Y9128" s="19"/>
      <c r="Z9128" s="19"/>
      <c r="AA9128" s="19"/>
    </row>
    <row r="9129" spans="1:27" s="1" customFormat="1" ht="14.1" customHeight="1" outlineLevel="1" x14ac:dyDescent="0.2">
      <c r="A9129" s="17"/>
      <c r="B9129" s="17"/>
      <c r="C9129" s="17"/>
      <c r="D9129" s="18"/>
      <c r="E9129" s="18"/>
      <c r="F9129" s="18"/>
      <c r="G9129" s="18"/>
      <c r="H9129" s="18"/>
      <c r="I9129" s="18"/>
      <c r="J9129" s="18"/>
      <c r="K9129" s="18"/>
      <c r="L9129" s="18"/>
      <c r="M9129" s="18"/>
      <c r="N9129" s="18"/>
      <c r="O9129" s="18"/>
      <c r="P9129" s="20"/>
      <c r="Q9129" s="20"/>
      <c r="R9129" s="20"/>
      <c r="S9129" s="20"/>
      <c r="T9129" s="20"/>
      <c r="U9129" s="20"/>
      <c r="V9129" s="20"/>
      <c r="W9129" s="20"/>
      <c r="X9129" s="19"/>
      <c r="Y9129" s="19"/>
      <c r="Z9129" s="19"/>
      <c r="AA9129" s="19"/>
    </row>
    <row r="9130" spans="1:27" s="1" customFormat="1" ht="14.1" customHeight="1" outlineLevel="1" x14ac:dyDescent="0.2">
      <c r="A9130" s="17">
        <v>18185</v>
      </c>
      <c r="B9130" s="17"/>
      <c r="C9130" s="17"/>
      <c r="D9130" s="18" t="s">
        <v>4524</v>
      </c>
      <c r="E9130" s="18"/>
      <c r="F9130" s="18"/>
      <c r="G9130" s="18"/>
      <c r="H9130" s="18"/>
      <c r="I9130" s="18"/>
      <c r="J9130" s="18"/>
      <c r="K9130" s="18"/>
      <c r="L9130" s="18"/>
      <c r="M9130" s="18"/>
      <c r="N9130" s="18"/>
      <c r="O9130" s="18"/>
      <c r="P9130" s="20">
        <v>1100</v>
      </c>
      <c r="Q9130" s="20"/>
      <c r="R9130" s="20"/>
      <c r="S9130" s="20"/>
      <c r="T9130" s="20">
        <v>1000</v>
      </c>
      <c r="U9130" s="20"/>
      <c r="V9130" s="20"/>
      <c r="W9130" s="20"/>
      <c r="X9130" s="19">
        <v>1</v>
      </c>
      <c r="Y9130" s="19"/>
      <c r="Z9130" s="19"/>
      <c r="AA9130" s="19"/>
    </row>
    <row r="9131" spans="1:27" s="1" customFormat="1" ht="14.1" customHeight="1" outlineLevel="1" x14ac:dyDescent="0.2">
      <c r="A9131" s="17"/>
      <c r="B9131" s="17"/>
      <c r="C9131" s="17"/>
      <c r="D9131" s="18"/>
      <c r="E9131" s="18"/>
      <c r="F9131" s="18"/>
      <c r="G9131" s="18"/>
      <c r="H9131" s="18"/>
      <c r="I9131" s="18"/>
      <c r="J9131" s="18"/>
      <c r="K9131" s="18"/>
      <c r="L9131" s="18"/>
      <c r="M9131" s="18"/>
      <c r="N9131" s="18"/>
      <c r="O9131" s="18"/>
      <c r="P9131" s="20"/>
      <c r="Q9131" s="20"/>
      <c r="R9131" s="20"/>
      <c r="S9131" s="20"/>
      <c r="T9131" s="20"/>
      <c r="U9131" s="20"/>
      <c r="V9131" s="20"/>
      <c r="W9131" s="20"/>
      <c r="X9131" s="19"/>
      <c r="Y9131" s="19"/>
      <c r="Z9131" s="19"/>
      <c r="AA9131" s="19"/>
    </row>
    <row r="9132" spans="1:27" s="1" customFormat="1" ht="14.1" customHeight="1" outlineLevel="1" x14ac:dyDescent="0.2">
      <c r="A9132" s="17">
        <v>18198</v>
      </c>
      <c r="B9132" s="17"/>
      <c r="C9132" s="17"/>
      <c r="D9132" s="18" t="s">
        <v>4525</v>
      </c>
      <c r="E9132" s="18"/>
      <c r="F9132" s="18"/>
      <c r="G9132" s="18"/>
      <c r="H9132" s="18"/>
      <c r="I9132" s="18"/>
      <c r="J9132" s="18"/>
      <c r="K9132" s="18"/>
      <c r="L9132" s="18"/>
      <c r="M9132" s="18"/>
      <c r="N9132" s="18"/>
      <c r="O9132" s="18"/>
      <c r="P9132" s="19">
        <v>600</v>
      </c>
      <c r="Q9132" s="19"/>
      <c r="R9132" s="19"/>
      <c r="S9132" s="19"/>
      <c r="T9132" s="19">
        <v>500</v>
      </c>
      <c r="U9132" s="19"/>
      <c r="V9132" s="19"/>
      <c r="W9132" s="19"/>
      <c r="X9132" s="19">
        <v>1</v>
      </c>
      <c r="Y9132" s="19"/>
      <c r="Z9132" s="19"/>
      <c r="AA9132" s="19"/>
    </row>
    <row r="9133" spans="1:27" s="1" customFormat="1" ht="14.1" customHeight="1" outlineLevel="1" x14ac:dyDescent="0.2">
      <c r="A9133" s="17"/>
      <c r="B9133" s="17"/>
      <c r="C9133" s="17"/>
      <c r="D9133" s="18"/>
      <c r="E9133" s="18"/>
      <c r="F9133" s="18"/>
      <c r="G9133" s="18"/>
      <c r="H9133" s="18"/>
      <c r="I9133" s="18"/>
      <c r="J9133" s="18"/>
      <c r="K9133" s="18"/>
      <c r="L9133" s="18"/>
      <c r="M9133" s="18"/>
      <c r="N9133" s="18"/>
      <c r="O9133" s="18"/>
      <c r="P9133" s="19"/>
      <c r="Q9133" s="19"/>
      <c r="R9133" s="19"/>
      <c r="S9133" s="19"/>
      <c r="T9133" s="19"/>
      <c r="U9133" s="19"/>
      <c r="V9133" s="19"/>
      <c r="W9133" s="19"/>
      <c r="X9133" s="19"/>
      <c r="Y9133" s="19"/>
      <c r="Z9133" s="19"/>
      <c r="AA9133" s="19"/>
    </row>
    <row r="9134" spans="1:27" s="1" customFormat="1" ht="14.1" customHeight="1" outlineLevel="1" x14ac:dyDescent="0.2">
      <c r="A9134" s="17">
        <v>17931</v>
      </c>
      <c r="B9134" s="17"/>
      <c r="C9134" s="17"/>
      <c r="D9134" s="18" t="s">
        <v>4526</v>
      </c>
      <c r="E9134" s="18"/>
      <c r="F9134" s="18"/>
      <c r="G9134" s="18"/>
      <c r="H9134" s="18"/>
      <c r="I9134" s="18"/>
      <c r="J9134" s="18"/>
      <c r="K9134" s="18"/>
      <c r="L9134" s="18"/>
      <c r="M9134" s="18"/>
      <c r="N9134" s="18"/>
      <c r="O9134" s="18"/>
      <c r="P9134" s="20">
        <v>2500</v>
      </c>
      <c r="Q9134" s="20"/>
      <c r="R9134" s="20"/>
      <c r="S9134" s="20"/>
      <c r="T9134" s="20">
        <v>2000</v>
      </c>
      <c r="U9134" s="20"/>
      <c r="V9134" s="20"/>
      <c r="W9134" s="20"/>
      <c r="X9134" s="19">
        <v>1</v>
      </c>
      <c r="Y9134" s="19"/>
      <c r="Z9134" s="19"/>
      <c r="AA9134" s="19"/>
    </row>
    <row r="9135" spans="1:27" s="1" customFormat="1" ht="14.1" customHeight="1" outlineLevel="1" x14ac:dyDescent="0.2">
      <c r="A9135" s="17"/>
      <c r="B9135" s="17"/>
      <c r="C9135" s="17"/>
      <c r="D9135" s="18"/>
      <c r="E9135" s="18"/>
      <c r="F9135" s="18"/>
      <c r="G9135" s="18"/>
      <c r="H9135" s="18"/>
      <c r="I9135" s="18"/>
      <c r="J9135" s="18"/>
      <c r="K9135" s="18"/>
      <c r="L9135" s="18"/>
      <c r="M9135" s="18"/>
      <c r="N9135" s="18"/>
      <c r="O9135" s="18"/>
      <c r="P9135" s="20"/>
      <c r="Q9135" s="20"/>
      <c r="R9135" s="20"/>
      <c r="S9135" s="20"/>
      <c r="T9135" s="20"/>
      <c r="U9135" s="20"/>
      <c r="V9135" s="20"/>
      <c r="W9135" s="20"/>
      <c r="X9135" s="19"/>
      <c r="Y9135" s="19"/>
      <c r="Z9135" s="19"/>
      <c r="AA9135" s="19"/>
    </row>
    <row r="9136" spans="1:27" s="1" customFormat="1" ht="14.1" customHeight="1" outlineLevel="1" x14ac:dyDescent="0.2">
      <c r="A9136" s="17">
        <v>17573</v>
      </c>
      <c r="B9136" s="17"/>
      <c r="C9136" s="17"/>
      <c r="D9136" s="18" t="s">
        <v>4527</v>
      </c>
      <c r="E9136" s="18"/>
      <c r="F9136" s="18"/>
      <c r="G9136" s="18"/>
      <c r="H9136" s="18"/>
      <c r="I9136" s="18"/>
      <c r="J9136" s="18"/>
      <c r="K9136" s="18"/>
      <c r="L9136" s="18"/>
      <c r="M9136" s="18"/>
      <c r="N9136" s="18"/>
      <c r="O9136" s="18"/>
      <c r="P9136" s="20">
        <v>6300</v>
      </c>
      <c r="Q9136" s="20"/>
      <c r="R9136" s="20"/>
      <c r="S9136" s="20"/>
      <c r="T9136" s="20">
        <v>6000</v>
      </c>
      <c r="U9136" s="20"/>
      <c r="V9136" s="20"/>
      <c r="W9136" s="20"/>
      <c r="X9136" s="19">
        <v>1</v>
      </c>
      <c r="Y9136" s="19"/>
      <c r="Z9136" s="19"/>
      <c r="AA9136" s="19"/>
    </row>
    <row r="9137" spans="1:27" s="1" customFormat="1" ht="14.1" customHeight="1" outlineLevel="1" x14ac:dyDescent="0.2">
      <c r="A9137" s="17"/>
      <c r="B9137" s="17"/>
      <c r="C9137" s="17"/>
      <c r="D9137" s="18"/>
      <c r="E9137" s="18"/>
      <c r="F9137" s="18"/>
      <c r="G9137" s="18"/>
      <c r="H9137" s="18"/>
      <c r="I9137" s="18"/>
      <c r="J9137" s="18"/>
      <c r="K9137" s="18"/>
      <c r="L9137" s="18"/>
      <c r="M9137" s="18"/>
      <c r="N9137" s="18"/>
      <c r="O9137" s="18"/>
      <c r="P9137" s="20"/>
      <c r="Q9137" s="20"/>
      <c r="R9137" s="20"/>
      <c r="S9137" s="20"/>
      <c r="T9137" s="20"/>
      <c r="U9137" s="20"/>
      <c r="V9137" s="20"/>
      <c r="W9137" s="20"/>
      <c r="X9137" s="19"/>
      <c r="Y9137" s="19"/>
      <c r="Z9137" s="19"/>
      <c r="AA9137" s="19"/>
    </row>
    <row r="9138" spans="1:27" s="1" customFormat="1" ht="14.1" customHeight="1" outlineLevel="1" x14ac:dyDescent="0.2">
      <c r="A9138" s="17">
        <v>17911</v>
      </c>
      <c r="B9138" s="17"/>
      <c r="C9138" s="17"/>
      <c r="D9138" s="18" t="s">
        <v>4528</v>
      </c>
      <c r="E9138" s="18"/>
      <c r="F9138" s="18"/>
      <c r="G9138" s="18"/>
      <c r="H9138" s="18"/>
      <c r="I9138" s="18"/>
      <c r="J9138" s="18"/>
      <c r="K9138" s="18"/>
      <c r="L9138" s="18"/>
      <c r="M9138" s="18"/>
      <c r="N9138" s="18"/>
      <c r="O9138" s="18"/>
      <c r="P9138" s="20">
        <v>2000</v>
      </c>
      <c r="Q9138" s="20"/>
      <c r="R9138" s="20"/>
      <c r="S9138" s="20"/>
      <c r="T9138" s="20">
        <v>1500</v>
      </c>
      <c r="U9138" s="20"/>
      <c r="V9138" s="20"/>
      <c r="W9138" s="20"/>
      <c r="X9138" s="19">
        <v>1</v>
      </c>
      <c r="Y9138" s="19"/>
      <c r="Z9138" s="19"/>
      <c r="AA9138" s="19"/>
    </row>
    <row r="9139" spans="1:27" s="1" customFormat="1" ht="14.1" customHeight="1" outlineLevel="1" x14ac:dyDescent="0.2">
      <c r="A9139" s="17"/>
      <c r="B9139" s="17"/>
      <c r="C9139" s="17"/>
      <c r="D9139" s="18"/>
      <c r="E9139" s="18"/>
      <c r="F9139" s="18"/>
      <c r="G9139" s="18"/>
      <c r="H9139" s="18"/>
      <c r="I9139" s="18"/>
      <c r="J9139" s="18"/>
      <c r="K9139" s="18"/>
      <c r="L9139" s="18"/>
      <c r="M9139" s="18"/>
      <c r="N9139" s="18"/>
      <c r="O9139" s="18"/>
      <c r="P9139" s="20"/>
      <c r="Q9139" s="20"/>
      <c r="R9139" s="20"/>
      <c r="S9139" s="20"/>
      <c r="T9139" s="20"/>
      <c r="U9139" s="20"/>
      <c r="V9139" s="20"/>
      <c r="W9139" s="20"/>
      <c r="X9139" s="19"/>
      <c r="Y9139" s="19"/>
      <c r="Z9139" s="19"/>
      <c r="AA9139" s="19"/>
    </row>
    <row r="9140" spans="1:27" s="1" customFormat="1" ht="14.1" customHeight="1" outlineLevel="1" x14ac:dyDescent="0.2">
      <c r="A9140" s="17">
        <v>17958</v>
      </c>
      <c r="B9140" s="17"/>
      <c r="C9140" s="17"/>
      <c r="D9140" s="18" t="s">
        <v>4529</v>
      </c>
      <c r="E9140" s="18"/>
      <c r="F9140" s="18"/>
      <c r="G9140" s="18"/>
      <c r="H9140" s="18"/>
      <c r="I9140" s="18"/>
      <c r="J9140" s="18"/>
      <c r="K9140" s="18"/>
      <c r="L9140" s="18"/>
      <c r="M9140" s="18"/>
      <c r="N9140" s="18"/>
      <c r="O9140" s="18"/>
      <c r="P9140" s="19">
        <v>900</v>
      </c>
      <c r="Q9140" s="19"/>
      <c r="R9140" s="19"/>
      <c r="S9140" s="19"/>
      <c r="T9140" s="19">
        <v>500</v>
      </c>
      <c r="U9140" s="19"/>
      <c r="V9140" s="19"/>
      <c r="W9140" s="19"/>
      <c r="X9140" s="19">
        <v>1</v>
      </c>
      <c r="Y9140" s="19"/>
      <c r="Z9140" s="19"/>
      <c r="AA9140" s="19"/>
    </row>
    <row r="9141" spans="1:27" s="1" customFormat="1" ht="14.1" customHeight="1" outlineLevel="1" x14ac:dyDescent="0.2">
      <c r="A9141" s="17"/>
      <c r="B9141" s="17"/>
      <c r="C9141" s="17"/>
      <c r="D9141" s="18"/>
      <c r="E9141" s="18"/>
      <c r="F9141" s="18"/>
      <c r="G9141" s="18"/>
      <c r="H9141" s="18"/>
      <c r="I9141" s="18"/>
      <c r="J9141" s="18"/>
      <c r="K9141" s="18"/>
      <c r="L9141" s="18"/>
      <c r="M9141" s="18"/>
      <c r="N9141" s="18"/>
      <c r="O9141" s="18"/>
      <c r="P9141" s="19"/>
      <c r="Q9141" s="19"/>
      <c r="R9141" s="19"/>
      <c r="S9141" s="19"/>
      <c r="T9141" s="19"/>
      <c r="U9141" s="19"/>
      <c r="V9141" s="19"/>
      <c r="W9141" s="19"/>
      <c r="X9141" s="19"/>
      <c r="Y9141" s="19"/>
      <c r="Z9141" s="19"/>
      <c r="AA9141" s="19"/>
    </row>
    <row r="9142" spans="1:27" s="1" customFormat="1" ht="14.1" customHeight="1" outlineLevel="1" x14ac:dyDescent="0.2">
      <c r="A9142" s="17">
        <v>18113</v>
      </c>
      <c r="B9142" s="17"/>
      <c r="C9142" s="17"/>
      <c r="D9142" s="18" t="s">
        <v>4530</v>
      </c>
      <c r="E9142" s="18"/>
      <c r="F9142" s="18"/>
      <c r="G9142" s="18"/>
      <c r="H9142" s="18"/>
      <c r="I9142" s="18"/>
      <c r="J9142" s="18"/>
      <c r="K9142" s="18"/>
      <c r="L9142" s="18"/>
      <c r="M9142" s="18"/>
      <c r="N9142" s="18"/>
      <c r="O9142" s="18"/>
      <c r="P9142" s="19">
        <v>600</v>
      </c>
      <c r="Q9142" s="19"/>
      <c r="R9142" s="19"/>
      <c r="S9142" s="19"/>
      <c r="T9142" s="19">
        <v>500</v>
      </c>
      <c r="U9142" s="19"/>
      <c r="V9142" s="19"/>
      <c r="W9142" s="19"/>
      <c r="X9142" s="19">
        <v>1</v>
      </c>
      <c r="Y9142" s="19"/>
      <c r="Z9142" s="19"/>
      <c r="AA9142" s="19"/>
    </row>
    <row r="9143" spans="1:27" s="1" customFormat="1" ht="14.1" customHeight="1" outlineLevel="1" x14ac:dyDescent="0.2">
      <c r="A9143" s="17"/>
      <c r="B9143" s="17"/>
      <c r="C9143" s="17"/>
      <c r="D9143" s="18"/>
      <c r="E9143" s="18"/>
      <c r="F9143" s="18"/>
      <c r="G9143" s="18"/>
      <c r="H9143" s="18"/>
      <c r="I9143" s="18"/>
      <c r="J9143" s="18"/>
      <c r="K9143" s="18"/>
      <c r="L9143" s="18"/>
      <c r="M9143" s="18"/>
      <c r="N9143" s="18"/>
      <c r="O9143" s="18"/>
      <c r="P9143" s="19"/>
      <c r="Q9143" s="19"/>
      <c r="R9143" s="19"/>
      <c r="S9143" s="19"/>
      <c r="T9143" s="19"/>
      <c r="U9143" s="19"/>
      <c r="V9143" s="19"/>
      <c r="W9143" s="19"/>
      <c r="X9143" s="19"/>
      <c r="Y9143" s="19"/>
      <c r="Z9143" s="19"/>
      <c r="AA9143" s="19"/>
    </row>
    <row r="9144" spans="1:27" s="1" customFormat="1" ht="14.1" customHeight="1" outlineLevel="1" x14ac:dyDescent="0.2">
      <c r="A9144" s="17">
        <v>17080</v>
      </c>
      <c r="B9144" s="17"/>
      <c r="C9144" s="17"/>
      <c r="D9144" s="18" t="s">
        <v>4531</v>
      </c>
      <c r="E9144" s="18"/>
      <c r="F9144" s="18"/>
      <c r="G9144" s="18"/>
      <c r="H9144" s="18"/>
      <c r="I9144" s="18"/>
      <c r="J9144" s="18"/>
      <c r="K9144" s="18"/>
      <c r="L9144" s="18"/>
      <c r="M9144" s="18"/>
      <c r="N9144" s="18"/>
      <c r="O9144" s="18"/>
      <c r="P9144" s="20">
        <v>4500</v>
      </c>
      <c r="Q9144" s="20"/>
      <c r="R9144" s="20"/>
      <c r="S9144" s="20"/>
      <c r="T9144" s="20">
        <v>4000</v>
      </c>
      <c r="U9144" s="20"/>
      <c r="V9144" s="20"/>
      <c r="W9144" s="20"/>
      <c r="X9144" s="19">
        <v>2</v>
      </c>
      <c r="Y9144" s="19"/>
      <c r="Z9144" s="19"/>
      <c r="AA9144" s="19"/>
    </row>
    <row r="9145" spans="1:27" s="1" customFormat="1" ht="14.1" customHeight="1" outlineLevel="1" x14ac:dyDescent="0.2">
      <c r="A9145" s="17"/>
      <c r="B9145" s="17"/>
      <c r="C9145" s="17"/>
      <c r="D9145" s="18"/>
      <c r="E9145" s="18"/>
      <c r="F9145" s="18"/>
      <c r="G9145" s="18"/>
      <c r="H9145" s="18"/>
      <c r="I9145" s="18"/>
      <c r="J9145" s="18"/>
      <c r="K9145" s="18"/>
      <c r="L9145" s="18"/>
      <c r="M9145" s="18"/>
      <c r="N9145" s="18"/>
      <c r="O9145" s="18"/>
      <c r="P9145" s="20"/>
      <c r="Q9145" s="20"/>
      <c r="R9145" s="20"/>
      <c r="S9145" s="20"/>
      <c r="T9145" s="20"/>
      <c r="U9145" s="20"/>
      <c r="V9145" s="20"/>
      <c r="W9145" s="20"/>
      <c r="X9145" s="19"/>
      <c r="Y9145" s="19"/>
      <c r="Z9145" s="19"/>
      <c r="AA9145" s="19"/>
    </row>
    <row r="9146" spans="1:27" s="1" customFormat="1" ht="14.1" customHeight="1" outlineLevel="1" x14ac:dyDescent="0.2">
      <c r="A9146" s="17">
        <v>16859</v>
      </c>
      <c r="B9146" s="17"/>
      <c r="C9146" s="17"/>
      <c r="D9146" s="18" t="s">
        <v>4532</v>
      </c>
      <c r="E9146" s="18"/>
      <c r="F9146" s="18"/>
      <c r="G9146" s="18"/>
      <c r="H9146" s="18"/>
      <c r="I9146" s="18"/>
      <c r="J9146" s="18"/>
      <c r="K9146" s="18"/>
      <c r="L9146" s="18"/>
      <c r="M9146" s="18"/>
      <c r="N9146" s="18"/>
      <c r="O9146" s="18"/>
      <c r="P9146" s="20">
        <v>5300</v>
      </c>
      <c r="Q9146" s="20"/>
      <c r="R9146" s="20"/>
      <c r="S9146" s="20"/>
      <c r="T9146" s="20">
        <v>5000</v>
      </c>
      <c r="U9146" s="20"/>
      <c r="V9146" s="20"/>
      <c r="W9146" s="20"/>
      <c r="X9146" s="19">
        <v>1</v>
      </c>
      <c r="Y9146" s="19"/>
      <c r="Z9146" s="19"/>
      <c r="AA9146" s="19"/>
    </row>
    <row r="9147" spans="1:27" s="1" customFormat="1" ht="14.1" customHeight="1" outlineLevel="1" x14ac:dyDescent="0.2">
      <c r="A9147" s="17"/>
      <c r="B9147" s="17"/>
      <c r="C9147" s="17"/>
      <c r="D9147" s="18"/>
      <c r="E9147" s="18"/>
      <c r="F9147" s="18"/>
      <c r="G9147" s="18"/>
      <c r="H9147" s="18"/>
      <c r="I9147" s="18"/>
      <c r="J9147" s="18"/>
      <c r="K9147" s="18"/>
      <c r="L9147" s="18"/>
      <c r="M9147" s="18"/>
      <c r="N9147" s="18"/>
      <c r="O9147" s="18"/>
      <c r="P9147" s="20"/>
      <c r="Q9147" s="20"/>
      <c r="R9147" s="20"/>
      <c r="S9147" s="20"/>
      <c r="T9147" s="20"/>
      <c r="U9147" s="20"/>
      <c r="V9147" s="20"/>
      <c r="W9147" s="20"/>
      <c r="X9147" s="19"/>
      <c r="Y9147" s="19"/>
      <c r="Z9147" s="19"/>
      <c r="AA9147" s="19"/>
    </row>
    <row r="9148" spans="1:27" s="1" customFormat="1" ht="14.1" customHeight="1" outlineLevel="1" x14ac:dyDescent="0.2">
      <c r="A9148" s="17">
        <v>14650</v>
      </c>
      <c r="B9148" s="17"/>
      <c r="C9148" s="17"/>
      <c r="D9148" s="18" t="s">
        <v>4533</v>
      </c>
      <c r="E9148" s="18"/>
      <c r="F9148" s="18"/>
      <c r="G9148" s="18"/>
      <c r="H9148" s="18"/>
      <c r="I9148" s="18"/>
      <c r="J9148" s="18"/>
      <c r="K9148" s="18"/>
      <c r="L9148" s="18"/>
      <c r="M9148" s="18"/>
      <c r="N9148" s="18"/>
      <c r="O9148" s="18"/>
      <c r="P9148" s="19">
        <v>300</v>
      </c>
      <c r="Q9148" s="19"/>
      <c r="R9148" s="19"/>
      <c r="S9148" s="19"/>
      <c r="T9148" s="19">
        <v>250</v>
      </c>
      <c r="U9148" s="19"/>
      <c r="V9148" s="19"/>
      <c r="W9148" s="19"/>
      <c r="X9148" s="19">
        <v>1</v>
      </c>
      <c r="Y9148" s="19"/>
      <c r="Z9148" s="19"/>
      <c r="AA9148" s="19"/>
    </row>
    <row r="9149" spans="1:27" s="1" customFormat="1" ht="14.1" customHeight="1" outlineLevel="1" x14ac:dyDescent="0.2">
      <c r="A9149" s="17"/>
      <c r="B9149" s="17"/>
      <c r="C9149" s="17"/>
      <c r="D9149" s="18"/>
      <c r="E9149" s="18"/>
      <c r="F9149" s="18"/>
      <c r="G9149" s="18"/>
      <c r="H9149" s="18"/>
      <c r="I9149" s="18"/>
      <c r="J9149" s="18"/>
      <c r="K9149" s="18"/>
      <c r="L9149" s="18"/>
      <c r="M9149" s="18"/>
      <c r="N9149" s="18"/>
      <c r="O9149" s="18"/>
      <c r="P9149" s="19"/>
      <c r="Q9149" s="19"/>
      <c r="R9149" s="19"/>
      <c r="S9149" s="19"/>
      <c r="T9149" s="19"/>
      <c r="U9149" s="19"/>
      <c r="V9149" s="19"/>
      <c r="W9149" s="19"/>
      <c r="X9149" s="19"/>
      <c r="Y9149" s="19"/>
      <c r="Z9149" s="19"/>
      <c r="AA9149" s="19"/>
    </row>
    <row r="9150" spans="1:27" s="1" customFormat="1" ht="14.1" customHeight="1" outlineLevel="1" x14ac:dyDescent="0.2">
      <c r="A9150" s="17">
        <v>14647</v>
      </c>
      <c r="B9150" s="17"/>
      <c r="C9150" s="17"/>
      <c r="D9150" s="18" t="s">
        <v>4534</v>
      </c>
      <c r="E9150" s="18"/>
      <c r="F9150" s="18"/>
      <c r="G9150" s="18"/>
      <c r="H9150" s="18"/>
      <c r="I9150" s="18"/>
      <c r="J9150" s="18"/>
      <c r="K9150" s="18"/>
      <c r="L9150" s="18"/>
      <c r="M9150" s="18"/>
      <c r="N9150" s="18"/>
      <c r="O9150" s="18"/>
      <c r="P9150" s="19">
        <v>300</v>
      </c>
      <c r="Q9150" s="19"/>
      <c r="R9150" s="19"/>
      <c r="S9150" s="19"/>
      <c r="T9150" s="19">
        <v>250</v>
      </c>
      <c r="U9150" s="19"/>
      <c r="V9150" s="19"/>
      <c r="W9150" s="19"/>
      <c r="X9150" s="19">
        <v>1</v>
      </c>
      <c r="Y9150" s="19"/>
      <c r="Z9150" s="19"/>
      <c r="AA9150" s="19"/>
    </row>
    <row r="9151" spans="1:27" s="1" customFormat="1" ht="14.1" customHeight="1" outlineLevel="1" x14ac:dyDescent="0.2">
      <c r="A9151" s="17"/>
      <c r="B9151" s="17"/>
      <c r="C9151" s="17"/>
      <c r="D9151" s="18"/>
      <c r="E9151" s="18"/>
      <c r="F9151" s="18"/>
      <c r="G9151" s="18"/>
      <c r="H9151" s="18"/>
      <c r="I9151" s="18"/>
      <c r="J9151" s="18"/>
      <c r="K9151" s="18"/>
      <c r="L9151" s="18"/>
      <c r="M9151" s="18"/>
      <c r="N9151" s="18"/>
      <c r="O9151" s="18"/>
      <c r="P9151" s="19"/>
      <c r="Q9151" s="19"/>
      <c r="R9151" s="19"/>
      <c r="S9151" s="19"/>
      <c r="T9151" s="19"/>
      <c r="U9151" s="19"/>
      <c r="V9151" s="19"/>
      <c r="W9151" s="19"/>
      <c r="X9151" s="19"/>
      <c r="Y9151" s="19"/>
      <c r="Z9151" s="19"/>
      <c r="AA9151" s="19"/>
    </row>
    <row r="9152" spans="1:27" s="1" customFormat="1" ht="14.1" customHeight="1" outlineLevel="1" x14ac:dyDescent="0.2">
      <c r="A9152" s="17">
        <v>17913</v>
      </c>
      <c r="B9152" s="17"/>
      <c r="C9152" s="17"/>
      <c r="D9152" s="18" t="s">
        <v>4535</v>
      </c>
      <c r="E9152" s="18"/>
      <c r="F9152" s="18"/>
      <c r="G9152" s="18"/>
      <c r="H9152" s="18"/>
      <c r="I9152" s="18"/>
      <c r="J9152" s="18"/>
      <c r="K9152" s="18"/>
      <c r="L9152" s="18"/>
      <c r="M9152" s="18"/>
      <c r="N9152" s="18"/>
      <c r="O9152" s="18"/>
      <c r="P9152" s="19">
        <v>200</v>
      </c>
      <c r="Q9152" s="19"/>
      <c r="R9152" s="19"/>
      <c r="S9152" s="19"/>
      <c r="T9152" s="19">
        <v>150</v>
      </c>
      <c r="U9152" s="19"/>
      <c r="V9152" s="19"/>
      <c r="W9152" s="19"/>
      <c r="X9152" s="19">
        <v>1</v>
      </c>
      <c r="Y9152" s="19"/>
      <c r="Z9152" s="19"/>
      <c r="AA9152" s="19"/>
    </row>
    <row r="9153" spans="1:27" s="1" customFormat="1" ht="14.1" customHeight="1" outlineLevel="1" x14ac:dyDescent="0.2">
      <c r="A9153" s="17"/>
      <c r="B9153" s="17"/>
      <c r="C9153" s="17"/>
      <c r="D9153" s="18"/>
      <c r="E9153" s="18"/>
      <c r="F9153" s="18"/>
      <c r="G9153" s="18"/>
      <c r="H9153" s="18"/>
      <c r="I9153" s="18"/>
      <c r="J9153" s="18"/>
      <c r="K9153" s="18"/>
      <c r="L9153" s="18"/>
      <c r="M9153" s="18"/>
      <c r="N9153" s="18"/>
      <c r="O9153" s="18"/>
      <c r="P9153" s="19"/>
      <c r="Q9153" s="19"/>
      <c r="R9153" s="19"/>
      <c r="S9153" s="19"/>
      <c r="T9153" s="19"/>
      <c r="U9153" s="19"/>
      <c r="V9153" s="19"/>
      <c r="W9153" s="19"/>
      <c r="X9153" s="19"/>
      <c r="Y9153" s="19"/>
      <c r="Z9153" s="19"/>
      <c r="AA9153" s="19"/>
    </row>
    <row r="9154" spans="1:27" s="1" customFormat="1" ht="14.1" customHeight="1" outlineLevel="1" x14ac:dyDescent="0.2">
      <c r="A9154" s="17">
        <v>8697</v>
      </c>
      <c r="B9154" s="17"/>
      <c r="C9154" s="17"/>
      <c r="D9154" s="18" t="s">
        <v>4536</v>
      </c>
      <c r="E9154" s="18"/>
      <c r="F9154" s="18"/>
      <c r="G9154" s="18"/>
      <c r="H9154" s="18"/>
      <c r="I9154" s="18"/>
      <c r="J9154" s="18"/>
      <c r="K9154" s="18"/>
      <c r="L9154" s="18"/>
      <c r="M9154" s="18"/>
      <c r="N9154" s="18"/>
      <c r="O9154" s="18"/>
      <c r="P9154" s="19">
        <v>200</v>
      </c>
      <c r="Q9154" s="19"/>
      <c r="R9154" s="19"/>
      <c r="S9154" s="19"/>
      <c r="T9154" s="19">
        <v>150</v>
      </c>
      <c r="U9154" s="19"/>
      <c r="V9154" s="19"/>
      <c r="W9154" s="19"/>
      <c r="X9154" s="19">
        <v>6</v>
      </c>
      <c r="Y9154" s="19"/>
      <c r="Z9154" s="19"/>
      <c r="AA9154" s="19"/>
    </row>
    <row r="9155" spans="1:27" s="1" customFormat="1" ht="14.1" customHeight="1" outlineLevel="1" x14ac:dyDescent="0.2">
      <c r="A9155" s="17"/>
      <c r="B9155" s="17"/>
      <c r="C9155" s="17"/>
      <c r="D9155" s="18"/>
      <c r="E9155" s="18"/>
      <c r="F9155" s="18"/>
      <c r="G9155" s="18"/>
      <c r="H9155" s="18"/>
      <c r="I9155" s="18"/>
      <c r="J9155" s="18"/>
      <c r="K9155" s="18"/>
      <c r="L9155" s="18"/>
      <c r="M9155" s="18"/>
      <c r="N9155" s="18"/>
      <c r="O9155" s="18"/>
      <c r="P9155" s="19"/>
      <c r="Q9155" s="19"/>
      <c r="R9155" s="19"/>
      <c r="S9155" s="19"/>
      <c r="T9155" s="19"/>
      <c r="U9155" s="19"/>
      <c r="V9155" s="19"/>
      <c r="W9155" s="19"/>
      <c r="X9155" s="19"/>
      <c r="Y9155" s="19"/>
      <c r="Z9155" s="19"/>
      <c r="AA9155" s="19"/>
    </row>
    <row r="9156" spans="1:27" s="1" customFormat="1" ht="14.1" customHeight="1" outlineLevel="1" x14ac:dyDescent="0.2">
      <c r="A9156" s="17">
        <v>12128</v>
      </c>
      <c r="B9156" s="17"/>
      <c r="C9156" s="17"/>
      <c r="D9156" s="18" t="s">
        <v>4537</v>
      </c>
      <c r="E9156" s="18"/>
      <c r="F9156" s="18"/>
      <c r="G9156" s="18"/>
      <c r="H9156" s="18"/>
      <c r="I9156" s="18"/>
      <c r="J9156" s="18"/>
      <c r="K9156" s="18"/>
      <c r="L9156" s="18"/>
      <c r="M9156" s="18"/>
      <c r="N9156" s="18"/>
      <c r="O9156" s="18"/>
      <c r="P9156" s="19">
        <v>150</v>
      </c>
      <c r="Q9156" s="19"/>
      <c r="R9156" s="19"/>
      <c r="S9156" s="19"/>
      <c r="T9156" s="19">
        <v>100</v>
      </c>
      <c r="U9156" s="19"/>
      <c r="V9156" s="19"/>
      <c r="W9156" s="19"/>
      <c r="X9156" s="19">
        <v>5</v>
      </c>
      <c r="Y9156" s="19"/>
      <c r="Z9156" s="19"/>
      <c r="AA9156" s="19"/>
    </row>
    <row r="9157" spans="1:27" s="1" customFormat="1" ht="14.1" customHeight="1" outlineLevel="1" x14ac:dyDescent="0.2">
      <c r="A9157" s="17"/>
      <c r="B9157" s="17"/>
      <c r="C9157" s="17"/>
      <c r="D9157" s="18"/>
      <c r="E9157" s="18"/>
      <c r="F9157" s="18"/>
      <c r="G9157" s="18"/>
      <c r="H9157" s="18"/>
      <c r="I9157" s="18"/>
      <c r="J9157" s="18"/>
      <c r="K9157" s="18"/>
      <c r="L9157" s="18"/>
      <c r="M9157" s="18"/>
      <c r="N9157" s="18"/>
      <c r="O9157" s="18"/>
      <c r="P9157" s="19"/>
      <c r="Q9157" s="19"/>
      <c r="R9157" s="19"/>
      <c r="S9157" s="19"/>
      <c r="T9157" s="19"/>
      <c r="U9157" s="19"/>
      <c r="V9157" s="19"/>
      <c r="W9157" s="19"/>
      <c r="X9157" s="19"/>
      <c r="Y9157" s="19"/>
      <c r="Z9157" s="19"/>
      <c r="AA9157" s="19"/>
    </row>
    <row r="9158" spans="1:27" s="1" customFormat="1" ht="14.1" customHeight="1" outlineLevel="1" x14ac:dyDescent="0.2">
      <c r="A9158" s="17">
        <v>10893</v>
      </c>
      <c r="B9158" s="17"/>
      <c r="C9158" s="17"/>
      <c r="D9158" s="18" t="s">
        <v>4538</v>
      </c>
      <c r="E9158" s="18"/>
      <c r="F9158" s="18"/>
      <c r="G9158" s="18"/>
      <c r="H9158" s="18"/>
      <c r="I9158" s="18"/>
      <c r="J9158" s="18"/>
      <c r="K9158" s="18"/>
      <c r="L9158" s="18"/>
      <c r="M9158" s="18"/>
      <c r="N9158" s="18"/>
      <c r="O9158" s="18"/>
      <c r="P9158" s="19">
        <v>300</v>
      </c>
      <c r="Q9158" s="19"/>
      <c r="R9158" s="19"/>
      <c r="S9158" s="19"/>
      <c r="T9158" s="19">
        <v>240</v>
      </c>
      <c r="U9158" s="19"/>
      <c r="V9158" s="19"/>
      <c r="W9158" s="19"/>
      <c r="X9158" s="19">
        <v>7</v>
      </c>
      <c r="Y9158" s="19"/>
      <c r="Z9158" s="19"/>
      <c r="AA9158" s="19"/>
    </row>
    <row r="9159" spans="1:27" s="1" customFormat="1" ht="14.1" customHeight="1" outlineLevel="1" x14ac:dyDescent="0.2">
      <c r="A9159" s="17"/>
      <c r="B9159" s="17"/>
      <c r="C9159" s="17"/>
      <c r="D9159" s="18"/>
      <c r="E9159" s="18"/>
      <c r="F9159" s="18"/>
      <c r="G9159" s="18"/>
      <c r="H9159" s="18"/>
      <c r="I9159" s="18"/>
      <c r="J9159" s="18"/>
      <c r="K9159" s="18"/>
      <c r="L9159" s="18"/>
      <c r="M9159" s="18"/>
      <c r="N9159" s="18"/>
      <c r="O9159" s="18"/>
      <c r="P9159" s="19"/>
      <c r="Q9159" s="19"/>
      <c r="R9159" s="19"/>
      <c r="S9159" s="19"/>
      <c r="T9159" s="19"/>
      <c r="U9159" s="19"/>
      <c r="V9159" s="19"/>
      <c r="W9159" s="19"/>
      <c r="X9159" s="19"/>
      <c r="Y9159" s="19"/>
      <c r="Z9159" s="19"/>
      <c r="AA9159" s="19"/>
    </row>
    <row r="9160" spans="1:27" s="1" customFormat="1" ht="14.1" customHeight="1" outlineLevel="1" x14ac:dyDescent="0.2">
      <c r="A9160" s="17">
        <v>17407</v>
      </c>
      <c r="B9160" s="17"/>
      <c r="C9160" s="17"/>
      <c r="D9160" s="18" t="s">
        <v>4539</v>
      </c>
      <c r="E9160" s="18"/>
      <c r="F9160" s="18"/>
      <c r="G9160" s="18"/>
      <c r="H9160" s="18"/>
      <c r="I9160" s="18"/>
      <c r="J9160" s="18"/>
      <c r="K9160" s="18"/>
      <c r="L9160" s="18"/>
      <c r="M9160" s="18"/>
      <c r="N9160" s="18"/>
      <c r="O9160" s="18"/>
      <c r="P9160" s="19">
        <v>500</v>
      </c>
      <c r="Q9160" s="19"/>
      <c r="R9160" s="19"/>
      <c r="S9160" s="19"/>
      <c r="T9160" s="19">
        <v>400</v>
      </c>
      <c r="U9160" s="19"/>
      <c r="V9160" s="19"/>
      <c r="W9160" s="19"/>
      <c r="X9160" s="19">
        <v>2</v>
      </c>
      <c r="Y9160" s="19"/>
      <c r="Z9160" s="19"/>
      <c r="AA9160" s="19"/>
    </row>
    <row r="9161" spans="1:27" s="1" customFormat="1" ht="14.1" customHeight="1" outlineLevel="1" x14ac:dyDescent="0.2">
      <c r="A9161" s="17"/>
      <c r="B9161" s="17"/>
      <c r="C9161" s="17"/>
      <c r="D9161" s="18"/>
      <c r="E9161" s="18"/>
      <c r="F9161" s="18"/>
      <c r="G9161" s="18"/>
      <c r="H9161" s="18"/>
      <c r="I9161" s="18"/>
      <c r="J9161" s="18"/>
      <c r="K9161" s="18"/>
      <c r="L9161" s="18"/>
      <c r="M9161" s="18"/>
      <c r="N9161" s="18"/>
      <c r="O9161" s="18"/>
      <c r="P9161" s="19"/>
      <c r="Q9161" s="19"/>
      <c r="R9161" s="19"/>
      <c r="S9161" s="19"/>
      <c r="T9161" s="19"/>
      <c r="U9161" s="19"/>
      <c r="V9161" s="19"/>
      <c r="W9161" s="19"/>
      <c r="X9161" s="19"/>
      <c r="Y9161" s="19"/>
      <c r="Z9161" s="19"/>
      <c r="AA9161" s="19"/>
    </row>
    <row r="9162" spans="1:27" s="1" customFormat="1" ht="14.1" customHeight="1" outlineLevel="1" x14ac:dyDescent="0.2">
      <c r="A9162" s="17">
        <v>14989</v>
      </c>
      <c r="B9162" s="17"/>
      <c r="C9162" s="17"/>
      <c r="D9162" s="18" t="s">
        <v>4540</v>
      </c>
      <c r="E9162" s="18"/>
      <c r="F9162" s="18"/>
      <c r="G9162" s="18"/>
      <c r="H9162" s="18"/>
      <c r="I9162" s="18"/>
      <c r="J9162" s="18"/>
      <c r="K9162" s="18"/>
      <c r="L9162" s="18"/>
      <c r="M9162" s="18"/>
      <c r="N9162" s="18"/>
      <c r="O9162" s="18"/>
      <c r="P9162" s="19">
        <v>200</v>
      </c>
      <c r="Q9162" s="19"/>
      <c r="R9162" s="19"/>
      <c r="S9162" s="19"/>
      <c r="T9162" s="19">
        <v>150</v>
      </c>
      <c r="U9162" s="19"/>
      <c r="V9162" s="19"/>
      <c r="W9162" s="19"/>
      <c r="X9162" s="19">
        <v>3</v>
      </c>
      <c r="Y9162" s="19"/>
      <c r="Z9162" s="19"/>
      <c r="AA9162" s="19"/>
    </row>
    <row r="9163" spans="1:27" s="1" customFormat="1" ht="14.1" customHeight="1" outlineLevel="1" x14ac:dyDescent="0.2">
      <c r="A9163" s="17"/>
      <c r="B9163" s="17"/>
      <c r="C9163" s="17"/>
      <c r="D9163" s="18"/>
      <c r="E9163" s="18"/>
      <c r="F9163" s="18"/>
      <c r="G9163" s="18"/>
      <c r="H9163" s="18"/>
      <c r="I9163" s="18"/>
      <c r="J9163" s="18"/>
      <c r="K9163" s="18"/>
      <c r="L9163" s="18"/>
      <c r="M9163" s="18"/>
      <c r="N9163" s="18"/>
      <c r="O9163" s="18"/>
      <c r="P9163" s="19"/>
      <c r="Q9163" s="19"/>
      <c r="R9163" s="19"/>
      <c r="S9163" s="19"/>
      <c r="T9163" s="19"/>
      <c r="U9163" s="19"/>
      <c r="V9163" s="19"/>
      <c r="W9163" s="19"/>
      <c r="X9163" s="19"/>
      <c r="Y9163" s="19"/>
      <c r="Z9163" s="19"/>
      <c r="AA9163" s="19"/>
    </row>
    <row r="9164" spans="1:27" s="1" customFormat="1" ht="11.1" customHeight="1" outlineLevel="1" x14ac:dyDescent="0.2">
      <c r="A9164" s="17">
        <v>12887</v>
      </c>
      <c r="B9164" s="17"/>
      <c r="C9164" s="17"/>
      <c r="D9164" s="18" t="s">
        <v>4541</v>
      </c>
      <c r="E9164" s="18"/>
      <c r="F9164" s="18"/>
      <c r="G9164" s="18"/>
      <c r="H9164" s="18"/>
      <c r="I9164" s="18"/>
      <c r="J9164" s="18"/>
      <c r="K9164" s="18"/>
      <c r="L9164" s="18"/>
      <c r="M9164" s="18"/>
      <c r="N9164" s="18"/>
      <c r="O9164" s="18"/>
      <c r="P9164" s="19">
        <v>240</v>
      </c>
      <c r="Q9164" s="19"/>
      <c r="R9164" s="19"/>
      <c r="S9164" s="19"/>
      <c r="T9164" s="19">
        <v>190</v>
      </c>
      <c r="U9164" s="19"/>
      <c r="V9164" s="19"/>
      <c r="W9164" s="19"/>
      <c r="X9164" s="19">
        <v>19</v>
      </c>
      <c r="Y9164" s="19"/>
      <c r="Z9164" s="19"/>
      <c r="AA9164" s="19"/>
    </row>
    <row r="9165" spans="1:27" s="1" customFormat="1" ht="11.1" customHeight="1" outlineLevel="1" x14ac:dyDescent="0.2">
      <c r="A9165" s="17"/>
      <c r="B9165" s="17"/>
      <c r="C9165" s="17"/>
      <c r="D9165" s="18"/>
      <c r="E9165" s="18"/>
      <c r="F9165" s="18"/>
      <c r="G9165" s="18"/>
      <c r="H9165" s="18"/>
      <c r="I9165" s="18"/>
      <c r="J9165" s="18"/>
      <c r="K9165" s="18"/>
      <c r="L9165" s="18"/>
      <c r="M9165" s="18"/>
      <c r="N9165" s="18"/>
      <c r="O9165" s="18"/>
      <c r="P9165" s="19"/>
      <c r="Q9165" s="19"/>
      <c r="R9165" s="19"/>
      <c r="S9165" s="19"/>
      <c r="T9165" s="19"/>
      <c r="U9165" s="19"/>
      <c r="V9165" s="19"/>
      <c r="W9165" s="19"/>
      <c r="X9165" s="19"/>
      <c r="Y9165" s="19"/>
      <c r="Z9165" s="19"/>
      <c r="AA9165" s="19"/>
    </row>
    <row r="9166" spans="1:27" s="1" customFormat="1" ht="14.1" customHeight="1" outlineLevel="1" x14ac:dyDescent="0.2">
      <c r="A9166" s="17">
        <v>17467</v>
      </c>
      <c r="B9166" s="17"/>
      <c r="C9166" s="17"/>
      <c r="D9166" s="18" t="s">
        <v>4542</v>
      </c>
      <c r="E9166" s="18"/>
      <c r="F9166" s="18"/>
      <c r="G9166" s="18"/>
      <c r="H9166" s="18"/>
      <c r="I9166" s="18"/>
      <c r="J9166" s="18"/>
      <c r="K9166" s="18"/>
      <c r="L9166" s="18"/>
      <c r="M9166" s="18"/>
      <c r="N9166" s="18"/>
      <c r="O9166" s="18"/>
      <c r="P9166" s="19">
        <v>300</v>
      </c>
      <c r="Q9166" s="19"/>
      <c r="R9166" s="19"/>
      <c r="S9166" s="19"/>
      <c r="T9166" s="19">
        <v>200</v>
      </c>
      <c r="U9166" s="19"/>
      <c r="V9166" s="19"/>
      <c r="W9166" s="19"/>
      <c r="X9166" s="19">
        <v>1</v>
      </c>
      <c r="Y9166" s="19"/>
      <c r="Z9166" s="19"/>
      <c r="AA9166" s="19"/>
    </row>
    <row r="9167" spans="1:27" s="1" customFormat="1" ht="14.1" customHeight="1" outlineLevel="1" x14ac:dyDescent="0.2">
      <c r="A9167" s="17"/>
      <c r="B9167" s="17"/>
      <c r="C9167" s="17"/>
      <c r="D9167" s="18"/>
      <c r="E9167" s="18"/>
      <c r="F9167" s="18"/>
      <c r="G9167" s="18"/>
      <c r="H9167" s="18"/>
      <c r="I9167" s="18"/>
      <c r="J9167" s="18"/>
      <c r="K9167" s="18"/>
      <c r="L9167" s="18"/>
      <c r="M9167" s="18"/>
      <c r="N9167" s="18"/>
      <c r="O9167" s="18"/>
      <c r="P9167" s="19"/>
      <c r="Q9167" s="19"/>
      <c r="R9167" s="19"/>
      <c r="S9167" s="19"/>
      <c r="T9167" s="19"/>
      <c r="U9167" s="19"/>
      <c r="V9167" s="19"/>
      <c r="W9167" s="19"/>
      <c r="X9167" s="19"/>
      <c r="Y9167" s="19"/>
      <c r="Z9167" s="19"/>
      <c r="AA9167" s="19"/>
    </row>
    <row r="9168" spans="1:27" s="1" customFormat="1" ht="14.1" customHeight="1" outlineLevel="1" x14ac:dyDescent="0.2">
      <c r="A9168" s="17">
        <v>13401</v>
      </c>
      <c r="B9168" s="17"/>
      <c r="C9168" s="17"/>
      <c r="D9168" s="18" t="s">
        <v>4543</v>
      </c>
      <c r="E9168" s="18"/>
      <c r="F9168" s="18"/>
      <c r="G9168" s="18"/>
      <c r="H9168" s="18"/>
      <c r="I9168" s="18"/>
      <c r="J9168" s="18"/>
      <c r="K9168" s="18"/>
      <c r="L9168" s="18"/>
      <c r="M9168" s="18"/>
      <c r="N9168" s="18"/>
      <c r="O9168" s="18"/>
      <c r="P9168" s="19">
        <v>200</v>
      </c>
      <c r="Q9168" s="19"/>
      <c r="R9168" s="19"/>
      <c r="S9168" s="19"/>
      <c r="T9168" s="19">
        <v>150</v>
      </c>
      <c r="U9168" s="19"/>
      <c r="V9168" s="19"/>
      <c r="W9168" s="19"/>
      <c r="X9168" s="19">
        <v>4</v>
      </c>
      <c r="Y9168" s="19"/>
      <c r="Z9168" s="19"/>
      <c r="AA9168" s="19"/>
    </row>
    <row r="9169" spans="1:27" s="1" customFormat="1" ht="14.1" customHeight="1" outlineLevel="1" x14ac:dyDescent="0.2">
      <c r="A9169" s="17"/>
      <c r="B9169" s="17"/>
      <c r="C9169" s="17"/>
      <c r="D9169" s="18"/>
      <c r="E9169" s="18"/>
      <c r="F9169" s="18"/>
      <c r="G9169" s="18"/>
      <c r="H9169" s="18"/>
      <c r="I9169" s="18"/>
      <c r="J9169" s="18"/>
      <c r="K9169" s="18"/>
      <c r="L9169" s="18"/>
      <c r="M9169" s="18"/>
      <c r="N9169" s="18"/>
      <c r="O9169" s="18"/>
      <c r="P9169" s="19"/>
      <c r="Q9169" s="19"/>
      <c r="R9169" s="19"/>
      <c r="S9169" s="19"/>
      <c r="T9169" s="19"/>
      <c r="U9169" s="19"/>
      <c r="V9169" s="19"/>
      <c r="W9169" s="19"/>
      <c r="X9169" s="19"/>
      <c r="Y9169" s="19"/>
      <c r="Z9169" s="19"/>
      <c r="AA9169" s="19"/>
    </row>
    <row r="9170" spans="1:27" s="1" customFormat="1" ht="11.1" customHeight="1" outlineLevel="1" x14ac:dyDescent="0.2">
      <c r="A9170" s="17">
        <v>11386</v>
      </c>
      <c r="B9170" s="17"/>
      <c r="C9170" s="17"/>
      <c r="D9170" s="18" t="s">
        <v>4544</v>
      </c>
      <c r="E9170" s="18"/>
      <c r="F9170" s="18"/>
      <c r="G9170" s="18"/>
      <c r="H9170" s="18"/>
      <c r="I9170" s="18"/>
      <c r="J9170" s="18"/>
      <c r="K9170" s="18"/>
      <c r="L9170" s="18"/>
      <c r="M9170" s="18"/>
      <c r="N9170" s="18"/>
      <c r="O9170" s="18"/>
      <c r="P9170" s="19">
        <v>200</v>
      </c>
      <c r="Q9170" s="19"/>
      <c r="R9170" s="19"/>
      <c r="S9170" s="19"/>
      <c r="T9170" s="19">
        <v>150</v>
      </c>
      <c r="U9170" s="19"/>
      <c r="V9170" s="19"/>
      <c r="W9170" s="19"/>
      <c r="X9170" s="19">
        <v>13</v>
      </c>
      <c r="Y9170" s="19"/>
      <c r="Z9170" s="19"/>
      <c r="AA9170" s="19"/>
    </row>
    <row r="9171" spans="1:27" s="1" customFormat="1" ht="11.1" customHeight="1" outlineLevel="1" x14ac:dyDescent="0.2">
      <c r="A9171" s="17"/>
      <c r="B9171" s="17"/>
      <c r="C9171" s="17"/>
      <c r="D9171" s="18"/>
      <c r="E9171" s="18"/>
      <c r="F9171" s="18"/>
      <c r="G9171" s="18"/>
      <c r="H9171" s="18"/>
      <c r="I9171" s="18"/>
      <c r="J9171" s="18"/>
      <c r="K9171" s="18"/>
      <c r="L9171" s="18"/>
      <c r="M9171" s="18"/>
      <c r="N9171" s="18"/>
      <c r="O9171" s="18"/>
      <c r="P9171" s="19"/>
      <c r="Q9171" s="19"/>
      <c r="R9171" s="19"/>
      <c r="S9171" s="19"/>
      <c r="T9171" s="19"/>
      <c r="U9171" s="19"/>
      <c r="V9171" s="19"/>
      <c r="W9171" s="19"/>
      <c r="X9171" s="19"/>
      <c r="Y9171" s="19"/>
      <c r="Z9171" s="19"/>
      <c r="AA9171" s="19"/>
    </row>
    <row r="9172" spans="1:27" s="1" customFormat="1" ht="14.1" customHeight="1" outlineLevel="1" x14ac:dyDescent="0.2">
      <c r="A9172" s="17">
        <v>16912</v>
      </c>
      <c r="B9172" s="17"/>
      <c r="C9172" s="17"/>
      <c r="D9172" s="18" t="s">
        <v>4545</v>
      </c>
      <c r="E9172" s="18"/>
      <c r="F9172" s="18"/>
      <c r="G9172" s="18"/>
      <c r="H9172" s="18"/>
      <c r="I9172" s="18"/>
      <c r="J9172" s="18"/>
      <c r="K9172" s="18"/>
      <c r="L9172" s="18"/>
      <c r="M9172" s="18"/>
      <c r="N9172" s="18"/>
      <c r="O9172" s="18"/>
      <c r="P9172" s="19">
        <v>250</v>
      </c>
      <c r="Q9172" s="19"/>
      <c r="R9172" s="19"/>
      <c r="S9172" s="19"/>
      <c r="T9172" s="19">
        <v>150</v>
      </c>
      <c r="U9172" s="19"/>
      <c r="V9172" s="19"/>
      <c r="W9172" s="19"/>
      <c r="X9172" s="19">
        <v>1</v>
      </c>
      <c r="Y9172" s="19"/>
      <c r="Z9172" s="19"/>
      <c r="AA9172" s="19"/>
    </row>
    <row r="9173" spans="1:27" s="1" customFormat="1" ht="14.1" customHeight="1" outlineLevel="1" x14ac:dyDescent="0.2">
      <c r="A9173" s="17"/>
      <c r="B9173" s="17"/>
      <c r="C9173" s="17"/>
      <c r="D9173" s="18"/>
      <c r="E9173" s="18"/>
      <c r="F9173" s="18"/>
      <c r="G9173" s="18"/>
      <c r="H9173" s="18"/>
      <c r="I9173" s="18"/>
      <c r="J9173" s="18"/>
      <c r="K9173" s="18"/>
      <c r="L9173" s="18"/>
      <c r="M9173" s="18"/>
      <c r="N9173" s="18"/>
      <c r="O9173" s="18"/>
      <c r="P9173" s="19"/>
      <c r="Q9173" s="19"/>
      <c r="R9173" s="19"/>
      <c r="S9173" s="19"/>
      <c r="T9173" s="19"/>
      <c r="U9173" s="19"/>
      <c r="V9173" s="19"/>
      <c r="W9173" s="19"/>
      <c r="X9173" s="19"/>
      <c r="Y9173" s="19"/>
      <c r="Z9173" s="19"/>
      <c r="AA9173" s="19"/>
    </row>
    <row r="9174" spans="1:27" s="1" customFormat="1" ht="14.1" customHeight="1" outlineLevel="1" x14ac:dyDescent="0.2">
      <c r="A9174" s="17">
        <v>13618</v>
      </c>
      <c r="B9174" s="17"/>
      <c r="C9174" s="17"/>
      <c r="D9174" s="18" t="s">
        <v>4546</v>
      </c>
      <c r="E9174" s="18"/>
      <c r="F9174" s="18"/>
      <c r="G9174" s="18"/>
      <c r="H9174" s="18"/>
      <c r="I9174" s="18"/>
      <c r="J9174" s="18"/>
      <c r="K9174" s="18"/>
      <c r="L9174" s="18"/>
      <c r="M9174" s="18"/>
      <c r="N9174" s="18"/>
      <c r="O9174" s="18"/>
      <c r="P9174" s="19">
        <v>220</v>
      </c>
      <c r="Q9174" s="19"/>
      <c r="R9174" s="19"/>
      <c r="S9174" s="19"/>
      <c r="T9174" s="19">
        <v>150</v>
      </c>
      <c r="U9174" s="19"/>
      <c r="V9174" s="19"/>
      <c r="W9174" s="19"/>
      <c r="X9174" s="19">
        <v>9</v>
      </c>
      <c r="Y9174" s="19"/>
      <c r="Z9174" s="19"/>
      <c r="AA9174" s="19"/>
    </row>
    <row r="9175" spans="1:27" s="1" customFormat="1" ht="14.1" customHeight="1" outlineLevel="1" x14ac:dyDescent="0.2">
      <c r="A9175" s="17"/>
      <c r="B9175" s="17"/>
      <c r="C9175" s="17"/>
      <c r="D9175" s="18"/>
      <c r="E9175" s="18"/>
      <c r="F9175" s="18"/>
      <c r="G9175" s="18"/>
      <c r="H9175" s="18"/>
      <c r="I9175" s="18"/>
      <c r="J9175" s="18"/>
      <c r="K9175" s="18"/>
      <c r="L9175" s="18"/>
      <c r="M9175" s="18"/>
      <c r="N9175" s="18"/>
      <c r="O9175" s="18"/>
      <c r="P9175" s="19"/>
      <c r="Q9175" s="19"/>
      <c r="R9175" s="19"/>
      <c r="S9175" s="19"/>
      <c r="T9175" s="19"/>
      <c r="U9175" s="19"/>
      <c r="V9175" s="19"/>
      <c r="W9175" s="19"/>
      <c r="X9175" s="19"/>
      <c r="Y9175" s="19"/>
      <c r="Z9175" s="19"/>
      <c r="AA9175" s="19"/>
    </row>
    <row r="9176" spans="1:27" s="1" customFormat="1" ht="11.1" customHeight="1" outlineLevel="1" x14ac:dyDescent="0.2">
      <c r="A9176" s="17">
        <v>13492</v>
      </c>
      <c r="B9176" s="17"/>
      <c r="C9176" s="17"/>
      <c r="D9176" s="18" t="s">
        <v>4547</v>
      </c>
      <c r="E9176" s="18"/>
      <c r="F9176" s="18"/>
      <c r="G9176" s="18"/>
      <c r="H9176" s="18"/>
      <c r="I9176" s="18"/>
      <c r="J9176" s="18"/>
      <c r="K9176" s="18"/>
      <c r="L9176" s="18"/>
      <c r="M9176" s="18"/>
      <c r="N9176" s="18"/>
      <c r="O9176" s="18"/>
      <c r="P9176" s="19">
        <v>220</v>
      </c>
      <c r="Q9176" s="19"/>
      <c r="R9176" s="19"/>
      <c r="S9176" s="19"/>
      <c r="T9176" s="19">
        <v>150</v>
      </c>
      <c r="U9176" s="19"/>
      <c r="V9176" s="19"/>
      <c r="W9176" s="19"/>
      <c r="X9176" s="19">
        <v>8</v>
      </c>
      <c r="Y9176" s="19"/>
      <c r="Z9176" s="19"/>
      <c r="AA9176" s="19"/>
    </row>
    <row r="9177" spans="1:27" s="1" customFormat="1" ht="11.1" customHeight="1" outlineLevel="1" x14ac:dyDescent="0.2">
      <c r="A9177" s="17"/>
      <c r="B9177" s="17"/>
      <c r="C9177" s="17"/>
      <c r="D9177" s="18"/>
      <c r="E9177" s="18"/>
      <c r="F9177" s="18"/>
      <c r="G9177" s="18"/>
      <c r="H9177" s="18"/>
      <c r="I9177" s="18"/>
      <c r="J9177" s="18"/>
      <c r="K9177" s="18"/>
      <c r="L9177" s="18"/>
      <c r="M9177" s="18"/>
      <c r="N9177" s="18"/>
      <c r="O9177" s="18"/>
      <c r="P9177" s="19"/>
      <c r="Q9177" s="19"/>
      <c r="R9177" s="19"/>
      <c r="S9177" s="19"/>
      <c r="T9177" s="19"/>
      <c r="U9177" s="19"/>
      <c r="V9177" s="19"/>
      <c r="W9177" s="19"/>
      <c r="X9177" s="19"/>
      <c r="Y9177" s="19"/>
      <c r="Z9177" s="19"/>
      <c r="AA9177" s="19"/>
    </row>
    <row r="9178" spans="1:27" s="1" customFormat="1" ht="14.1" customHeight="1" outlineLevel="1" x14ac:dyDescent="0.2">
      <c r="A9178" s="17">
        <v>16787</v>
      </c>
      <c r="B9178" s="17"/>
      <c r="C9178" s="17"/>
      <c r="D9178" s="18" t="s">
        <v>4548</v>
      </c>
      <c r="E9178" s="18"/>
      <c r="F9178" s="18"/>
      <c r="G9178" s="18"/>
      <c r="H9178" s="18"/>
      <c r="I9178" s="18"/>
      <c r="J9178" s="18"/>
      <c r="K9178" s="18"/>
      <c r="L9178" s="18"/>
      <c r="M9178" s="18"/>
      <c r="N9178" s="18"/>
      <c r="O9178" s="18"/>
      <c r="P9178" s="19">
        <v>290</v>
      </c>
      <c r="Q9178" s="19"/>
      <c r="R9178" s="19"/>
      <c r="S9178" s="19"/>
      <c r="T9178" s="19">
        <v>200</v>
      </c>
      <c r="U9178" s="19"/>
      <c r="V9178" s="19"/>
      <c r="W9178" s="19"/>
      <c r="X9178" s="19">
        <v>1</v>
      </c>
      <c r="Y9178" s="19"/>
      <c r="Z9178" s="19"/>
      <c r="AA9178" s="19"/>
    </row>
    <row r="9179" spans="1:27" s="1" customFormat="1" ht="14.1" customHeight="1" outlineLevel="1" x14ac:dyDescent="0.2">
      <c r="A9179" s="17"/>
      <c r="B9179" s="17"/>
      <c r="C9179" s="17"/>
      <c r="D9179" s="18"/>
      <c r="E9179" s="18"/>
      <c r="F9179" s="18"/>
      <c r="G9179" s="18"/>
      <c r="H9179" s="18"/>
      <c r="I9179" s="18"/>
      <c r="J9179" s="18"/>
      <c r="K9179" s="18"/>
      <c r="L9179" s="18"/>
      <c r="M9179" s="18"/>
      <c r="N9179" s="18"/>
      <c r="O9179" s="18"/>
      <c r="P9179" s="19"/>
      <c r="Q9179" s="19"/>
      <c r="R9179" s="19"/>
      <c r="S9179" s="19"/>
      <c r="T9179" s="19"/>
      <c r="U9179" s="19"/>
      <c r="V9179" s="19"/>
      <c r="W9179" s="19"/>
      <c r="X9179" s="19"/>
      <c r="Y9179" s="19"/>
      <c r="Z9179" s="19"/>
      <c r="AA9179" s="19"/>
    </row>
    <row r="9180" spans="1:27" s="1" customFormat="1" ht="11.1" customHeight="1" outlineLevel="1" x14ac:dyDescent="0.2">
      <c r="A9180" s="17">
        <v>15670</v>
      </c>
      <c r="B9180" s="17"/>
      <c r="C9180" s="17"/>
      <c r="D9180" s="18" t="s">
        <v>4549</v>
      </c>
      <c r="E9180" s="18"/>
      <c r="F9180" s="18"/>
      <c r="G9180" s="18"/>
      <c r="H9180" s="18"/>
      <c r="I9180" s="18"/>
      <c r="J9180" s="18"/>
      <c r="K9180" s="18"/>
      <c r="L9180" s="18"/>
      <c r="M9180" s="18"/>
      <c r="N9180" s="18"/>
      <c r="O9180" s="18"/>
      <c r="P9180" s="19">
        <v>260</v>
      </c>
      <c r="Q9180" s="19"/>
      <c r="R9180" s="19"/>
      <c r="S9180" s="19"/>
      <c r="T9180" s="19">
        <v>200</v>
      </c>
      <c r="U9180" s="19"/>
      <c r="V9180" s="19"/>
      <c r="W9180" s="19"/>
      <c r="X9180" s="19">
        <v>8</v>
      </c>
      <c r="Y9180" s="19"/>
      <c r="Z9180" s="19"/>
      <c r="AA9180" s="19"/>
    </row>
    <row r="9181" spans="1:27" s="1" customFormat="1" ht="11.1" customHeight="1" outlineLevel="1" x14ac:dyDescent="0.2">
      <c r="A9181" s="17"/>
      <c r="B9181" s="17"/>
      <c r="C9181" s="17"/>
      <c r="D9181" s="18"/>
      <c r="E9181" s="18"/>
      <c r="F9181" s="18"/>
      <c r="G9181" s="18"/>
      <c r="H9181" s="18"/>
      <c r="I9181" s="18"/>
      <c r="J9181" s="18"/>
      <c r="K9181" s="18"/>
      <c r="L9181" s="18"/>
      <c r="M9181" s="18"/>
      <c r="N9181" s="18"/>
      <c r="O9181" s="18"/>
      <c r="P9181" s="19"/>
      <c r="Q9181" s="19"/>
      <c r="R9181" s="19"/>
      <c r="S9181" s="19"/>
      <c r="T9181" s="19"/>
      <c r="U9181" s="19"/>
      <c r="V9181" s="19"/>
      <c r="W9181" s="19"/>
      <c r="X9181" s="19"/>
      <c r="Y9181" s="19"/>
      <c r="Z9181" s="19"/>
      <c r="AA9181" s="19"/>
    </row>
    <row r="9182" spans="1:27" s="1" customFormat="1" ht="11.1" customHeight="1" outlineLevel="1" x14ac:dyDescent="0.2">
      <c r="A9182" s="17">
        <v>13355</v>
      </c>
      <c r="B9182" s="17"/>
      <c r="C9182" s="17"/>
      <c r="D9182" s="18" t="s">
        <v>4550</v>
      </c>
      <c r="E9182" s="18"/>
      <c r="F9182" s="18"/>
      <c r="G9182" s="18"/>
      <c r="H9182" s="18"/>
      <c r="I9182" s="18"/>
      <c r="J9182" s="18"/>
      <c r="K9182" s="18"/>
      <c r="L9182" s="18"/>
      <c r="M9182" s="18"/>
      <c r="N9182" s="18"/>
      <c r="O9182" s="18"/>
      <c r="P9182" s="19">
        <v>150</v>
      </c>
      <c r="Q9182" s="19"/>
      <c r="R9182" s="19"/>
      <c r="S9182" s="19"/>
      <c r="T9182" s="19">
        <v>100</v>
      </c>
      <c r="U9182" s="19"/>
      <c r="V9182" s="19"/>
      <c r="W9182" s="19"/>
      <c r="X9182" s="19">
        <v>48</v>
      </c>
      <c r="Y9182" s="19"/>
      <c r="Z9182" s="19"/>
      <c r="AA9182" s="19"/>
    </row>
    <row r="9183" spans="1:27" s="1" customFormat="1" ht="11.1" customHeight="1" outlineLevel="1" x14ac:dyDescent="0.2">
      <c r="A9183" s="17"/>
      <c r="B9183" s="17"/>
      <c r="C9183" s="17"/>
      <c r="D9183" s="18"/>
      <c r="E9183" s="18"/>
      <c r="F9183" s="18"/>
      <c r="G9183" s="18"/>
      <c r="H9183" s="18"/>
      <c r="I9183" s="18"/>
      <c r="J9183" s="18"/>
      <c r="K9183" s="18"/>
      <c r="L9183" s="18"/>
      <c r="M9183" s="18"/>
      <c r="N9183" s="18"/>
      <c r="O9183" s="18"/>
      <c r="P9183" s="19"/>
      <c r="Q9183" s="19"/>
      <c r="R9183" s="19"/>
      <c r="S9183" s="19"/>
      <c r="T9183" s="19"/>
      <c r="U9183" s="19"/>
      <c r="V9183" s="19"/>
      <c r="W9183" s="19"/>
      <c r="X9183" s="19"/>
      <c r="Y9183" s="19"/>
      <c r="Z9183" s="19"/>
      <c r="AA9183" s="19"/>
    </row>
    <row r="9184" spans="1:27" s="1" customFormat="1" ht="14.1" customHeight="1" outlineLevel="1" x14ac:dyDescent="0.2">
      <c r="A9184" s="17">
        <v>12814</v>
      </c>
      <c r="B9184" s="17"/>
      <c r="C9184" s="17"/>
      <c r="D9184" s="18" t="s">
        <v>4551</v>
      </c>
      <c r="E9184" s="18"/>
      <c r="F9184" s="18"/>
      <c r="G9184" s="18"/>
      <c r="H9184" s="18"/>
      <c r="I9184" s="18"/>
      <c r="J9184" s="18"/>
      <c r="K9184" s="18"/>
      <c r="L9184" s="18"/>
      <c r="M9184" s="18"/>
      <c r="N9184" s="18"/>
      <c r="O9184" s="18"/>
      <c r="P9184" s="19">
        <v>200</v>
      </c>
      <c r="Q9184" s="19"/>
      <c r="R9184" s="19"/>
      <c r="S9184" s="19"/>
      <c r="T9184" s="19">
        <v>150</v>
      </c>
      <c r="U9184" s="19"/>
      <c r="V9184" s="19"/>
      <c r="W9184" s="19"/>
      <c r="X9184" s="19">
        <v>7</v>
      </c>
      <c r="Y9184" s="19"/>
      <c r="Z9184" s="19"/>
      <c r="AA9184" s="19"/>
    </row>
    <row r="9185" spans="1:27" s="1" customFormat="1" ht="14.1" customHeight="1" outlineLevel="1" x14ac:dyDescent="0.2">
      <c r="A9185" s="17"/>
      <c r="B9185" s="17"/>
      <c r="C9185" s="17"/>
      <c r="D9185" s="18"/>
      <c r="E9185" s="18"/>
      <c r="F9185" s="18"/>
      <c r="G9185" s="18"/>
      <c r="H9185" s="18"/>
      <c r="I9185" s="18"/>
      <c r="J9185" s="18"/>
      <c r="K9185" s="18"/>
      <c r="L9185" s="18"/>
      <c r="M9185" s="18"/>
      <c r="N9185" s="18"/>
      <c r="O9185" s="18"/>
      <c r="P9185" s="19"/>
      <c r="Q9185" s="19"/>
      <c r="R9185" s="19"/>
      <c r="S9185" s="19"/>
      <c r="T9185" s="19"/>
      <c r="U9185" s="19"/>
      <c r="V9185" s="19"/>
      <c r="W9185" s="19"/>
      <c r="X9185" s="19"/>
      <c r="Y9185" s="19"/>
      <c r="Z9185" s="19"/>
      <c r="AA9185" s="19"/>
    </row>
    <row r="9186" spans="1:27" s="1" customFormat="1" ht="11.1" customHeight="1" outlineLevel="1" x14ac:dyDescent="0.2">
      <c r="A9186" s="17">
        <v>13562</v>
      </c>
      <c r="B9186" s="17"/>
      <c r="C9186" s="17"/>
      <c r="D9186" s="18" t="s">
        <v>4552</v>
      </c>
      <c r="E9186" s="18"/>
      <c r="F9186" s="18"/>
      <c r="G9186" s="18"/>
      <c r="H9186" s="18"/>
      <c r="I9186" s="18"/>
      <c r="J9186" s="18"/>
      <c r="K9186" s="18"/>
      <c r="L9186" s="18"/>
      <c r="M9186" s="18"/>
      <c r="N9186" s="18"/>
      <c r="O9186" s="18"/>
      <c r="P9186" s="19">
        <v>290</v>
      </c>
      <c r="Q9186" s="19"/>
      <c r="R9186" s="19"/>
      <c r="S9186" s="19"/>
      <c r="T9186" s="19">
        <v>200</v>
      </c>
      <c r="U9186" s="19"/>
      <c r="V9186" s="19"/>
      <c r="W9186" s="19"/>
      <c r="X9186" s="19">
        <v>16</v>
      </c>
      <c r="Y9186" s="19"/>
      <c r="Z9186" s="19"/>
      <c r="AA9186" s="19"/>
    </row>
    <row r="9187" spans="1:27" s="1" customFormat="1" ht="11.1" customHeight="1" outlineLevel="1" x14ac:dyDescent="0.2">
      <c r="A9187" s="17"/>
      <c r="B9187" s="17"/>
      <c r="C9187" s="17"/>
      <c r="D9187" s="18"/>
      <c r="E9187" s="18"/>
      <c r="F9187" s="18"/>
      <c r="G9187" s="18"/>
      <c r="H9187" s="18"/>
      <c r="I9187" s="18"/>
      <c r="J9187" s="18"/>
      <c r="K9187" s="18"/>
      <c r="L9187" s="18"/>
      <c r="M9187" s="18"/>
      <c r="N9187" s="18"/>
      <c r="O9187" s="18"/>
      <c r="P9187" s="19"/>
      <c r="Q9187" s="19"/>
      <c r="R9187" s="19"/>
      <c r="S9187" s="19"/>
      <c r="T9187" s="19"/>
      <c r="U9187" s="19"/>
      <c r="V9187" s="19"/>
      <c r="W9187" s="19"/>
      <c r="X9187" s="19"/>
      <c r="Y9187" s="19"/>
      <c r="Z9187" s="19"/>
      <c r="AA9187" s="19"/>
    </row>
    <row r="9188" spans="1:27" s="1" customFormat="1" ht="14.1" customHeight="1" outlineLevel="1" x14ac:dyDescent="0.2">
      <c r="A9188" s="17">
        <v>17853</v>
      </c>
      <c r="B9188" s="17"/>
      <c r="C9188" s="17"/>
      <c r="D9188" s="18" t="s">
        <v>4553</v>
      </c>
      <c r="E9188" s="18"/>
      <c r="F9188" s="18"/>
      <c r="G9188" s="18"/>
      <c r="H9188" s="18"/>
      <c r="I9188" s="18"/>
      <c r="J9188" s="18"/>
      <c r="K9188" s="18"/>
      <c r="L9188" s="18"/>
      <c r="M9188" s="18"/>
      <c r="N9188" s="18"/>
      <c r="O9188" s="18"/>
      <c r="P9188" s="19">
        <v>250</v>
      </c>
      <c r="Q9188" s="19"/>
      <c r="R9188" s="19"/>
      <c r="S9188" s="19"/>
      <c r="T9188" s="19">
        <v>150</v>
      </c>
      <c r="U9188" s="19"/>
      <c r="V9188" s="19"/>
      <c r="W9188" s="19"/>
      <c r="X9188" s="19">
        <v>3</v>
      </c>
      <c r="Y9188" s="19"/>
      <c r="Z9188" s="19"/>
      <c r="AA9188" s="19"/>
    </row>
    <row r="9189" spans="1:27" s="1" customFormat="1" ht="14.1" customHeight="1" outlineLevel="1" x14ac:dyDescent="0.2">
      <c r="A9189" s="17"/>
      <c r="B9189" s="17"/>
      <c r="C9189" s="17"/>
      <c r="D9189" s="18"/>
      <c r="E9189" s="18"/>
      <c r="F9189" s="18"/>
      <c r="G9189" s="18"/>
      <c r="H9189" s="18"/>
      <c r="I9189" s="18"/>
      <c r="J9189" s="18"/>
      <c r="K9189" s="18"/>
      <c r="L9189" s="18"/>
      <c r="M9189" s="18"/>
      <c r="N9189" s="18"/>
      <c r="O9189" s="18"/>
      <c r="P9189" s="19"/>
      <c r="Q9189" s="19"/>
      <c r="R9189" s="19"/>
      <c r="S9189" s="19"/>
      <c r="T9189" s="19"/>
      <c r="U9189" s="19"/>
      <c r="V9189" s="19"/>
      <c r="W9189" s="19"/>
      <c r="X9189" s="19"/>
      <c r="Y9189" s="19"/>
      <c r="Z9189" s="19"/>
      <c r="AA9189" s="19"/>
    </row>
    <row r="9190" spans="1:27" s="1" customFormat="1" ht="11.1" customHeight="1" outlineLevel="1" x14ac:dyDescent="0.2">
      <c r="A9190" s="17">
        <v>16464</v>
      </c>
      <c r="B9190" s="17"/>
      <c r="C9190" s="17"/>
      <c r="D9190" s="18" t="s">
        <v>4554</v>
      </c>
      <c r="E9190" s="18"/>
      <c r="F9190" s="18"/>
      <c r="G9190" s="18"/>
      <c r="H9190" s="18"/>
      <c r="I9190" s="18"/>
      <c r="J9190" s="18"/>
      <c r="K9190" s="18"/>
      <c r="L9190" s="18"/>
      <c r="M9190" s="18"/>
      <c r="N9190" s="18"/>
      <c r="O9190" s="18"/>
      <c r="P9190" s="19">
        <v>290</v>
      </c>
      <c r="Q9190" s="19"/>
      <c r="R9190" s="19"/>
      <c r="S9190" s="19"/>
      <c r="T9190" s="19">
        <v>200</v>
      </c>
      <c r="U9190" s="19"/>
      <c r="V9190" s="19"/>
      <c r="W9190" s="19"/>
      <c r="X9190" s="19">
        <v>7</v>
      </c>
      <c r="Y9190" s="19"/>
      <c r="Z9190" s="19"/>
      <c r="AA9190" s="19"/>
    </row>
    <row r="9191" spans="1:27" s="1" customFormat="1" ht="11.1" customHeight="1" outlineLevel="1" x14ac:dyDescent="0.2">
      <c r="A9191" s="17"/>
      <c r="B9191" s="17"/>
      <c r="C9191" s="17"/>
      <c r="D9191" s="18"/>
      <c r="E9191" s="18"/>
      <c r="F9191" s="18"/>
      <c r="G9191" s="18"/>
      <c r="H9191" s="18"/>
      <c r="I9191" s="18"/>
      <c r="J9191" s="18"/>
      <c r="K9191" s="18"/>
      <c r="L9191" s="18"/>
      <c r="M9191" s="18"/>
      <c r="N9191" s="18"/>
      <c r="O9191" s="18"/>
      <c r="P9191" s="19"/>
      <c r="Q9191" s="19"/>
      <c r="R9191" s="19"/>
      <c r="S9191" s="19"/>
      <c r="T9191" s="19"/>
      <c r="U9191" s="19"/>
      <c r="V9191" s="19"/>
      <c r="W9191" s="19"/>
      <c r="X9191" s="19"/>
      <c r="Y9191" s="19"/>
      <c r="Z9191" s="19"/>
      <c r="AA9191" s="19"/>
    </row>
    <row r="9192" spans="1:27" s="1" customFormat="1" ht="14.1" customHeight="1" outlineLevel="1" x14ac:dyDescent="0.2">
      <c r="A9192" s="17">
        <v>18182</v>
      </c>
      <c r="B9192" s="17"/>
      <c r="C9192" s="17"/>
      <c r="D9192" s="18" t="s">
        <v>4555</v>
      </c>
      <c r="E9192" s="18"/>
      <c r="F9192" s="18"/>
      <c r="G9192" s="18"/>
      <c r="H9192" s="18"/>
      <c r="I9192" s="18"/>
      <c r="J9192" s="18"/>
      <c r="K9192" s="18"/>
      <c r="L9192" s="18"/>
      <c r="M9192" s="18"/>
      <c r="N9192" s="18"/>
      <c r="O9192" s="18"/>
      <c r="P9192" s="19">
        <v>350</v>
      </c>
      <c r="Q9192" s="19"/>
      <c r="R9192" s="19"/>
      <c r="S9192" s="19"/>
      <c r="T9192" s="19">
        <v>250</v>
      </c>
      <c r="U9192" s="19"/>
      <c r="V9192" s="19"/>
      <c r="W9192" s="19"/>
      <c r="X9192" s="19">
        <v>1</v>
      </c>
      <c r="Y9192" s="19"/>
      <c r="Z9192" s="19"/>
      <c r="AA9192" s="19"/>
    </row>
    <row r="9193" spans="1:27" s="1" customFormat="1" ht="14.1" customHeight="1" outlineLevel="1" x14ac:dyDescent="0.2">
      <c r="A9193" s="17"/>
      <c r="B9193" s="17"/>
      <c r="C9193" s="17"/>
      <c r="D9193" s="18"/>
      <c r="E9193" s="18"/>
      <c r="F9193" s="18"/>
      <c r="G9193" s="18"/>
      <c r="H9193" s="18"/>
      <c r="I9193" s="18"/>
      <c r="J9193" s="18"/>
      <c r="K9193" s="18"/>
      <c r="L9193" s="18"/>
      <c r="M9193" s="18"/>
      <c r="N9193" s="18"/>
      <c r="O9193" s="18"/>
      <c r="P9193" s="19"/>
      <c r="Q9193" s="19"/>
      <c r="R9193" s="19"/>
      <c r="S9193" s="19"/>
      <c r="T9193" s="19"/>
      <c r="U9193" s="19"/>
      <c r="V9193" s="19"/>
      <c r="W9193" s="19"/>
      <c r="X9193" s="19"/>
      <c r="Y9193" s="19"/>
      <c r="Z9193" s="19"/>
      <c r="AA9193" s="19"/>
    </row>
    <row r="9194" spans="1:27" s="1" customFormat="1" ht="14.1" customHeight="1" outlineLevel="1" x14ac:dyDescent="0.2">
      <c r="A9194" s="17">
        <v>13321</v>
      </c>
      <c r="B9194" s="17"/>
      <c r="C9194" s="17"/>
      <c r="D9194" s="18" t="s">
        <v>4556</v>
      </c>
      <c r="E9194" s="18"/>
      <c r="F9194" s="18"/>
      <c r="G9194" s="18"/>
      <c r="H9194" s="18"/>
      <c r="I9194" s="18"/>
      <c r="J9194" s="18"/>
      <c r="K9194" s="18"/>
      <c r="L9194" s="18"/>
      <c r="M9194" s="18"/>
      <c r="N9194" s="18"/>
      <c r="O9194" s="18"/>
      <c r="P9194" s="19">
        <v>150</v>
      </c>
      <c r="Q9194" s="19"/>
      <c r="R9194" s="19"/>
      <c r="S9194" s="19"/>
      <c r="T9194" s="19">
        <v>100</v>
      </c>
      <c r="U9194" s="19"/>
      <c r="V9194" s="19"/>
      <c r="W9194" s="19"/>
      <c r="X9194" s="19">
        <v>3</v>
      </c>
      <c r="Y9194" s="19"/>
      <c r="Z9194" s="19"/>
      <c r="AA9194" s="19"/>
    </row>
    <row r="9195" spans="1:27" s="1" customFormat="1" ht="14.1" customHeight="1" outlineLevel="1" x14ac:dyDescent="0.2">
      <c r="A9195" s="17"/>
      <c r="B9195" s="17"/>
      <c r="C9195" s="17"/>
      <c r="D9195" s="18"/>
      <c r="E9195" s="18"/>
      <c r="F9195" s="18"/>
      <c r="G9195" s="18"/>
      <c r="H9195" s="18"/>
      <c r="I9195" s="18"/>
      <c r="J9195" s="18"/>
      <c r="K9195" s="18"/>
      <c r="L9195" s="18"/>
      <c r="M9195" s="18"/>
      <c r="N9195" s="18"/>
      <c r="O9195" s="18"/>
      <c r="P9195" s="19"/>
      <c r="Q9195" s="19"/>
      <c r="R9195" s="19"/>
      <c r="S9195" s="19"/>
      <c r="T9195" s="19"/>
      <c r="U9195" s="19"/>
      <c r="V9195" s="19"/>
      <c r="W9195" s="19"/>
      <c r="X9195" s="19"/>
      <c r="Y9195" s="19"/>
      <c r="Z9195" s="19"/>
      <c r="AA9195" s="19"/>
    </row>
    <row r="9196" spans="1:27" s="1" customFormat="1" ht="14.1" customHeight="1" outlineLevel="1" x14ac:dyDescent="0.2">
      <c r="A9196" s="17">
        <v>12648</v>
      </c>
      <c r="B9196" s="17"/>
      <c r="C9196" s="17"/>
      <c r="D9196" s="18" t="s">
        <v>4557</v>
      </c>
      <c r="E9196" s="18"/>
      <c r="F9196" s="18"/>
      <c r="G9196" s="18"/>
      <c r="H9196" s="18"/>
      <c r="I9196" s="18"/>
      <c r="J9196" s="18"/>
      <c r="K9196" s="18"/>
      <c r="L9196" s="18"/>
      <c r="M9196" s="18"/>
      <c r="N9196" s="18"/>
      <c r="O9196" s="18"/>
      <c r="P9196" s="19">
        <v>300</v>
      </c>
      <c r="Q9196" s="19"/>
      <c r="R9196" s="19"/>
      <c r="S9196" s="19"/>
      <c r="T9196" s="19">
        <v>240</v>
      </c>
      <c r="U9196" s="19"/>
      <c r="V9196" s="19"/>
      <c r="W9196" s="19"/>
      <c r="X9196" s="19">
        <v>3</v>
      </c>
      <c r="Y9196" s="19"/>
      <c r="Z9196" s="19"/>
      <c r="AA9196" s="19"/>
    </row>
    <row r="9197" spans="1:27" s="1" customFormat="1" ht="14.1" customHeight="1" outlineLevel="1" x14ac:dyDescent="0.2">
      <c r="A9197" s="17"/>
      <c r="B9197" s="17"/>
      <c r="C9197" s="17"/>
      <c r="D9197" s="18"/>
      <c r="E9197" s="18"/>
      <c r="F9197" s="18"/>
      <c r="G9197" s="18"/>
      <c r="H9197" s="18"/>
      <c r="I9197" s="18"/>
      <c r="J9197" s="18"/>
      <c r="K9197" s="18"/>
      <c r="L9197" s="18"/>
      <c r="M9197" s="18"/>
      <c r="N9197" s="18"/>
      <c r="O9197" s="18"/>
      <c r="P9197" s="19"/>
      <c r="Q9197" s="19"/>
      <c r="R9197" s="19"/>
      <c r="S9197" s="19"/>
      <c r="T9197" s="19"/>
      <c r="U9197" s="19"/>
      <c r="V9197" s="19"/>
      <c r="W9197" s="19"/>
      <c r="X9197" s="19"/>
      <c r="Y9197" s="19"/>
      <c r="Z9197" s="19"/>
      <c r="AA9197" s="19"/>
    </row>
    <row r="9198" spans="1:27" s="1" customFormat="1" ht="11.1" customHeight="1" outlineLevel="1" x14ac:dyDescent="0.2">
      <c r="A9198" s="17">
        <v>16105</v>
      </c>
      <c r="B9198" s="17"/>
      <c r="C9198" s="17"/>
      <c r="D9198" s="18" t="s">
        <v>4558</v>
      </c>
      <c r="E9198" s="18"/>
      <c r="F9198" s="18"/>
      <c r="G9198" s="18"/>
      <c r="H9198" s="18"/>
      <c r="I9198" s="18"/>
      <c r="J9198" s="18"/>
      <c r="K9198" s="18"/>
      <c r="L9198" s="18"/>
      <c r="M9198" s="18"/>
      <c r="N9198" s="18"/>
      <c r="O9198" s="18"/>
      <c r="P9198" s="19">
        <v>240</v>
      </c>
      <c r="Q9198" s="19"/>
      <c r="R9198" s="19"/>
      <c r="S9198" s="19"/>
      <c r="T9198" s="19">
        <v>190</v>
      </c>
      <c r="U9198" s="19"/>
      <c r="V9198" s="19"/>
      <c r="W9198" s="19"/>
      <c r="X9198" s="19">
        <v>9</v>
      </c>
      <c r="Y9198" s="19"/>
      <c r="Z9198" s="19"/>
      <c r="AA9198" s="19"/>
    </row>
    <row r="9199" spans="1:27" s="1" customFormat="1" ht="11.1" customHeight="1" outlineLevel="1" x14ac:dyDescent="0.2">
      <c r="A9199" s="17"/>
      <c r="B9199" s="17"/>
      <c r="C9199" s="17"/>
      <c r="D9199" s="18"/>
      <c r="E9199" s="18"/>
      <c r="F9199" s="18"/>
      <c r="G9199" s="18"/>
      <c r="H9199" s="18"/>
      <c r="I9199" s="18"/>
      <c r="J9199" s="18"/>
      <c r="K9199" s="18"/>
      <c r="L9199" s="18"/>
      <c r="M9199" s="18"/>
      <c r="N9199" s="18"/>
      <c r="O9199" s="18"/>
      <c r="P9199" s="19"/>
      <c r="Q9199" s="19"/>
      <c r="R9199" s="19"/>
      <c r="S9199" s="19"/>
      <c r="T9199" s="19"/>
      <c r="U9199" s="19"/>
      <c r="V9199" s="19"/>
      <c r="W9199" s="19"/>
      <c r="X9199" s="19"/>
      <c r="Y9199" s="19"/>
      <c r="Z9199" s="19"/>
      <c r="AA9199" s="19"/>
    </row>
    <row r="9200" spans="1:27" s="1" customFormat="1" ht="14.1" customHeight="1" outlineLevel="1" x14ac:dyDescent="0.2">
      <c r="A9200" s="17">
        <v>16791</v>
      </c>
      <c r="B9200" s="17"/>
      <c r="C9200" s="17"/>
      <c r="D9200" s="18" t="s">
        <v>4559</v>
      </c>
      <c r="E9200" s="18"/>
      <c r="F9200" s="18"/>
      <c r="G9200" s="18"/>
      <c r="H9200" s="18"/>
      <c r="I9200" s="18"/>
      <c r="J9200" s="18"/>
      <c r="K9200" s="18"/>
      <c r="L9200" s="18"/>
      <c r="M9200" s="18"/>
      <c r="N9200" s="18"/>
      <c r="O9200" s="18"/>
      <c r="P9200" s="19">
        <v>300</v>
      </c>
      <c r="Q9200" s="19"/>
      <c r="R9200" s="19"/>
      <c r="S9200" s="19"/>
      <c r="T9200" s="19">
        <v>200</v>
      </c>
      <c r="U9200" s="19"/>
      <c r="V9200" s="19"/>
      <c r="W9200" s="19"/>
      <c r="X9200" s="19">
        <v>1</v>
      </c>
      <c r="Y9200" s="19"/>
      <c r="Z9200" s="19"/>
      <c r="AA9200" s="19"/>
    </row>
    <row r="9201" spans="1:27" s="1" customFormat="1" ht="14.1" customHeight="1" outlineLevel="1" x14ac:dyDescent="0.2">
      <c r="A9201" s="17"/>
      <c r="B9201" s="17"/>
      <c r="C9201" s="17"/>
      <c r="D9201" s="18"/>
      <c r="E9201" s="18"/>
      <c r="F9201" s="18"/>
      <c r="G9201" s="18"/>
      <c r="H9201" s="18"/>
      <c r="I9201" s="18"/>
      <c r="J9201" s="18"/>
      <c r="K9201" s="18"/>
      <c r="L9201" s="18"/>
      <c r="M9201" s="18"/>
      <c r="N9201" s="18"/>
      <c r="O9201" s="18"/>
      <c r="P9201" s="19"/>
      <c r="Q9201" s="19"/>
      <c r="R9201" s="19"/>
      <c r="S9201" s="19"/>
      <c r="T9201" s="19"/>
      <c r="U9201" s="19"/>
      <c r="V9201" s="19"/>
      <c r="W9201" s="19"/>
      <c r="X9201" s="19"/>
      <c r="Y9201" s="19"/>
      <c r="Z9201" s="19"/>
      <c r="AA9201" s="19"/>
    </row>
    <row r="9202" spans="1:27" s="1" customFormat="1" ht="14.1" customHeight="1" outlineLevel="1" x14ac:dyDescent="0.2">
      <c r="A9202" s="17">
        <v>13927</v>
      </c>
      <c r="B9202" s="17"/>
      <c r="C9202" s="17"/>
      <c r="D9202" s="18" t="s">
        <v>4560</v>
      </c>
      <c r="E9202" s="18"/>
      <c r="F9202" s="18"/>
      <c r="G9202" s="18"/>
      <c r="H9202" s="18"/>
      <c r="I9202" s="18"/>
      <c r="J9202" s="18"/>
      <c r="K9202" s="18"/>
      <c r="L9202" s="18"/>
      <c r="M9202" s="18"/>
      <c r="N9202" s="18"/>
      <c r="O9202" s="18"/>
      <c r="P9202" s="19">
        <v>400</v>
      </c>
      <c r="Q9202" s="19"/>
      <c r="R9202" s="19"/>
      <c r="S9202" s="19"/>
      <c r="T9202" s="19">
        <v>350</v>
      </c>
      <c r="U9202" s="19"/>
      <c r="V9202" s="19"/>
      <c r="W9202" s="19"/>
      <c r="X9202" s="19">
        <v>10</v>
      </c>
      <c r="Y9202" s="19"/>
      <c r="Z9202" s="19"/>
      <c r="AA9202" s="19"/>
    </row>
    <row r="9203" spans="1:27" s="1" customFormat="1" ht="14.1" customHeight="1" outlineLevel="1" x14ac:dyDescent="0.2">
      <c r="A9203" s="17"/>
      <c r="B9203" s="17"/>
      <c r="C9203" s="17"/>
      <c r="D9203" s="18"/>
      <c r="E9203" s="18"/>
      <c r="F9203" s="18"/>
      <c r="G9203" s="18"/>
      <c r="H9203" s="18"/>
      <c r="I9203" s="18"/>
      <c r="J9203" s="18"/>
      <c r="K9203" s="18"/>
      <c r="L9203" s="18"/>
      <c r="M9203" s="18"/>
      <c r="N9203" s="18"/>
      <c r="O9203" s="18"/>
      <c r="P9203" s="19"/>
      <c r="Q9203" s="19"/>
      <c r="R9203" s="19"/>
      <c r="S9203" s="19"/>
      <c r="T9203" s="19"/>
      <c r="U9203" s="19"/>
      <c r="V9203" s="19"/>
      <c r="W9203" s="19"/>
      <c r="X9203" s="19"/>
      <c r="Y9203" s="19"/>
      <c r="Z9203" s="19"/>
      <c r="AA9203" s="19"/>
    </row>
    <row r="9204" spans="1:27" s="1" customFormat="1" ht="14.1" customHeight="1" outlineLevel="1" x14ac:dyDescent="0.2">
      <c r="A9204" s="17">
        <v>15780</v>
      </c>
      <c r="B9204" s="17"/>
      <c r="C9204" s="17"/>
      <c r="D9204" s="18" t="s">
        <v>4561</v>
      </c>
      <c r="E9204" s="18"/>
      <c r="F9204" s="18"/>
      <c r="G9204" s="18"/>
      <c r="H9204" s="18"/>
      <c r="I9204" s="18"/>
      <c r="J9204" s="18"/>
      <c r="K9204" s="18"/>
      <c r="L9204" s="18"/>
      <c r="M9204" s="18"/>
      <c r="N9204" s="18"/>
      <c r="O9204" s="18"/>
      <c r="P9204" s="19">
        <v>350</v>
      </c>
      <c r="Q9204" s="19"/>
      <c r="R9204" s="19"/>
      <c r="S9204" s="19"/>
      <c r="T9204" s="19">
        <v>250</v>
      </c>
      <c r="U9204" s="19"/>
      <c r="V9204" s="19"/>
      <c r="W9204" s="19"/>
      <c r="X9204" s="19">
        <v>2</v>
      </c>
      <c r="Y9204" s="19"/>
      <c r="Z9204" s="19"/>
      <c r="AA9204" s="19"/>
    </row>
    <row r="9205" spans="1:27" s="1" customFormat="1" ht="14.1" customHeight="1" outlineLevel="1" x14ac:dyDescent="0.2">
      <c r="A9205" s="17"/>
      <c r="B9205" s="17"/>
      <c r="C9205" s="17"/>
      <c r="D9205" s="18"/>
      <c r="E9205" s="18"/>
      <c r="F9205" s="18"/>
      <c r="G9205" s="18"/>
      <c r="H9205" s="18"/>
      <c r="I9205" s="18"/>
      <c r="J9205" s="18"/>
      <c r="K9205" s="18"/>
      <c r="L9205" s="18"/>
      <c r="M9205" s="18"/>
      <c r="N9205" s="18"/>
      <c r="O9205" s="18"/>
      <c r="P9205" s="19"/>
      <c r="Q9205" s="19"/>
      <c r="R9205" s="19"/>
      <c r="S9205" s="19"/>
      <c r="T9205" s="19"/>
      <c r="U9205" s="19"/>
      <c r="V9205" s="19"/>
      <c r="W9205" s="19"/>
      <c r="X9205" s="19"/>
      <c r="Y9205" s="19"/>
      <c r="Z9205" s="19"/>
      <c r="AA9205" s="19"/>
    </row>
    <row r="9206" spans="1:27" s="1" customFormat="1" ht="14.1" customHeight="1" outlineLevel="1" x14ac:dyDescent="0.2">
      <c r="A9206" s="17">
        <v>17454</v>
      </c>
      <c r="B9206" s="17"/>
      <c r="C9206" s="17"/>
      <c r="D9206" s="18" t="s">
        <v>4562</v>
      </c>
      <c r="E9206" s="18"/>
      <c r="F9206" s="18"/>
      <c r="G9206" s="18"/>
      <c r="H9206" s="18"/>
      <c r="I9206" s="18"/>
      <c r="J9206" s="18"/>
      <c r="K9206" s="18"/>
      <c r="L9206" s="18"/>
      <c r="M9206" s="18"/>
      <c r="N9206" s="18"/>
      <c r="O9206" s="18"/>
      <c r="P9206" s="19">
        <v>350</v>
      </c>
      <c r="Q9206" s="19"/>
      <c r="R9206" s="19"/>
      <c r="S9206" s="19"/>
      <c r="T9206" s="19">
        <v>250</v>
      </c>
      <c r="U9206" s="19"/>
      <c r="V9206" s="19"/>
      <c r="W9206" s="19"/>
      <c r="X9206" s="19">
        <v>1</v>
      </c>
      <c r="Y9206" s="19"/>
      <c r="Z9206" s="19"/>
      <c r="AA9206" s="19"/>
    </row>
    <row r="9207" spans="1:27" s="1" customFormat="1" ht="14.1" customHeight="1" outlineLevel="1" x14ac:dyDescent="0.2">
      <c r="A9207" s="17"/>
      <c r="B9207" s="17"/>
      <c r="C9207" s="17"/>
      <c r="D9207" s="18"/>
      <c r="E9207" s="18"/>
      <c r="F9207" s="18"/>
      <c r="G9207" s="18"/>
      <c r="H9207" s="18"/>
      <c r="I9207" s="18"/>
      <c r="J9207" s="18"/>
      <c r="K9207" s="18"/>
      <c r="L9207" s="18"/>
      <c r="M9207" s="18"/>
      <c r="N9207" s="18"/>
      <c r="O9207" s="18"/>
      <c r="P9207" s="19"/>
      <c r="Q9207" s="19"/>
      <c r="R9207" s="19"/>
      <c r="S9207" s="19"/>
      <c r="T9207" s="19"/>
      <c r="U9207" s="19"/>
      <c r="V9207" s="19"/>
      <c r="W9207" s="19"/>
      <c r="X9207" s="19"/>
      <c r="Y9207" s="19"/>
      <c r="Z9207" s="19"/>
      <c r="AA9207" s="19"/>
    </row>
    <row r="9208" spans="1:27" s="1" customFormat="1" ht="14.1" customHeight="1" outlineLevel="1" x14ac:dyDescent="0.2">
      <c r="A9208" s="17">
        <v>16772</v>
      </c>
      <c r="B9208" s="17"/>
      <c r="C9208" s="17"/>
      <c r="D9208" s="18" t="s">
        <v>4563</v>
      </c>
      <c r="E9208" s="18"/>
      <c r="F9208" s="18"/>
      <c r="G9208" s="18"/>
      <c r="H9208" s="18"/>
      <c r="I9208" s="18"/>
      <c r="J9208" s="18"/>
      <c r="K9208" s="18"/>
      <c r="L9208" s="18"/>
      <c r="M9208" s="18"/>
      <c r="N9208" s="18"/>
      <c r="O9208" s="18"/>
      <c r="P9208" s="19">
        <v>350</v>
      </c>
      <c r="Q9208" s="19"/>
      <c r="R9208" s="19"/>
      <c r="S9208" s="19"/>
      <c r="T9208" s="19">
        <v>250</v>
      </c>
      <c r="U9208" s="19"/>
      <c r="V9208" s="19"/>
      <c r="W9208" s="19"/>
      <c r="X9208" s="19">
        <v>2</v>
      </c>
      <c r="Y9208" s="19"/>
      <c r="Z9208" s="19"/>
      <c r="AA9208" s="19"/>
    </row>
    <row r="9209" spans="1:27" s="1" customFormat="1" ht="14.1" customHeight="1" outlineLevel="1" x14ac:dyDescent="0.2">
      <c r="A9209" s="17"/>
      <c r="B9209" s="17"/>
      <c r="C9209" s="17"/>
      <c r="D9209" s="18"/>
      <c r="E9209" s="18"/>
      <c r="F9209" s="18"/>
      <c r="G9209" s="18"/>
      <c r="H9209" s="18"/>
      <c r="I9209" s="18"/>
      <c r="J9209" s="18"/>
      <c r="K9209" s="18"/>
      <c r="L9209" s="18"/>
      <c r="M9209" s="18"/>
      <c r="N9209" s="18"/>
      <c r="O9209" s="18"/>
      <c r="P9209" s="19"/>
      <c r="Q9209" s="19"/>
      <c r="R9209" s="19"/>
      <c r="S9209" s="19"/>
      <c r="T9209" s="19"/>
      <c r="U9209" s="19"/>
      <c r="V9209" s="19"/>
      <c r="W9209" s="19"/>
      <c r="X9209" s="19"/>
      <c r="Y9209" s="19"/>
      <c r="Z9209" s="19"/>
      <c r="AA9209" s="19"/>
    </row>
    <row r="9210" spans="1:27" s="1" customFormat="1" ht="14.1" customHeight="1" outlineLevel="1" x14ac:dyDescent="0.2">
      <c r="A9210" s="17">
        <v>17406</v>
      </c>
      <c r="B9210" s="17"/>
      <c r="C9210" s="17"/>
      <c r="D9210" s="18" t="s">
        <v>4564</v>
      </c>
      <c r="E9210" s="18"/>
      <c r="F9210" s="18"/>
      <c r="G9210" s="18"/>
      <c r="H9210" s="18"/>
      <c r="I9210" s="18"/>
      <c r="J9210" s="18"/>
      <c r="K9210" s="18"/>
      <c r="L9210" s="18"/>
      <c r="M9210" s="18"/>
      <c r="N9210" s="18"/>
      <c r="O9210" s="18"/>
      <c r="P9210" s="19">
        <v>600</v>
      </c>
      <c r="Q9210" s="19"/>
      <c r="R9210" s="19"/>
      <c r="S9210" s="19"/>
      <c r="T9210" s="19">
        <v>500</v>
      </c>
      <c r="U9210" s="19"/>
      <c r="V9210" s="19"/>
      <c r="W9210" s="19"/>
      <c r="X9210" s="19">
        <v>2</v>
      </c>
      <c r="Y9210" s="19"/>
      <c r="Z9210" s="19"/>
      <c r="AA9210" s="19"/>
    </row>
    <row r="9211" spans="1:27" s="1" customFormat="1" ht="14.1" customHeight="1" outlineLevel="1" x14ac:dyDescent="0.2">
      <c r="A9211" s="17"/>
      <c r="B9211" s="17"/>
      <c r="C9211" s="17"/>
      <c r="D9211" s="18"/>
      <c r="E9211" s="18"/>
      <c r="F9211" s="18"/>
      <c r="G9211" s="18"/>
      <c r="H9211" s="18"/>
      <c r="I9211" s="18"/>
      <c r="J9211" s="18"/>
      <c r="K9211" s="18"/>
      <c r="L9211" s="18"/>
      <c r="M9211" s="18"/>
      <c r="N9211" s="18"/>
      <c r="O9211" s="18"/>
      <c r="P9211" s="19"/>
      <c r="Q9211" s="19"/>
      <c r="R9211" s="19"/>
      <c r="S9211" s="19"/>
      <c r="T9211" s="19"/>
      <c r="U9211" s="19"/>
      <c r="V9211" s="19"/>
      <c r="W9211" s="19"/>
      <c r="X9211" s="19"/>
      <c r="Y9211" s="19"/>
      <c r="Z9211" s="19"/>
      <c r="AA9211" s="19"/>
    </row>
    <row r="9212" spans="1:27" s="1" customFormat="1" ht="14.1" customHeight="1" outlineLevel="1" x14ac:dyDescent="0.2">
      <c r="A9212" s="17">
        <v>15307</v>
      </c>
      <c r="B9212" s="17"/>
      <c r="C9212" s="17"/>
      <c r="D9212" s="18" t="s">
        <v>4565</v>
      </c>
      <c r="E9212" s="18"/>
      <c r="F9212" s="18"/>
      <c r="G9212" s="18"/>
      <c r="H9212" s="18"/>
      <c r="I9212" s="18"/>
      <c r="J9212" s="18"/>
      <c r="K9212" s="18"/>
      <c r="L9212" s="18"/>
      <c r="M9212" s="18"/>
      <c r="N9212" s="18"/>
      <c r="O9212" s="18"/>
      <c r="P9212" s="19">
        <v>220</v>
      </c>
      <c r="Q9212" s="19"/>
      <c r="R9212" s="19"/>
      <c r="S9212" s="19"/>
      <c r="T9212" s="19">
        <v>170</v>
      </c>
      <c r="U9212" s="19"/>
      <c r="V9212" s="19"/>
      <c r="W9212" s="19"/>
      <c r="X9212" s="19">
        <v>11</v>
      </c>
      <c r="Y9212" s="19"/>
      <c r="Z9212" s="19"/>
      <c r="AA9212" s="19"/>
    </row>
    <row r="9213" spans="1:27" s="1" customFormat="1" ht="14.1" customHeight="1" outlineLevel="1" x14ac:dyDescent="0.2">
      <c r="A9213" s="17"/>
      <c r="B9213" s="17"/>
      <c r="C9213" s="17"/>
      <c r="D9213" s="18"/>
      <c r="E9213" s="18"/>
      <c r="F9213" s="18"/>
      <c r="G9213" s="18"/>
      <c r="H9213" s="18"/>
      <c r="I9213" s="18"/>
      <c r="J9213" s="18"/>
      <c r="K9213" s="18"/>
      <c r="L9213" s="18"/>
      <c r="M9213" s="18"/>
      <c r="N9213" s="18"/>
      <c r="O9213" s="18"/>
      <c r="P9213" s="19"/>
      <c r="Q9213" s="19"/>
      <c r="R9213" s="19"/>
      <c r="S9213" s="19"/>
      <c r="T9213" s="19"/>
      <c r="U9213" s="19"/>
      <c r="V9213" s="19"/>
      <c r="W9213" s="19"/>
      <c r="X9213" s="19"/>
      <c r="Y9213" s="19"/>
      <c r="Z9213" s="19"/>
      <c r="AA9213" s="19"/>
    </row>
    <row r="9214" spans="1:27" s="1" customFormat="1" ht="14.1" customHeight="1" outlineLevel="1" x14ac:dyDescent="0.2">
      <c r="A9214" s="17">
        <v>14990</v>
      </c>
      <c r="B9214" s="17"/>
      <c r="C9214" s="17"/>
      <c r="D9214" s="18" t="s">
        <v>4566</v>
      </c>
      <c r="E9214" s="18"/>
      <c r="F9214" s="18"/>
      <c r="G9214" s="18"/>
      <c r="H9214" s="18"/>
      <c r="I9214" s="18"/>
      <c r="J9214" s="18"/>
      <c r="K9214" s="18"/>
      <c r="L9214" s="18"/>
      <c r="M9214" s="18"/>
      <c r="N9214" s="18"/>
      <c r="O9214" s="18"/>
      <c r="P9214" s="19">
        <v>200</v>
      </c>
      <c r="Q9214" s="19"/>
      <c r="R9214" s="19"/>
      <c r="S9214" s="19"/>
      <c r="T9214" s="19">
        <v>150</v>
      </c>
      <c r="U9214" s="19"/>
      <c r="V9214" s="19"/>
      <c r="W9214" s="19"/>
      <c r="X9214" s="19">
        <v>3</v>
      </c>
      <c r="Y9214" s="19"/>
      <c r="Z9214" s="19"/>
      <c r="AA9214" s="19"/>
    </row>
    <row r="9215" spans="1:27" s="1" customFormat="1" ht="14.1" customHeight="1" outlineLevel="1" x14ac:dyDescent="0.2">
      <c r="A9215" s="17"/>
      <c r="B9215" s="17"/>
      <c r="C9215" s="17"/>
      <c r="D9215" s="18"/>
      <c r="E9215" s="18"/>
      <c r="F9215" s="18"/>
      <c r="G9215" s="18"/>
      <c r="H9215" s="18"/>
      <c r="I9215" s="18"/>
      <c r="J9215" s="18"/>
      <c r="K9215" s="18"/>
      <c r="L9215" s="18"/>
      <c r="M9215" s="18"/>
      <c r="N9215" s="18"/>
      <c r="O9215" s="18"/>
      <c r="P9215" s="19"/>
      <c r="Q9215" s="19"/>
      <c r="R9215" s="19"/>
      <c r="S9215" s="19"/>
      <c r="T9215" s="19"/>
      <c r="U9215" s="19"/>
      <c r="V9215" s="19"/>
      <c r="W9215" s="19"/>
      <c r="X9215" s="19"/>
      <c r="Y9215" s="19"/>
      <c r="Z9215" s="19"/>
      <c r="AA9215" s="19"/>
    </row>
    <row r="9216" spans="1:27" s="1" customFormat="1" ht="14.1" customHeight="1" outlineLevel="1" x14ac:dyDescent="0.2">
      <c r="A9216" s="17">
        <v>14605</v>
      </c>
      <c r="B9216" s="17"/>
      <c r="C9216" s="17"/>
      <c r="D9216" s="18" t="s">
        <v>4567</v>
      </c>
      <c r="E9216" s="18"/>
      <c r="F9216" s="18"/>
      <c r="G9216" s="18"/>
      <c r="H9216" s="18"/>
      <c r="I9216" s="18"/>
      <c r="J9216" s="18"/>
      <c r="K9216" s="18"/>
      <c r="L9216" s="18"/>
      <c r="M9216" s="18"/>
      <c r="N9216" s="18"/>
      <c r="O9216" s="18"/>
      <c r="P9216" s="19">
        <v>380</v>
      </c>
      <c r="Q9216" s="19"/>
      <c r="R9216" s="19"/>
      <c r="S9216" s="19"/>
      <c r="T9216" s="19">
        <v>300</v>
      </c>
      <c r="U9216" s="19"/>
      <c r="V9216" s="19"/>
      <c r="W9216" s="19"/>
      <c r="X9216" s="19">
        <v>1</v>
      </c>
      <c r="Y9216" s="19"/>
      <c r="Z9216" s="19"/>
      <c r="AA9216" s="19"/>
    </row>
    <row r="9217" spans="1:27" s="1" customFormat="1" ht="14.1" customHeight="1" outlineLevel="1" x14ac:dyDescent="0.2">
      <c r="A9217" s="17"/>
      <c r="B9217" s="17"/>
      <c r="C9217" s="17"/>
      <c r="D9217" s="18"/>
      <c r="E9217" s="18"/>
      <c r="F9217" s="18"/>
      <c r="G9217" s="18"/>
      <c r="H9217" s="18"/>
      <c r="I9217" s="18"/>
      <c r="J9217" s="18"/>
      <c r="K9217" s="18"/>
      <c r="L9217" s="18"/>
      <c r="M9217" s="18"/>
      <c r="N9217" s="18"/>
      <c r="O9217" s="18"/>
      <c r="P9217" s="19"/>
      <c r="Q9217" s="19"/>
      <c r="R9217" s="19"/>
      <c r="S9217" s="19"/>
      <c r="T9217" s="19"/>
      <c r="U9217" s="19"/>
      <c r="V9217" s="19"/>
      <c r="W9217" s="19"/>
      <c r="X9217" s="19"/>
      <c r="Y9217" s="19"/>
      <c r="Z9217" s="19"/>
      <c r="AA9217" s="19"/>
    </row>
    <row r="9218" spans="1:27" s="1" customFormat="1" ht="14.1" customHeight="1" outlineLevel="1" x14ac:dyDescent="0.2">
      <c r="A9218" s="17">
        <v>14606</v>
      </c>
      <c r="B9218" s="17"/>
      <c r="C9218" s="17"/>
      <c r="D9218" s="18" t="s">
        <v>4568</v>
      </c>
      <c r="E9218" s="18"/>
      <c r="F9218" s="18"/>
      <c r="G9218" s="18"/>
      <c r="H9218" s="18"/>
      <c r="I9218" s="18"/>
      <c r="J9218" s="18"/>
      <c r="K9218" s="18"/>
      <c r="L9218" s="18"/>
      <c r="M9218" s="18"/>
      <c r="N9218" s="18"/>
      <c r="O9218" s="18"/>
      <c r="P9218" s="19">
        <v>310</v>
      </c>
      <c r="Q9218" s="19"/>
      <c r="R9218" s="19"/>
      <c r="S9218" s="19"/>
      <c r="T9218" s="19">
        <v>250</v>
      </c>
      <c r="U9218" s="19"/>
      <c r="V9218" s="19"/>
      <c r="W9218" s="19"/>
      <c r="X9218" s="19">
        <v>1</v>
      </c>
      <c r="Y9218" s="19"/>
      <c r="Z9218" s="19"/>
      <c r="AA9218" s="19"/>
    </row>
    <row r="9219" spans="1:27" s="1" customFormat="1" ht="14.1" customHeight="1" outlineLevel="1" x14ac:dyDescent="0.2">
      <c r="A9219" s="17"/>
      <c r="B9219" s="17"/>
      <c r="C9219" s="17"/>
      <c r="D9219" s="18"/>
      <c r="E9219" s="18"/>
      <c r="F9219" s="18"/>
      <c r="G9219" s="18"/>
      <c r="H9219" s="18"/>
      <c r="I9219" s="18"/>
      <c r="J9219" s="18"/>
      <c r="K9219" s="18"/>
      <c r="L9219" s="18"/>
      <c r="M9219" s="18"/>
      <c r="N9219" s="18"/>
      <c r="O9219" s="18"/>
      <c r="P9219" s="19"/>
      <c r="Q9219" s="19"/>
      <c r="R9219" s="19"/>
      <c r="S9219" s="19"/>
      <c r="T9219" s="19"/>
      <c r="U9219" s="19"/>
      <c r="V9219" s="19"/>
      <c r="W9219" s="19"/>
      <c r="X9219" s="19"/>
      <c r="Y9219" s="19"/>
      <c r="Z9219" s="19"/>
      <c r="AA9219" s="19"/>
    </row>
    <row r="9220" spans="1:27" s="1" customFormat="1" ht="14.1" customHeight="1" outlineLevel="1" x14ac:dyDescent="0.2">
      <c r="A9220" s="17">
        <v>8698</v>
      </c>
      <c r="B9220" s="17"/>
      <c r="C9220" s="17"/>
      <c r="D9220" s="18" t="s">
        <v>4569</v>
      </c>
      <c r="E9220" s="18"/>
      <c r="F9220" s="18"/>
      <c r="G9220" s="18"/>
      <c r="H9220" s="18"/>
      <c r="I9220" s="18"/>
      <c r="J9220" s="18"/>
      <c r="K9220" s="18"/>
      <c r="L9220" s="18"/>
      <c r="M9220" s="18"/>
      <c r="N9220" s="18"/>
      <c r="O9220" s="18"/>
      <c r="P9220" s="19">
        <v>260</v>
      </c>
      <c r="Q9220" s="19"/>
      <c r="R9220" s="19"/>
      <c r="S9220" s="19"/>
      <c r="T9220" s="19">
        <v>200</v>
      </c>
      <c r="U9220" s="19"/>
      <c r="V9220" s="19"/>
      <c r="W9220" s="19"/>
      <c r="X9220" s="19">
        <v>14</v>
      </c>
      <c r="Y9220" s="19"/>
      <c r="Z9220" s="19"/>
      <c r="AA9220" s="19"/>
    </row>
    <row r="9221" spans="1:27" s="1" customFormat="1" ht="14.1" customHeight="1" outlineLevel="1" x14ac:dyDescent="0.2">
      <c r="A9221" s="17"/>
      <c r="B9221" s="17"/>
      <c r="C9221" s="17"/>
      <c r="D9221" s="18"/>
      <c r="E9221" s="18"/>
      <c r="F9221" s="18"/>
      <c r="G9221" s="18"/>
      <c r="H9221" s="18"/>
      <c r="I9221" s="18"/>
      <c r="J9221" s="18"/>
      <c r="K9221" s="18"/>
      <c r="L9221" s="18"/>
      <c r="M9221" s="18"/>
      <c r="N9221" s="18"/>
      <c r="O9221" s="18"/>
      <c r="P9221" s="19"/>
      <c r="Q9221" s="19"/>
      <c r="R9221" s="19"/>
      <c r="S9221" s="19"/>
      <c r="T9221" s="19"/>
      <c r="U9221" s="19"/>
      <c r="V9221" s="19"/>
      <c r="W9221" s="19"/>
      <c r="X9221" s="19"/>
      <c r="Y9221" s="19"/>
      <c r="Z9221" s="19"/>
      <c r="AA9221" s="19"/>
    </row>
    <row r="9222" spans="1:27" s="1" customFormat="1" ht="14.1" customHeight="1" outlineLevel="1" x14ac:dyDescent="0.2">
      <c r="A9222" s="17">
        <v>11390</v>
      </c>
      <c r="B9222" s="17"/>
      <c r="C9222" s="17"/>
      <c r="D9222" s="18" t="s">
        <v>4570</v>
      </c>
      <c r="E9222" s="18"/>
      <c r="F9222" s="18"/>
      <c r="G9222" s="18"/>
      <c r="H9222" s="18"/>
      <c r="I9222" s="18"/>
      <c r="J9222" s="18"/>
      <c r="K9222" s="18"/>
      <c r="L9222" s="18"/>
      <c r="M9222" s="18"/>
      <c r="N9222" s="18"/>
      <c r="O9222" s="18"/>
      <c r="P9222" s="19">
        <v>400</v>
      </c>
      <c r="Q9222" s="19"/>
      <c r="R9222" s="19"/>
      <c r="S9222" s="19"/>
      <c r="T9222" s="19">
        <v>350</v>
      </c>
      <c r="U9222" s="19"/>
      <c r="V9222" s="19"/>
      <c r="W9222" s="19"/>
      <c r="X9222" s="19">
        <v>2</v>
      </c>
      <c r="Y9222" s="19"/>
      <c r="Z9222" s="19"/>
      <c r="AA9222" s="19"/>
    </row>
    <row r="9223" spans="1:27" s="1" customFormat="1" ht="14.1" customHeight="1" outlineLevel="1" x14ac:dyDescent="0.2">
      <c r="A9223" s="17"/>
      <c r="B9223" s="17"/>
      <c r="C9223" s="17"/>
      <c r="D9223" s="18"/>
      <c r="E9223" s="18"/>
      <c r="F9223" s="18"/>
      <c r="G9223" s="18"/>
      <c r="H9223" s="18"/>
      <c r="I9223" s="18"/>
      <c r="J9223" s="18"/>
      <c r="K9223" s="18"/>
      <c r="L9223" s="18"/>
      <c r="M9223" s="18"/>
      <c r="N9223" s="18"/>
      <c r="O9223" s="18"/>
      <c r="P9223" s="19"/>
      <c r="Q9223" s="19"/>
      <c r="R9223" s="19"/>
      <c r="S9223" s="19"/>
      <c r="T9223" s="19"/>
      <c r="U9223" s="19"/>
      <c r="V9223" s="19"/>
      <c r="W9223" s="19"/>
      <c r="X9223" s="19"/>
      <c r="Y9223" s="19"/>
      <c r="Z9223" s="19"/>
      <c r="AA9223" s="19"/>
    </row>
    <row r="9224" spans="1:27" s="1" customFormat="1" ht="14.1" customHeight="1" outlineLevel="1" x14ac:dyDescent="0.2">
      <c r="A9224" s="17">
        <v>12365</v>
      </c>
      <c r="B9224" s="17"/>
      <c r="C9224" s="17"/>
      <c r="D9224" s="18" t="s">
        <v>4571</v>
      </c>
      <c r="E9224" s="18"/>
      <c r="F9224" s="18"/>
      <c r="G9224" s="18"/>
      <c r="H9224" s="18"/>
      <c r="I9224" s="18"/>
      <c r="J9224" s="18"/>
      <c r="K9224" s="18"/>
      <c r="L9224" s="18"/>
      <c r="M9224" s="18"/>
      <c r="N9224" s="18"/>
      <c r="O9224" s="18"/>
      <c r="P9224" s="19">
        <v>150</v>
      </c>
      <c r="Q9224" s="19"/>
      <c r="R9224" s="19"/>
      <c r="S9224" s="19"/>
      <c r="T9224" s="19">
        <v>100</v>
      </c>
      <c r="U9224" s="19"/>
      <c r="V9224" s="19"/>
      <c r="W9224" s="19"/>
      <c r="X9224" s="19">
        <v>2</v>
      </c>
      <c r="Y9224" s="19"/>
      <c r="Z9224" s="19"/>
      <c r="AA9224" s="19"/>
    </row>
    <row r="9225" spans="1:27" s="1" customFormat="1" ht="14.1" customHeight="1" outlineLevel="1" x14ac:dyDescent="0.2">
      <c r="A9225" s="17"/>
      <c r="B9225" s="17"/>
      <c r="C9225" s="17"/>
      <c r="D9225" s="18"/>
      <c r="E9225" s="18"/>
      <c r="F9225" s="18"/>
      <c r="G9225" s="18"/>
      <c r="H9225" s="18"/>
      <c r="I9225" s="18"/>
      <c r="J9225" s="18"/>
      <c r="K9225" s="18"/>
      <c r="L9225" s="18"/>
      <c r="M9225" s="18"/>
      <c r="N9225" s="18"/>
      <c r="O9225" s="18"/>
      <c r="P9225" s="19"/>
      <c r="Q9225" s="19"/>
      <c r="R9225" s="19"/>
      <c r="S9225" s="19"/>
      <c r="T9225" s="19"/>
      <c r="U9225" s="19"/>
      <c r="V9225" s="19"/>
      <c r="W9225" s="19"/>
      <c r="X9225" s="19"/>
      <c r="Y9225" s="19"/>
      <c r="Z9225" s="19"/>
      <c r="AA9225" s="19"/>
    </row>
    <row r="9226" spans="1:27" s="1" customFormat="1" ht="14.1" customHeight="1" outlineLevel="1" x14ac:dyDescent="0.2">
      <c r="A9226" s="17">
        <v>9286</v>
      </c>
      <c r="B9226" s="17"/>
      <c r="C9226" s="17"/>
      <c r="D9226" s="18" t="s">
        <v>4572</v>
      </c>
      <c r="E9226" s="18"/>
      <c r="F9226" s="18"/>
      <c r="G9226" s="18"/>
      <c r="H9226" s="18"/>
      <c r="I9226" s="18"/>
      <c r="J9226" s="18"/>
      <c r="K9226" s="18"/>
      <c r="L9226" s="18"/>
      <c r="M9226" s="18"/>
      <c r="N9226" s="18"/>
      <c r="O9226" s="18"/>
      <c r="P9226" s="19">
        <v>250</v>
      </c>
      <c r="Q9226" s="19"/>
      <c r="R9226" s="19"/>
      <c r="S9226" s="19"/>
      <c r="T9226" s="19">
        <v>200</v>
      </c>
      <c r="U9226" s="19"/>
      <c r="V9226" s="19"/>
      <c r="W9226" s="19"/>
      <c r="X9226" s="19">
        <v>6</v>
      </c>
      <c r="Y9226" s="19"/>
      <c r="Z9226" s="19"/>
      <c r="AA9226" s="19"/>
    </row>
    <row r="9227" spans="1:27" s="1" customFormat="1" ht="14.1" customHeight="1" outlineLevel="1" x14ac:dyDescent="0.2">
      <c r="A9227" s="17"/>
      <c r="B9227" s="17"/>
      <c r="C9227" s="17"/>
      <c r="D9227" s="18"/>
      <c r="E9227" s="18"/>
      <c r="F9227" s="18"/>
      <c r="G9227" s="18"/>
      <c r="H9227" s="18"/>
      <c r="I9227" s="18"/>
      <c r="J9227" s="18"/>
      <c r="K9227" s="18"/>
      <c r="L9227" s="18"/>
      <c r="M9227" s="18"/>
      <c r="N9227" s="18"/>
      <c r="O9227" s="18"/>
      <c r="P9227" s="19"/>
      <c r="Q9227" s="19"/>
      <c r="R9227" s="19"/>
      <c r="S9227" s="19"/>
      <c r="T9227" s="19"/>
      <c r="U9227" s="19"/>
      <c r="V9227" s="19"/>
      <c r="W9227" s="19"/>
      <c r="X9227" s="19"/>
      <c r="Y9227" s="19"/>
      <c r="Z9227" s="19"/>
      <c r="AA9227" s="19"/>
    </row>
    <row r="9228" spans="1:27" s="1" customFormat="1" ht="14.1" customHeight="1" outlineLevel="1" x14ac:dyDescent="0.2">
      <c r="A9228" s="17">
        <v>17888</v>
      </c>
      <c r="B9228" s="17"/>
      <c r="C9228" s="17"/>
      <c r="D9228" s="18" t="s">
        <v>4573</v>
      </c>
      <c r="E9228" s="18"/>
      <c r="F9228" s="18"/>
      <c r="G9228" s="18"/>
      <c r="H9228" s="18"/>
      <c r="I9228" s="18"/>
      <c r="J9228" s="18"/>
      <c r="K9228" s="18"/>
      <c r="L9228" s="18"/>
      <c r="M9228" s="18"/>
      <c r="N9228" s="18"/>
      <c r="O9228" s="18"/>
      <c r="P9228" s="19">
        <v>150</v>
      </c>
      <c r="Q9228" s="19"/>
      <c r="R9228" s="19"/>
      <c r="S9228" s="19"/>
      <c r="T9228" s="19">
        <v>100</v>
      </c>
      <c r="U9228" s="19"/>
      <c r="V9228" s="19"/>
      <c r="W9228" s="19"/>
      <c r="X9228" s="19">
        <v>1</v>
      </c>
      <c r="Y9228" s="19"/>
      <c r="Z9228" s="19"/>
      <c r="AA9228" s="19"/>
    </row>
    <row r="9229" spans="1:27" s="1" customFormat="1" ht="14.1" customHeight="1" outlineLevel="1" x14ac:dyDescent="0.2">
      <c r="A9229" s="17"/>
      <c r="B9229" s="17"/>
      <c r="C9229" s="17"/>
      <c r="D9229" s="18"/>
      <c r="E9229" s="18"/>
      <c r="F9229" s="18"/>
      <c r="G9229" s="18"/>
      <c r="H9229" s="18"/>
      <c r="I9229" s="18"/>
      <c r="J9229" s="18"/>
      <c r="K9229" s="18"/>
      <c r="L9229" s="18"/>
      <c r="M9229" s="18"/>
      <c r="N9229" s="18"/>
      <c r="O9229" s="18"/>
      <c r="P9229" s="19"/>
      <c r="Q9229" s="19"/>
      <c r="R9229" s="19"/>
      <c r="S9229" s="19"/>
      <c r="T9229" s="19"/>
      <c r="U9229" s="19"/>
      <c r="V9229" s="19"/>
      <c r="W9229" s="19"/>
      <c r="X9229" s="19"/>
      <c r="Y9229" s="19"/>
      <c r="Z9229" s="19"/>
      <c r="AA9229" s="19"/>
    </row>
    <row r="9230" spans="1:27" s="1" customFormat="1" ht="14.1" customHeight="1" outlineLevel="1" x14ac:dyDescent="0.2">
      <c r="A9230" s="17">
        <v>17882</v>
      </c>
      <c r="B9230" s="17"/>
      <c r="C9230" s="17"/>
      <c r="D9230" s="18" t="s">
        <v>4574</v>
      </c>
      <c r="E9230" s="18"/>
      <c r="F9230" s="18"/>
      <c r="G9230" s="18"/>
      <c r="H9230" s="18"/>
      <c r="I9230" s="18"/>
      <c r="J9230" s="18"/>
      <c r="K9230" s="18"/>
      <c r="L9230" s="18"/>
      <c r="M9230" s="18"/>
      <c r="N9230" s="18"/>
      <c r="O9230" s="18"/>
      <c r="P9230" s="19">
        <v>150</v>
      </c>
      <c r="Q9230" s="19"/>
      <c r="R9230" s="19"/>
      <c r="S9230" s="19"/>
      <c r="T9230" s="19">
        <v>100</v>
      </c>
      <c r="U9230" s="19"/>
      <c r="V9230" s="19"/>
      <c r="W9230" s="19"/>
      <c r="X9230" s="19">
        <v>1</v>
      </c>
      <c r="Y9230" s="19"/>
      <c r="Z9230" s="19"/>
      <c r="AA9230" s="19"/>
    </row>
    <row r="9231" spans="1:27" s="1" customFormat="1" ht="14.1" customHeight="1" outlineLevel="1" x14ac:dyDescent="0.2">
      <c r="A9231" s="17"/>
      <c r="B9231" s="17"/>
      <c r="C9231" s="17"/>
      <c r="D9231" s="18"/>
      <c r="E9231" s="18"/>
      <c r="F9231" s="18"/>
      <c r="G9231" s="18"/>
      <c r="H9231" s="18"/>
      <c r="I9231" s="18"/>
      <c r="J9231" s="18"/>
      <c r="K9231" s="18"/>
      <c r="L9231" s="18"/>
      <c r="M9231" s="18"/>
      <c r="N9231" s="18"/>
      <c r="O9231" s="18"/>
      <c r="P9231" s="19"/>
      <c r="Q9231" s="19"/>
      <c r="R9231" s="19"/>
      <c r="S9231" s="19"/>
      <c r="T9231" s="19"/>
      <c r="U9231" s="19"/>
      <c r="V9231" s="19"/>
      <c r="W9231" s="19"/>
      <c r="X9231" s="19"/>
      <c r="Y9231" s="19"/>
      <c r="Z9231" s="19"/>
      <c r="AA9231" s="19"/>
    </row>
    <row r="9232" spans="1:27" s="1" customFormat="1" ht="11.1" customHeight="1" outlineLevel="1" x14ac:dyDescent="0.2">
      <c r="A9232" s="17">
        <v>4659</v>
      </c>
      <c r="B9232" s="17"/>
      <c r="C9232" s="17"/>
      <c r="D9232" s="18" t="s">
        <v>4575</v>
      </c>
      <c r="E9232" s="18"/>
      <c r="F9232" s="18"/>
      <c r="G9232" s="18"/>
      <c r="H9232" s="18"/>
      <c r="I9232" s="18"/>
      <c r="J9232" s="18"/>
      <c r="K9232" s="18"/>
      <c r="L9232" s="18"/>
      <c r="M9232" s="18"/>
      <c r="N9232" s="18"/>
      <c r="O9232" s="18"/>
      <c r="P9232" s="19">
        <v>300</v>
      </c>
      <c r="Q9232" s="19"/>
      <c r="R9232" s="19"/>
      <c r="S9232" s="19"/>
      <c r="T9232" s="19">
        <v>250</v>
      </c>
      <c r="U9232" s="19"/>
      <c r="V9232" s="19"/>
      <c r="W9232" s="19"/>
      <c r="X9232" s="19">
        <v>1</v>
      </c>
      <c r="Y9232" s="19"/>
      <c r="Z9232" s="19"/>
      <c r="AA9232" s="19"/>
    </row>
    <row r="9233" spans="1:27" s="1" customFormat="1" ht="11.1" customHeight="1" outlineLevel="1" x14ac:dyDescent="0.2">
      <c r="A9233" s="17"/>
      <c r="B9233" s="17"/>
      <c r="C9233" s="17"/>
      <c r="D9233" s="18"/>
      <c r="E9233" s="18"/>
      <c r="F9233" s="18"/>
      <c r="G9233" s="18"/>
      <c r="H9233" s="18"/>
      <c r="I9233" s="18"/>
      <c r="J9233" s="18"/>
      <c r="K9233" s="18"/>
      <c r="L9233" s="18"/>
      <c r="M9233" s="18"/>
      <c r="N9233" s="18"/>
      <c r="O9233" s="18"/>
      <c r="P9233" s="19"/>
      <c r="Q9233" s="19"/>
      <c r="R9233" s="19"/>
      <c r="S9233" s="19"/>
      <c r="T9233" s="19"/>
      <c r="U9233" s="19"/>
      <c r="V9233" s="19"/>
      <c r="W9233" s="19"/>
      <c r="X9233" s="19"/>
      <c r="Y9233" s="19"/>
      <c r="Z9233" s="19"/>
      <c r="AA9233" s="19"/>
    </row>
    <row r="9234" spans="1:27" s="1" customFormat="1" ht="14.1" customHeight="1" outlineLevel="1" x14ac:dyDescent="0.2">
      <c r="A9234" s="17">
        <v>16980</v>
      </c>
      <c r="B9234" s="17"/>
      <c r="C9234" s="17"/>
      <c r="D9234" s="18" t="s">
        <v>4576</v>
      </c>
      <c r="E9234" s="18"/>
      <c r="F9234" s="18"/>
      <c r="G9234" s="18"/>
      <c r="H9234" s="18"/>
      <c r="I9234" s="18"/>
      <c r="J9234" s="18"/>
      <c r="K9234" s="18"/>
      <c r="L9234" s="18"/>
      <c r="M9234" s="18"/>
      <c r="N9234" s="18"/>
      <c r="O9234" s="18"/>
      <c r="P9234" s="19">
        <v>300</v>
      </c>
      <c r="Q9234" s="19"/>
      <c r="R9234" s="19"/>
      <c r="S9234" s="19"/>
      <c r="T9234" s="19">
        <v>200</v>
      </c>
      <c r="U9234" s="19"/>
      <c r="V9234" s="19"/>
      <c r="W9234" s="19"/>
      <c r="X9234" s="19">
        <v>1</v>
      </c>
      <c r="Y9234" s="19"/>
      <c r="Z9234" s="19"/>
      <c r="AA9234" s="19"/>
    </row>
    <row r="9235" spans="1:27" s="1" customFormat="1" ht="14.1" customHeight="1" outlineLevel="1" x14ac:dyDescent="0.2">
      <c r="A9235" s="17"/>
      <c r="B9235" s="17"/>
      <c r="C9235" s="17"/>
      <c r="D9235" s="18"/>
      <c r="E9235" s="18"/>
      <c r="F9235" s="18"/>
      <c r="G9235" s="18"/>
      <c r="H9235" s="18"/>
      <c r="I9235" s="18"/>
      <c r="J9235" s="18"/>
      <c r="K9235" s="18"/>
      <c r="L9235" s="18"/>
      <c r="M9235" s="18"/>
      <c r="N9235" s="18"/>
      <c r="O9235" s="18"/>
      <c r="P9235" s="19"/>
      <c r="Q9235" s="19"/>
      <c r="R9235" s="19"/>
      <c r="S9235" s="19"/>
      <c r="T9235" s="19"/>
      <c r="U9235" s="19"/>
      <c r="V9235" s="19"/>
      <c r="W9235" s="19"/>
      <c r="X9235" s="19"/>
      <c r="Y9235" s="19"/>
      <c r="Z9235" s="19"/>
      <c r="AA9235" s="19"/>
    </row>
    <row r="9236" spans="1:27" s="1" customFormat="1" ht="14.1" customHeight="1" outlineLevel="1" x14ac:dyDescent="0.2">
      <c r="A9236" s="17">
        <v>16917</v>
      </c>
      <c r="B9236" s="17"/>
      <c r="C9236" s="17"/>
      <c r="D9236" s="18" t="s">
        <v>4577</v>
      </c>
      <c r="E9236" s="18"/>
      <c r="F9236" s="18"/>
      <c r="G9236" s="18"/>
      <c r="H9236" s="18"/>
      <c r="I9236" s="18"/>
      <c r="J9236" s="18"/>
      <c r="K9236" s="18"/>
      <c r="L9236" s="18"/>
      <c r="M9236" s="18"/>
      <c r="N9236" s="18"/>
      <c r="O9236" s="18"/>
      <c r="P9236" s="19">
        <v>300</v>
      </c>
      <c r="Q9236" s="19"/>
      <c r="R9236" s="19"/>
      <c r="S9236" s="19"/>
      <c r="T9236" s="19">
        <v>200</v>
      </c>
      <c r="U9236" s="19"/>
      <c r="V9236" s="19"/>
      <c r="W9236" s="19"/>
      <c r="X9236" s="19">
        <v>1</v>
      </c>
      <c r="Y9236" s="19"/>
      <c r="Z9236" s="19"/>
      <c r="AA9236" s="19"/>
    </row>
    <row r="9237" spans="1:27" s="1" customFormat="1" ht="14.1" customHeight="1" outlineLevel="1" x14ac:dyDescent="0.2">
      <c r="A9237" s="17"/>
      <c r="B9237" s="17"/>
      <c r="C9237" s="17"/>
      <c r="D9237" s="18"/>
      <c r="E9237" s="18"/>
      <c r="F9237" s="18"/>
      <c r="G9237" s="18"/>
      <c r="H9237" s="18"/>
      <c r="I9237" s="18"/>
      <c r="J9237" s="18"/>
      <c r="K9237" s="18"/>
      <c r="L9237" s="18"/>
      <c r="M9237" s="18"/>
      <c r="N9237" s="18"/>
      <c r="O9237" s="18"/>
      <c r="P9237" s="19"/>
      <c r="Q9237" s="19"/>
      <c r="R9237" s="19"/>
      <c r="S9237" s="19"/>
      <c r="T9237" s="19"/>
      <c r="U9237" s="19"/>
      <c r="V9237" s="19"/>
      <c r="W9237" s="19"/>
      <c r="X9237" s="19"/>
      <c r="Y9237" s="19"/>
      <c r="Z9237" s="19"/>
      <c r="AA9237" s="19"/>
    </row>
    <row r="9238" spans="1:27" s="1" customFormat="1" ht="14.1" customHeight="1" outlineLevel="1" x14ac:dyDescent="0.2">
      <c r="A9238" s="17">
        <v>16920</v>
      </c>
      <c r="B9238" s="17"/>
      <c r="C9238" s="17"/>
      <c r="D9238" s="18" t="s">
        <v>4578</v>
      </c>
      <c r="E9238" s="18"/>
      <c r="F9238" s="18"/>
      <c r="G9238" s="18"/>
      <c r="H9238" s="18"/>
      <c r="I9238" s="18"/>
      <c r="J9238" s="18"/>
      <c r="K9238" s="18"/>
      <c r="L9238" s="18"/>
      <c r="M9238" s="18"/>
      <c r="N9238" s="18"/>
      <c r="O9238" s="18"/>
      <c r="P9238" s="19">
        <v>400</v>
      </c>
      <c r="Q9238" s="19"/>
      <c r="R9238" s="19"/>
      <c r="S9238" s="19"/>
      <c r="T9238" s="19">
        <v>300</v>
      </c>
      <c r="U9238" s="19"/>
      <c r="V9238" s="19"/>
      <c r="W9238" s="19"/>
      <c r="X9238" s="19">
        <v>1</v>
      </c>
      <c r="Y9238" s="19"/>
      <c r="Z9238" s="19"/>
      <c r="AA9238" s="19"/>
    </row>
    <row r="9239" spans="1:27" s="1" customFormat="1" ht="14.1" customHeight="1" outlineLevel="1" x14ac:dyDescent="0.2">
      <c r="A9239" s="17"/>
      <c r="B9239" s="17"/>
      <c r="C9239" s="17"/>
      <c r="D9239" s="18"/>
      <c r="E9239" s="18"/>
      <c r="F9239" s="18"/>
      <c r="G9239" s="18"/>
      <c r="H9239" s="18"/>
      <c r="I9239" s="18"/>
      <c r="J9239" s="18"/>
      <c r="K9239" s="18"/>
      <c r="L9239" s="18"/>
      <c r="M9239" s="18"/>
      <c r="N9239" s="18"/>
      <c r="O9239" s="18"/>
      <c r="P9239" s="19"/>
      <c r="Q9239" s="19"/>
      <c r="R9239" s="19"/>
      <c r="S9239" s="19"/>
      <c r="T9239" s="19"/>
      <c r="U9239" s="19"/>
      <c r="V9239" s="19"/>
      <c r="W9239" s="19"/>
      <c r="X9239" s="19"/>
      <c r="Y9239" s="19"/>
      <c r="Z9239" s="19"/>
      <c r="AA9239" s="19"/>
    </row>
    <row r="9240" spans="1:27" s="1" customFormat="1" ht="14.1" customHeight="1" outlineLevel="1" x14ac:dyDescent="0.2">
      <c r="A9240" s="17">
        <v>16893</v>
      </c>
      <c r="B9240" s="17"/>
      <c r="C9240" s="17"/>
      <c r="D9240" s="18" t="s">
        <v>4579</v>
      </c>
      <c r="E9240" s="18"/>
      <c r="F9240" s="18"/>
      <c r="G9240" s="18"/>
      <c r="H9240" s="18"/>
      <c r="I9240" s="18"/>
      <c r="J9240" s="18"/>
      <c r="K9240" s="18"/>
      <c r="L9240" s="18"/>
      <c r="M9240" s="18"/>
      <c r="N9240" s="18"/>
      <c r="O9240" s="18"/>
      <c r="P9240" s="19">
        <v>400</v>
      </c>
      <c r="Q9240" s="19"/>
      <c r="R9240" s="19"/>
      <c r="S9240" s="19"/>
      <c r="T9240" s="19">
        <v>300</v>
      </c>
      <c r="U9240" s="19"/>
      <c r="V9240" s="19"/>
      <c r="W9240" s="19"/>
      <c r="X9240" s="19">
        <v>1</v>
      </c>
      <c r="Y9240" s="19"/>
      <c r="Z9240" s="19"/>
      <c r="AA9240" s="19"/>
    </row>
    <row r="9241" spans="1:27" s="1" customFormat="1" ht="14.1" customHeight="1" outlineLevel="1" x14ac:dyDescent="0.2">
      <c r="A9241" s="17"/>
      <c r="B9241" s="17"/>
      <c r="C9241" s="17"/>
      <c r="D9241" s="18"/>
      <c r="E9241" s="18"/>
      <c r="F9241" s="18"/>
      <c r="G9241" s="18"/>
      <c r="H9241" s="18"/>
      <c r="I9241" s="18"/>
      <c r="J9241" s="18"/>
      <c r="K9241" s="18"/>
      <c r="L9241" s="18"/>
      <c r="M9241" s="18"/>
      <c r="N9241" s="18"/>
      <c r="O9241" s="18"/>
      <c r="P9241" s="19"/>
      <c r="Q9241" s="19"/>
      <c r="R9241" s="19"/>
      <c r="S9241" s="19"/>
      <c r="T9241" s="19"/>
      <c r="U9241" s="19"/>
      <c r="V9241" s="19"/>
      <c r="W9241" s="19"/>
      <c r="X9241" s="19"/>
      <c r="Y9241" s="19"/>
      <c r="Z9241" s="19"/>
      <c r="AA9241" s="19"/>
    </row>
    <row r="9242" spans="1:27" s="1" customFormat="1" ht="14.1" customHeight="1" outlineLevel="1" x14ac:dyDescent="0.2">
      <c r="A9242" s="17">
        <v>17459</v>
      </c>
      <c r="B9242" s="17"/>
      <c r="C9242" s="17"/>
      <c r="D9242" s="18" t="s">
        <v>4580</v>
      </c>
      <c r="E9242" s="18"/>
      <c r="F9242" s="18"/>
      <c r="G9242" s="18"/>
      <c r="H9242" s="18"/>
      <c r="I9242" s="18"/>
      <c r="J9242" s="18"/>
      <c r="K9242" s="18"/>
      <c r="L9242" s="18"/>
      <c r="M9242" s="18"/>
      <c r="N9242" s="18"/>
      <c r="O9242" s="18"/>
      <c r="P9242" s="19">
        <v>300</v>
      </c>
      <c r="Q9242" s="19"/>
      <c r="R9242" s="19"/>
      <c r="S9242" s="19"/>
      <c r="T9242" s="19">
        <v>250</v>
      </c>
      <c r="U9242" s="19"/>
      <c r="V9242" s="19"/>
      <c r="W9242" s="19"/>
      <c r="X9242" s="19">
        <v>1</v>
      </c>
      <c r="Y9242" s="19"/>
      <c r="Z9242" s="19"/>
      <c r="AA9242" s="19"/>
    </row>
    <row r="9243" spans="1:27" s="1" customFormat="1" ht="14.1" customHeight="1" outlineLevel="1" x14ac:dyDescent="0.2">
      <c r="A9243" s="17"/>
      <c r="B9243" s="17"/>
      <c r="C9243" s="17"/>
      <c r="D9243" s="18"/>
      <c r="E9243" s="18"/>
      <c r="F9243" s="18"/>
      <c r="G9243" s="18"/>
      <c r="H9243" s="18"/>
      <c r="I9243" s="18"/>
      <c r="J9243" s="18"/>
      <c r="K9243" s="18"/>
      <c r="L9243" s="18"/>
      <c r="M9243" s="18"/>
      <c r="N9243" s="18"/>
      <c r="O9243" s="18"/>
      <c r="P9243" s="19"/>
      <c r="Q9243" s="19"/>
      <c r="R9243" s="19"/>
      <c r="S9243" s="19"/>
      <c r="T9243" s="19"/>
      <c r="U9243" s="19"/>
      <c r="V9243" s="19"/>
      <c r="W9243" s="19"/>
      <c r="X9243" s="19"/>
      <c r="Y9243" s="19"/>
      <c r="Z9243" s="19"/>
      <c r="AA9243" s="19"/>
    </row>
    <row r="9244" spans="1:27" s="1" customFormat="1" ht="11.1" customHeight="1" outlineLevel="1" x14ac:dyDescent="0.2">
      <c r="A9244" s="17">
        <v>6675</v>
      </c>
      <c r="B9244" s="17"/>
      <c r="C9244" s="17"/>
      <c r="D9244" s="18" t="s">
        <v>4581</v>
      </c>
      <c r="E9244" s="18"/>
      <c r="F9244" s="18"/>
      <c r="G9244" s="18"/>
      <c r="H9244" s="18"/>
      <c r="I9244" s="18"/>
      <c r="J9244" s="18"/>
      <c r="K9244" s="18"/>
      <c r="L9244" s="18"/>
      <c r="M9244" s="18"/>
      <c r="N9244" s="18"/>
      <c r="O9244" s="18"/>
      <c r="P9244" s="19">
        <v>500</v>
      </c>
      <c r="Q9244" s="19"/>
      <c r="R9244" s="19"/>
      <c r="S9244" s="19"/>
      <c r="T9244" s="19">
        <v>400</v>
      </c>
      <c r="U9244" s="19"/>
      <c r="V9244" s="19"/>
      <c r="W9244" s="19"/>
      <c r="X9244" s="19">
        <v>2</v>
      </c>
      <c r="Y9244" s="19"/>
      <c r="Z9244" s="19"/>
      <c r="AA9244" s="19"/>
    </row>
    <row r="9245" spans="1:27" s="1" customFormat="1" ht="11.1" customHeight="1" outlineLevel="1" x14ac:dyDescent="0.2">
      <c r="A9245" s="17"/>
      <c r="B9245" s="17"/>
      <c r="C9245" s="17"/>
      <c r="D9245" s="18"/>
      <c r="E9245" s="18"/>
      <c r="F9245" s="18"/>
      <c r="G9245" s="18"/>
      <c r="H9245" s="18"/>
      <c r="I9245" s="18"/>
      <c r="J9245" s="18"/>
      <c r="K9245" s="18"/>
      <c r="L9245" s="18"/>
      <c r="M9245" s="18"/>
      <c r="N9245" s="18"/>
      <c r="O9245" s="18"/>
      <c r="P9245" s="19"/>
      <c r="Q9245" s="19"/>
      <c r="R9245" s="19"/>
      <c r="S9245" s="19"/>
      <c r="T9245" s="19"/>
      <c r="U9245" s="19"/>
      <c r="V9245" s="19"/>
      <c r="W9245" s="19"/>
      <c r="X9245" s="19"/>
      <c r="Y9245" s="19"/>
      <c r="Z9245" s="19"/>
      <c r="AA9245" s="19"/>
    </row>
    <row r="9246" spans="1:27" s="1" customFormat="1" ht="11.1" customHeight="1" outlineLevel="1" x14ac:dyDescent="0.2">
      <c r="A9246" s="17">
        <v>15099</v>
      </c>
      <c r="B9246" s="17"/>
      <c r="C9246" s="17"/>
      <c r="D9246" s="18" t="s">
        <v>4582</v>
      </c>
      <c r="E9246" s="18"/>
      <c r="F9246" s="18"/>
      <c r="G9246" s="18"/>
      <c r="H9246" s="18"/>
      <c r="I9246" s="18"/>
      <c r="J9246" s="18"/>
      <c r="K9246" s="18"/>
      <c r="L9246" s="18"/>
      <c r="M9246" s="18"/>
      <c r="N9246" s="18"/>
      <c r="O9246" s="18"/>
      <c r="P9246" s="19">
        <v>140</v>
      </c>
      <c r="Q9246" s="19"/>
      <c r="R9246" s="19"/>
      <c r="S9246" s="19"/>
      <c r="T9246" s="19">
        <v>100</v>
      </c>
      <c r="U9246" s="19"/>
      <c r="V9246" s="19"/>
      <c r="W9246" s="19"/>
      <c r="X9246" s="19">
        <v>1</v>
      </c>
      <c r="Y9246" s="19"/>
      <c r="Z9246" s="19"/>
      <c r="AA9246" s="19"/>
    </row>
    <row r="9247" spans="1:27" s="1" customFormat="1" ht="11.1" customHeight="1" outlineLevel="1" x14ac:dyDescent="0.2">
      <c r="A9247" s="17"/>
      <c r="B9247" s="17"/>
      <c r="C9247" s="17"/>
      <c r="D9247" s="18"/>
      <c r="E9247" s="18"/>
      <c r="F9247" s="18"/>
      <c r="G9247" s="18"/>
      <c r="H9247" s="18"/>
      <c r="I9247" s="18"/>
      <c r="J9247" s="18"/>
      <c r="K9247" s="18"/>
      <c r="L9247" s="18"/>
      <c r="M9247" s="18"/>
      <c r="N9247" s="18"/>
      <c r="O9247" s="18"/>
      <c r="P9247" s="19"/>
      <c r="Q9247" s="19"/>
      <c r="R9247" s="19"/>
      <c r="S9247" s="19"/>
      <c r="T9247" s="19"/>
      <c r="U9247" s="19"/>
      <c r="V9247" s="19"/>
      <c r="W9247" s="19"/>
      <c r="X9247" s="19"/>
      <c r="Y9247" s="19"/>
      <c r="Z9247" s="19"/>
      <c r="AA9247" s="19"/>
    </row>
    <row r="9248" spans="1:27" s="1" customFormat="1" ht="14.1" customHeight="1" outlineLevel="1" x14ac:dyDescent="0.2">
      <c r="A9248" s="17">
        <v>13489</v>
      </c>
      <c r="B9248" s="17"/>
      <c r="C9248" s="17"/>
      <c r="D9248" s="18" t="s">
        <v>4583</v>
      </c>
      <c r="E9248" s="18"/>
      <c r="F9248" s="18"/>
      <c r="G9248" s="18"/>
      <c r="H9248" s="18"/>
      <c r="I9248" s="18"/>
      <c r="J9248" s="18"/>
      <c r="K9248" s="18"/>
      <c r="L9248" s="18"/>
      <c r="M9248" s="18"/>
      <c r="N9248" s="18"/>
      <c r="O9248" s="18"/>
      <c r="P9248" s="19">
        <v>380</v>
      </c>
      <c r="Q9248" s="19"/>
      <c r="R9248" s="19"/>
      <c r="S9248" s="19"/>
      <c r="T9248" s="19">
        <v>300</v>
      </c>
      <c r="U9248" s="19"/>
      <c r="V9248" s="19"/>
      <c r="W9248" s="19"/>
      <c r="X9248" s="19">
        <v>1</v>
      </c>
      <c r="Y9248" s="19"/>
      <c r="Z9248" s="19"/>
      <c r="AA9248" s="19"/>
    </row>
    <row r="9249" spans="1:27" s="1" customFormat="1" ht="14.1" customHeight="1" outlineLevel="1" x14ac:dyDescent="0.2">
      <c r="A9249" s="17"/>
      <c r="B9249" s="17"/>
      <c r="C9249" s="17"/>
      <c r="D9249" s="18"/>
      <c r="E9249" s="18"/>
      <c r="F9249" s="18"/>
      <c r="G9249" s="18"/>
      <c r="H9249" s="18"/>
      <c r="I9249" s="18"/>
      <c r="J9249" s="18"/>
      <c r="K9249" s="18"/>
      <c r="L9249" s="18"/>
      <c r="M9249" s="18"/>
      <c r="N9249" s="18"/>
      <c r="O9249" s="18"/>
      <c r="P9249" s="19"/>
      <c r="Q9249" s="19"/>
      <c r="R9249" s="19"/>
      <c r="S9249" s="19"/>
      <c r="T9249" s="19"/>
      <c r="U9249" s="19"/>
      <c r="V9249" s="19"/>
      <c r="W9249" s="19"/>
      <c r="X9249" s="19"/>
      <c r="Y9249" s="19"/>
      <c r="Z9249" s="19"/>
      <c r="AA9249" s="19"/>
    </row>
    <row r="9250" spans="1:27" s="1" customFormat="1" ht="14.1" customHeight="1" outlineLevel="1" x14ac:dyDescent="0.2">
      <c r="A9250" s="17">
        <v>13384</v>
      </c>
      <c r="B9250" s="17"/>
      <c r="C9250" s="17"/>
      <c r="D9250" s="18" t="s">
        <v>4584</v>
      </c>
      <c r="E9250" s="18"/>
      <c r="F9250" s="18"/>
      <c r="G9250" s="18"/>
      <c r="H9250" s="18"/>
      <c r="I9250" s="18"/>
      <c r="J9250" s="18"/>
      <c r="K9250" s="18"/>
      <c r="L9250" s="18"/>
      <c r="M9250" s="18"/>
      <c r="N9250" s="18"/>
      <c r="O9250" s="18"/>
      <c r="P9250" s="19">
        <v>420</v>
      </c>
      <c r="Q9250" s="19"/>
      <c r="R9250" s="19"/>
      <c r="S9250" s="19"/>
      <c r="T9250" s="19">
        <v>350</v>
      </c>
      <c r="U9250" s="19"/>
      <c r="V9250" s="19"/>
      <c r="W9250" s="19"/>
      <c r="X9250" s="19">
        <v>1</v>
      </c>
      <c r="Y9250" s="19"/>
      <c r="Z9250" s="19"/>
      <c r="AA9250" s="19"/>
    </row>
    <row r="9251" spans="1:27" s="1" customFormat="1" ht="14.1" customHeight="1" outlineLevel="1" x14ac:dyDescent="0.2">
      <c r="A9251" s="17"/>
      <c r="B9251" s="17"/>
      <c r="C9251" s="17"/>
      <c r="D9251" s="18"/>
      <c r="E9251" s="18"/>
      <c r="F9251" s="18"/>
      <c r="G9251" s="18"/>
      <c r="H9251" s="18"/>
      <c r="I9251" s="18"/>
      <c r="J9251" s="18"/>
      <c r="K9251" s="18"/>
      <c r="L9251" s="18"/>
      <c r="M9251" s="18"/>
      <c r="N9251" s="18"/>
      <c r="O9251" s="18"/>
      <c r="P9251" s="19"/>
      <c r="Q9251" s="19"/>
      <c r="R9251" s="19"/>
      <c r="S9251" s="19"/>
      <c r="T9251" s="19"/>
      <c r="U9251" s="19"/>
      <c r="V9251" s="19"/>
      <c r="W9251" s="19"/>
      <c r="X9251" s="19"/>
      <c r="Y9251" s="19"/>
      <c r="Z9251" s="19"/>
      <c r="AA9251" s="19"/>
    </row>
    <row r="9252" spans="1:27" s="1" customFormat="1" ht="14.1" customHeight="1" outlineLevel="1" x14ac:dyDescent="0.2">
      <c r="A9252" s="17">
        <v>14570</v>
      </c>
      <c r="B9252" s="17"/>
      <c r="C9252" s="17"/>
      <c r="D9252" s="18" t="s">
        <v>4585</v>
      </c>
      <c r="E9252" s="18"/>
      <c r="F9252" s="18"/>
      <c r="G9252" s="18"/>
      <c r="H9252" s="18"/>
      <c r="I9252" s="18"/>
      <c r="J9252" s="18"/>
      <c r="K9252" s="18"/>
      <c r="L9252" s="18"/>
      <c r="M9252" s="18"/>
      <c r="N9252" s="18"/>
      <c r="O9252" s="18"/>
      <c r="P9252" s="19">
        <v>250</v>
      </c>
      <c r="Q9252" s="19"/>
      <c r="R9252" s="19"/>
      <c r="S9252" s="19"/>
      <c r="T9252" s="19">
        <v>200</v>
      </c>
      <c r="U9252" s="19"/>
      <c r="V9252" s="19"/>
      <c r="W9252" s="19"/>
      <c r="X9252" s="19">
        <v>3</v>
      </c>
      <c r="Y9252" s="19"/>
      <c r="Z9252" s="19"/>
      <c r="AA9252" s="19"/>
    </row>
    <row r="9253" spans="1:27" s="1" customFormat="1" ht="14.1" customHeight="1" outlineLevel="1" x14ac:dyDescent="0.2">
      <c r="A9253" s="17"/>
      <c r="B9253" s="17"/>
      <c r="C9253" s="17"/>
      <c r="D9253" s="18"/>
      <c r="E9253" s="18"/>
      <c r="F9253" s="18"/>
      <c r="G9253" s="18"/>
      <c r="H9253" s="18"/>
      <c r="I9253" s="18"/>
      <c r="J9253" s="18"/>
      <c r="K9253" s="18"/>
      <c r="L9253" s="18"/>
      <c r="M9253" s="18"/>
      <c r="N9253" s="18"/>
      <c r="O9253" s="18"/>
      <c r="P9253" s="19"/>
      <c r="Q9253" s="19"/>
      <c r="R9253" s="19"/>
      <c r="S9253" s="19"/>
      <c r="T9253" s="19"/>
      <c r="U9253" s="19"/>
      <c r="V9253" s="19"/>
      <c r="W9253" s="19"/>
      <c r="X9253" s="19"/>
      <c r="Y9253" s="19"/>
      <c r="Z9253" s="19"/>
      <c r="AA9253" s="19"/>
    </row>
    <row r="9254" spans="1:27" s="1" customFormat="1" ht="14.1" customHeight="1" outlineLevel="1" x14ac:dyDescent="0.2">
      <c r="A9254" s="17">
        <v>17054</v>
      </c>
      <c r="B9254" s="17"/>
      <c r="C9254" s="17"/>
      <c r="D9254" s="18" t="s">
        <v>4586</v>
      </c>
      <c r="E9254" s="18"/>
      <c r="F9254" s="18"/>
      <c r="G9254" s="18"/>
      <c r="H9254" s="18"/>
      <c r="I9254" s="18"/>
      <c r="J9254" s="18"/>
      <c r="K9254" s="18"/>
      <c r="L9254" s="18"/>
      <c r="M9254" s="18"/>
      <c r="N9254" s="18"/>
      <c r="O9254" s="18"/>
      <c r="P9254" s="19">
        <v>500</v>
      </c>
      <c r="Q9254" s="19"/>
      <c r="R9254" s="19"/>
      <c r="S9254" s="19"/>
      <c r="T9254" s="19">
        <v>300</v>
      </c>
      <c r="U9254" s="19"/>
      <c r="V9254" s="19"/>
      <c r="W9254" s="19"/>
      <c r="X9254" s="19">
        <v>3</v>
      </c>
      <c r="Y9254" s="19"/>
      <c r="Z9254" s="19"/>
      <c r="AA9254" s="19"/>
    </row>
    <row r="9255" spans="1:27" s="1" customFormat="1" ht="14.1" customHeight="1" outlineLevel="1" x14ac:dyDescent="0.2">
      <c r="A9255" s="17"/>
      <c r="B9255" s="17"/>
      <c r="C9255" s="17"/>
      <c r="D9255" s="18"/>
      <c r="E9255" s="18"/>
      <c r="F9255" s="18"/>
      <c r="G9255" s="18"/>
      <c r="H9255" s="18"/>
      <c r="I9255" s="18"/>
      <c r="J9255" s="18"/>
      <c r="K9255" s="18"/>
      <c r="L9255" s="18"/>
      <c r="M9255" s="18"/>
      <c r="N9255" s="18"/>
      <c r="O9255" s="18"/>
      <c r="P9255" s="19"/>
      <c r="Q9255" s="19"/>
      <c r="R9255" s="19"/>
      <c r="S9255" s="19"/>
      <c r="T9255" s="19"/>
      <c r="U9255" s="19"/>
      <c r="V9255" s="19"/>
      <c r="W9255" s="19"/>
      <c r="X9255" s="19"/>
      <c r="Y9255" s="19"/>
      <c r="Z9255" s="19"/>
      <c r="AA9255" s="19"/>
    </row>
    <row r="9256" spans="1:27" s="1" customFormat="1" ht="14.1" customHeight="1" outlineLevel="1" x14ac:dyDescent="0.2">
      <c r="A9256" s="17">
        <v>17056</v>
      </c>
      <c r="B9256" s="17"/>
      <c r="C9256" s="17"/>
      <c r="D9256" s="18" t="s">
        <v>4586</v>
      </c>
      <c r="E9256" s="18"/>
      <c r="F9256" s="18"/>
      <c r="G9256" s="18"/>
      <c r="H9256" s="18"/>
      <c r="I9256" s="18"/>
      <c r="J9256" s="18"/>
      <c r="K9256" s="18"/>
      <c r="L9256" s="18"/>
      <c r="M9256" s="18"/>
      <c r="N9256" s="18"/>
      <c r="O9256" s="18"/>
      <c r="P9256" s="19">
        <v>500</v>
      </c>
      <c r="Q9256" s="19"/>
      <c r="R9256" s="19"/>
      <c r="S9256" s="19"/>
      <c r="T9256" s="19">
        <v>300</v>
      </c>
      <c r="U9256" s="19"/>
      <c r="V9256" s="19"/>
      <c r="W9256" s="19"/>
      <c r="X9256" s="19">
        <v>2</v>
      </c>
      <c r="Y9256" s="19"/>
      <c r="Z9256" s="19"/>
      <c r="AA9256" s="19"/>
    </row>
    <row r="9257" spans="1:27" s="1" customFormat="1" ht="14.1" customHeight="1" outlineLevel="1" x14ac:dyDescent="0.2">
      <c r="A9257" s="17"/>
      <c r="B9257" s="17"/>
      <c r="C9257" s="17"/>
      <c r="D9257" s="18"/>
      <c r="E9257" s="18"/>
      <c r="F9257" s="18"/>
      <c r="G9257" s="18"/>
      <c r="H9257" s="18"/>
      <c r="I9257" s="18"/>
      <c r="J9257" s="18"/>
      <c r="K9257" s="18"/>
      <c r="L9257" s="18"/>
      <c r="M9257" s="18"/>
      <c r="N9257" s="18"/>
      <c r="O9257" s="18"/>
      <c r="P9257" s="19"/>
      <c r="Q9257" s="19"/>
      <c r="R9257" s="19"/>
      <c r="S9257" s="19"/>
      <c r="T9257" s="19"/>
      <c r="U9257" s="19"/>
      <c r="V9257" s="19"/>
      <c r="W9257" s="19"/>
      <c r="X9257" s="19"/>
      <c r="Y9257" s="19"/>
      <c r="Z9257" s="19"/>
      <c r="AA9257" s="19"/>
    </row>
    <row r="9258" spans="1:27" s="1" customFormat="1" ht="14.1" customHeight="1" outlineLevel="1" x14ac:dyDescent="0.2">
      <c r="A9258" s="17">
        <v>17885</v>
      </c>
      <c r="B9258" s="17"/>
      <c r="C9258" s="17"/>
      <c r="D9258" s="18" t="s">
        <v>4587</v>
      </c>
      <c r="E9258" s="18"/>
      <c r="F9258" s="18"/>
      <c r="G9258" s="18"/>
      <c r="H9258" s="18"/>
      <c r="I9258" s="18"/>
      <c r="J9258" s="18"/>
      <c r="K9258" s="18"/>
      <c r="L9258" s="18"/>
      <c r="M9258" s="18"/>
      <c r="N9258" s="18"/>
      <c r="O9258" s="18"/>
      <c r="P9258" s="19">
        <v>950</v>
      </c>
      <c r="Q9258" s="19"/>
      <c r="R9258" s="19"/>
      <c r="S9258" s="19"/>
      <c r="T9258" s="19">
        <v>800</v>
      </c>
      <c r="U9258" s="19"/>
      <c r="V9258" s="19"/>
      <c r="W9258" s="19"/>
      <c r="X9258" s="19">
        <v>1</v>
      </c>
      <c r="Y9258" s="19"/>
      <c r="Z9258" s="19"/>
      <c r="AA9258" s="19"/>
    </row>
    <row r="9259" spans="1:27" s="1" customFormat="1" ht="14.1" customHeight="1" outlineLevel="1" x14ac:dyDescent="0.2">
      <c r="A9259" s="17"/>
      <c r="B9259" s="17"/>
      <c r="C9259" s="17"/>
      <c r="D9259" s="18"/>
      <c r="E9259" s="18"/>
      <c r="F9259" s="18"/>
      <c r="G9259" s="18"/>
      <c r="H9259" s="18"/>
      <c r="I9259" s="18"/>
      <c r="J9259" s="18"/>
      <c r="K9259" s="18"/>
      <c r="L9259" s="18"/>
      <c r="M9259" s="18"/>
      <c r="N9259" s="18"/>
      <c r="O9259" s="18"/>
      <c r="P9259" s="19"/>
      <c r="Q9259" s="19"/>
      <c r="R9259" s="19"/>
      <c r="S9259" s="19"/>
      <c r="T9259" s="19"/>
      <c r="U9259" s="19"/>
      <c r="V9259" s="19"/>
      <c r="W9259" s="19"/>
      <c r="X9259" s="19"/>
      <c r="Y9259" s="19"/>
      <c r="Z9259" s="19"/>
      <c r="AA9259" s="19"/>
    </row>
    <row r="9260" spans="1:27" s="1" customFormat="1" ht="14.1" customHeight="1" outlineLevel="1" x14ac:dyDescent="0.2">
      <c r="A9260" s="17">
        <v>17475</v>
      </c>
      <c r="B9260" s="17"/>
      <c r="C9260" s="17"/>
      <c r="D9260" s="18" t="s">
        <v>4588</v>
      </c>
      <c r="E9260" s="18"/>
      <c r="F9260" s="18"/>
      <c r="G9260" s="18"/>
      <c r="H9260" s="18"/>
      <c r="I9260" s="18"/>
      <c r="J9260" s="18"/>
      <c r="K9260" s="18"/>
      <c r="L9260" s="18"/>
      <c r="M9260" s="18"/>
      <c r="N9260" s="18"/>
      <c r="O9260" s="18"/>
      <c r="P9260" s="19">
        <v>200</v>
      </c>
      <c r="Q9260" s="19"/>
      <c r="R9260" s="19"/>
      <c r="S9260" s="19"/>
      <c r="T9260" s="19">
        <v>150</v>
      </c>
      <c r="U9260" s="19"/>
      <c r="V9260" s="19"/>
      <c r="W9260" s="19"/>
      <c r="X9260" s="19">
        <v>1</v>
      </c>
      <c r="Y9260" s="19"/>
      <c r="Z9260" s="19"/>
      <c r="AA9260" s="19"/>
    </row>
    <row r="9261" spans="1:27" s="1" customFormat="1" ht="14.1" customHeight="1" outlineLevel="1" x14ac:dyDescent="0.2">
      <c r="A9261" s="17"/>
      <c r="B9261" s="17"/>
      <c r="C9261" s="17"/>
      <c r="D9261" s="18"/>
      <c r="E9261" s="18"/>
      <c r="F9261" s="18"/>
      <c r="G9261" s="18"/>
      <c r="H9261" s="18"/>
      <c r="I9261" s="18"/>
      <c r="J9261" s="18"/>
      <c r="K9261" s="18"/>
      <c r="L9261" s="18"/>
      <c r="M9261" s="18"/>
      <c r="N9261" s="18"/>
      <c r="O9261" s="18"/>
      <c r="P9261" s="19"/>
      <c r="Q9261" s="19"/>
      <c r="R9261" s="19"/>
      <c r="S9261" s="19"/>
      <c r="T9261" s="19"/>
      <c r="U9261" s="19"/>
      <c r="V9261" s="19"/>
      <c r="W9261" s="19"/>
      <c r="X9261" s="19"/>
      <c r="Y9261" s="19"/>
      <c r="Z9261" s="19"/>
      <c r="AA9261" s="19"/>
    </row>
    <row r="9262" spans="1:27" s="1" customFormat="1" ht="14.1" customHeight="1" outlineLevel="1" x14ac:dyDescent="0.2">
      <c r="A9262" s="17">
        <v>13395</v>
      </c>
      <c r="B9262" s="17"/>
      <c r="C9262" s="17"/>
      <c r="D9262" s="18" t="s">
        <v>4589</v>
      </c>
      <c r="E9262" s="18"/>
      <c r="F9262" s="18"/>
      <c r="G9262" s="18"/>
      <c r="H9262" s="18"/>
      <c r="I9262" s="18"/>
      <c r="J9262" s="18"/>
      <c r="K9262" s="18"/>
      <c r="L9262" s="18"/>
      <c r="M9262" s="18"/>
      <c r="N9262" s="18"/>
      <c r="O9262" s="18"/>
      <c r="P9262" s="19">
        <v>190</v>
      </c>
      <c r="Q9262" s="19"/>
      <c r="R9262" s="19"/>
      <c r="S9262" s="19"/>
      <c r="T9262" s="19">
        <v>150</v>
      </c>
      <c r="U9262" s="19"/>
      <c r="V9262" s="19"/>
      <c r="W9262" s="19"/>
      <c r="X9262" s="19">
        <v>2</v>
      </c>
      <c r="Y9262" s="19"/>
      <c r="Z9262" s="19"/>
      <c r="AA9262" s="19"/>
    </row>
    <row r="9263" spans="1:27" s="1" customFormat="1" ht="14.1" customHeight="1" outlineLevel="1" x14ac:dyDescent="0.2">
      <c r="A9263" s="17"/>
      <c r="B9263" s="17"/>
      <c r="C9263" s="17"/>
      <c r="D9263" s="18"/>
      <c r="E9263" s="18"/>
      <c r="F9263" s="18"/>
      <c r="G9263" s="18"/>
      <c r="H9263" s="18"/>
      <c r="I9263" s="18"/>
      <c r="J9263" s="18"/>
      <c r="K9263" s="18"/>
      <c r="L9263" s="18"/>
      <c r="M9263" s="18"/>
      <c r="N9263" s="18"/>
      <c r="O9263" s="18"/>
      <c r="P9263" s="19"/>
      <c r="Q9263" s="19"/>
      <c r="R9263" s="19"/>
      <c r="S9263" s="19"/>
      <c r="T9263" s="19"/>
      <c r="U9263" s="19"/>
      <c r="V9263" s="19"/>
      <c r="W9263" s="19"/>
      <c r="X9263" s="19"/>
      <c r="Y9263" s="19"/>
      <c r="Z9263" s="19"/>
      <c r="AA9263" s="19"/>
    </row>
    <row r="9264" spans="1:27" s="1" customFormat="1" ht="14.1" customHeight="1" outlineLevel="1" x14ac:dyDescent="0.2">
      <c r="A9264" s="17">
        <v>13460</v>
      </c>
      <c r="B9264" s="17"/>
      <c r="C9264" s="17"/>
      <c r="D9264" s="18" t="s">
        <v>4590</v>
      </c>
      <c r="E9264" s="18"/>
      <c r="F9264" s="18"/>
      <c r="G9264" s="18"/>
      <c r="H9264" s="18"/>
      <c r="I9264" s="18"/>
      <c r="J9264" s="18"/>
      <c r="K9264" s="18"/>
      <c r="L9264" s="18"/>
      <c r="M9264" s="18"/>
      <c r="N9264" s="18"/>
      <c r="O9264" s="18"/>
      <c r="P9264" s="19">
        <v>300</v>
      </c>
      <c r="Q9264" s="19"/>
      <c r="R9264" s="19"/>
      <c r="S9264" s="19"/>
      <c r="T9264" s="19">
        <v>250</v>
      </c>
      <c r="U9264" s="19"/>
      <c r="V9264" s="19"/>
      <c r="W9264" s="19"/>
      <c r="X9264" s="19">
        <v>1</v>
      </c>
      <c r="Y9264" s="19"/>
      <c r="Z9264" s="19"/>
      <c r="AA9264" s="19"/>
    </row>
    <row r="9265" spans="1:27" s="1" customFormat="1" ht="14.1" customHeight="1" outlineLevel="1" x14ac:dyDescent="0.2">
      <c r="A9265" s="17"/>
      <c r="B9265" s="17"/>
      <c r="C9265" s="17"/>
      <c r="D9265" s="18"/>
      <c r="E9265" s="18"/>
      <c r="F9265" s="18"/>
      <c r="G9265" s="18"/>
      <c r="H9265" s="18"/>
      <c r="I9265" s="18"/>
      <c r="J9265" s="18"/>
      <c r="K9265" s="18"/>
      <c r="L9265" s="18"/>
      <c r="M9265" s="18"/>
      <c r="N9265" s="18"/>
      <c r="O9265" s="18"/>
      <c r="P9265" s="19"/>
      <c r="Q9265" s="19"/>
      <c r="R9265" s="19"/>
      <c r="S9265" s="19"/>
      <c r="T9265" s="19"/>
      <c r="U9265" s="19"/>
      <c r="V9265" s="19"/>
      <c r="W9265" s="19"/>
      <c r="X9265" s="19"/>
      <c r="Y9265" s="19"/>
      <c r="Z9265" s="19"/>
      <c r="AA9265" s="19"/>
    </row>
    <row r="9266" spans="1:27" s="1" customFormat="1" ht="14.1" customHeight="1" outlineLevel="1" x14ac:dyDescent="0.2">
      <c r="A9266" s="17">
        <v>16186</v>
      </c>
      <c r="B9266" s="17"/>
      <c r="C9266" s="17"/>
      <c r="D9266" s="18" t="s">
        <v>4591</v>
      </c>
      <c r="E9266" s="18"/>
      <c r="F9266" s="18"/>
      <c r="G9266" s="18"/>
      <c r="H9266" s="18"/>
      <c r="I9266" s="18"/>
      <c r="J9266" s="18"/>
      <c r="K9266" s="18"/>
      <c r="L9266" s="18"/>
      <c r="M9266" s="18"/>
      <c r="N9266" s="18"/>
      <c r="O9266" s="18"/>
      <c r="P9266" s="19">
        <v>350</v>
      </c>
      <c r="Q9266" s="19"/>
      <c r="R9266" s="19"/>
      <c r="S9266" s="19"/>
      <c r="T9266" s="19">
        <v>250</v>
      </c>
      <c r="U9266" s="19"/>
      <c r="V9266" s="19"/>
      <c r="W9266" s="19"/>
      <c r="X9266" s="19">
        <v>1</v>
      </c>
      <c r="Y9266" s="19"/>
      <c r="Z9266" s="19"/>
      <c r="AA9266" s="19"/>
    </row>
    <row r="9267" spans="1:27" s="1" customFormat="1" ht="14.1" customHeight="1" outlineLevel="1" x14ac:dyDescent="0.2">
      <c r="A9267" s="17"/>
      <c r="B9267" s="17"/>
      <c r="C9267" s="17"/>
      <c r="D9267" s="18"/>
      <c r="E9267" s="18"/>
      <c r="F9267" s="18"/>
      <c r="G9267" s="18"/>
      <c r="H9267" s="18"/>
      <c r="I9267" s="18"/>
      <c r="J9267" s="18"/>
      <c r="K9267" s="18"/>
      <c r="L9267" s="18"/>
      <c r="M9267" s="18"/>
      <c r="N9267" s="18"/>
      <c r="O9267" s="18"/>
      <c r="P9267" s="19"/>
      <c r="Q9267" s="19"/>
      <c r="R9267" s="19"/>
      <c r="S9267" s="19"/>
      <c r="T9267" s="19"/>
      <c r="U9267" s="19"/>
      <c r="V9267" s="19"/>
      <c r="W9267" s="19"/>
      <c r="X9267" s="19"/>
      <c r="Y9267" s="19"/>
      <c r="Z9267" s="19"/>
      <c r="AA9267" s="19"/>
    </row>
    <row r="9268" spans="1:27" s="1" customFormat="1" ht="14.1" customHeight="1" outlineLevel="1" x14ac:dyDescent="0.2">
      <c r="A9268" s="17">
        <v>18066</v>
      </c>
      <c r="B9268" s="17"/>
      <c r="C9268" s="17"/>
      <c r="D9268" s="18" t="s">
        <v>4592</v>
      </c>
      <c r="E9268" s="18"/>
      <c r="F9268" s="18"/>
      <c r="G9268" s="18"/>
      <c r="H9268" s="18"/>
      <c r="I9268" s="18"/>
      <c r="J9268" s="18"/>
      <c r="K9268" s="18"/>
      <c r="L9268" s="18"/>
      <c r="M9268" s="18"/>
      <c r="N9268" s="18"/>
      <c r="O9268" s="18"/>
      <c r="P9268" s="19">
        <v>350</v>
      </c>
      <c r="Q9268" s="19"/>
      <c r="R9268" s="19"/>
      <c r="S9268" s="19"/>
      <c r="T9268" s="19">
        <v>250</v>
      </c>
      <c r="U9268" s="19"/>
      <c r="V9268" s="19"/>
      <c r="W9268" s="19"/>
      <c r="X9268" s="19">
        <v>1</v>
      </c>
      <c r="Y9268" s="19"/>
      <c r="Z9268" s="19"/>
      <c r="AA9268" s="19"/>
    </row>
    <row r="9269" spans="1:27" s="1" customFormat="1" ht="14.1" customHeight="1" outlineLevel="1" x14ac:dyDescent="0.2">
      <c r="A9269" s="17"/>
      <c r="B9269" s="17"/>
      <c r="C9269" s="17"/>
      <c r="D9269" s="18"/>
      <c r="E9269" s="18"/>
      <c r="F9269" s="18"/>
      <c r="G9269" s="18"/>
      <c r="H9269" s="18"/>
      <c r="I9269" s="18"/>
      <c r="J9269" s="18"/>
      <c r="K9269" s="18"/>
      <c r="L9269" s="18"/>
      <c r="M9269" s="18"/>
      <c r="N9269" s="18"/>
      <c r="O9269" s="18"/>
      <c r="P9269" s="19"/>
      <c r="Q9269" s="19"/>
      <c r="R9269" s="19"/>
      <c r="S9269" s="19"/>
      <c r="T9269" s="19"/>
      <c r="U9269" s="19"/>
      <c r="V9269" s="19"/>
      <c r="W9269" s="19"/>
      <c r="X9269" s="19"/>
      <c r="Y9269" s="19"/>
      <c r="Z9269" s="19"/>
      <c r="AA9269" s="19"/>
    </row>
    <row r="9270" spans="1:27" s="1" customFormat="1" ht="14.1" customHeight="1" outlineLevel="1" x14ac:dyDescent="0.2">
      <c r="A9270" s="17">
        <v>16914</v>
      </c>
      <c r="B9270" s="17"/>
      <c r="C9270" s="17"/>
      <c r="D9270" s="18" t="s">
        <v>4593</v>
      </c>
      <c r="E9270" s="18"/>
      <c r="F9270" s="18"/>
      <c r="G9270" s="18"/>
      <c r="H9270" s="18"/>
      <c r="I9270" s="18"/>
      <c r="J9270" s="18"/>
      <c r="K9270" s="18"/>
      <c r="L9270" s="18"/>
      <c r="M9270" s="18"/>
      <c r="N9270" s="18"/>
      <c r="O9270" s="18"/>
      <c r="P9270" s="19">
        <v>400</v>
      </c>
      <c r="Q9270" s="19"/>
      <c r="R9270" s="19"/>
      <c r="S9270" s="19"/>
      <c r="T9270" s="19">
        <v>300</v>
      </c>
      <c r="U9270" s="19"/>
      <c r="V9270" s="19"/>
      <c r="W9270" s="19"/>
      <c r="X9270" s="19">
        <v>2</v>
      </c>
      <c r="Y9270" s="19"/>
      <c r="Z9270" s="19"/>
      <c r="AA9270" s="19"/>
    </row>
    <row r="9271" spans="1:27" s="1" customFormat="1" ht="14.1" customHeight="1" outlineLevel="1" x14ac:dyDescent="0.2">
      <c r="A9271" s="17"/>
      <c r="B9271" s="17"/>
      <c r="C9271" s="17"/>
      <c r="D9271" s="18"/>
      <c r="E9271" s="18"/>
      <c r="F9271" s="18"/>
      <c r="G9271" s="18"/>
      <c r="H9271" s="18"/>
      <c r="I9271" s="18"/>
      <c r="J9271" s="18"/>
      <c r="K9271" s="18"/>
      <c r="L9271" s="18"/>
      <c r="M9271" s="18"/>
      <c r="N9271" s="18"/>
      <c r="O9271" s="18"/>
      <c r="P9271" s="19"/>
      <c r="Q9271" s="19"/>
      <c r="R9271" s="19"/>
      <c r="S9271" s="19"/>
      <c r="T9271" s="19"/>
      <c r="U9271" s="19"/>
      <c r="V9271" s="19"/>
      <c r="W9271" s="19"/>
      <c r="X9271" s="19"/>
      <c r="Y9271" s="19"/>
      <c r="Z9271" s="19"/>
      <c r="AA9271" s="19"/>
    </row>
    <row r="9272" spans="1:27" s="1" customFormat="1" ht="14.1" customHeight="1" outlineLevel="1" x14ac:dyDescent="0.2">
      <c r="A9272" s="17">
        <v>16904</v>
      </c>
      <c r="B9272" s="17"/>
      <c r="C9272" s="17"/>
      <c r="D9272" s="18" t="s">
        <v>4594</v>
      </c>
      <c r="E9272" s="18"/>
      <c r="F9272" s="18"/>
      <c r="G9272" s="18"/>
      <c r="H9272" s="18"/>
      <c r="I9272" s="18"/>
      <c r="J9272" s="18"/>
      <c r="K9272" s="18"/>
      <c r="L9272" s="18"/>
      <c r="M9272" s="18"/>
      <c r="N9272" s="18"/>
      <c r="O9272" s="18"/>
      <c r="P9272" s="19">
        <v>500</v>
      </c>
      <c r="Q9272" s="19"/>
      <c r="R9272" s="19"/>
      <c r="S9272" s="19"/>
      <c r="T9272" s="19">
        <v>400</v>
      </c>
      <c r="U9272" s="19"/>
      <c r="V9272" s="19"/>
      <c r="W9272" s="19"/>
      <c r="X9272" s="19">
        <v>1</v>
      </c>
      <c r="Y9272" s="19"/>
      <c r="Z9272" s="19"/>
      <c r="AA9272" s="19"/>
    </row>
    <row r="9273" spans="1:27" s="1" customFormat="1" ht="14.1" customHeight="1" outlineLevel="1" x14ac:dyDescent="0.2">
      <c r="A9273" s="17"/>
      <c r="B9273" s="17"/>
      <c r="C9273" s="17"/>
      <c r="D9273" s="18"/>
      <c r="E9273" s="18"/>
      <c r="F9273" s="18"/>
      <c r="G9273" s="18"/>
      <c r="H9273" s="18"/>
      <c r="I9273" s="18"/>
      <c r="J9273" s="18"/>
      <c r="K9273" s="18"/>
      <c r="L9273" s="18"/>
      <c r="M9273" s="18"/>
      <c r="N9273" s="18"/>
      <c r="O9273" s="18"/>
      <c r="P9273" s="19"/>
      <c r="Q9273" s="19"/>
      <c r="R9273" s="19"/>
      <c r="S9273" s="19"/>
      <c r="T9273" s="19"/>
      <c r="U9273" s="19"/>
      <c r="V9273" s="19"/>
      <c r="W9273" s="19"/>
      <c r="X9273" s="19"/>
      <c r="Y9273" s="19"/>
      <c r="Z9273" s="19"/>
      <c r="AA9273" s="19"/>
    </row>
    <row r="9274" spans="1:27" s="1" customFormat="1" ht="14.1" customHeight="1" outlineLevel="1" x14ac:dyDescent="0.2">
      <c r="A9274" s="17">
        <v>13494</v>
      </c>
      <c r="B9274" s="17"/>
      <c r="C9274" s="17"/>
      <c r="D9274" s="18" t="s">
        <v>4595</v>
      </c>
      <c r="E9274" s="18"/>
      <c r="F9274" s="18"/>
      <c r="G9274" s="18"/>
      <c r="H9274" s="18"/>
      <c r="I9274" s="18"/>
      <c r="J9274" s="18"/>
      <c r="K9274" s="18"/>
      <c r="L9274" s="18"/>
      <c r="M9274" s="18"/>
      <c r="N9274" s="18"/>
      <c r="O9274" s="18"/>
      <c r="P9274" s="19">
        <v>450</v>
      </c>
      <c r="Q9274" s="19"/>
      <c r="R9274" s="19"/>
      <c r="S9274" s="19"/>
      <c r="T9274" s="19">
        <v>300</v>
      </c>
      <c r="U9274" s="19"/>
      <c r="V9274" s="19"/>
      <c r="W9274" s="19"/>
      <c r="X9274" s="19">
        <v>3</v>
      </c>
      <c r="Y9274" s="19"/>
      <c r="Z9274" s="19"/>
      <c r="AA9274" s="19"/>
    </row>
    <row r="9275" spans="1:27" s="1" customFormat="1" ht="14.1" customHeight="1" outlineLevel="1" x14ac:dyDescent="0.2">
      <c r="A9275" s="17"/>
      <c r="B9275" s="17"/>
      <c r="C9275" s="17"/>
      <c r="D9275" s="18"/>
      <c r="E9275" s="18"/>
      <c r="F9275" s="18"/>
      <c r="G9275" s="18"/>
      <c r="H9275" s="18"/>
      <c r="I9275" s="18"/>
      <c r="J9275" s="18"/>
      <c r="K9275" s="18"/>
      <c r="L9275" s="18"/>
      <c r="M9275" s="18"/>
      <c r="N9275" s="18"/>
      <c r="O9275" s="18"/>
      <c r="P9275" s="19"/>
      <c r="Q9275" s="19"/>
      <c r="R9275" s="19"/>
      <c r="S9275" s="19"/>
      <c r="T9275" s="19"/>
      <c r="U9275" s="19"/>
      <c r="V9275" s="19"/>
      <c r="W9275" s="19"/>
      <c r="X9275" s="19"/>
      <c r="Y9275" s="19"/>
      <c r="Z9275" s="19"/>
      <c r="AA9275" s="19"/>
    </row>
    <row r="9276" spans="1:27" s="1" customFormat="1" ht="14.1" customHeight="1" outlineLevel="1" x14ac:dyDescent="0.2">
      <c r="A9276" s="17">
        <v>13408</v>
      </c>
      <c r="B9276" s="17"/>
      <c r="C9276" s="17"/>
      <c r="D9276" s="18" t="s">
        <v>4596</v>
      </c>
      <c r="E9276" s="18"/>
      <c r="F9276" s="18"/>
      <c r="G9276" s="18"/>
      <c r="H9276" s="18"/>
      <c r="I9276" s="18"/>
      <c r="J9276" s="18"/>
      <c r="K9276" s="18"/>
      <c r="L9276" s="18"/>
      <c r="M9276" s="18"/>
      <c r="N9276" s="18"/>
      <c r="O9276" s="18"/>
      <c r="P9276" s="19">
        <v>240</v>
      </c>
      <c r="Q9276" s="19"/>
      <c r="R9276" s="19"/>
      <c r="S9276" s="19"/>
      <c r="T9276" s="19">
        <v>200</v>
      </c>
      <c r="U9276" s="19"/>
      <c r="V9276" s="19"/>
      <c r="W9276" s="19"/>
      <c r="X9276" s="19">
        <v>1</v>
      </c>
      <c r="Y9276" s="19"/>
      <c r="Z9276" s="19"/>
      <c r="AA9276" s="19"/>
    </row>
    <row r="9277" spans="1:27" s="1" customFormat="1" ht="14.1" customHeight="1" outlineLevel="1" x14ac:dyDescent="0.2">
      <c r="A9277" s="17"/>
      <c r="B9277" s="17"/>
      <c r="C9277" s="17"/>
      <c r="D9277" s="18"/>
      <c r="E9277" s="18"/>
      <c r="F9277" s="18"/>
      <c r="G9277" s="18"/>
      <c r="H9277" s="18"/>
      <c r="I9277" s="18"/>
      <c r="J9277" s="18"/>
      <c r="K9277" s="18"/>
      <c r="L9277" s="18"/>
      <c r="M9277" s="18"/>
      <c r="N9277" s="18"/>
      <c r="O9277" s="18"/>
      <c r="P9277" s="19"/>
      <c r="Q9277" s="19"/>
      <c r="R9277" s="19"/>
      <c r="S9277" s="19"/>
      <c r="T9277" s="19"/>
      <c r="U9277" s="19"/>
      <c r="V9277" s="19"/>
      <c r="W9277" s="19"/>
      <c r="X9277" s="19"/>
      <c r="Y9277" s="19"/>
      <c r="Z9277" s="19"/>
      <c r="AA9277" s="19"/>
    </row>
    <row r="9278" spans="1:27" s="1" customFormat="1" ht="14.1" customHeight="1" outlineLevel="1" x14ac:dyDescent="0.2">
      <c r="A9278" s="17">
        <v>8700</v>
      </c>
      <c r="B9278" s="17"/>
      <c r="C9278" s="17"/>
      <c r="D9278" s="18" t="s">
        <v>4597</v>
      </c>
      <c r="E9278" s="18"/>
      <c r="F9278" s="18"/>
      <c r="G9278" s="18"/>
      <c r="H9278" s="18"/>
      <c r="I9278" s="18"/>
      <c r="J9278" s="18"/>
      <c r="K9278" s="18"/>
      <c r="L9278" s="18"/>
      <c r="M9278" s="18"/>
      <c r="N9278" s="18"/>
      <c r="O9278" s="18"/>
      <c r="P9278" s="19">
        <v>300</v>
      </c>
      <c r="Q9278" s="19"/>
      <c r="R9278" s="19"/>
      <c r="S9278" s="19"/>
      <c r="T9278" s="19">
        <v>190</v>
      </c>
      <c r="U9278" s="19"/>
      <c r="V9278" s="19"/>
      <c r="W9278" s="19"/>
      <c r="X9278" s="19">
        <v>11</v>
      </c>
      <c r="Y9278" s="19"/>
      <c r="Z9278" s="19"/>
      <c r="AA9278" s="19"/>
    </row>
    <row r="9279" spans="1:27" s="1" customFormat="1" ht="14.1" customHeight="1" outlineLevel="1" x14ac:dyDescent="0.2">
      <c r="A9279" s="17"/>
      <c r="B9279" s="17"/>
      <c r="C9279" s="17"/>
      <c r="D9279" s="18"/>
      <c r="E9279" s="18"/>
      <c r="F9279" s="18"/>
      <c r="G9279" s="18"/>
      <c r="H9279" s="18"/>
      <c r="I9279" s="18"/>
      <c r="J9279" s="18"/>
      <c r="K9279" s="18"/>
      <c r="L9279" s="18"/>
      <c r="M9279" s="18"/>
      <c r="N9279" s="18"/>
      <c r="O9279" s="18"/>
      <c r="P9279" s="19"/>
      <c r="Q9279" s="19"/>
      <c r="R9279" s="19"/>
      <c r="S9279" s="19"/>
      <c r="T9279" s="19"/>
      <c r="U9279" s="19"/>
      <c r="V9279" s="19"/>
      <c r="W9279" s="19"/>
      <c r="X9279" s="19"/>
      <c r="Y9279" s="19"/>
      <c r="Z9279" s="19"/>
      <c r="AA9279" s="19"/>
    </row>
    <row r="9280" spans="1:27" s="1" customFormat="1" ht="14.1" customHeight="1" outlineLevel="1" x14ac:dyDescent="0.2">
      <c r="A9280" s="17">
        <v>13351</v>
      </c>
      <c r="B9280" s="17"/>
      <c r="C9280" s="17"/>
      <c r="D9280" s="18" t="s">
        <v>4598</v>
      </c>
      <c r="E9280" s="18"/>
      <c r="F9280" s="18"/>
      <c r="G9280" s="18"/>
      <c r="H9280" s="18"/>
      <c r="I9280" s="18"/>
      <c r="J9280" s="18"/>
      <c r="K9280" s="18"/>
      <c r="L9280" s="18"/>
      <c r="M9280" s="18"/>
      <c r="N9280" s="18"/>
      <c r="O9280" s="18"/>
      <c r="P9280" s="19">
        <v>300</v>
      </c>
      <c r="Q9280" s="19"/>
      <c r="R9280" s="19"/>
      <c r="S9280" s="19"/>
      <c r="T9280" s="19">
        <v>250</v>
      </c>
      <c r="U9280" s="19"/>
      <c r="V9280" s="19"/>
      <c r="W9280" s="19"/>
      <c r="X9280" s="19">
        <v>8</v>
      </c>
      <c r="Y9280" s="19"/>
      <c r="Z9280" s="19"/>
      <c r="AA9280" s="19"/>
    </row>
    <row r="9281" spans="1:27" s="1" customFormat="1" ht="14.1" customHeight="1" outlineLevel="1" x14ac:dyDescent="0.2">
      <c r="A9281" s="17"/>
      <c r="B9281" s="17"/>
      <c r="C9281" s="17"/>
      <c r="D9281" s="18"/>
      <c r="E9281" s="18"/>
      <c r="F9281" s="18"/>
      <c r="G9281" s="18"/>
      <c r="H9281" s="18"/>
      <c r="I9281" s="18"/>
      <c r="J9281" s="18"/>
      <c r="K9281" s="18"/>
      <c r="L9281" s="18"/>
      <c r="M9281" s="18"/>
      <c r="N9281" s="18"/>
      <c r="O9281" s="18"/>
      <c r="P9281" s="19"/>
      <c r="Q9281" s="19"/>
      <c r="R9281" s="19"/>
      <c r="S9281" s="19"/>
      <c r="T9281" s="19"/>
      <c r="U9281" s="19"/>
      <c r="V9281" s="19"/>
      <c r="W9281" s="19"/>
      <c r="X9281" s="19"/>
      <c r="Y9281" s="19"/>
      <c r="Z9281" s="19"/>
      <c r="AA9281" s="19"/>
    </row>
    <row r="9282" spans="1:27" s="1" customFormat="1" ht="14.1" customHeight="1" outlineLevel="1" x14ac:dyDescent="0.2">
      <c r="A9282" s="17">
        <v>12812</v>
      </c>
      <c r="B9282" s="17"/>
      <c r="C9282" s="17"/>
      <c r="D9282" s="18" t="s">
        <v>4599</v>
      </c>
      <c r="E9282" s="18"/>
      <c r="F9282" s="18"/>
      <c r="G9282" s="18"/>
      <c r="H9282" s="18"/>
      <c r="I9282" s="18"/>
      <c r="J9282" s="18"/>
      <c r="K9282" s="18"/>
      <c r="L9282" s="18"/>
      <c r="M9282" s="18"/>
      <c r="N9282" s="18"/>
      <c r="O9282" s="18"/>
      <c r="P9282" s="19">
        <v>550</v>
      </c>
      <c r="Q9282" s="19"/>
      <c r="R9282" s="19"/>
      <c r="S9282" s="19"/>
      <c r="T9282" s="19">
        <v>400</v>
      </c>
      <c r="U9282" s="19"/>
      <c r="V9282" s="19"/>
      <c r="W9282" s="19"/>
      <c r="X9282" s="19">
        <v>2</v>
      </c>
      <c r="Y9282" s="19"/>
      <c r="Z9282" s="19"/>
      <c r="AA9282" s="19"/>
    </row>
    <row r="9283" spans="1:27" s="1" customFormat="1" ht="14.1" customHeight="1" outlineLevel="1" x14ac:dyDescent="0.2">
      <c r="A9283" s="17"/>
      <c r="B9283" s="17"/>
      <c r="C9283" s="17"/>
      <c r="D9283" s="18"/>
      <c r="E9283" s="18"/>
      <c r="F9283" s="18"/>
      <c r="G9283" s="18"/>
      <c r="H9283" s="18"/>
      <c r="I9283" s="18"/>
      <c r="J9283" s="18"/>
      <c r="K9283" s="18"/>
      <c r="L9283" s="18"/>
      <c r="M9283" s="18"/>
      <c r="N9283" s="18"/>
      <c r="O9283" s="18"/>
      <c r="P9283" s="19"/>
      <c r="Q9283" s="19"/>
      <c r="R9283" s="19"/>
      <c r="S9283" s="19"/>
      <c r="T9283" s="19"/>
      <c r="U9283" s="19"/>
      <c r="V9283" s="19"/>
      <c r="W9283" s="19"/>
      <c r="X9283" s="19"/>
      <c r="Y9283" s="19"/>
      <c r="Z9283" s="19"/>
      <c r="AA9283" s="19"/>
    </row>
    <row r="9284" spans="1:27" s="1" customFormat="1" ht="14.1" customHeight="1" outlineLevel="1" x14ac:dyDescent="0.2">
      <c r="A9284" s="17">
        <v>15771</v>
      </c>
      <c r="B9284" s="17"/>
      <c r="C9284" s="17"/>
      <c r="D9284" s="18" t="s">
        <v>4600</v>
      </c>
      <c r="E9284" s="18"/>
      <c r="F9284" s="18"/>
      <c r="G9284" s="18"/>
      <c r="H9284" s="18"/>
      <c r="I9284" s="18"/>
      <c r="J9284" s="18"/>
      <c r="K9284" s="18"/>
      <c r="L9284" s="18"/>
      <c r="M9284" s="18"/>
      <c r="N9284" s="18"/>
      <c r="O9284" s="18"/>
      <c r="P9284" s="19">
        <v>550</v>
      </c>
      <c r="Q9284" s="19"/>
      <c r="R9284" s="19"/>
      <c r="S9284" s="19"/>
      <c r="T9284" s="19">
        <v>450</v>
      </c>
      <c r="U9284" s="19"/>
      <c r="V9284" s="19"/>
      <c r="W9284" s="19"/>
      <c r="X9284" s="19">
        <v>2</v>
      </c>
      <c r="Y9284" s="19"/>
      <c r="Z9284" s="19"/>
      <c r="AA9284" s="19"/>
    </row>
    <row r="9285" spans="1:27" s="1" customFormat="1" ht="14.1" customHeight="1" outlineLevel="1" x14ac:dyDescent="0.2">
      <c r="A9285" s="17"/>
      <c r="B9285" s="17"/>
      <c r="C9285" s="17"/>
      <c r="D9285" s="18"/>
      <c r="E9285" s="18"/>
      <c r="F9285" s="18"/>
      <c r="G9285" s="18"/>
      <c r="H9285" s="18"/>
      <c r="I9285" s="18"/>
      <c r="J9285" s="18"/>
      <c r="K9285" s="18"/>
      <c r="L9285" s="18"/>
      <c r="M9285" s="18"/>
      <c r="N9285" s="18"/>
      <c r="O9285" s="18"/>
      <c r="P9285" s="19"/>
      <c r="Q9285" s="19"/>
      <c r="R9285" s="19"/>
      <c r="S9285" s="19"/>
      <c r="T9285" s="19"/>
      <c r="U9285" s="19"/>
      <c r="V9285" s="19"/>
      <c r="W9285" s="19"/>
      <c r="X9285" s="19"/>
      <c r="Y9285" s="19"/>
      <c r="Z9285" s="19"/>
      <c r="AA9285" s="19"/>
    </row>
    <row r="9286" spans="1:27" s="1" customFormat="1" ht="14.1" customHeight="1" outlineLevel="1" x14ac:dyDescent="0.2">
      <c r="A9286" s="17">
        <v>13371</v>
      </c>
      <c r="B9286" s="17"/>
      <c r="C9286" s="17"/>
      <c r="D9286" s="18" t="s">
        <v>4601</v>
      </c>
      <c r="E9286" s="18"/>
      <c r="F9286" s="18"/>
      <c r="G9286" s="18"/>
      <c r="H9286" s="18"/>
      <c r="I9286" s="18"/>
      <c r="J9286" s="18"/>
      <c r="K9286" s="18"/>
      <c r="L9286" s="18"/>
      <c r="M9286" s="18"/>
      <c r="N9286" s="18"/>
      <c r="O9286" s="18"/>
      <c r="P9286" s="19">
        <v>420</v>
      </c>
      <c r="Q9286" s="19"/>
      <c r="R9286" s="19"/>
      <c r="S9286" s="19"/>
      <c r="T9286" s="19">
        <v>350</v>
      </c>
      <c r="U9286" s="19"/>
      <c r="V9286" s="19"/>
      <c r="W9286" s="19"/>
      <c r="X9286" s="19">
        <v>1</v>
      </c>
      <c r="Y9286" s="19"/>
      <c r="Z9286" s="19"/>
      <c r="AA9286" s="19"/>
    </row>
    <row r="9287" spans="1:27" s="1" customFormat="1" ht="14.1" customHeight="1" outlineLevel="1" x14ac:dyDescent="0.2">
      <c r="A9287" s="17"/>
      <c r="B9287" s="17"/>
      <c r="C9287" s="17"/>
      <c r="D9287" s="18"/>
      <c r="E9287" s="18"/>
      <c r="F9287" s="18"/>
      <c r="G9287" s="18"/>
      <c r="H9287" s="18"/>
      <c r="I9287" s="18"/>
      <c r="J9287" s="18"/>
      <c r="K9287" s="18"/>
      <c r="L9287" s="18"/>
      <c r="M9287" s="18"/>
      <c r="N9287" s="18"/>
      <c r="O9287" s="18"/>
      <c r="P9287" s="19"/>
      <c r="Q9287" s="19"/>
      <c r="R9287" s="19"/>
      <c r="S9287" s="19"/>
      <c r="T9287" s="19"/>
      <c r="U9287" s="19"/>
      <c r="V9287" s="19"/>
      <c r="W9287" s="19"/>
      <c r="X9287" s="19"/>
      <c r="Y9287" s="19"/>
      <c r="Z9287" s="19"/>
      <c r="AA9287" s="19"/>
    </row>
    <row r="9288" spans="1:27" s="1" customFormat="1" ht="14.1" customHeight="1" outlineLevel="1" x14ac:dyDescent="0.2">
      <c r="A9288" s="17">
        <v>17856</v>
      </c>
      <c r="B9288" s="17"/>
      <c r="C9288" s="17"/>
      <c r="D9288" s="18" t="s">
        <v>4602</v>
      </c>
      <c r="E9288" s="18"/>
      <c r="F9288" s="18"/>
      <c r="G9288" s="18"/>
      <c r="H9288" s="18"/>
      <c r="I9288" s="18"/>
      <c r="J9288" s="18"/>
      <c r="K9288" s="18"/>
      <c r="L9288" s="18"/>
      <c r="M9288" s="18"/>
      <c r="N9288" s="18"/>
      <c r="O9288" s="18"/>
      <c r="P9288" s="19">
        <v>450</v>
      </c>
      <c r="Q9288" s="19"/>
      <c r="R9288" s="19"/>
      <c r="S9288" s="19"/>
      <c r="T9288" s="19">
        <v>300</v>
      </c>
      <c r="U9288" s="19"/>
      <c r="V9288" s="19"/>
      <c r="W9288" s="19"/>
      <c r="X9288" s="19">
        <v>3</v>
      </c>
      <c r="Y9288" s="19"/>
      <c r="Z9288" s="19"/>
      <c r="AA9288" s="19"/>
    </row>
    <row r="9289" spans="1:27" s="1" customFormat="1" ht="14.1" customHeight="1" outlineLevel="1" x14ac:dyDescent="0.2">
      <c r="A9289" s="17"/>
      <c r="B9289" s="17"/>
      <c r="C9289" s="17"/>
      <c r="D9289" s="18"/>
      <c r="E9289" s="18"/>
      <c r="F9289" s="18"/>
      <c r="G9289" s="18"/>
      <c r="H9289" s="18"/>
      <c r="I9289" s="18"/>
      <c r="J9289" s="18"/>
      <c r="K9289" s="18"/>
      <c r="L9289" s="18"/>
      <c r="M9289" s="18"/>
      <c r="N9289" s="18"/>
      <c r="O9289" s="18"/>
      <c r="P9289" s="19"/>
      <c r="Q9289" s="19"/>
      <c r="R9289" s="19"/>
      <c r="S9289" s="19"/>
      <c r="T9289" s="19"/>
      <c r="U9289" s="19"/>
      <c r="V9289" s="19"/>
      <c r="W9289" s="19"/>
      <c r="X9289" s="19"/>
      <c r="Y9289" s="19"/>
      <c r="Z9289" s="19"/>
      <c r="AA9289" s="19"/>
    </row>
    <row r="9290" spans="1:27" s="1" customFormat="1" ht="14.1" customHeight="1" outlineLevel="1" x14ac:dyDescent="0.2">
      <c r="A9290" s="17">
        <v>18065</v>
      </c>
      <c r="B9290" s="17"/>
      <c r="C9290" s="17"/>
      <c r="D9290" s="18" t="s">
        <v>4603</v>
      </c>
      <c r="E9290" s="18"/>
      <c r="F9290" s="18"/>
      <c r="G9290" s="18"/>
      <c r="H9290" s="18"/>
      <c r="I9290" s="18"/>
      <c r="J9290" s="18"/>
      <c r="K9290" s="18"/>
      <c r="L9290" s="18"/>
      <c r="M9290" s="18"/>
      <c r="N9290" s="18"/>
      <c r="O9290" s="18"/>
      <c r="P9290" s="19">
        <v>500</v>
      </c>
      <c r="Q9290" s="19"/>
      <c r="R9290" s="19"/>
      <c r="S9290" s="19"/>
      <c r="T9290" s="19">
        <v>350</v>
      </c>
      <c r="U9290" s="19"/>
      <c r="V9290" s="19"/>
      <c r="W9290" s="19"/>
      <c r="X9290" s="19">
        <v>1</v>
      </c>
      <c r="Y9290" s="19"/>
      <c r="Z9290" s="19"/>
      <c r="AA9290" s="19"/>
    </row>
    <row r="9291" spans="1:27" s="1" customFormat="1" ht="14.1" customHeight="1" outlineLevel="1" x14ac:dyDescent="0.2">
      <c r="A9291" s="17"/>
      <c r="B9291" s="17"/>
      <c r="C9291" s="17"/>
      <c r="D9291" s="18"/>
      <c r="E9291" s="18"/>
      <c r="F9291" s="18"/>
      <c r="G9291" s="18"/>
      <c r="H9291" s="18"/>
      <c r="I9291" s="18"/>
      <c r="J9291" s="18"/>
      <c r="K9291" s="18"/>
      <c r="L9291" s="18"/>
      <c r="M9291" s="18"/>
      <c r="N9291" s="18"/>
      <c r="O9291" s="18"/>
      <c r="P9291" s="19"/>
      <c r="Q9291" s="19"/>
      <c r="R9291" s="19"/>
      <c r="S9291" s="19"/>
      <c r="T9291" s="19"/>
      <c r="U9291" s="19"/>
      <c r="V9291" s="19"/>
      <c r="W9291" s="19"/>
      <c r="X9291" s="19"/>
      <c r="Y9291" s="19"/>
      <c r="Z9291" s="19"/>
      <c r="AA9291" s="19"/>
    </row>
    <row r="9292" spans="1:27" s="1" customFormat="1" ht="14.1" customHeight="1" outlineLevel="1" x14ac:dyDescent="0.2">
      <c r="A9292" s="17">
        <v>18180</v>
      </c>
      <c r="B9292" s="17"/>
      <c r="C9292" s="17"/>
      <c r="D9292" s="18" t="s">
        <v>4604</v>
      </c>
      <c r="E9292" s="18"/>
      <c r="F9292" s="18"/>
      <c r="G9292" s="18"/>
      <c r="H9292" s="18"/>
      <c r="I9292" s="18"/>
      <c r="J9292" s="18"/>
      <c r="K9292" s="18"/>
      <c r="L9292" s="18"/>
      <c r="M9292" s="18"/>
      <c r="N9292" s="18"/>
      <c r="O9292" s="18"/>
      <c r="P9292" s="19">
        <v>500</v>
      </c>
      <c r="Q9292" s="19"/>
      <c r="R9292" s="19"/>
      <c r="S9292" s="19"/>
      <c r="T9292" s="19">
        <v>400</v>
      </c>
      <c r="U9292" s="19"/>
      <c r="V9292" s="19"/>
      <c r="W9292" s="19"/>
      <c r="X9292" s="19">
        <v>1</v>
      </c>
      <c r="Y9292" s="19"/>
      <c r="Z9292" s="19"/>
      <c r="AA9292" s="19"/>
    </row>
    <row r="9293" spans="1:27" s="1" customFormat="1" ht="14.1" customHeight="1" outlineLevel="1" x14ac:dyDescent="0.2">
      <c r="A9293" s="17"/>
      <c r="B9293" s="17"/>
      <c r="C9293" s="17"/>
      <c r="D9293" s="18"/>
      <c r="E9293" s="18"/>
      <c r="F9293" s="18"/>
      <c r="G9293" s="18"/>
      <c r="H9293" s="18"/>
      <c r="I9293" s="18"/>
      <c r="J9293" s="18"/>
      <c r="K9293" s="18"/>
      <c r="L9293" s="18"/>
      <c r="M9293" s="18"/>
      <c r="N9293" s="18"/>
      <c r="O9293" s="18"/>
      <c r="P9293" s="19"/>
      <c r="Q9293" s="19"/>
      <c r="R9293" s="19"/>
      <c r="S9293" s="19"/>
      <c r="T9293" s="19"/>
      <c r="U9293" s="19"/>
      <c r="V9293" s="19"/>
      <c r="W9293" s="19"/>
      <c r="X9293" s="19"/>
      <c r="Y9293" s="19"/>
      <c r="Z9293" s="19"/>
      <c r="AA9293" s="19"/>
    </row>
    <row r="9294" spans="1:27" s="1" customFormat="1" ht="14.1" customHeight="1" outlineLevel="1" x14ac:dyDescent="0.2">
      <c r="A9294" s="17">
        <v>13452</v>
      </c>
      <c r="B9294" s="17"/>
      <c r="C9294" s="17"/>
      <c r="D9294" s="18" t="s">
        <v>4605</v>
      </c>
      <c r="E9294" s="18"/>
      <c r="F9294" s="18"/>
      <c r="G9294" s="18"/>
      <c r="H9294" s="18"/>
      <c r="I9294" s="18"/>
      <c r="J9294" s="18"/>
      <c r="K9294" s="18"/>
      <c r="L9294" s="18"/>
      <c r="M9294" s="18"/>
      <c r="N9294" s="18"/>
      <c r="O9294" s="18"/>
      <c r="P9294" s="19">
        <v>540</v>
      </c>
      <c r="Q9294" s="19"/>
      <c r="R9294" s="19"/>
      <c r="S9294" s="19"/>
      <c r="T9294" s="19">
        <v>450</v>
      </c>
      <c r="U9294" s="19"/>
      <c r="V9294" s="19"/>
      <c r="W9294" s="19"/>
      <c r="X9294" s="19">
        <v>2</v>
      </c>
      <c r="Y9294" s="19"/>
      <c r="Z9294" s="19"/>
      <c r="AA9294" s="19"/>
    </row>
    <row r="9295" spans="1:27" s="1" customFormat="1" ht="14.1" customHeight="1" outlineLevel="1" x14ac:dyDescent="0.2">
      <c r="A9295" s="17"/>
      <c r="B9295" s="17"/>
      <c r="C9295" s="17"/>
      <c r="D9295" s="18"/>
      <c r="E9295" s="18"/>
      <c r="F9295" s="18"/>
      <c r="G9295" s="18"/>
      <c r="H9295" s="18"/>
      <c r="I9295" s="18"/>
      <c r="J9295" s="18"/>
      <c r="K9295" s="18"/>
      <c r="L9295" s="18"/>
      <c r="M9295" s="18"/>
      <c r="N9295" s="18"/>
      <c r="O9295" s="18"/>
      <c r="P9295" s="19"/>
      <c r="Q9295" s="19"/>
      <c r="R9295" s="19"/>
      <c r="S9295" s="19"/>
      <c r="T9295" s="19"/>
      <c r="U9295" s="19"/>
      <c r="V9295" s="19"/>
      <c r="W9295" s="19"/>
      <c r="X9295" s="19"/>
      <c r="Y9295" s="19"/>
      <c r="Z9295" s="19"/>
      <c r="AA9295" s="19"/>
    </row>
    <row r="9296" spans="1:27" s="1" customFormat="1" ht="14.1" customHeight="1" outlineLevel="1" x14ac:dyDescent="0.2">
      <c r="A9296" s="17">
        <v>13325</v>
      </c>
      <c r="B9296" s="17"/>
      <c r="C9296" s="17"/>
      <c r="D9296" s="18" t="s">
        <v>4606</v>
      </c>
      <c r="E9296" s="18"/>
      <c r="F9296" s="18"/>
      <c r="G9296" s="18"/>
      <c r="H9296" s="18"/>
      <c r="I9296" s="18"/>
      <c r="J9296" s="18"/>
      <c r="K9296" s="18"/>
      <c r="L9296" s="18"/>
      <c r="M9296" s="18"/>
      <c r="N9296" s="18"/>
      <c r="O9296" s="18"/>
      <c r="P9296" s="19">
        <v>300</v>
      </c>
      <c r="Q9296" s="19"/>
      <c r="R9296" s="19"/>
      <c r="S9296" s="19"/>
      <c r="T9296" s="19">
        <v>200</v>
      </c>
      <c r="U9296" s="19"/>
      <c r="V9296" s="19"/>
      <c r="W9296" s="19"/>
      <c r="X9296" s="19">
        <v>3</v>
      </c>
      <c r="Y9296" s="19"/>
      <c r="Z9296" s="19"/>
      <c r="AA9296" s="19"/>
    </row>
    <row r="9297" spans="1:27" s="1" customFormat="1" ht="14.1" customHeight="1" outlineLevel="1" x14ac:dyDescent="0.2">
      <c r="A9297" s="17"/>
      <c r="B9297" s="17"/>
      <c r="C9297" s="17"/>
      <c r="D9297" s="18"/>
      <c r="E9297" s="18"/>
      <c r="F9297" s="18"/>
      <c r="G9297" s="18"/>
      <c r="H9297" s="18"/>
      <c r="I9297" s="18"/>
      <c r="J9297" s="18"/>
      <c r="K9297" s="18"/>
      <c r="L9297" s="18"/>
      <c r="M9297" s="18"/>
      <c r="N9297" s="18"/>
      <c r="O9297" s="18"/>
      <c r="P9297" s="19"/>
      <c r="Q9297" s="19"/>
      <c r="R9297" s="19"/>
      <c r="S9297" s="19"/>
      <c r="T9297" s="19"/>
      <c r="U9297" s="19"/>
      <c r="V9297" s="19"/>
      <c r="W9297" s="19"/>
      <c r="X9297" s="19"/>
      <c r="Y9297" s="19"/>
      <c r="Z9297" s="19"/>
      <c r="AA9297" s="19"/>
    </row>
    <row r="9298" spans="1:27" s="1" customFormat="1" ht="14.1" customHeight="1" outlineLevel="1" x14ac:dyDescent="0.2">
      <c r="A9298" s="17">
        <v>10307</v>
      </c>
      <c r="B9298" s="17"/>
      <c r="C9298" s="17"/>
      <c r="D9298" s="18" t="s">
        <v>4607</v>
      </c>
      <c r="E9298" s="18"/>
      <c r="F9298" s="18"/>
      <c r="G9298" s="18"/>
      <c r="H9298" s="18"/>
      <c r="I9298" s="18"/>
      <c r="J9298" s="18"/>
      <c r="K9298" s="18"/>
      <c r="L9298" s="18"/>
      <c r="M9298" s="18"/>
      <c r="N9298" s="18"/>
      <c r="O9298" s="18"/>
      <c r="P9298" s="19">
        <v>140</v>
      </c>
      <c r="Q9298" s="19"/>
      <c r="R9298" s="19"/>
      <c r="S9298" s="19"/>
      <c r="T9298" s="19">
        <v>100</v>
      </c>
      <c r="U9298" s="19"/>
      <c r="V9298" s="19"/>
      <c r="W9298" s="19"/>
      <c r="X9298" s="19">
        <v>1</v>
      </c>
      <c r="Y9298" s="19"/>
      <c r="Z9298" s="19"/>
      <c r="AA9298" s="19"/>
    </row>
    <row r="9299" spans="1:27" s="1" customFormat="1" ht="14.1" customHeight="1" outlineLevel="1" x14ac:dyDescent="0.2">
      <c r="A9299" s="17"/>
      <c r="B9299" s="17"/>
      <c r="C9299" s="17"/>
      <c r="D9299" s="18"/>
      <c r="E9299" s="18"/>
      <c r="F9299" s="18"/>
      <c r="G9299" s="18"/>
      <c r="H9299" s="18"/>
      <c r="I9299" s="18"/>
      <c r="J9299" s="18"/>
      <c r="K9299" s="18"/>
      <c r="L9299" s="18"/>
      <c r="M9299" s="18"/>
      <c r="N9299" s="18"/>
      <c r="O9299" s="18"/>
      <c r="P9299" s="19"/>
      <c r="Q9299" s="19"/>
      <c r="R9299" s="19"/>
      <c r="S9299" s="19"/>
      <c r="T9299" s="19"/>
      <c r="U9299" s="19"/>
      <c r="V9299" s="19"/>
      <c r="W9299" s="19"/>
      <c r="X9299" s="19"/>
      <c r="Y9299" s="19"/>
      <c r="Z9299" s="19"/>
      <c r="AA9299" s="19"/>
    </row>
    <row r="9300" spans="1:27" s="1" customFormat="1" ht="14.1" customHeight="1" outlineLevel="1" x14ac:dyDescent="0.2">
      <c r="A9300" s="17">
        <v>13298</v>
      </c>
      <c r="B9300" s="17"/>
      <c r="C9300" s="17"/>
      <c r="D9300" s="18" t="s">
        <v>4608</v>
      </c>
      <c r="E9300" s="18"/>
      <c r="F9300" s="18"/>
      <c r="G9300" s="18"/>
      <c r="H9300" s="18"/>
      <c r="I9300" s="18"/>
      <c r="J9300" s="18"/>
      <c r="K9300" s="18"/>
      <c r="L9300" s="18"/>
      <c r="M9300" s="18"/>
      <c r="N9300" s="18"/>
      <c r="O9300" s="18"/>
      <c r="P9300" s="19">
        <v>500</v>
      </c>
      <c r="Q9300" s="19"/>
      <c r="R9300" s="19"/>
      <c r="S9300" s="19"/>
      <c r="T9300" s="19">
        <v>450</v>
      </c>
      <c r="U9300" s="19"/>
      <c r="V9300" s="19"/>
      <c r="W9300" s="19"/>
      <c r="X9300" s="19">
        <v>5</v>
      </c>
      <c r="Y9300" s="19"/>
      <c r="Z9300" s="19"/>
      <c r="AA9300" s="19"/>
    </row>
    <row r="9301" spans="1:27" s="1" customFormat="1" ht="14.1" customHeight="1" outlineLevel="1" x14ac:dyDescent="0.2">
      <c r="A9301" s="17"/>
      <c r="B9301" s="17"/>
      <c r="C9301" s="17"/>
      <c r="D9301" s="18"/>
      <c r="E9301" s="18"/>
      <c r="F9301" s="18"/>
      <c r="G9301" s="18"/>
      <c r="H9301" s="18"/>
      <c r="I9301" s="18"/>
      <c r="J9301" s="18"/>
      <c r="K9301" s="18"/>
      <c r="L9301" s="18"/>
      <c r="M9301" s="18"/>
      <c r="N9301" s="18"/>
      <c r="O9301" s="18"/>
      <c r="P9301" s="19"/>
      <c r="Q9301" s="19"/>
      <c r="R9301" s="19"/>
      <c r="S9301" s="19"/>
      <c r="T9301" s="19"/>
      <c r="U9301" s="19"/>
      <c r="V9301" s="19"/>
      <c r="W9301" s="19"/>
      <c r="X9301" s="19"/>
      <c r="Y9301" s="19"/>
      <c r="Z9301" s="19"/>
      <c r="AA9301" s="19"/>
    </row>
    <row r="9302" spans="1:27" s="1" customFormat="1" ht="14.1" customHeight="1" outlineLevel="1" x14ac:dyDescent="0.2">
      <c r="A9302" s="17">
        <v>16794</v>
      </c>
      <c r="B9302" s="17"/>
      <c r="C9302" s="17"/>
      <c r="D9302" s="18" t="s">
        <v>4609</v>
      </c>
      <c r="E9302" s="18"/>
      <c r="F9302" s="18"/>
      <c r="G9302" s="18"/>
      <c r="H9302" s="18"/>
      <c r="I9302" s="18"/>
      <c r="J9302" s="18"/>
      <c r="K9302" s="18"/>
      <c r="L9302" s="18"/>
      <c r="M9302" s="18"/>
      <c r="N9302" s="18"/>
      <c r="O9302" s="18"/>
      <c r="P9302" s="19">
        <v>450</v>
      </c>
      <c r="Q9302" s="19"/>
      <c r="R9302" s="19"/>
      <c r="S9302" s="19"/>
      <c r="T9302" s="19">
        <v>300</v>
      </c>
      <c r="U9302" s="19"/>
      <c r="V9302" s="19"/>
      <c r="W9302" s="19"/>
      <c r="X9302" s="19">
        <v>1</v>
      </c>
      <c r="Y9302" s="19"/>
      <c r="Z9302" s="19"/>
      <c r="AA9302" s="19"/>
    </row>
    <row r="9303" spans="1:27" s="1" customFormat="1" ht="14.1" customHeight="1" outlineLevel="1" x14ac:dyDescent="0.2">
      <c r="A9303" s="17"/>
      <c r="B9303" s="17"/>
      <c r="C9303" s="17"/>
      <c r="D9303" s="18"/>
      <c r="E9303" s="18"/>
      <c r="F9303" s="18"/>
      <c r="G9303" s="18"/>
      <c r="H9303" s="18"/>
      <c r="I9303" s="18"/>
      <c r="J9303" s="18"/>
      <c r="K9303" s="18"/>
      <c r="L9303" s="18"/>
      <c r="M9303" s="18"/>
      <c r="N9303" s="18"/>
      <c r="O9303" s="18"/>
      <c r="P9303" s="19"/>
      <c r="Q9303" s="19"/>
      <c r="R9303" s="19"/>
      <c r="S9303" s="19"/>
      <c r="T9303" s="19"/>
      <c r="U9303" s="19"/>
      <c r="V9303" s="19"/>
      <c r="W9303" s="19"/>
      <c r="X9303" s="19"/>
      <c r="Y9303" s="19"/>
      <c r="Z9303" s="19"/>
      <c r="AA9303" s="19"/>
    </row>
    <row r="9304" spans="1:27" s="1" customFormat="1" ht="14.1" customHeight="1" outlineLevel="1" x14ac:dyDescent="0.2">
      <c r="A9304" s="17">
        <v>15777</v>
      </c>
      <c r="B9304" s="17"/>
      <c r="C9304" s="17"/>
      <c r="D9304" s="18" t="s">
        <v>4610</v>
      </c>
      <c r="E9304" s="18"/>
      <c r="F9304" s="18"/>
      <c r="G9304" s="18"/>
      <c r="H9304" s="18"/>
      <c r="I9304" s="18"/>
      <c r="J9304" s="18"/>
      <c r="K9304" s="18"/>
      <c r="L9304" s="18"/>
      <c r="M9304" s="18"/>
      <c r="N9304" s="18"/>
      <c r="O9304" s="18"/>
      <c r="P9304" s="19">
        <v>900</v>
      </c>
      <c r="Q9304" s="19"/>
      <c r="R9304" s="19"/>
      <c r="S9304" s="19"/>
      <c r="T9304" s="19">
        <v>800</v>
      </c>
      <c r="U9304" s="19"/>
      <c r="V9304" s="19"/>
      <c r="W9304" s="19"/>
      <c r="X9304" s="19">
        <v>2</v>
      </c>
      <c r="Y9304" s="19"/>
      <c r="Z9304" s="19"/>
      <c r="AA9304" s="19"/>
    </row>
    <row r="9305" spans="1:27" s="1" customFormat="1" ht="14.1" customHeight="1" outlineLevel="1" x14ac:dyDescent="0.2">
      <c r="A9305" s="17"/>
      <c r="B9305" s="17"/>
      <c r="C9305" s="17"/>
      <c r="D9305" s="18"/>
      <c r="E9305" s="18"/>
      <c r="F9305" s="18"/>
      <c r="G9305" s="18"/>
      <c r="H9305" s="18"/>
      <c r="I9305" s="18"/>
      <c r="J9305" s="18"/>
      <c r="K9305" s="18"/>
      <c r="L9305" s="18"/>
      <c r="M9305" s="18"/>
      <c r="N9305" s="18"/>
      <c r="O9305" s="18"/>
      <c r="P9305" s="19"/>
      <c r="Q9305" s="19"/>
      <c r="R9305" s="19"/>
      <c r="S9305" s="19"/>
      <c r="T9305" s="19"/>
      <c r="U9305" s="19"/>
      <c r="V9305" s="19"/>
      <c r="W9305" s="19"/>
      <c r="X9305" s="19"/>
      <c r="Y9305" s="19"/>
      <c r="Z9305" s="19"/>
      <c r="AA9305" s="19"/>
    </row>
    <row r="9306" spans="1:27" s="1" customFormat="1" ht="14.1" customHeight="1" outlineLevel="1" x14ac:dyDescent="0.2">
      <c r="A9306" s="17">
        <v>16984</v>
      </c>
      <c r="B9306" s="17"/>
      <c r="C9306" s="17"/>
      <c r="D9306" s="18" t="s">
        <v>4611</v>
      </c>
      <c r="E9306" s="18"/>
      <c r="F9306" s="18"/>
      <c r="G9306" s="18"/>
      <c r="H9306" s="18"/>
      <c r="I9306" s="18"/>
      <c r="J9306" s="18"/>
      <c r="K9306" s="18"/>
      <c r="L9306" s="18"/>
      <c r="M9306" s="18"/>
      <c r="N9306" s="18"/>
      <c r="O9306" s="18"/>
      <c r="P9306" s="19">
        <v>900</v>
      </c>
      <c r="Q9306" s="19"/>
      <c r="R9306" s="19"/>
      <c r="S9306" s="19"/>
      <c r="T9306" s="19">
        <v>700</v>
      </c>
      <c r="U9306" s="19"/>
      <c r="V9306" s="19"/>
      <c r="W9306" s="19"/>
      <c r="X9306" s="19">
        <v>2</v>
      </c>
      <c r="Y9306" s="19"/>
      <c r="Z9306" s="19"/>
      <c r="AA9306" s="19"/>
    </row>
    <row r="9307" spans="1:27" s="1" customFormat="1" ht="14.1" customHeight="1" outlineLevel="1" x14ac:dyDescent="0.2">
      <c r="A9307" s="17"/>
      <c r="B9307" s="17"/>
      <c r="C9307" s="17"/>
      <c r="D9307" s="18"/>
      <c r="E9307" s="18"/>
      <c r="F9307" s="18"/>
      <c r="G9307" s="18"/>
      <c r="H9307" s="18"/>
      <c r="I9307" s="18"/>
      <c r="J9307" s="18"/>
      <c r="K9307" s="18"/>
      <c r="L9307" s="18"/>
      <c r="M9307" s="18"/>
      <c r="N9307" s="18"/>
      <c r="O9307" s="18"/>
      <c r="P9307" s="19"/>
      <c r="Q9307" s="19"/>
      <c r="R9307" s="19"/>
      <c r="S9307" s="19"/>
      <c r="T9307" s="19"/>
      <c r="U9307" s="19"/>
      <c r="V9307" s="19"/>
      <c r="W9307" s="19"/>
      <c r="X9307" s="19"/>
      <c r="Y9307" s="19"/>
      <c r="Z9307" s="19"/>
      <c r="AA9307" s="19"/>
    </row>
    <row r="9308" spans="1:27" s="1" customFormat="1" ht="14.1" customHeight="1" outlineLevel="1" x14ac:dyDescent="0.2">
      <c r="A9308" s="17">
        <v>17584</v>
      </c>
      <c r="B9308" s="17"/>
      <c r="C9308" s="17"/>
      <c r="D9308" s="18" t="s">
        <v>4612</v>
      </c>
      <c r="E9308" s="18"/>
      <c r="F9308" s="18"/>
      <c r="G9308" s="18"/>
      <c r="H9308" s="18"/>
      <c r="I9308" s="18"/>
      <c r="J9308" s="18"/>
      <c r="K9308" s="18"/>
      <c r="L9308" s="18"/>
      <c r="M9308" s="18"/>
      <c r="N9308" s="18"/>
      <c r="O9308" s="18"/>
      <c r="P9308" s="19">
        <v>650</v>
      </c>
      <c r="Q9308" s="19"/>
      <c r="R9308" s="19"/>
      <c r="S9308" s="19"/>
      <c r="T9308" s="19">
        <v>550</v>
      </c>
      <c r="U9308" s="19"/>
      <c r="V9308" s="19"/>
      <c r="W9308" s="19"/>
      <c r="X9308" s="19">
        <v>2</v>
      </c>
      <c r="Y9308" s="19"/>
      <c r="Z9308" s="19"/>
      <c r="AA9308" s="19"/>
    </row>
    <row r="9309" spans="1:27" s="1" customFormat="1" ht="14.1" customHeight="1" outlineLevel="1" x14ac:dyDescent="0.2">
      <c r="A9309" s="17"/>
      <c r="B9309" s="17"/>
      <c r="C9309" s="17"/>
      <c r="D9309" s="18"/>
      <c r="E9309" s="18"/>
      <c r="F9309" s="18"/>
      <c r="G9309" s="18"/>
      <c r="H9309" s="18"/>
      <c r="I9309" s="18"/>
      <c r="J9309" s="18"/>
      <c r="K9309" s="18"/>
      <c r="L9309" s="18"/>
      <c r="M9309" s="18"/>
      <c r="N9309" s="18"/>
      <c r="O9309" s="18"/>
      <c r="P9309" s="19"/>
      <c r="Q9309" s="19"/>
      <c r="R9309" s="19"/>
      <c r="S9309" s="19"/>
      <c r="T9309" s="19"/>
      <c r="U9309" s="19"/>
      <c r="V9309" s="19"/>
      <c r="W9309" s="19"/>
      <c r="X9309" s="19"/>
      <c r="Y9309" s="19"/>
      <c r="Z9309" s="19"/>
      <c r="AA9309" s="19"/>
    </row>
    <row r="9310" spans="1:27" s="1" customFormat="1" ht="14.1" customHeight="1" outlineLevel="1" x14ac:dyDescent="0.2">
      <c r="A9310" s="17">
        <v>17930</v>
      </c>
      <c r="B9310" s="17"/>
      <c r="C9310" s="17"/>
      <c r="D9310" s="18" t="s">
        <v>4613</v>
      </c>
      <c r="E9310" s="18"/>
      <c r="F9310" s="18"/>
      <c r="G9310" s="18"/>
      <c r="H9310" s="18"/>
      <c r="I9310" s="18"/>
      <c r="J9310" s="18"/>
      <c r="K9310" s="18"/>
      <c r="L9310" s="18"/>
      <c r="M9310" s="18"/>
      <c r="N9310" s="18"/>
      <c r="O9310" s="18"/>
      <c r="P9310" s="20">
        <v>1200</v>
      </c>
      <c r="Q9310" s="20"/>
      <c r="R9310" s="20"/>
      <c r="S9310" s="20"/>
      <c r="T9310" s="20">
        <v>1000</v>
      </c>
      <c r="U9310" s="20"/>
      <c r="V9310" s="20"/>
      <c r="W9310" s="20"/>
      <c r="X9310" s="19">
        <v>1</v>
      </c>
      <c r="Y9310" s="19"/>
      <c r="Z9310" s="19"/>
      <c r="AA9310" s="19"/>
    </row>
    <row r="9311" spans="1:27" s="1" customFormat="1" ht="14.1" customHeight="1" outlineLevel="1" x14ac:dyDescent="0.2">
      <c r="A9311" s="17"/>
      <c r="B9311" s="17"/>
      <c r="C9311" s="17"/>
      <c r="D9311" s="18"/>
      <c r="E9311" s="18"/>
      <c r="F9311" s="18"/>
      <c r="G9311" s="18"/>
      <c r="H9311" s="18"/>
      <c r="I9311" s="18"/>
      <c r="J9311" s="18"/>
      <c r="K9311" s="18"/>
      <c r="L9311" s="18"/>
      <c r="M9311" s="18"/>
      <c r="N9311" s="18"/>
      <c r="O9311" s="18"/>
      <c r="P9311" s="20"/>
      <c r="Q9311" s="20"/>
      <c r="R9311" s="20"/>
      <c r="S9311" s="20"/>
      <c r="T9311" s="20"/>
      <c r="U9311" s="20"/>
      <c r="V9311" s="20"/>
      <c r="W9311" s="20"/>
      <c r="X9311" s="19"/>
      <c r="Y9311" s="19"/>
      <c r="Z9311" s="19"/>
      <c r="AA9311" s="19"/>
    </row>
    <row r="9312" spans="1:27" s="1" customFormat="1" ht="14.1" customHeight="1" outlineLevel="1" x14ac:dyDescent="0.2">
      <c r="A9312" s="17">
        <v>14649</v>
      </c>
      <c r="B9312" s="17"/>
      <c r="C9312" s="17"/>
      <c r="D9312" s="18" t="s">
        <v>4614</v>
      </c>
      <c r="E9312" s="18"/>
      <c r="F9312" s="18"/>
      <c r="G9312" s="18"/>
      <c r="H9312" s="18"/>
      <c r="I9312" s="18"/>
      <c r="J9312" s="18"/>
      <c r="K9312" s="18"/>
      <c r="L9312" s="18"/>
      <c r="M9312" s="18"/>
      <c r="N9312" s="18"/>
      <c r="O9312" s="18"/>
      <c r="P9312" s="19">
        <v>660</v>
      </c>
      <c r="Q9312" s="19"/>
      <c r="R9312" s="19"/>
      <c r="S9312" s="19"/>
      <c r="T9312" s="19">
        <v>550</v>
      </c>
      <c r="U9312" s="19"/>
      <c r="V9312" s="19"/>
      <c r="W9312" s="19"/>
      <c r="X9312" s="19">
        <v>1</v>
      </c>
      <c r="Y9312" s="19"/>
      <c r="Z9312" s="19"/>
      <c r="AA9312" s="19"/>
    </row>
    <row r="9313" spans="1:27" s="1" customFormat="1" ht="14.1" customHeight="1" outlineLevel="1" x14ac:dyDescent="0.2">
      <c r="A9313" s="17"/>
      <c r="B9313" s="17"/>
      <c r="C9313" s="17"/>
      <c r="D9313" s="18"/>
      <c r="E9313" s="18"/>
      <c r="F9313" s="18"/>
      <c r="G9313" s="18"/>
      <c r="H9313" s="18"/>
      <c r="I9313" s="18"/>
      <c r="J9313" s="18"/>
      <c r="K9313" s="18"/>
      <c r="L9313" s="18"/>
      <c r="M9313" s="18"/>
      <c r="N9313" s="18"/>
      <c r="O9313" s="18"/>
      <c r="P9313" s="19"/>
      <c r="Q9313" s="19"/>
      <c r="R9313" s="19"/>
      <c r="S9313" s="19"/>
      <c r="T9313" s="19"/>
      <c r="U9313" s="19"/>
      <c r="V9313" s="19"/>
      <c r="W9313" s="19"/>
      <c r="X9313" s="19"/>
      <c r="Y9313" s="19"/>
      <c r="Z9313" s="19"/>
      <c r="AA9313" s="19"/>
    </row>
    <row r="9314" spans="1:27" s="1" customFormat="1" ht="14.1" customHeight="1" outlineLevel="1" x14ac:dyDescent="0.2">
      <c r="A9314" s="17">
        <v>16774</v>
      </c>
      <c r="B9314" s="17"/>
      <c r="C9314" s="17"/>
      <c r="D9314" s="18" t="s">
        <v>4615</v>
      </c>
      <c r="E9314" s="18"/>
      <c r="F9314" s="18"/>
      <c r="G9314" s="18"/>
      <c r="H9314" s="18"/>
      <c r="I9314" s="18"/>
      <c r="J9314" s="18"/>
      <c r="K9314" s="18"/>
      <c r="L9314" s="18"/>
      <c r="M9314" s="18"/>
      <c r="N9314" s="18"/>
      <c r="O9314" s="18"/>
      <c r="P9314" s="19">
        <v>700</v>
      </c>
      <c r="Q9314" s="19"/>
      <c r="R9314" s="19"/>
      <c r="S9314" s="19"/>
      <c r="T9314" s="19">
        <v>400</v>
      </c>
      <c r="U9314" s="19"/>
      <c r="V9314" s="19"/>
      <c r="W9314" s="19"/>
      <c r="X9314" s="19">
        <v>3</v>
      </c>
      <c r="Y9314" s="19"/>
      <c r="Z9314" s="19"/>
      <c r="AA9314" s="19"/>
    </row>
    <row r="9315" spans="1:27" s="1" customFormat="1" ht="14.1" customHeight="1" outlineLevel="1" x14ac:dyDescent="0.2">
      <c r="A9315" s="17"/>
      <c r="B9315" s="17"/>
      <c r="C9315" s="17"/>
      <c r="D9315" s="18"/>
      <c r="E9315" s="18"/>
      <c r="F9315" s="18"/>
      <c r="G9315" s="18"/>
      <c r="H9315" s="18"/>
      <c r="I9315" s="18"/>
      <c r="J9315" s="18"/>
      <c r="K9315" s="18"/>
      <c r="L9315" s="18"/>
      <c r="M9315" s="18"/>
      <c r="N9315" s="18"/>
      <c r="O9315" s="18"/>
      <c r="P9315" s="19"/>
      <c r="Q9315" s="19"/>
      <c r="R9315" s="19"/>
      <c r="S9315" s="19"/>
      <c r="T9315" s="19"/>
      <c r="U9315" s="19"/>
      <c r="V9315" s="19"/>
      <c r="W9315" s="19"/>
      <c r="X9315" s="19"/>
      <c r="Y9315" s="19"/>
      <c r="Z9315" s="19"/>
      <c r="AA9315" s="19"/>
    </row>
    <row r="9316" spans="1:27" s="1" customFormat="1" ht="14.1" customHeight="1" outlineLevel="1" x14ac:dyDescent="0.2">
      <c r="A9316" s="17">
        <v>6673</v>
      </c>
      <c r="B9316" s="17"/>
      <c r="C9316" s="17"/>
      <c r="D9316" s="18" t="s">
        <v>4616</v>
      </c>
      <c r="E9316" s="18"/>
      <c r="F9316" s="18"/>
      <c r="G9316" s="18"/>
      <c r="H9316" s="18"/>
      <c r="I9316" s="18"/>
      <c r="J9316" s="18"/>
      <c r="K9316" s="18"/>
      <c r="L9316" s="18"/>
      <c r="M9316" s="18"/>
      <c r="N9316" s="18"/>
      <c r="O9316" s="18"/>
      <c r="P9316" s="19">
        <v>250</v>
      </c>
      <c r="Q9316" s="19"/>
      <c r="R9316" s="19"/>
      <c r="S9316" s="19"/>
      <c r="T9316" s="19">
        <v>150</v>
      </c>
      <c r="U9316" s="19"/>
      <c r="V9316" s="19"/>
      <c r="W9316" s="19"/>
      <c r="X9316" s="19">
        <v>9</v>
      </c>
      <c r="Y9316" s="19"/>
      <c r="Z9316" s="19"/>
      <c r="AA9316" s="19"/>
    </row>
    <row r="9317" spans="1:27" s="1" customFormat="1" ht="14.1" customHeight="1" outlineLevel="1" x14ac:dyDescent="0.2">
      <c r="A9317" s="17"/>
      <c r="B9317" s="17"/>
      <c r="C9317" s="17"/>
      <c r="D9317" s="18"/>
      <c r="E9317" s="18"/>
      <c r="F9317" s="18"/>
      <c r="G9317" s="18"/>
      <c r="H9317" s="18"/>
      <c r="I9317" s="18"/>
      <c r="J9317" s="18"/>
      <c r="K9317" s="18"/>
      <c r="L9317" s="18"/>
      <c r="M9317" s="18"/>
      <c r="N9317" s="18"/>
      <c r="O9317" s="18"/>
      <c r="P9317" s="19"/>
      <c r="Q9317" s="19"/>
      <c r="R9317" s="19"/>
      <c r="S9317" s="19"/>
      <c r="T9317" s="19"/>
      <c r="U9317" s="19"/>
      <c r="V9317" s="19"/>
      <c r="W9317" s="19"/>
      <c r="X9317" s="19"/>
      <c r="Y9317" s="19"/>
      <c r="Z9317" s="19"/>
      <c r="AA9317" s="19"/>
    </row>
    <row r="9318" spans="1:27" s="1" customFormat="1" ht="14.1" customHeight="1" outlineLevel="1" x14ac:dyDescent="0.2">
      <c r="A9318" s="17">
        <v>12907</v>
      </c>
      <c r="B9318" s="17"/>
      <c r="C9318" s="17"/>
      <c r="D9318" s="18" t="s">
        <v>4617</v>
      </c>
      <c r="E9318" s="18"/>
      <c r="F9318" s="18"/>
      <c r="G9318" s="18"/>
      <c r="H9318" s="18"/>
      <c r="I9318" s="18"/>
      <c r="J9318" s="18"/>
      <c r="K9318" s="18"/>
      <c r="L9318" s="18"/>
      <c r="M9318" s="18"/>
      <c r="N9318" s="18"/>
      <c r="O9318" s="18"/>
      <c r="P9318" s="19">
        <v>450</v>
      </c>
      <c r="Q9318" s="19"/>
      <c r="R9318" s="19"/>
      <c r="S9318" s="19"/>
      <c r="T9318" s="19">
        <v>390</v>
      </c>
      <c r="U9318" s="19"/>
      <c r="V9318" s="19"/>
      <c r="W9318" s="19"/>
      <c r="X9318" s="19">
        <v>2</v>
      </c>
      <c r="Y9318" s="19"/>
      <c r="Z9318" s="19"/>
      <c r="AA9318" s="19"/>
    </row>
    <row r="9319" spans="1:27" s="1" customFormat="1" ht="14.1" customHeight="1" outlineLevel="1" x14ac:dyDescent="0.2">
      <c r="A9319" s="17"/>
      <c r="B9319" s="17"/>
      <c r="C9319" s="17"/>
      <c r="D9319" s="18"/>
      <c r="E9319" s="18"/>
      <c r="F9319" s="18"/>
      <c r="G9319" s="18"/>
      <c r="H9319" s="18"/>
      <c r="I9319" s="18"/>
      <c r="J9319" s="18"/>
      <c r="K9319" s="18"/>
      <c r="L9319" s="18"/>
      <c r="M9319" s="18"/>
      <c r="N9319" s="18"/>
      <c r="O9319" s="18"/>
      <c r="P9319" s="19"/>
      <c r="Q9319" s="19"/>
      <c r="R9319" s="19"/>
      <c r="S9319" s="19"/>
      <c r="T9319" s="19"/>
      <c r="U9319" s="19"/>
      <c r="V9319" s="19"/>
      <c r="W9319" s="19"/>
      <c r="X9319" s="19"/>
      <c r="Y9319" s="19"/>
      <c r="Z9319" s="19"/>
      <c r="AA9319" s="19"/>
    </row>
    <row r="9320" spans="1:27" s="1" customFormat="1" ht="14.1" customHeight="1" outlineLevel="1" x14ac:dyDescent="0.2">
      <c r="A9320" s="17">
        <v>10292</v>
      </c>
      <c r="B9320" s="17"/>
      <c r="C9320" s="17"/>
      <c r="D9320" s="18" t="s">
        <v>4618</v>
      </c>
      <c r="E9320" s="18"/>
      <c r="F9320" s="18"/>
      <c r="G9320" s="18"/>
      <c r="H9320" s="18"/>
      <c r="I9320" s="18"/>
      <c r="J9320" s="18"/>
      <c r="K9320" s="18"/>
      <c r="L9320" s="18"/>
      <c r="M9320" s="18"/>
      <c r="N9320" s="18"/>
      <c r="O9320" s="18"/>
      <c r="P9320" s="19">
        <v>50</v>
      </c>
      <c r="Q9320" s="19"/>
      <c r="R9320" s="19"/>
      <c r="S9320" s="19"/>
      <c r="T9320" s="19">
        <v>50</v>
      </c>
      <c r="U9320" s="19"/>
      <c r="V9320" s="19"/>
      <c r="W9320" s="19"/>
      <c r="X9320" s="19">
        <v>1</v>
      </c>
      <c r="Y9320" s="19"/>
      <c r="Z9320" s="19"/>
      <c r="AA9320" s="19"/>
    </row>
    <row r="9321" spans="1:27" s="1" customFormat="1" ht="14.1" customHeight="1" outlineLevel="1" x14ac:dyDescent="0.2">
      <c r="A9321" s="17"/>
      <c r="B9321" s="17"/>
      <c r="C9321" s="17"/>
      <c r="D9321" s="18"/>
      <c r="E9321" s="18"/>
      <c r="F9321" s="18"/>
      <c r="G9321" s="18"/>
      <c r="H9321" s="18"/>
      <c r="I9321" s="18"/>
      <c r="J9321" s="18"/>
      <c r="K9321" s="18"/>
      <c r="L9321" s="18"/>
      <c r="M9321" s="18"/>
      <c r="N9321" s="18"/>
      <c r="O9321" s="18"/>
      <c r="P9321" s="19"/>
      <c r="Q9321" s="19"/>
      <c r="R9321" s="19"/>
      <c r="S9321" s="19"/>
      <c r="T9321" s="19"/>
      <c r="U9321" s="19"/>
      <c r="V9321" s="19"/>
      <c r="W9321" s="19"/>
      <c r="X9321" s="19"/>
      <c r="Y9321" s="19"/>
      <c r="Z9321" s="19"/>
      <c r="AA9321" s="19"/>
    </row>
    <row r="9322" spans="1:27" s="1" customFormat="1" ht="14.1" customHeight="1" outlineLevel="1" x14ac:dyDescent="0.2">
      <c r="A9322" s="17">
        <v>12731</v>
      </c>
      <c r="B9322" s="17"/>
      <c r="C9322" s="17"/>
      <c r="D9322" s="18" t="s">
        <v>4619</v>
      </c>
      <c r="E9322" s="18"/>
      <c r="F9322" s="18"/>
      <c r="G9322" s="18"/>
      <c r="H9322" s="18"/>
      <c r="I9322" s="18"/>
      <c r="J9322" s="18"/>
      <c r="K9322" s="18"/>
      <c r="L9322" s="18"/>
      <c r="M9322" s="18"/>
      <c r="N9322" s="18"/>
      <c r="O9322" s="18"/>
      <c r="P9322" s="19">
        <v>210</v>
      </c>
      <c r="Q9322" s="19"/>
      <c r="R9322" s="19"/>
      <c r="S9322" s="19"/>
      <c r="T9322" s="19">
        <v>150</v>
      </c>
      <c r="U9322" s="19"/>
      <c r="V9322" s="19"/>
      <c r="W9322" s="19"/>
      <c r="X9322" s="19">
        <v>1</v>
      </c>
      <c r="Y9322" s="19"/>
      <c r="Z9322" s="19"/>
      <c r="AA9322" s="19"/>
    </row>
    <row r="9323" spans="1:27" s="1" customFormat="1" ht="14.1" customHeight="1" outlineLevel="1" x14ac:dyDescent="0.2">
      <c r="A9323" s="17"/>
      <c r="B9323" s="17"/>
      <c r="C9323" s="17"/>
      <c r="D9323" s="18"/>
      <c r="E9323" s="18"/>
      <c r="F9323" s="18"/>
      <c r="G9323" s="18"/>
      <c r="H9323" s="18"/>
      <c r="I9323" s="18"/>
      <c r="J9323" s="18"/>
      <c r="K9323" s="18"/>
      <c r="L9323" s="18"/>
      <c r="M9323" s="18"/>
      <c r="N9323" s="18"/>
      <c r="O9323" s="18"/>
      <c r="P9323" s="19"/>
      <c r="Q9323" s="19"/>
      <c r="R9323" s="19"/>
      <c r="S9323" s="19"/>
      <c r="T9323" s="19"/>
      <c r="U9323" s="19"/>
      <c r="V9323" s="19"/>
      <c r="W9323" s="19"/>
      <c r="X9323" s="19"/>
      <c r="Y9323" s="19"/>
      <c r="Z9323" s="19"/>
      <c r="AA9323" s="19"/>
    </row>
    <row r="9324" spans="1:27" s="1" customFormat="1" ht="14.1" customHeight="1" outlineLevel="1" x14ac:dyDescent="0.2">
      <c r="A9324" s="17">
        <v>14599</v>
      </c>
      <c r="B9324" s="17"/>
      <c r="C9324" s="17"/>
      <c r="D9324" s="18" t="s">
        <v>4620</v>
      </c>
      <c r="E9324" s="18"/>
      <c r="F9324" s="18"/>
      <c r="G9324" s="18"/>
      <c r="H9324" s="18"/>
      <c r="I9324" s="18"/>
      <c r="J9324" s="18"/>
      <c r="K9324" s="18"/>
      <c r="L9324" s="18"/>
      <c r="M9324" s="18"/>
      <c r="N9324" s="18"/>
      <c r="O9324" s="18"/>
      <c r="P9324" s="19">
        <v>400</v>
      </c>
      <c r="Q9324" s="19"/>
      <c r="R9324" s="19"/>
      <c r="S9324" s="19"/>
      <c r="T9324" s="19">
        <v>330</v>
      </c>
      <c r="U9324" s="19"/>
      <c r="V9324" s="19"/>
      <c r="W9324" s="19"/>
      <c r="X9324" s="19">
        <v>1</v>
      </c>
      <c r="Y9324" s="19"/>
      <c r="Z9324" s="19"/>
      <c r="AA9324" s="19"/>
    </row>
    <row r="9325" spans="1:27" s="1" customFormat="1" ht="14.1" customHeight="1" outlineLevel="1" x14ac:dyDescent="0.2">
      <c r="A9325" s="17"/>
      <c r="B9325" s="17"/>
      <c r="C9325" s="17"/>
      <c r="D9325" s="18"/>
      <c r="E9325" s="18"/>
      <c r="F9325" s="18"/>
      <c r="G9325" s="18"/>
      <c r="H9325" s="18"/>
      <c r="I9325" s="18"/>
      <c r="J9325" s="18"/>
      <c r="K9325" s="18"/>
      <c r="L9325" s="18"/>
      <c r="M9325" s="18"/>
      <c r="N9325" s="18"/>
      <c r="O9325" s="18"/>
      <c r="P9325" s="19"/>
      <c r="Q9325" s="19"/>
      <c r="R9325" s="19"/>
      <c r="S9325" s="19"/>
      <c r="T9325" s="19"/>
      <c r="U9325" s="19"/>
      <c r="V9325" s="19"/>
      <c r="W9325" s="19"/>
      <c r="X9325" s="19"/>
      <c r="Y9325" s="19"/>
      <c r="Z9325" s="19"/>
      <c r="AA9325" s="19"/>
    </row>
    <row r="9326" spans="1:27" s="1" customFormat="1" ht="14.1" customHeight="1" outlineLevel="1" x14ac:dyDescent="0.2">
      <c r="A9326" s="17">
        <v>17079</v>
      </c>
      <c r="B9326" s="17"/>
      <c r="C9326" s="17"/>
      <c r="D9326" s="18" t="s">
        <v>4621</v>
      </c>
      <c r="E9326" s="18"/>
      <c r="F9326" s="18"/>
      <c r="G9326" s="18"/>
      <c r="H9326" s="18"/>
      <c r="I9326" s="18"/>
      <c r="J9326" s="18"/>
      <c r="K9326" s="18"/>
      <c r="L9326" s="18"/>
      <c r="M9326" s="18"/>
      <c r="N9326" s="18"/>
      <c r="O9326" s="18"/>
      <c r="P9326" s="20">
        <v>1300</v>
      </c>
      <c r="Q9326" s="20"/>
      <c r="R9326" s="20"/>
      <c r="S9326" s="20"/>
      <c r="T9326" s="19">
        <v>900</v>
      </c>
      <c r="U9326" s="19"/>
      <c r="V9326" s="19"/>
      <c r="W9326" s="19"/>
      <c r="X9326" s="19">
        <v>2</v>
      </c>
      <c r="Y9326" s="19"/>
      <c r="Z9326" s="19"/>
      <c r="AA9326" s="19"/>
    </row>
    <row r="9327" spans="1:27" s="1" customFormat="1" ht="14.1" customHeight="1" outlineLevel="1" x14ac:dyDescent="0.2">
      <c r="A9327" s="17"/>
      <c r="B9327" s="17"/>
      <c r="C9327" s="17"/>
      <c r="D9327" s="18"/>
      <c r="E9327" s="18"/>
      <c r="F9327" s="18"/>
      <c r="G9327" s="18"/>
      <c r="H9327" s="18"/>
      <c r="I9327" s="18"/>
      <c r="J9327" s="18"/>
      <c r="K9327" s="18"/>
      <c r="L9327" s="18"/>
      <c r="M9327" s="18"/>
      <c r="N9327" s="18"/>
      <c r="O9327" s="18"/>
      <c r="P9327" s="20"/>
      <c r="Q9327" s="20"/>
      <c r="R9327" s="20"/>
      <c r="S9327" s="20"/>
      <c r="T9327" s="19"/>
      <c r="U9327" s="19"/>
      <c r="V9327" s="19"/>
      <c r="W9327" s="19"/>
      <c r="X9327" s="19"/>
      <c r="Y9327" s="19"/>
      <c r="Z9327" s="19"/>
      <c r="AA9327" s="19"/>
    </row>
    <row r="9328" spans="1:27" s="1" customFormat="1" ht="14.1" customHeight="1" outlineLevel="1" x14ac:dyDescent="0.2">
      <c r="A9328" s="17">
        <v>16861</v>
      </c>
      <c r="B9328" s="17"/>
      <c r="C9328" s="17"/>
      <c r="D9328" s="18" t="s">
        <v>4622</v>
      </c>
      <c r="E9328" s="18"/>
      <c r="F9328" s="18"/>
      <c r="G9328" s="18"/>
      <c r="H9328" s="18"/>
      <c r="I9328" s="18"/>
      <c r="J9328" s="18"/>
      <c r="K9328" s="18"/>
      <c r="L9328" s="18"/>
      <c r="M9328" s="18"/>
      <c r="N9328" s="18"/>
      <c r="O9328" s="18"/>
      <c r="P9328" s="19">
        <v>900</v>
      </c>
      <c r="Q9328" s="19"/>
      <c r="R9328" s="19"/>
      <c r="S9328" s="19"/>
      <c r="T9328" s="19">
        <v>700</v>
      </c>
      <c r="U9328" s="19"/>
      <c r="V9328" s="19"/>
      <c r="W9328" s="19"/>
      <c r="X9328" s="19">
        <v>1</v>
      </c>
      <c r="Y9328" s="19"/>
      <c r="Z9328" s="19"/>
      <c r="AA9328" s="19"/>
    </row>
    <row r="9329" spans="1:27" s="1" customFormat="1" ht="14.1" customHeight="1" outlineLevel="1" x14ac:dyDescent="0.2">
      <c r="A9329" s="17"/>
      <c r="B9329" s="17"/>
      <c r="C9329" s="17"/>
      <c r="D9329" s="18"/>
      <c r="E9329" s="18"/>
      <c r="F9329" s="18"/>
      <c r="G9329" s="18"/>
      <c r="H9329" s="18"/>
      <c r="I9329" s="18"/>
      <c r="J9329" s="18"/>
      <c r="K9329" s="18"/>
      <c r="L9329" s="18"/>
      <c r="M9329" s="18"/>
      <c r="N9329" s="18"/>
      <c r="O9329" s="18"/>
      <c r="P9329" s="19"/>
      <c r="Q9329" s="19"/>
      <c r="R9329" s="19"/>
      <c r="S9329" s="19"/>
      <c r="T9329" s="19"/>
      <c r="U9329" s="19"/>
      <c r="V9329" s="19"/>
      <c r="W9329" s="19"/>
      <c r="X9329" s="19"/>
      <c r="Y9329" s="19"/>
      <c r="Z9329" s="19"/>
      <c r="AA9329" s="19"/>
    </row>
    <row r="9330" spans="1:27" s="1" customFormat="1" ht="14.1" customHeight="1" outlineLevel="1" x14ac:dyDescent="0.2">
      <c r="A9330" s="17">
        <v>15011</v>
      </c>
      <c r="B9330" s="17"/>
      <c r="C9330" s="17"/>
      <c r="D9330" s="18" t="s">
        <v>4623</v>
      </c>
      <c r="E9330" s="18"/>
      <c r="F9330" s="18"/>
      <c r="G9330" s="18"/>
      <c r="H9330" s="18"/>
      <c r="I9330" s="18"/>
      <c r="J9330" s="18"/>
      <c r="K9330" s="18"/>
      <c r="L9330" s="18"/>
      <c r="M9330" s="18"/>
      <c r="N9330" s="18"/>
      <c r="O9330" s="18"/>
      <c r="P9330" s="19">
        <v>250</v>
      </c>
      <c r="Q9330" s="19"/>
      <c r="R9330" s="19"/>
      <c r="S9330" s="19"/>
      <c r="T9330" s="19">
        <v>200</v>
      </c>
      <c r="U9330" s="19"/>
      <c r="V9330" s="19"/>
      <c r="W9330" s="19"/>
      <c r="X9330" s="19">
        <v>1</v>
      </c>
      <c r="Y9330" s="19"/>
      <c r="Z9330" s="19"/>
      <c r="AA9330" s="19"/>
    </row>
    <row r="9331" spans="1:27" s="1" customFormat="1" ht="14.1" customHeight="1" outlineLevel="1" x14ac:dyDescent="0.2">
      <c r="A9331" s="17"/>
      <c r="B9331" s="17"/>
      <c r="C9331" s="17"/>
      <c r="D9331" s="18"/>
      <c r="E9331" s="18"/>
      <c r="F9331" s="18"/>
      <c r="G9331" s="18"/>
      <c r="H9331" s="18"/>
      <c r="I9331" s="18"/>
      <c r="J9331" s="18"/>
      <c r="K9331" s="18"/>
      <c r="L9331" s="18"/>
      <c r="M9331" s="18"/>
      <c r="N9331" s="18"/>
      <c r="O9331" s="18"/>
      <c r="P9331" s="19"/>
      <c r="Q9331" s="19"/>
      <c r="R9331" s="19"/>
      <c r="S9331" s="19"/>
      <c r="T9331" s="19"/>
      <c r="U9331" s="19"/>
      <c r="V9331" s="19"/>
      <c r="W9331" s="19"/>
      <c r="X9331" s="19"/>
      <c r="Y9331" s="19"/>
      <c r="Z9331" s="19"/>
      <c r="AA9331" s="19"/>
    </row>
    <row r="9332" spans="1:27" s="1" customFormat="1" ht="14.1" customHeight="1" outlineLevel="1" x14ac:dyDescent="0.2">
      <c r="A9332" s="17">
        <v>10303</v>
      </c>
      <c r="B9332" s="17"/>
      <c r="C9332" s="17"/>
      <c r="D9332" s="18" t="s">
        <v>4624</v>
      </c>
      <c r="E9332" s="18"/>
      <c r="F9332" s="18"/>
      <c r="G9332" s="18"/>
      <c r="H9332" s="18"/>
      <c r="I9332" s="18"/>
      <c r="J9332" s="18"/>
      <c r="K9332" s="18"/>
      <c r="L9332" s="18"/>
      <c r="M9332" s="18"/>
      <c r="N9332" s="18"/>
      <c r="O9332" s="18"/>
      <c r="P9332" s="19">
        <v>250</v>
      </c>
      <c r="Q9332" s="19"/>
      <c r="R9332" s="19"/>
      <c r="S9332" s="19"/>
      <c r="T9332" s="19">
        <v>200</v>
      </c>
      <c r="U9332" s="19"/>
      <c r="V9332" s="19"/>
      <c r="W9332" s="19"/>
      <c r="X9332" s="19">
        <v>4</v>
      </c>
      <c r="Y9332" s="19"/>
      <c r="Z9332" s="19"/>
      <c r="AA9332" s="19"/>
    </row>
    <row r="9333" spans="1:27" s="1" customFormat="1" ht="14.1" customHeight="1" outlineLevel="1" x14ac:dyDescent="0.2">
      <c r="A9333" s="17"/>
      <c r="B9333" s="17"/>
      <c r="C9333" s="17"/>
      <c r="D9333" s="18"/>
      <c r="E9333" s="18"/>
      <c r="F9333" s="18"/>
      <c r="G9333" s="18"/>
      <c r="H9333" s="18"/>
      <c r="I9333" s="18"/>
      <c r="J9333" s="18"/>
      <c r="K9333" s="18"/>
      <c r="L9333" s="18"/>
      <c r="M9333" s="18"/>
      <c r="N9333" s="18"/>
      <c r="O9333" s="18"/>
      <c r="P9333" s="19"/>
      <c r="Q9333" s="19"/>
      <c r="R9333" s="19"/>
      <c r="S9333" s="19"/>
      <c r="T9333" s="19"/>
      <c r="U9333" s="19"/>
      <c r="V9333" s="19"/>
      <c r="W9333" s="19"/>
      <c r="X9333" s="19"/>
      <c r="Y9333" s="19"/>
      <c r="Z9333" s="19"/>
      <c r="AA9333" s="19"/>
    </row>
    <row r="9334" spans="1:27" s="1" customFormat="1" ht="14.1" customHeight="1" outlineLevel="1" x14ac:dyDescent="0.2">
      <c r="A9334" s="17">
        <v>6680</v>
      </c>
      <c r="B9334" s="17"/>
      <c r="C9334" s="17"/>
      <c r="D9334" s="18" t="s">
        <v>4625</v>
      </c>
      <c r="E9334" s="18"/>
      <c r="F9334" s="18"/>
      <c r="G9334" s="18"/>
      <c r="H9334" s="18"/>
      <c r="I9334" s="18"/>
      <c r="J9334" s="18"/>
      <c r="K9334" s="18"/>
      <c r="L9334" s="18"/>
      <c r="M9334" s="18"/>
      <c r="N9334" s="18"/>
      <c r="O9334" s="18"/>
      <c r="P9334" s="19">
        <v>250</v>
      </c>
      <c r="Q9334" s="19"/>
      <c r="R9334" s="19"/>
      <c r="S9334" s="19"/>
      <c r="T9334" s="19">
        <v>150</v>
      </c>
      <c r="U9334" s="19"/>
      <c r="V9334" s="19"/>
      <c r="W9334" s="19"/>
      <c r="X9334" s="19">
        <v>5</v>
      </c>
      <c r="Y9334" s="19"/>
      <c r="Z9334" s="19"/>
      <c r="AA9334" s="19"/>
    </row>
    <row r="9335" spans="1:27" s="1" customFormat="1" ht="14.1" customHeight="1" outlineLevel="1" x14ac:dyDescent="0.2">
      <c r="A9335" s="17"/>
      <c r="B9335" s="17"/>
      <c r="C9335" s="17"/>
      <c r="D9335" s="18"/>
      <c r="E9335" s="18"/>
      <c r="F9335" s="18"/>
      <c r="G9335" s="18"/>
      <c r="H9335" s="18"/>
      <c r="I9335" s="18"/>
      <c r="J9335" s="18"/>
      <c r="K9335" s="18"/>
      <c r="L9335" s="18"/>
      <c r="M9335" s="18"/>
      <c r="N9335" s="18"/>
      <c r="O9335" s="18"/>
      <c r="P9335" s="19"/>
      <c r="Q9335" s="19"/>
      <c r="R9335" s="19"/>
      <c r="S9335" s="19"/>
      <c r="T9335" s="19"/>
      <c r="U9335" s="19"/>
      <c r="V9335" s="19"/>
      <c r="W9335" s="19"/>
      <c r="X9335" s="19"/>
      <c r="Y9335" s="19"/>
      <c r="Z9335" s="19"/>
      <c r="AA9335" s="19"/>
    </row>
    <row r="9336" spans="1:27" s="1" customFormat="1" ht="14.1" customHeight="1" outlineLevel="1" x14ac:dyDescent="0.2">
      <c r="A9336" s="17">
        <v>17412</v>
      </c>
      <c r="B9336" s="17"/>
      <c r="C9336" s="17"/>
      <c r="D9336" s="18" t="s">
        <v>4626</v>
      </c>
      <c r="E9336" s="18"/>
      <c r="F9336" s="18"/>
      <c r="G9336" s="18"/>
      <c r="H9336" s="18"/>
      <c r="I9336" s="18"/>
      <c r="J9336" s="18"/>
      <c r="K9336" s="18"/>
      <c r="L9336" s="18"/>
      <c r="M9336" s="18"/>
      <c r="N9336" s="18"/>
      <c r="O9336" s="18"/>
      <c r="P9336" s="20">
        <v>2200</v>
      </c>
      <c r="Q9336" s="20"/>
      <c r="R9336" s="20"/>
      <c r="S9336" s="20"/>
      <c r="T9336" s="20">
        <v>1800</v>
      </c>
      <c r="U9336" s="20"/>
      <c r="V9336" s="20"/>
      <c r="W9336" s="20"/>
      <c r="X9336" s="19">
        <v>2</v>
      </c>
      <c r="Y9336" s="19"/>
      <c r="Z9336" s="19"/>
      <c r="AA9336" s="19"/>
    </row>
    <row r="9337" spans="1:27" s="1" customFormat="1" ht="14.1" customHeight="1" outlineLevel="1" x14ac:dyDescent="0.2">
      <c r="A9337" s="17"/>
      <c r="B9337" s="17"/>
      <c r="C9337" s="17"/>
      <c r="D9337" s="18"/>
      <c r="E9337" s="18"/>
      <c r="F9337" s="18"/>
      <c r="G9337" s="18"/>
      <c r="H9337" s="18"/>
      <c r="I9337" s="18"/>
      <c r="J9337" s="18"/>
      <c r="K9337" s="18"/>
      <c r="L9337" s="18"/>
      <c r="M9337" s="18"/>
      <c r="N9337" s="18"/>
      <c r="O9337" s="18"/>
      <c r="P9337" s="20"/>
      <c r="Q9337" s="20"/>
      <c r="R9337" s="20"/>
      <c r="S9337" s="20"/>
      <c r="T9337" s="20"/>
      <c r="U9337" s="20"/>
      <c r="V9337" s="20"/>
      <c r="W9337" s="20"/>
      <c r="X9337" s="19"/>
      <c r="Y9337" s="19"/>
      <c r="Z9337" s="19"/>
      <c r="AA9337" s="19"/>
    </row>
    <row r="9338" spans="1:27" s="1" customFormat="1" ht="14.1" customHeight="1" outlineLevel="1" x14ac:dyDescent="0.2">
      <c r="A9338" s="17">
        <v>14602</v>
      </c>
      <c r="B9338" s="17"/>
      <c r="C9338" s="17"/>
      <c r="D9338" s="18" t="s">
        <v>4627</v>
      </c>
      <c r="E9338" s="18"/>
      <c r="F9338" s="18"/>
      <c r="G9338" s="18"/>
      <c r="H9338" s="18"/>
      <c r="I9338" s="18"/>
      <c r="J9338" s="18"/>
      <c r="K9338" s="18"/>
      <c r="L9338" s="18"/>
      <c r="M9338" s="18"/>
      <c r="N9338" s="18"/>
      <c r="O9338" s="18"/>
      <c r="P9338" s="19">
        <v>550</v>
      </c>
      <c r="Q9338" s="19"/>
      <c r="R9338" s="19"/>
      <c r="S9338" s="19"/>
      <c r="T9338" s="19">
        <v>450</v>
      </c>
      <c r="U9338" s="19"/>
      <c r="V9338" s="19"/>
      <c r="W9338" s="19"/>
      <c r="X9338" s="19">
        <v>1</v>
      </c>
      <c r="Y9338" s="19"/>
      <c r="Z9338" s="19"/>
      <c r="AA9338" s="19"/>
    </row>
    <row r="9339" spans="1:27" s="1" customFormat="1" ht="14.1" customHeight="1" outlineLevel="1" x14ac:dyDescent="0.2">
      <c r="A9339" s="17"/>
      <c r="B9339" s="17"/>
      <c r="C9339" s="17"/>
      <c r="D9339" s="18"/>
      <c r="E9339" s="18"/>
      <c r="F9339" s="18"/>
      <c r="G9339" s="18"/>
      <c r="H9339" s="18"/>
      <c r="I9339" s="18"/>
      <c r="J9339" s="18"/>
      <c r="K9339" s="18"/>
      <c r="L9339" s="18"/>
      <c r="M9339" s="18"/>
      <c r="N9339" s="18"/>
      <c r="O9339" s="18"/>
      <c r="P9339" s="19"/>
      <c r="Q9339" s="19"/>
      <c r="R9339" s="19"/>
      <c r="S9339" s="19"/>
      <c r="T9339" s="19"/>
      <c r="U9339" s="19"/>
      <c r="V9339" s="19"/>
      <c r="W9339" s="19"/>
      <c r="X9339" s="19"/>
      <c r="Y9339" s="19"/>
      <c r="Z9339" s="19"/>
      <c r="AA9339" s="19"/>
    </row>
    <row r="9340" spans="1:27" s="1" customFormat="1" ht="14.1" customHeight="1" outlineLevel="1" x14ac:dyDescent="0.2">
      <c r="A9340" s="17">
        <v>14603</v>
      </c>
      <c r="B9340" s="17"/>
      <c r="C9340" s="17"/>
      <c r="D9340" s="18" t="s">
        <v>4628</v>
      </c>
      <c r="E9340" s="18"/>
      <c r="F9340" s="18"/>
      <c r="G9340" s="18"/>
      <c r="H9340" s="18"/>
      <c r="I9340" s="18"/>
      <c r="J9340" s="18"/>
      <c r="K9340" s="18"/>
      <c r="L9340" s="18"/>
      <c r="M9340" s="18"/>
      <c r="N9340" s="18"/>
      <c r="O9340" s="18"/>
      <c r="P9340" s="19">
        <v>490</v>
      </c>
      <c r="Q9340" s="19"/>
      <c r="R9340" s="19"/>
      <c r="S9340" s="19"/>
      <c r="T9340" s="19">
        <v>400</v>
      </c>
      <c r="U9340" s="19"/>
      <c r="V9340" s="19"/>
      <c r="W9340" s="19"/>
      <c r="X9340" s="19">
        <v>1</v>
      </c>
      <c r="Y9340" s="19"/>
      <c r="Z9340" s="19"/>
      <c r="AA9340" s="19"/>
    </row>
    <row r="9341" spans="1:27" s="1" customFormat="1" ht="14.1" customHeight="1" outlineLevel="1" x14ac:dyDescent="0.2">
      <c r="A9341" s="17"/>
      <c r="B9341" s="17"/>
      <c r="C9341" s="17"/>
      <c r="D9341" s="18"/>
      <c r="E9341" s="18"/>
      <c r="F9341" s="18"/>
      <c r="G9341" s="18"/>
      <c r="H9341" s="18"/>
      <c r="I9341" s="18"/>
      <c r="J9341" s="18"/>
      <c r="K9341" s="18"/>
      <c r="L9341" s="18"/>
      <c r="M9341" s="18"/>
      <c r="N9341" s="18"/>
      <c r="O9341" s="18"/>
      <c r="P9341" s="19"/>
      <c r="Q9341" s="19"/>
      <c r="R9341" s="19"/>
      <c r="S9341" s="19"/>
      <c r="T9341" s="19"/>
      <c r="U9341" s="19"/>
      <c r="V9341" s="19"/>
      <c r="W9341" s="19"/>
      <c r="X9341" s="19"/>
      <c r="Y9341" s="19"/>
      <c r="Z9341" s="19"/>
      <c r="AA9341" s="19"/>
    </row>
    <row r="9342" spans="1:27" s="1" customFormat="1" ht="14.1" customHeight="1" outlineLevel="1" x14ac:dyDescent="0.2">
      <c r="A9342" s="17">
        <v>14654</v>
      </c>
      <c r="B9342" s="17"/>
      <c r="C9342" s="17"/>
      <c r="D9342" s="18" t="s">
        <v>4629</v>
      </c>
      <c r="E9342" s="18"/>
      <c r="F9342" s="18"/>
      <c r="G9342" s="18"/>
      <c r="H9342" s="18"/>
      <c r="I9342" s="18"/>
      <c r="J9342" s="18"/>
      <c r="K9342" s="18"/>
      <c r="L9342" s="18"/>
      <c r="M9342" s="18"/>
      <c r="N9342" s="18"/>
      <c r="O9342" s="18"/>
      <c r="P9342" s="19">
        <v>300</v>
      </c>
      <c r="Q9342" s="19"/>
      <c r="R9342" s="19"/>
      <c r="S9342" s="19"/>
      <c r="T9342" s="19">
        <v>250</v>
      </c>
      <c r="U9342" s="19"/>
      <c r="V9342" s="19"/>
      <c r="W9342" s="19"/>
      <c r="X9342" s="19">
        <v>1</v>
      </c>
      <c r="Y9342" s="19"/>
      <c r="Z9342" s="19"/>
      <c r="AA9342" s="19"/>
    </row>
    <row r="9343" spans="1:27" s="1" customFormat="1" ht="14.1" customHeight="1" outlineLevel="1" x14ac:dyDescent="0.2">
      <c r="A9343" s="17"/>
      <c r="B9343" s="17"/>
      <c r="C9343" s="17"/>
      <c r="D9343" s="18"/>
      <c r="E9343" s="18"/>
      <c r="F9343" s="18"/>
      <c r="G9343" s="18"/>
      <c r="H9343" s="18"/>
      <c r="I9343" s="18"/>
      <c r="J9343" s="18"/>
      <c r="K9343" s="18"/>
      <c r="L9343" s="18"/>
      <c r="M9343" s="18"/>
      <c r="N9343" s="18"/>
      <c r="O9343" s="18"/>
      <c r="P9343" s="19"/>
      <c r="Q9343" s="19"/>
      <c r="R9343" s="19"/>
      <c r="S9343" s="19"/>
      <c r="T9343" s="19"/>
      <c r="U9343" s="19"/>
      <c r="V9343" s="19"/>
      <c r="W9343" s="19"/>
      <c r="X9343" s="19"/>
      <c r="Y9343" s="19"/>
      <c r="Z9343" s="19"/>
      <c r="AA9343" s="19"/>
    </row>
    <row r="9344" spans="1:27" s="1" customFormat="1" ht="11.1" customHeight="1" outlineLevel="1" x14ac:dyDescent="0.2">
      <c r="A9344" s="17">
        <v>15336</v>
      </c>
      <c r="B9344" s="17"/>
      <c r="C9344" s="17"/>
      <c r="D9344" s="18" t="s">
        <v>4630</v>
      </c>
      <c r="E9344" s="18"/>
      <c r="F9344" s="18"/>
      <c r="G9344" s="18"/>
      <c r="H9344" s="18"/>
      <c r="I9344" s="18"/>
      <c r="J9344" s="18"/>
      <c r="K9344" s="18"/>
      <c r="L9344" s="18"/>
      <c r="M9344" s="18"/>
      <c r="N9344" s="18"/>
      <c r="O9344" s="18"/>
      <c r="P9344" s="19">
        <v>360</v>
      </c>
      <c r="Q9344" s="19"/>
      <c r="R9344" s="19"/>
      <c r="S9344" s="19"/>
      <c r="T9344" s="19">
        <v>300</v>
      </c>
      <c r="U9344" s="19"/>
      <c r="V9344" s="19"/>
      <c r="W9344" s="19"/>
      <c r="X9344" s="19">
        <v>1</v>
      </c>
      <c r="Y9344" s="19"/>
      <c r="Z9344" s="19"/>
      <c r="AA9344" s="19"/>
    </row>
    <row r="9345" spans="1:27" s="1" customFormat="1" ht="11.1" customHeight="1" outlineLevel="1" x14ac:dyDescent="0.2">
      <c r="A9345" s="17"/>
      <c r="B9345" s="17"/>
      <c r="C9345" s="17"/>
      <c r="D9345" s="18"/>
      <c r="E9345" s="18"/>
      <c r="F9345" s="18"/>
      <c r="G9345" s="18"/>
      <c r="H9345" s="18"/>
      <c r="I9345" s="18"/>
      <c r="J9345" s="18"/>
      <c r="K9345" s="18"/>
      <c r="L9345" s="18"/>
      <c r="M9345" s="18"/>
      <c r="N9345" s="18"/>
      <c r="O9345" s="18"/>
      <c r="P9345" s="19"/>
      <c r="Q9345" s="19"/>
      <c r="R9345" s="19"/>
      <c r="S9345" s="19"/>
      <c r="T9345" s="19"/>
      <c r="U9345" s="19"/>
      <c r="V9345" s="19"/>
      <c r="W9345" s="19"/>
      <c r="X9345" s="19"/>
      <c r="Y9345" s="19"/>
      <c r="Z9345" s="19"/>
      <c r="AA9345" s="19"/>
    </row>
    <row r="9346" spans="1:27" s="1" customFormat="1" ht="14.1" customHeight="1" outlineLevel="1" x14ac:dyDescent="0.2">
      <c r="A9346" s="17">
        <v>18073</v>
      </c>
      <c r="B9346" s="17"/>
      <c r="C9346" s="17"/>
      <c r="D9346" s="18" t="s">
        <v>4631</v>
      </c>
      <c r="E9346" s="18"/>
      <c r="F9346" s="18"/>
      <c r="G9346" s="18"/>
      <c r="H9346" s="18"/>
      <c r="I9346" s="18"/>
      <c r="J9346" s="18"/>
      <c r="K9346" s="18"/>
      <c r="L9346" s="18"/>
      <c r="M9346" s="18"/>
      <c r="N9346" s="18"/>
      <c r="O9346" s="18"/>
      <c r="P9346" s="19">
        <v>150</v>
      </c>
      <c r="Q9346" s="19"/>
      <c r="R9346" s="19"/>
      <c r="S9346" s="19"/>
      <c r="T9346" s="19">
        <v>100</v>
      </c>
      <c r="U9346" s="19"/>
      <c r="V9346" s="19"/>
      <c r="W9346" s="19"/>
      <c r="X9346" s="19">
        <v>1</v>
      </c>
      <c r="Y9346" s="19"/>
      <c r="Z9346" s="19"/>
      <c r="AA9346" s="19"/>
    </row>
    <row r="9347" spans="1:27" s="1" customFormat="1" ht="14.1" customHeight="1" outlineLevel="1" x14ac:dyDescent="0.2">
      <c r="A9347" s="17"/>
      <c r="B9347" s="17"/>
      <c r="C9347" s="17"/>
      <c r="D9347" s="18"/>
      <c r="E9347" s="18"/>
      <c r="F9347" s="18"/>
      <c r="G9347" s="18"/>
      <c r="H9347" s="18"/>
      <c r="I9347" s="18"/>
      <c r="J9347" s="18"/>
      <c r="K9347" s="18"/>
      <c r="L9347" s="18"/>
      <c r="M9347" s="18"/>
      <c r="N9347" s="18"/>
      <c r="O9347" s="18"/>
      <c r="P9347" s="19"/>
      <c r="Q9347" s="19"/>
      <c r="R9347" s="19"/>
      <c r="S9347" s="19"/>
      <c r="T9347" s="19"/>
      <c r="U9347" s="19"/>
      <c r="V9347" s="19"/>
      <c r="W9347" s="19"/>
      <c r="X9347" s="19"/>
      <c r="Y9347" s="19"/>
      <c r="Z9347" s="19"/>
      <c r="AA9347" s="19"/>
    </row>
    <row r="9348" spans="1:27" s="1" customFormat="1" ht="21" customHeight="1" outlineLevel="1" x14ac:dyDescent="0.2">
      <c r="A9348" s="17">
        <v>6408</v>
      </c>
      <c r="B9348" s="17"/>
      <c r="C9348" s="17"/>
      <c r="D9348" s="18" t="s">
        <v>4632</v>
      </c>
      <c r="E9348" s="18"/>
      <c r="F9348" s="18"/>
      <c r="G9348" s="18"/>
      <c r="H9348" s="18"/>
      <c r="I9348" s="18"/>
      <c r="J9348" s="18"/>
      <c r="K9348" s="18"/>
      <c r="L9348" s="18"/>
      <c r="M9348" s="18"/>
      <c r="N9348" s="18"/>
      <c r="O9348" s="18"/>
      <c r="P9348" s="19">
        <v>250</v>
      </c>
      <c r="Q9348" s="19"/>
      <c r="R9348" s="19"/>
      <c r="S9348" s="19"/>
      <c r="T9348" s="19">
        <v>200</v>
      </c>
      <c r="U9348" s="19"/>
      <c r="V9348" s="19"/>
      <c r="W9348" s="19"/>
      <c r="X9348" s="19">
        <v>10</v>
      </c>
      <c r="Y9348" s="19"/>
      <c r="Z9348" s="19"/>
      <c r="AA9348" s="19"/>
    </row>
    <row r="9349" spans="1:27" s="1" customFormat="1" ht="21" customHeight="1" outlineLevel="1" x14ac:dyDescent="0.2">
      <c r="A9349" s="17"/>
      <c r="B9349" s="17"/>
      <c r="C9349" s="17"/>
      <c r="D9349" s="18"/>
      <c r="E9349" s="18"/>
      <c r="F9349" s="18"/>
      <c r="G9349" s="18"/>
      <c r="H9349" s="18"/>
      <c r="I9349" s="18"/>
      <c r="J9349" s="18"/>
      <c r="K9349" s="18"/>
      <c r="L9349" s="18"/>
      <c r="M9349" s="18"/>
      <c r="N9349" s="18"/>
      <c r="O9349" s="18"/>
      <c r="P9349" s="19"/>
      <c r="Q9349" s="19"/>
      <c r="R9349" s="19"/>
      <c r="S9349" s="19"/>
      <c r="T9349" s="19"/>
      <c r="U9349" s="19"/>
      <c r="V9349" s="19"/>
      <c r="W9349" s="19"/>
      <c r="X9349" s="19"/>
      <c r="Y9349" s="19"/>
      <c r="Z9349" s="19"/>
      <c r="AA9349" s="19"/>
    </row>
    <row r="9350" spans="1:27" s="1" customFormat="1" ht="14.1" customHeight="1" outlineLevel="1" x14ac:dyDescent="0.2">
      <c r="A9350" s="17">
        <v>11460</v>
      </c>
      <c r="B9350" s="17"/>
      <c r="C9350" s="17"/>
      <c r="D9350" s="18" t="s">
        <v>4633</v>
      </c>
      <c r="E9350" s="18"/>
      <c r="F9350" s="18"/>
      <c r="G9350" s="18"/>
      <c r="H9350" s="18"/>
      <c r="I9350" s="18"/>
      <c r="J9350" s="18"/>
      <c r="K9350" s="18"/>
      <c r="L9350" s="18"/>
      <c r="M9350" s="18"/>
      <c r="N9350" s="18"/>
      <c r="O9350" s="18"/>
      <c r="P9350" s="19">
        <v>300</v>
      </c>
      <c r="Q9350" s="19"/>
      <c r="R9350" s="19"/>
      <c r="S9350" s="19"/>
      <c r="T9350" s="19">
        <v>200</v>
      </c>
      <c r="U9350" s="19"/>
      <c r="V9350" s="19"/>
      <c r="W9350" s="19"/>
      <c r="X9350" s="19">
        <v>1</v>
      </c>
      <c r="Y9350" s="19"/>
      <c r="Z9350" s="19"/>
      <c r="AA9350" s="19"/>
    </row>
    <row r="9351" spans="1:27" s="1" customFormat="1" ht="14.1" customHeight="1" outlineLevel="1" x14ac:dyDescent="0.2">
      <c r="A9351" s="17"/>
      <c r="B9351" s="17"/>
      <c r="C9351" s="17"/>
      <c r="D9351" s="18"/>
      <c r="E9351" s="18"/>
      <c r="F9351" s="18"/>
      <c r="G9351" s="18"/>
      <c r="H9351" s="18"/>
      <c r="I9351" s="18"/>
      <c r="J9351" s="18"/>
      <c r="K9351" s="18"/>
      <c r="L9351" s="18"/>
      <c r="M9351" s="18"/>
      <c r="N9351" s="18"/>
      <c r="O9351" s="18"/>
      <c r="P9351" s="19"/>
      <c r="Q9351" s="19"/>
      <c r="R9351" s="19"/>
      <c r="S9351" s="19"/>
      <c r="T9351" s="19"/>
      <c r="U9351" s="19"/>
      <c r="V9351" s="19"/>
      <c r="W9351" s="19"/>
      <c r="X9351" s="19"/>
      <c r="Y9351" s="19"/>
      <c r="Z9351" s="19"/>
      <c r="AA9351" s="19"/>
    </row>
    <row r="9352" spans="1:27" s="1" customFormat="1" ht="14.1" customHeight="1" outlineLevel="1" x14ac:dyDescent="0.2">
      <c r="A9352" s="17">
        <v>17408</v>
      </c>
      <c r="B9352" s="17"/>
      <c r="C9352" s="17"/>
      <c r="D9352" s="18" t="s">
        <v>4634</v>
      </c>
      <c r="E9352" s="18"/>
      <c r="F9352" s="18"/>
      <c r="G9352" s="18"/>
      <c r="H9352" s="18"/>
      <c r="I9352" s="18"/>
      <c r="J9352" s="18"/>
      <c r="K9352" s="18"/>
      <c r="L9352" s="18"/>
      <c r="M9352" s="18"/>
      <c r="N9352" s="18"/>
      <c r="O9352" s="18"/>
      <c r="P9352" s="19">
        <v>400</v>
      </c>
      <c r="Q9352" s="19"/>
      <c r="R9352" s="19"/>
      <c r="S9352" s="19"/>
      <c r="T9352" s="19">
        <v>300</v>
      </c>
      <c r="U9352" s="19"/>
      <c r="V9352" s="19"/>
      <c r="W9352" s="19"/>
      <c r="X9352" s="19">
        <v>2</v>
      </c>
      <c r="Y9352" s="19"/>
      <c r="Z9352" s="19"/>
      <c r="AA9352" s="19"/>
    </row>
    <row r="9353" spans="1:27" s="1" customFormat="1" ht="14.1" customHeight="1" outlineLevel="1" x14ac:dyDescent="0.2">
      <c r="A9353" s="17"/>
      <c r="B9353" s="17"/>
      <c r="C9353" s="17"/>
      <c r="D9353" s="18"/>
      <c r="E9353" s="18"/>
      <c r="F9353" s="18"/>
      <c r="G9353" s="18"/>
      <c r="H9353" s="18"/>
      <c r="I9353" s="18"/>
      <c r="J9353" s="18"/>
      <c r="K9353" s="18"/>
      <c r="L9353" s="18"/>
      <c r="M9353" s="18"/>
      <c r="N9353" s="18"/>
      <c r="O9353" s="18"/>
      <c r="P9353" s="19"/>
      <c r="Q9353" s="19"/>
      <c r="R9353" s="19"/>
      <c r="S9353" s="19"/>
      <c r="T9353" s="19"/>
      <c r="U9353" s="19"/>
      <c r="V9353" s="19"/>
      <c r="W9353" s="19"/>
      <c r="X9353" s="19"/>
      <c r="Y9353" s="19"/>
      <c r="Z9353" s="19"/>
      <c r="AA9353" s="19"/>
    </row>
    <row r="9354" spans="1:27" s="1" customFormat="1" ht="14.1" customHeight="1" outlineLevel="1" x14ac:dyDescent="0.2">
      <c r="A9354" s="17">
        <v>14564</v>
      </c>
      <c r="B9354" s="17"/>
      <c r="C9354" s="17"/>
      <c r="D9354" s="18" t="s">
        <v>4635</v>
      </c>
      <c r="E9354" s="18"/>
      <c r="F9354" s="18"/>
      <c r="G9354" s="18"/>
      <c r="H9354" s="18"/>
      <c r="I9354" s="18"/>
      <c r="J9354" s="18"/>
      <c r="K9354" s="18"/>
      <c r="L9354" s="18"/>
      <c r="M9354" s="18"/>
      <c r="N9354" s="18"/>
      <c r="O9354" s="18"/>
      <c r="P9354" s="19">
        <v>150</v>
      </c>
      <c r="Q9354" s="19"/>
      <c r="R9354" s="19"/>
      <c r="S9354" s="19"/>
      <c r="T9354" s="19">
        <v>120</v>
      </c>
      <c r="U9354" s="19"/>
      <c r="V9354" s="19"/>
      <c r="W9354" s="19"/>
      <c r="X9354" s="19">
        <v>1</v>
      </c>
      <c r="Y9354" s="19"/>
      <c r="Z9354" s="19"/>
      <c r="AA9354" s="19"/>
    </row>
    <row r="9355" spans="1:27" s="1" customFormat="1" ht="14.1" customHeight="1" outlineLevel="1" x14ac:dyDescent="0.2">
      <c r="A9355" s="17"/>
      <c r="B9355" s="17"/>
      <c r="C9355" s="17"/>
      <c r="D9355" s="18"/>
      <c r="E9355" s="18"/>
      <c r="F9355" s="18"/>
      <c r="G9355" s="18"/>
      <c r="H9355" s="18"/>
      <c r="I9355" s="18"/>
      <c r="J9355" s="18"/>
      <c r="K9355" s="18"/>
      <c r="L9355" s="18"/>
      <c r="M9355" s="18"/>
      <c r="N9355" s="18"/>
      <c r="O9355" s="18"/>
      <c r="P9355" s="19"/>
      <c r="Q9355" s="19"/>
      <c r="R9355" s="19"/>
      <c r="S9355" s="19"/>
      <c r="T9355" s="19"/>
      <c r="U9355" s="19"/>
      <c r="V9355" s="19"/>
      <c r="W9355" s="19"/>
      <c r="X9355" s="19"/>
      <c r="Y9355" s="19"/>
      <c r="Z9355" s="19"/>
      <c r="AA9355" s="19"/>
    </row>
    <row r="9356" spans="1:27" s="1" customFormat="1" ht="14.1" customHeight="1" outlineLevel="1" x14ac:dyDescent="0.2">
      <c r="A9356" s="17">
        <v>16188</v>
      </c>
      <c r="B9356" s="17"/>
      <c r="C9356" s="17"/>
      <c r="D9356" s="18" t="s">
        <v>4636</v>
      </c>
      <c r="E9356" s="18"/>
      <c r="F9356" s="18"/>
      <c r="G9356" s="18"/>
      <c r="H9356" s="18"/>
      <c r="I9356" s="18"/>
      <c r="J9356" s="18"/>
      <c r="K9356" s="18"/>
      <c r="L9356" s="18"/>
      <c r="M9356" s="18"/>
      <c r="N9356" s="18"/>
      <c r="O9356" s="18"/>
      <c r="P9356" s="19">
        <v>300</v>
      </c>
      <c r="Q9356" s="19"/>
      <c r="R9356" s="19"/>
      <c r="S9356" s="19"/>
      <c r="T9356" s="19">
        <v>200</v>
      </c>
      <c r="U9356" s="19"/>
      <c r="V9356" s="19"/>
      <c r="W9356" s="19"/>
      <c r="X9356" s="19">
        <v>1</v>
      </c>
      <c r="Y9356" s="19"/>
      <c r="Z9356" s="19"/>
      <c r="AA9356" s="19"/>
    </row>
    <row r="9357" spans="1:27" s="1" customFormat="1" ht="14.1" customHeight="1" outlineLevel="1" x14ac:dyDescent="0.2">
      <c r="A9357" s="17"/>
      <c r="B9357" s="17"/>
      <c r="C9357" s="17"/>
      <c r="D9357" s="18"/>
      <c r="E9357" s="18"/>
      <c r="F9357" s="18"/>
      <c r="G9357" s="18"/>
      <c r="H9357" s="18"/>
      <c r="I9357" s="18"/>
      <c r="J9357" s="18"/>
      <c r="K9357" s="18"/>
      <c r="L9357" s="18"/>
      <c r="M9357" s="18"/>
      <c r="N9357" s="18"/>
      <c r="O9357" s="18"/>
      <c r="P9357" s="19"/>
      <c r="Q9357" s="19"/>
      <c r="R9357" s="19"/>
      <c r="S9357" s="19"/>
      <c r="T9357" s="19"/>
      <c r="U9357" s="19"/>
      <c r="V9357" s="19"/>
      <c r="W9357" s="19"/>
      <c r="X9357" s="19"/>
      <c r="Y9357" s="19"/>
      <c r="Z9357" s="19"/>
      <c r="AA9357" s="19"/>
    </row>
    <row r="9358" spans="1:27" s="1" customFormat="1" ht="11.1" customHeight="1" outlineLevel="1" x14ac:dyDescent="0.2">
      <c r="A9358" s="17">
        <v>10296</v>
      </c>
      <c r="B9358" s="17"/>
      <c r="C9358" s="17"/>
      <c r="D9358" s="18" t="s">
        <v>4637</v>
      </c>
      <c r="E9358" s="18"/>
      <c r="F9358" s="18"/>
      <c r="G9358" s="18"/>
      <c r="H9358" s="18"/>
      <c r="I9358" s="18"/>
      <c r="J9358" s="18"/>
      <c r="K9358" s="18"/>
      <c r="L9358" s="18"/>
      <c r="M9358" s="18"/>
      <c r="N9358" s="18"/>
      <c r="O9358" s="18"/>
      <c r="P9358" s="19">
        <v>200</v>
      </c>
      <c r="Q9358" s="19"/>
      <c r="R9358" s="19"/>
      <c r="S9358" s="19"/>
      <c r="T9358" s="19">
        <v>200</v>
      </c>
      <c r="U9358" s="19"/>
      <c r="V9358" s="19"/>
      <c r="W9358" s="19"/>
      <c r="X9358" s="19">
        <v>1</v>
      </c>
      <c r="Y9358" s="19"/>
      <c r="Z9358" s="19"/>
      <c r="AA9358" s="19"/>
    </row>
    <row r="9359" spans="1:27" s="1" customFormat="1" ht="11.1" customHeight="1" outlineLevel="1" x14ac:dyDescent="0.2">
      <c r="A9359" s="17"/>
      <c r="B9359" s="17"/>
      <c r="C9359" s="17"/>
      <c r="D9359" s="18"/>
      <c r="E9359" s="18"/>
      <c r="F9359" s="18"/>
      <c r="G9359" s="18"/>
      <c r="H9359" s="18"/>
      <c r="I9359" s="18"/>
      <c r="J9359" s="18"/>
      <c r="K9359" s="18"/>
      <c r="L9359" s="18"/>
      <c r="M9359" s="18"/>
      <c r="N9359" s="18"/>
      <c r="O9359" s="18"/>
      <c r="P9359" s="19"/>
      <c r="Q9359" s="19"/>
      <c r="R9359" s="19"/>
      <c r="S9359" s="19"/>
      <c r="T9359" s="19"/>
      <c r="U9359" s="19"/>
      <c r="V9359" s="19"/>
      <c r="W9359" s="19"/>
      <c r="X9359" s="19"/>
      <c r="Y9359" s="19"/>
      <c r="Z9359" s="19"/>
      <c r="AA9359" s="19"/>
    </row>
    <row r="9360" spans="1:27" s="1" customFormat="1" ht="14.1" customHeight="1" outlineLevel="1" x14ac:dyDescent="0.2">
      <c r="A9360" s="17">
        <v>15104</v>
      </c>
      <c r="B9360" s="17"/>
      <c r="C9360" s="17"/>
      <c r="D9360" s="18" t="s">
        <v>4638</v>
      </c>
      <c r="E9360" s="18"/>
      <c r="F9360" s="18"/>
      <c r="G9360" s="18"/>
      <c r="H9360" s="18"/>
      <c r="I9360" s="18"/>
      <c r="J9360" s="18"/>
      <c r="K9360" s="18"/>
      <c r="L9360" s="18"/>
      <c r="M9360" s="18"/>
      <c r="N9360" s="18"/>
      <c r="O9360" s="18"/>
      <c r="P9360" s="19">
        <v>310</v>
      </c>
      <c r="Q9360" s="19"/>
      <c r="R9360" s="19"/>
      <c r="S9360" s="19"/>
      <c r="T9360" s="19">
        <v>200</v>
      </c>
      <c r="U9360" s="19"/>
      <c r="V9360" s="19"/>
      <c r="W9360" s="19"/>
      <c r="X9360" s="19">
        <v>1</v>
      </c>
      <c r="Y9360" s="19"/>
      <c r="Z9360" s="19"/>
      <c r="AA9360" s="19"/>
    </row>
    <row r="9361" spans="1:27" s="1" customFormat="1" ht="14.1" customHeight="1" outlineLevel="1" x14ac:dyDescent="0.2">
      <c r="A9361" s="17"/>
      <c r="B9361" s="17"/>
      <c r="C9361" s="17"/>
      <c r="D9361" s="18"/>
      <c r="E9361" s="18"/>
      <c r="F9361" s="18"/>
      <c r="G9361" s="18"/>
      <c r="H9361" s="18"/>
      <c r="I9361" s="18"/>
      <c r="J9361" s="18"/>
      <c r="K9361" s="18"/>
      <c r="L9361" s="18"/>
      <c r="M9361" s="18"/>
      <c r="N9361" s="18"/>
      <c r="O9361" s="18"/>
      <c r="P9361" s="19"/>
      <c r="Q9361" s="19"/>
      <c r="R9361" s="19"/>
      <c r="S9361" s="19"/>
      <c r="T9361" s="19"/>
      <c r="U9361" s="19"/>
      <c r="V9361" s="19"/>
      <c r="W9361" s="19"/>
      <c r="X9361" s="19"/>
      <c r="Y9361" s="19"/>
      <c r="Z9361" s="19"/>
      <c r="AA9361" s="19"/>
    </row>
    <row r="9362" spans="1:27" s="1" customFormat="1" ht="14.1" customHeight="1" outlineLevel="1" x14ac:dyDescent="0.2">
      <c r="A9362" s="17">
        <v>15097</v>
      </c>
      <c r="B9362" s="17"/>
      <c r="C9362" s="17"/>
      <c r="D9362" s="18" t="s">
        <v>4639</v>
      </c>
      <c r="E9362" s="18"/>
      <c r="F9362" s="18"/>
      <c r="G9362" s="18"/>
      <c r="H9362" s="18"/>
      <c r="I9362" s="18"/>
      <c r="J9362" s="18"/>
      <c r="K9362" s="18"/>
      <c r="L9362" s="18"/>
      <c r="M9362" s="18"/>
      <c r="N9362" s="18"/>
      <c r="O9362" s="18"/>
      <c r="P9362" s="19">
        <v>250</v>
      </c>
      <c r="Q9362" s="19"/>
      <c r="R9362" s="19"/>
      <c r="S9362" s="19"/>
      <c r="T9362" s="19">
        <v>200</v>
      </c>
      <c r="U9362" s="19"/>
      <c r="V9362" s="19"/>
      <c r="W9362" s="19"/>
      <c r="X9362" s="19">
        <v>1</v>
      </c>
      <c r="Y9362" s="19"/>
      <c r="Z9362" s="19"/>
      <c r="AA9362" s="19"/>
    </row>
    <row r="9363" spans="1:27" s="1" customFormat="1" ht="14.1" customHeight="1" outlineLevel="1" x14ac:dyDescent="0.2">
      <c r="A9363" s="17"/>
      <c r="B9363" s="17"/>
      <c r="C9363" s="17"/>
      <c r="D9363" s="18"/>
      <c r="E9363" s="18"/>
      <c r="F9363" s="18"/>
      <c r="G9363" s="18"/>
      <c r="H9363" s="18"/>
      <c r="I9363" s="18"/>
      <c r="J9363" s="18"/>
      <c r="K9363" s="18"/>
      <c r="L9363" s="18"/>
      <c r="M9363" s="18"/>
      <c r="N9363" s="18"/>
      <c r="O9363" s="18"/>
      <c r="P9363" s="19"/>
      <c r="Q9363" s="19"/>
      <c r="R9363" s="19"/>
      <c r="S9363" s="19"/>
      <c r="T9363" s="19"/>
      <c r="U9363" s="19"/>
      <c r="V9363" s="19"/>
      <c r="W9363" s="19"/>
      <c r="X9363" s="19"/>
      <c r="Y9363" s="19"/>
      <c r="Z9363" s="19"/>
      <c r="AA9363" s="19"/>
    </row>
    <row r="9364" spans="1:27" s="1" customFormat="1" ht="11.1" customHeight="1" outlineLevel="1" x14ac:dyDescent="0.2">
      <c r="A9364" s="17">
        <v>1543</v>
      </c>
      <c r="B9364" s="17"/>
      <c r="C9364" s="17"/>
      <c r="D9364" s="18" t="s">
        <v>4640</v>
      </c>
      <c r="E9364" s="18"/>
      <c r="F9364" s="18"/>
      <c r="G9364" s="18"/>
      <c r="H9364" s="18"/>
      <c r="I9364" s="18"/>
      <c r="J9364" s="18"/>
      <c r="K9364" s="18"/>
      <c r="L9364" s="18"/>
      <c r="M9364" s="18"/>
      <c r="N9364" s="18"/>
      <c r="O9364" s="18"/>
      <c r="P9364" s="19">
        <v>100</v>
      </c>
      <c r="Q9364" s="19"/>
      <c r="R9364" s="19"/>
      <c r="S9364" s="19"/>
      <c r="T9364" s="19">
        <v>75</v>
      </c>
      <c r="U9364" s="19"/>
      <c r="V9364" s="19"/>
      <c r="W9364" s="19"/>
      <c r="X9364" s="19">
        <v>2</v>
      </c>
      <c r="Y9364" s="19"/>
      <c r="Z9364" s="19"/>
      <c r="AA9364" s="19"/>
    </row>
    <row r="9365" spans="1:27" s="1" customFormat="1" ht="11.1" customHeight="1" outlineLevel="1" x14ac:dyDescent="0.2">
      <c r="A9365" s="17"/>
      <c r="B9365" s="17"/>
      <c r="C9365" s="17"/>
      <c r="D9365" s="18"/>
      <c r="E9365" s="18"/>
      <c r="F9365" s="18"/>
      <c r="G9365" s="18"/>
      <c r="H9365" s="18"/>
      <c r="I9365" s="18"/>
      <c r="J9365" s="18"/>
      <c r="K9365" s="18"/>
      <c r="L9365" s="18"/>
      <c r="M9365" s="18"/>
      <c r="N9365" s="18"/>
      <c r="O9365" s="18"/>
      <c r="P9365" s="19"/>
      <c r="Q9365" s="19"/>
      <c r="R9365" s="19"/>
      <c r="S9365" s="19"/>
      <c r="T9365" s="19"/>
      <c r="U9365" s="19"/>
      <c r="V9365" s="19"/>
      <c r="W9365" s="19"/>
      <c r="X9365" s="19"/>
      <c r="Y9365" s="19"/>
      <c r="Z9365" s="19"/>
      <c r="AA9365" s="19"/>
    </row>
    <row r="9366" spans="1:27" s="1" customFormat="1" ht="11.1" customHeight="1" outlineLevel="1" x14ac:dyDescent="0.2">
      <c r="A9366" s="17">
        <v>1557</v>
      </c>
      <c r="B9366" s="17"/>
      <c r="C9366" s="17"/>
      <c r="D9366" s="18" t="s">
        <v>4641</v>
      </c>
      <c r="E9366" s="18"/>
      <c r="F9366" s="18"/>
      <c r="G9366" s="18"/>
      <c r="H9366" s="18"/>
      <c r="I9366" s="18"/>
      <c r="J9366" s="18"/>
      <c r="K9366" s="18"/>
      <c r="L9366" s="18"/>
      <c r="M9366" s="18"/>
      <c r="N9366" s="18"/>
      <c r="O9366" s="18"/>
      <c r="P9366" s="19">
        <v>100</v>
      </c>
      <c r="Q9366" s="19"/>
      <c r="R9366" s="19"/>
      <c r="S9366" s="19"/>
      <c r="T9366" s="19">
        <v>75</v>
      </c>
      <c r="U9366" s="19"/>
      <c r="V9366" s="19"/>
      <c r="W9366" s="19"/>
      <c r="X9366" s="19">
        <v>1</v>
      </c>
      <c r="Y9366" s="19"/>
      <c r="Z9366" s="19"/>
      <c r="AA9366" s="19"/>
    </row>
    <row r="9367" spans="1:27" s="1" customFormat="1" ht="11.1" customHeight="1" outlineLevel="1" x14ac:dyDescent="0.2">
      <c r="A9367" s="17"/>
      <c r="B9367" s="17"/>
      <c r="C9367" s="17"/>
      <c r="D9367" s="18"/>
      <c r="E9367" s="18"/>
      <c r="F9367" s="18"/>
      <c r="G9367" s="18"/>
      <c r="H9367" s="18"/>
      <c r="I9367" s="18"/>
      <c r="J9367" s="18"/>
      <c r="K9367" s="18"/>
      <c r="L9367" s="18"/>
      <c r="M9367" s="18"/>
      <c r="N9367" s="18"/>
      <c r="O9367" s="18"/>
      <c r="P9367" s="19"/>
      <c r="Q9367" s="19"/>
      <c r="R9367" s="19"/>
      <c r="S9367" s="19"/>
      <c r="T9367" s="19"/>
      <c r="U9367" s="19"/>
      <c r="V9367" s="19"/>
      <c r="W9367" s="19"/>
      <c r="X9367" s="19"/>
      <c r="Y9367" s="19"/>
      <c r="Z9367" s="19"/>
      <c r="AA9367" s="19"/>
    </row>
    <row r="9368" spans="1:27" s="1" customFormat="1" ht="11.1" customHeight="1" outlineLevel="1" x14ac:dyDescent="0.2">
      <c r="A9368" s="17">
        <v>1559</v>
      </c>
      <c r="B9368" s="17"/>
      <c r="C9368" s="17"/>
      <c r="D9368" s="18" t="s">
        <v>4642</v>
      </c>
      <c r="E9368" s="18"/>
      <c r="F9368" s="18"/>
      <c r="G9368" s="18"/>
      <c r="H9368" s="18"/>
      <c r="I9368" s="18"/>
      <c r="J9368" s="18"/>
      <c r="K9368" s="18"/>
      <c r="L9368" s="18"/>
      <c r="M9368" s="18"/>
      <c r="N9368" s="18"/>
      <c r="O9368" s="18"/>
      <c r="P9368" s="19">
        <v>90</v>
      </c>
      <c r="Q9368" s="19"/>
      <c r="R9368" s="19"/>
      <c r="S9368" s="19"/>
      <c r="T9368" s="19">
        <v>70</v>
      </c>
      <c r="U9368" s="19"/>
      <c r="V9368" s="19"/>
      <c r="W9368" s="19"/>
      <c r="X9368" s="19">
        <v>1</v>
      </c>
      <c r="Y9368" s="19"/>
      <c r="Z9368" s="19"/>
      <c r="AA9368" s="19"/>
    </row>
    <row r="9369" spans="1:27" s="1" customFormat="1" ht="11.1" customHeight="1" outlineLevel="1" x14ac:dyDescent="0.2">
      <c r="A9369" s="17"/>
      <c r="B9369" s="17"/>
      <c r="C9369" s="17"/>
      <c r="D9369" s="18"/>
      <c r="E9369" s="18"/>
      <c r="F9369" s="18"/>
      <c r="G9369" s="18"/>
      <c r="H9369" s="18"/>
      <c r="I9369" s="18"/>
      <c r="J9369" s="18"/>
      <c r="K9369" s="18"/>
      <c r="L9369" s="18"/>
      <c r="M9369" s="18"/>
      <c r="N9369" s="18"/>
      <c r="O9369" s="18"/>
      <c r="P9369" s="19"/>
      <c r="Q9369" s="19"/>
      <c r="R9369" s="19"/>
      <c r="S9369" s="19"/>
      <c r="T9369" s="19"/>
      <c r="U9369" s="19"/>
      <c r="V9369" s="19"/>
      <c r="W9369" s="19"/>
      <c r="X9369" s="19"/>
      <c r="Y9369" s="19"/>
      <c r="Z9369" s="19"/>
      <c r="AA9369" s="19"/>
    </row>
    <row r="9370" spans="1:27" s="1" customFormat="1" ht="11.1" customHeight="1" outlineLevel="1" x14ac:dyDescent="0.2">
      <c r="A9370" s="17">
        <v>1560</v>
      </c>
      <c r="B9370" s="17"/>
      <c r="C9370" s="17"/>
      <c r="D9370" s="18" t="s">
        <v>4643</v>
      </c>
      <c r="E9370" s="18"/>
      <c r="F9370" s="18"/>
      <c r="G9370" s="18"/>
      <c r="H9370" s="18"/>
      <c r="I9370" s="18"/>
      <c r="J9370" s="18"/>
      <c r="K9370" s="18"/>
      <c r="L9370" s="18"/>
      <c r="M9370" s="18"/>
      <c r="N9370" s="18"/>
      <c r="O9370" s="18"/>
      <c r="P9370" s="19">
        <v>150</v>
      </c>
      <c r="Q9370" s="19"/>
      <c r="R9370" s="19"/>
      <c r="S9370" s="19"/>
      <c r="T9370" s="19">
        <v>120</v>
      </c>
      <c r="U9370" s="19"/>
      <c r="V9370" s="19"/>
      <c r="W9370" s="19"/>
      <c r="X9370" s="19">
        <v>2</v>
      </c>
      <c r="Y9370" s="19"/>
      <c r="Z9370" s="19"/>
      <c r="AA9370" s="19"/>
    </row>
    <row r="9371" spans="1:27" s="1" customFormat="1" ht="11.1" customHeight="1" outlineLevel="1" x14ac:dyDescent="0.2">
      <c r="A9371" s="17"/>
      <c r="B9371" s="17"/>
      <c r="C9371" s="17"/>
      <c r="D9371" s="18"/>
      <c r="E9371" s="18"/>
      <c r="F9371" s="18"/>
      <c r="G9371" s="18"/>
      <c r="H9371" s="18"/>
      <c r="I9371" s="18"/>
      <c r="J9371" s="18"/>
      <c r="K9371" s="18"/>
      <c r="L9371" s="18"/>
      <c r="M9371" s="18"/>
      <c r="N9371" s="18"/>
      <c r="O9371" s="18"/>
      <c r="P9371" s="19"/>
      <c r="Q9371" s="19"/>
      <c r="R9371" s="19"/>
      <c r="S9371" s="19"/>
      <c r="T9371" s="19"/>
      <c r="U9371" s="19"/>
      <c r="V9371" s="19"/>
      <c r="W9371" s="19"/>
      <c r="X9371" s="19"/>
      <c r="Y9371" s="19"/>
      <c r="Z9371" s="19"/>
      <c r="AA9371" s="19"/>
    </row>
    <row r="9372" spans="1:27" s="1" customFormat="1" ht="11.1" customHeight="1" outlineLevel="1" x14ac:dyDescent="0.2">
      <c r="A9372" s="17">
        <v>1552</v>
      </c>
      <c r="B9372" s="17"/>
      <c r="C9372" s="17"/>
      <c r="D9372" s="18" t="s">
        <v>4644</v>
      </c>
      <c r="E9372" s="18"/>
      <c r="F9372" s="18"/>
      <c r="G9372" s="18"/>
      <c r="H9372" s="18"/>
      <c r="I9372" s="18"/>
      <c r="J9372" s="18"/>
      <c r="K9372" s="18"/>
      <c r="L9372" s="18"/>
      <c r="M9372" s="18"/>
      <c r="N9372" s="18"/>
      <c r="O9372" s="18"/>
      <c r="P9372" s="19">
        <v>150</v>
      </c>
      <c r="Q9372" s="19"/>
      <c r="R9372" s="19"/>
      <c r="S9372" s="19"/>
      <c r="T9372" s="19">
        <v>120</v>
      </c>
      <c r="U9372" s="19"/>
      <c r="V9372" s="19"/>
      <c r="W9372" s="19"/>
      <c r="X9372" s="19">
        <v>1</v>
      </c>
      <c r="Y9372" s="19"/>
      <c r="Z9372" s="19"/>
      <c r="AA9372" s="19"/>
    </row>
    <row r="9373" spans="1:27" s="1" customFormat="1" ht="11.1" customHeight="1" outlineLevel="1" x14ac:dyDescent="0.2">
      <c r="A9373" s="17"/>
      <c r="B9373" s="17"/>
      <c r="C9373" s="17"/>
      <c r="D9373" s="18"/>
      <c r="E9373" s="18"/>
      <c r="F9373" s="18"/>
      <c r="G9373" s="18"/>
      <c r="H9373" s="18"/>
      <c r="I9373" s="18"/>
      <c r="J9373" s="18"/>
      <c r="K9373" s="18"/>
      <c r="L9373" s="18"/>
      <c r="M9373" s="18"/>
      <c r="N9373" s="18"/>
      <c r="O9373" s="18"/>
      <c r="P9373" s="19"/>
      <c r="Q9373" s="19"/>
      <c r="R9373" s="19"/>
      <c r="S9373" s="19"/>
      <c r="T9373" s="19"/>
      <c r="U9373" s="19"/>
      <c r="V9373" s="19"/>
      <c r="W9373" s="19"/>
      <c r="X9373" s="19"/>
      <c r="Y9373" s="19"/>
      <c r="Z9373" s="19"/>
      <c r="AA9373" s="19"/>
    </row>
    <row r="9374" spans="1:27" s="1" customFormat="1" ht="11.1" customHeight="1" outlineLevel="1" x14ac:dyDescent="0.2">
      <c r="A9374" s="17">
        <v>1551</v>
      </c>
      <c r="B9374" s="17"/>
      <c r="C9374" s="17"/>
      <c r="D9374" s="18" t="s">
        <v>4645</v>
      </c>
      <c r="E9374" s="18"/>
      <c r="F9374" s="18"/>
      <c r="G9374" s="18"/>
      <c r="H9374" s="18"/>
      <c r="I9374" s="18"/>
      <c r="J9374" s="18"/>
      <c r="K9374" s="18"/>
      <c r="L9374" s="18"/>
      <c r="M9374" s="18"/>
      <c r="N9374" s="18"/>
      <c r="O9374" s="18"/>
      <c r="P9374" s="19">
        <v>80</v>
      </c>
      <c r="Q9374" s="19"/>
      <c r="R9374" s="19"/>
      <c r="S9374" s="19"/>
      <c r="T9374" s="19">
        <v>60</v>
      </c>
      <c r="U9374" s="19"/>
      <c r="V9374" s="19"/>
      <c r="W9374" s="19"/>
      <c r="X9374" s="19">
        <v>2</v>
      </c>
      <c r="Y9374" s="19"/>
      <c r="Z9374" s="19"/>
      <c r="AA9374" s="19"/>
    </row>
    <row r="9375" spans="1:27" s="1" customFormat="1" ht="11.1" customHeight="1" outlineLevel="1" x14ac:dyDescent="0.2">
      <c r="A9375" s="17"/>
      <c r="B9375" s="17"/>
      <c r="C9375" s="17"/>
      <c r="D9375" s="18"/>
      <c r="E9375" s="18"/>
      <c r="F9375" s="18"/>
      <c r="G9375" s="18"/>
      <c r="H9375" s="18"/>
      <c r="I9375" s="18"/>
      <c r="J9375" s="18"/>
      <c r="K9375" s="18"/>
      <c r="L9375" s="18"/>
      <c r="M9375" s="18"/>
      <c r="N9375" s="18"/>
      <c r="O9375" s="18"/>
      <c r="P9375" s="19"/>
      <c r="Q9375" s="19"/>
      <c r="R9375" s="19"/>
      <c r="S9375" s="19"/>
      <c r="T9375" s="19"/>
      <c r="U9375" s="19"/>
      <c r="V9375" s="19"/>
      <c r="W9375" s="19"/>
      <c r="X9375" s="19"/>
      <c r="Y9375" s="19"/>
      <c r="Z9375" s="19"/>
      <c r="AA9375" s="19"/>
    </row>
    <row r="9376" spans="1:27" s="1" customFormat="1" ht="11.1" customHeight="1" outlineLevel="1" x14ac:dyDescent="0.2">
      <c r="A9376" s="17">
        <v>1546</v>
      </c>
      <c r="B9376" s="17"/>
      <c r="C9376" s="17"/>
      <c r="D9376" s="18" t="s">
        <v>4646</v>
      </c>
      <c r="E9376" s="18"/>
      <c r="F9376" s="18"/>
      <c r="G9376" s="18"/>
      <c r="H9376" s="18"/>
      <c r="I9376" s="18"/>
      <c r="J9376" s="18"/>
      <c r="K9376" s="18"/>
      <c r="L9376" s="18"/>
      <c r="M9376" s="18"/>
      <c r="N9376" s="18"/>
      <c r="O9376" s="18"/>
      <c r="P9376" s="19">
        <v>100</v>
      </c>
      <c r="Q9376" s="19"/>
      <c r="R9376" s="19"/>
      <c r="S9376" s="19"/>
      <c r="T9376" s="19">
        <v>75</v>
      </c>
      <c r="U9376" s="19"/>
      <c r="V9376" s="19"/>
      <c r="W9376" s="19"/>
      <c r="X9376" s="19">
        <v>2</v>
      </c>
      <c r="Y9376" s="19"/>
      <c r="Z9376" s="19"/>
      <c r="AA9376" s="19"/>
    </row>
    <row r="9377" spans="1:27" s="1" customFormat="1" ht="11.1" customHeight="1" outlineLevel="1" x14ac:dyDescent="0.2">
      <c r="A9377" s="17"/>
      <c r="B9377" s="17"/>
      <c r="C9377" s="17"/>
      <c r="D9377" s="18"/>
      <c r="E9377" s="18"/>
      <c r="F9377" s="18"/>
      <c r="G9377" s="18"/>
      <c r="H9377" s="18"/>
      <c r="I9377" s="18"/>
      <c r="J9377" s="18"/>
      <c r="K9377" s="18"/>
      <c r="L9377" s="18"/>
      <c r="M9377" s="18"/>
      <c r="N9377" s="18"/>
      <c r="O9377" s="18"/>
      <c r="P9377" s="19"/>
      <c r="Q9377" s="19"/>
      <c r="R9377" s="19"/>
      <c r="S9377" s="19"/>
      <c r="T9377" s="19"/>
      <c r="U9377" s="19"/>
      <c r="V9377" s="19"/>
      <c r="W9377" s="19"/>
      <c r="X9377" s="19"/>
      <c r="Y9377" s="19"/>
      <c r="Z9377" s="19"/>
      <c r="AA9377" s="19"/>
    </row>
    <row r="9378" spans="1:27" s="1" customFormat="1" ht="11.1" customHeight="1" outlineLevel="1" x14ac:dyDescent="0.2">
      <c r="A9378" s="17">
        <v>1558</v>
      </c>
      <c r="B9378" s="17"/>
      <c r="C9378" s="17"/>
      <c r="D9378" s="18" t="s">
        <v>4647</v>
      </c>
      <c r="E9378" s="18"/>
      <c r="F9378" s="18"/>
      <c r="G9378" s="18"/>
      <c r="H9378" s="18"/>
      <c r="I9378" s="18"/>
      <c r="J9378" s="18"/>
      <c r="K9378" s="18"/>
      <c r="L9378" s="18"/>
      <c r="M9378" s="18"/>
      <c r="N9378" s="18"/>
      <c r="O9378" s="18"/>
      <c r="P9378" s="19">
        <v>100</v>
      </c>
      <c r="Q9378" s="19"/>
      <c r="R9378" s="19"/>
      <c r="S9378" s="19"/>
      <c r="T9378" s="19">
        <v>75</v>
      </c>
      <c r="U9378" s="19"/>
      <c r="V9378" s="19"/>
      <c r="W9378" s="19"/>
      <c r="X9378" s="19">
        <v>2</v>
      </c>
      <c r="Y9378" s="19"/>
      <c r="Z9378" s="19"/>
      <c r="AA9378" s="19"/>
    </row>
    <row r="9379" spans="1:27" s="1" customFormat="1" ht="11.1" customHeight="1" outlineLevel="1" x14ac:dyDescent="0.2">
      <c r="A9379" s="17"/>
      <c r="B9379" s="17"/>
      <c r="C9379" s="17"/>
      <c r="D9379" s="18"/>
      <c r="E9379" s="18"/>
      <c r="F9379" s="18"/>
      <c r="G9379" s="18"/>
      <c r="H9379" s="18"/>
      <c r="I9379" s="18"/>
      <c r="J9379" s="18"/>
      <c r="K9379" s="18"/>
      <c r="L9379" s="18"/>
      <c r="M9379" s="18"/>
      <c r="N9379" s="18"/>
      <c r="O9379" s="18"/>
      <c r="P9379" s="19"/>
      <c r="Q9379" s="19"/>
      <c r="R9379" s="19"/>
      <c r="S9379" s="19"/>
      <c r="T9379" s="19"/>
      <c r="U9379" s="19"/>
      <c r="V9379" s="19"/>
      <c r="W9379" s="19"/>
      <c r="X9379" s="19"/>
      <c r="Y9379" s="19"/>
      <c r="Z9379" s="19"/>
      <c r="AA9379" s="19"/>
    </row>
    <row r="9380" spans="1:27" s="1" customFormat="1" ht="11.1" customHeight="1" outlineLevel="1" x14ac:dyDescent="0.2">
      <c r="A9380" s="17">
        <v>1564</v>
      </c>
      <c r="B9380" s="17"/>
      <c r="C9380" s="17"/>
      <c r="D9380" s="18" t="s">
        <v>4648</v>
      </c>
      <c r="E9380" s="18"/>
      <c r="F9380" s="18"/>
      <c r="G9380" s="18"/>
      <c r="H9380" s="18"/>
      <c r="I9380" s="18"/>
      <c r="J9380" s="18"/>
      <c r="K9380" s="18"/>
      <c r="L9380" s="18"/>
      <c r="M9380" s="18"/>
      <c r="N9380" s="18"/>
      <c r="O9380" s="18"/>
      <c r="P9380" s="19">
        <v>100</v>
      </c>
      <c r="Q9380" s="19"/>
      <c r="R9380" s="19"/>
      <c r="S9380" s="19"/>
      <c r="T9380" s="19">
        <v>75</v>
      </c>
      <c r="U9380" s="19"/>
      <c r="V9380" s="19"/>
      <c r="W9380" s="19"/>
      <c r="X9380" s="19">
        <v>1</v>
      </c>
      <c r="Y9380" s="19"/>
      <c r="Z9380" s="19"/>
      <c r="AA9380" s="19"/>
    </row>
    <row r="9381" spans="1:27" s="1" customFormat="1" ht="11.1" customHeight="1" outlineLevel="1" x14ac:dyDescent="0.2">
      <c r="A9381" s="17"/>
      <c r="B9381" s="17"/>
      <c r="C9381" s="17"/>
      <c r="D9381" s="18"/>
      <c r="E9381" s="18"/>
      <c r="F9381" s="18"/>
      <c r="G9381" s="18"/>
      <c r="H9381" s="18"/>
      <c r="I9381" s="18"/>
      <c r="J9381" s="18"/>
      <c r="K9381" s="18"/>
      <c r="L9381" s="18"/>
      <c r="M9381" s="18"/>
      <c r="N9381" s="18"/>
      <c r="O9381" s="18"/>
      <c r="P9381" s="19"/>
      <c r="Q9381" s="19"/>
      <c r="R9381" s="19"/>
      <c r="S9381" s="19"/>
      <c r="T9381" s="19"/>
      <c r="U9381" s="19"/>
      <c r="V9381" s="19"/>
      <c r="W9381" s="19"/>
      <c r="X9381" s="19"/>
      <c r="Y9381" s="19"/>
      <c r="Z9381" s="19"/>
      <c r="AA9381" s="19"/>
    </row>
    <row r="9382" spans="1:27" s="1" customFormat="1" ht="11.1" customHeight="1" outlineLevel="1" x14ac:dyDescent="0.2">
      <c r="A9382" s="17">
        <v>1555</v>
      </c>
      <c r="B9382" s="17"/>
      <c r="C9382" s="17"/>
      <c r="D9382" s="18" t="s">
        <v>4649</v>
      </c>
      <c r="E9382" s="18"/>
      <c r="F9382" s="18"/>
      <c r="G9382" s="18"/>
      <c r="H9382" s="18"/>
      <c r="I9382" s="18"/>
      <c r="J9382" s="18"/>
      <c r="K9382" s="18"/>
      <c r="L9382" s="18"/>
      <c r="M9382" s="18"/>
      <c r="N9382" s="18"/>
      <c r="O9382" s="18"/>
      <c r="P9382" s="19">
        <v>100</v>
      </c>
      <c r="Q9382" s="19"/>
      <c r="R9382" s="19"/>
      <c r="S9382" s="19"/>
      <c r="T9382" s="19">
        <v>75</v>
      </c>
      <c r="U9382" s="19"/>
      <c r="V9382" s="19"/>
      <c r="W9382" s="19"/>
      <c r="X9382" s="19">
        <v>2</v>
      </c>
      <c r="Y9382" s="19"/>
      <c r="Z9382" s="19"/>
      <c r="AA9382" s="19"/>
    </row>
    <row r="9383" spans="1:27" s="1" customFormat="1" ht="11.1" customHeight="1" outlineLevel="1" x14ac:dyDescent="0.2">
      <c r="A9383" s="17"/>
      <c r="B9383" s="17"/>
      <c r="C9383" s="17"/>
      <c r="D9383" s="18"/>
      <c r="E9383" s="18"/>
      <c r="F9383" s="18"/>
      <c r="G9383" s="18"/>
      <c r="H9383" s="18"/>
      <c r="I9383" s="18"/>
      <c r="J9383" s="18"/>
      <c r="K9383" s="18"/>
      <c r="L9383" s="18"/>
      <c r="M9383" s="18"/>
      <c r="N9383" s="18"/>
      <c r="O9383" s="18"/>
      <c r="P9383" s="19"/>
      <c r="Q9383" s="19"/>
      <c r="R9383" s="19"/>
      <c r="S9383" s="19"/>
      <c r="T9383" s="19"/>
      <c r="U9383" s="19"/>
      <c r="V9383" s="19"/>
      <c r="W9383" s="19"/>
      <c r="X9383" s="19"/>
      <c r="Y9383" s="19"/>
      <c r="Z9383" s="19"/>
      <c r="AA9383" s="19"/>
    </row>
    <row r="9384" spans="1:27" s="1" customFormat="1" ht="11.1" customHeight="1" outlineLevel="1" x14ac:dyDescent="0.2">
      <c r="A9384" s="17">
        <v>1542</v>
      </c>
      <c r="B9384" s="17"/>
      <c r="C9384" s="17"/>
      <c r="D9384" s="18" t="s">
        <v>4650</v>
      </c>
      <c r="E9384" s="18"/>
      <c r="F9384" s="18"/>
      <c r="G9384" s="18"/>
      <c r="H9384" s="18"/>
      <c r="I9384" s="18"/>
      <c r="J9384" s="18"/>
      <c r="K9384" s="18"/>
      <c r="L9384" s="18"/>
      <c r="M9384" s="18"/>
      <c r="N9384" s="18"/>
      <c r="O9384" s="18"/>
      <c r="P9384" s="19">
        <v>100</v>
      </c>
      <c r="Q9384" s="19"/>
      <c r="R9384" s="19"/>
      <c r="S9384" s="19"/>
      <c r="T9384" s="19">
        <v>75</v>
      </c>
      <c r="U9384" s="19"/>
      <c r="V9384" s="19"/>
      <c r="W9384" s="19"/>
      <c r="X9384" s="19">
        <v>1</v>
      </c>
      <c r="Y9384" s="19"/>
      <c r="Z9384" s="19"/>
      <c r="AA9384" s="19"/>
    </row>
    <row r="9385" spans="1:27" s="1" customFormat="1" ht="11.1" customHeight="1" outlineLevel="1" x14ac:dyDescent="0.2">
      <c r="A9385" s="17"/>
      <c r="B9385" s="17"/>
      <c r="C9385" s="17"/>
      <c r="D9385" s="18"/>
      <c r="E9385" s="18"/>
      <c r="F9385" s="18"/>
      <c r="G9385" s="18"/>
      <c r="H9385" s="18"/>
      <c r="I9385" s="18"/>
      <c r="J9385" s="18"/>
      <c r="K9385" s="18"/>
      <c r="L9385" s="18"/>
      <c r="M9385" s="18"/>
      <c r="N9385" s="18"/>
      <c r="O9385" s="18"/>
      <c r="P9385" s="19"/>
      <c r="Q9385" s="19"/>
      <c r="R9385" s="19"/>
      <c r="S9385" s="19"/>
      <c r="T9385" s="19"/>
      <c r="U9385" s="19"/>
      <c r="V9385" s="19"/>
      <c r="W9385" s="19"/>
      <c r="X9385" s="19"/>
      <c r="Y9385" s="19"/>
      <c r="Z9385" s="19"/>
      <c r="AA9385" s="19"/>
    </row>
    <row r="9386" spans="1:27" s="1" customFormat="1" ht="14.1" customHeight="1" outlineLevel="1" x14ac:dyDescent="0.2">
      <c r="A9386" s="17">
        <v>16101</v>
      </c>
      <c r="B9386" s="17"/>
      <c r="C9386" s="17"/>
      <c r="D9386" s="18" t="s">
        <v>4651</v>
      </c>
      <c r="E9386" s="18"/>
      <c r="F9386" s="18"/>
      <c r="G9386" s="18"/>
      <c r="H9386" s="18"/>
      <c r="I9386" s="18"/>
      <c r="J9386" s="18"/>
      <c r="K9386" s="18"/>
      <c r="L9386" s="18"/>
      <c r="M9386" s="18"/>
      <c r="N9386" s="18"/>
      <c r="O9386" s="18"/>
      <c r="P9386" s="19">
        <v>250</v>
      </c>
      <c r="Q9386" s="19"/>
      <c r="R9386" s="19"/>
      <c r="S9386" s="19"/>
      <c r="T9386" s="19">
        <v>200</v>
      </c>
      <c r="U9386" s="19"/>
      <c r="V9386" s="19"/>
      <c r="W9386" s="19"/>
      <c r="X9386" s="19">
        <v>10</v>
      </c>
      <c r="Y9386" s="19"/>
      <c r="Z9386" s="19"/>
      <c r="AA9386" s="19"/>
    </row>
    <row r="9387" spans="1:27" s="1" customFormat="1" ht="14.1" customHeight="1" outlineLevel="1" x14ac:dyDescent="0.2">
      <c r="A9387" s="17"/>
      <c r="B9387" s="17"/>
      <c r="C9387" s="17"/>
      <c r="D9387" s="18"/>
      <c r="E9387" s="18"/>
      <c r="F9387" s="18"/>
      <c r="G9387" s="18"/>
      <c r="H9387" s="18"/>
      <c r="I9387" s="18"/>
      <c r="J9387" s="18"/>
      <c r="K9387" s="18"/>
      <c r="L9387" s="18"/>
      <c r="M9387" s="18"/>
      <c r="N9387" s="18"/>
      <c r="O9387" s="18"/>
      <c r="P9387" s="19"/>
      <c r="Q9387" s="19"/>
      <c r="R9387" s="19"/>
      <c r="S9387" s="19"/>
      <c r="T9387" s="19"/>
      <c r="U9387" s="19"/>
      <c r="V9387" s="19"/>
      <c r="W9387" s="19"/>
      <c r="X9387" s="19"/>
      <c r="Y9387" s="19"/>
      <c r="Z9387" s="19"/>
      <c r="AA9387" s="19"/>
    </row>
    <row r="9388" spans="1:27" s="1" customFormat="1" ht="14.1" customHeight="1" outlineLevel="1" x14ac:dyDescent="0.2">
      <c r="A9388" s="17">
        <v>13559</v>
      </c>
      <c r="B9388" s="17"/>
      <c r="C9388" s="17"/>
      <c r="D9388" s="18" t="s">
        <v>4652</v>
      </c>
      <c r="E9388" s="18"/>
      <c r="F9388" s="18"/>
      <c r="G9388" s="18"/>
      <c r="H9388" s="18"/>
      <c r="I9388" s="18"/>
      <c r="J9388" s="18"/>
      <c r="K9388" s="18"/>
      <c r="L9388" s="18"/>
      <c r="M9388" s="18"/>
      <c r="N9388" s="18"/>
      <c r="O9388" s="18"/>
      <c r="P9388" s="19">
        <v>210</v>
      </c>
      <c r="Q9388" s="19"/>
      <c r="R9388" s="19"/>
      <c r="S9388" s="19"/>
      <c r="T9388" s="19">
        <v>160</v>
      </c>
      <c r="U9388" s="19"/>
      <c r="V9388" s="19"/>
      <c r="W9388" s="19"/>
      <c r="X9388" s="19">
        <v>4</v>
      </c>
      <c r="Y9388" s="19"/>
      <c r="Z9388" s="19"/>
      <c r="AA9388" s="19"/>
    </row>
    <row r="9389" spans="1:27" s="1" customFormat="1" ht="14.1" customHeight="1" outlineLevel="1" x14ac:dyDescent="0.2">
      <c r="A9389" s="17"/>
      <c r="B9389" s="17"/>
      <c r="C9389" s="17"/>
      <c r="D9389" s="18"/>
      <c r="E9389" s="18"/>
      <c r="F9389" s="18"/>
      <c r="G9389" s="18"/>
      <c r="H9389" s="18"/>
      <c r="I9389" s="18"/>
      <c r="J9389" s="18"/>
      <c r="K9389" s="18"/>
      <c r="L9389" s="18"/>
      <c r="M9389" s="18"/>
      <c r="N9389" s="18"/>
      <c r="O9389" s="18"/>
      <c r="P9389" s="19"/>
      <c r="Q9389" s="19"/>
      <c r="R9389" s="19"/>
      <c r="S9389" s="19"/>
      <c r="T9389" s="19"/>
      <c r="U9389" s="19"/>
      <c r="V9389" s="19"/>
      <c r="W9389" s="19"/>
      <c r="X9389" s="19"/>
      <c r="Y9389" s="19"/>
      <c r="Z9389" s="19"/>
      <c r="AA9389" s="19"/>
    </row>
    <row r="9390" spans="1:27" s="1" customFormat="1" ht="14.1" customHeight="1" outlineLevel="1" x14ac:dyDescent="0.2">
      <c r="A9390" s="17">
        <v>13560</v>
      </c>
      <c r="B9390" s="17"/>
      <c r="C9390" s="17"/>
      <c r="D9390" s="18" t="s">
        <v>4653</v>
      </c>
      <c r="E9390" s="18"/>
      <c r="F9390" s="18"/>
      <c r="G9390" s="18"/>
      <c r="H9390" s="18"/>
      <c r="I9390" s="18"/>
      <c r="J9390" s="18"/>
      <c r="K9390" s="18"/>
      <c r="L9390" s="18"/>
      <c r="M9390" s="18"/>
      <c r="N9390" s="18"/>
      <c r="O9390" s="18"/>
      <c r="P9390" s="19">
        <v>250</v>
      </c>
      <c r="Q9390" s="19"/>
      <c r="R9390" s="19"/>
      <c r="S9390" s="19"/>
      <c r="T9390" s="19">
        <v>200</v>
      </c>
      <c r="U9390" s="19"/>
      <c r="V9390" s="19"/>
      <c r="W9390" s="19"/>
      <c r="X9390" s="19">
        <v>17</v>
      </c>
      <c r="Y9390" s="19"/>
      <c r="Z9390" s="19"/>
      <c r="AA9390" s="19"/>
    </row>
    <row r="9391" spans="1:27" s="1" customFormat="1" ht="14.1" customHeight="1" outlineLevel="1" x14ac:dyDescent="0.2">
      <c r="A9391" s="17"/>
      <c r="B9391" s="17"/>
      <c r="C9391" s="17"/>
      <c r="D9391" s="18"/>
      <c r="E9391" s="18"/>
      <c r="F9391" s="18"/>
      <c r="G9391" s="18"/>
      <c r="H9391" s="18"/>
      <c r="I9391" s="18"/>
      <c r="J9391" s="18"/>
      <c r="K9391" s="18"/>
      <c r="L9391" s="18"/>
      <c r="M9391" s="18"/>
      <c r="N9391" s="18"/>
      <c r="O9391" s="18"/>
      <c r="P9391" s="19"/>
      <c r="Q9391" s="19"/>
      <c r="R9391" s="19"/>
      <c r="S9391" s="19"/>
      <c r="T9391" s="19"/>
      <c r="U9391" s="19"/>
      <c r="V9391" s="19"/>
      <c r="W9391" s="19"/>
      <c r="X9391" s="19"/>
      <c r="Y9391" s="19"/>
      <c r="Z9391" s="19"/>
      <c r="AA9391" s="19"/>
    </row>
    <row r="9392" spans="1:27" s="1" customFormat="1" ht="14.1" customHeight="1" outlineLevel="1" x14ac:dyDescent="0.2">
      <c r="A9392" s="17">
        <v>13386</v>
      </c>
      <c r="B9392" s="17"/>
      <c r="C9392" s="17"/>
      <c r="D9392" s="18" t="s">
        <v>4654</v>
      </c>
      <c r="E9392" s="18"/>
      <c r="F9392" s="18"/>
      <c r="G9392" s="18"/>
      <c r="H9392" s="18"/>
      <c r="I9392" s="18"/>
      <c r="J9392" s="18"/>
      <c r="K9392" s="18"/>
      <c r="L9392" s="18"/>
      <c r="M9392" s="18"/>
      <c r="N9392" s="18"/>
      <c r="O9392" s="18"/>
      <c r="P9392" s="19">
        <v>250</v>
      </c>
      <c r="Q9392" s="19"/>
      <c r="R9392" s="19"/>
      <c r="S9392" s="19"/>
      <c r="T9392" s="19">
        <v>200</v>
      </c>
      <c r="U9392" s="19"/>
      <c r="V9392" s="19"/>
      <c r="W9392" s="19"/>
      <c r="X9392" s="19">
        <v>7</v>
      </c>
      <c r="Y9392" s="19"/>
      <c r="Z9392" s="19"/>
      <c r="AA9392" s="19"/>
    </row>
    <row r="9393" spans="1:27" s="1" customFormat="1" ht="14.1" customHeight="1" outlineLevel="1" x14ac:dyDescent="0.2">
      <c r="A9393" s="17"/>
      <c r="B9393" s="17"/>
      <c r="C9393" s="17"/>
      <c r="D9393" s="18"/>
      <c r="E9393" s="18"/>
      <c r="F9393" s="18"/>
      <c r="G9393" s="18"/>
      <c r="H9393" s="18"/>
      <c r="I9393" s="18"/>
      <c r="J9393" s="18"/>
      <c r="K9393" s="18"/>
      <c r="L9393" s="18"/>
      <c r="M9393" s="18"/>
      <c r="N9393" s="18"/>
      <c r="O9393" s="18"/>
      <c r="P9393" s="19"/>
      <c r="Q9393" s="19"/>
      <c r="R9393" s="19"/>
      <c r="S9393" s="19"/>
      <c r="T9393" s="19"/>
      <c r="U9393" s="19"/>
      <c r="V9393" s="19"/>
      <c r="W9393" s="19"/>
      <c r="X9393" s="19"/>
      <c r="Y9393" s="19"/>
      <c r="Z9393" s="19"/>
      <c r="AA9393" s="19"/>
    </row>
    <row r="9394" spans="1:27" s="1" customFormat="1" ht="14.1" customHeight="1" outlineLevel="1" x14ac:dyDescent="0.2">
      <c r="A9394" s="17">
        <v>16702</v>
      </c>
      <c r="B9394" s="17"/>
      <c r="C9394" s="17"/>
      <c r="D9394" s="18" t="s">
        <v>4655</v>
      </c>
      <c r="E9394" s="18"/>
      <c r="F9394" s="18"/>
      <c r="G9394" s="18"/>
      <c r="H9394" s="18"/>
      <c r="I9394" s="18"/>
      <c r="J9394" s="18"/>
      <c r="K9394" s="18"/>
      <c r="L9394" s="18"/>
      <c r="M9394" s="18"/>
      <c r="N9394" s="18"/>
      <c r="O9394" s="18"/>
      <c r="P9394" s="19">
        <v>300</v>
      </c>
      <c r="Q9394" s="19"/>
      <c r="R9394" s="19"/>
      <c r="S9394" s="19"/>
      <c r="T9394" s="19">
        <v>200</v>
      </c>
      <c r="U9394" s="19"/>
      <c r="V9394" s="19"/>
      <c r="W9394" s="19"/>
      <c r="X9394" s="19">
        <v>3</v>
      </c>
      <c r="Y9394" s="19"/>
      <c r="Z9394" s="19"/>
      <c r="AA9394" s="19"/>
    </row>
    <row r="9395" spans="1:27" s="1" customFormat="1" ht="14.1" customHeight="1" outlineLevel="1" x14ac:dyDescent="0.2">
      <c r="A9395" s="17"/>
      <c r="B9395" s="17"/>
      <c r="C9395" s="17"/>
      <c r="D9395" s="18"/>
      <c r="E9395" s="18"/>
      <c r="F9395" s="18"/>
      <c r="G9395" s="18"/>
      <c r="H9395" s="18"/>
      <c r="I9395" s="18"/>
      <c r="J9395" s="18"/>
      <c r="K9395" s="18"/>
      <c r="L9395" s="18"/>
      <c r="M9395" s="18"/>
      <c r="N9395" s="18"/>
      <c r="O9395" s="18"/>
      <c r="P9395" s="19"/>
      <c r="Q9395" s="19"/>
      <c r="R9395" s="19"/>
      <c r="S9395" s="19"/>
      <c r="T9395" s="19"/>
      <c r="U9395" s="19"/>
      <c r="V9395" s="19"/>
      <c r="W9395" s="19"/>
      <c r="X9395" s="19"/>
      <c r="Y9395" s="19"/>
      <c r="Z9395" s="19"/>
      <c r="AA9395" s="19"/>
    </row>
    <row r="9396" spans="1:27" s="1" customFormat="1" ht="14.1" customHeight="1" outlineLevel="1" x14ac:dyDescent="0.2">
      <c r="A9396" s="17">
        <v>11149</v>
      </c>
      <c r="B9396" s="17"/>
      <c r="C9396" s="17"/>
      <c r="D9396" s="18" t="s">
        <v>4656</v>
      </c>
      <c r="E9396" s="18"/>
      <c r="F9396" s="18"/>
      <c r="G9396" s="18"/>
      <c r="H9396" s="18"/>
      <c r="I9396" s="18"/>
      <c r="J9396" s="18"/>
      <c r="K9396" s="18"/>
      <c r="L9396" s="18"/>
      <c r="M9396" s="18"/>
      <c r="N9396" s="18"/>
      <c r="O9396" s="18"/>
      <c r="P9396" s="19">
        <v>370</v>
      </c>
      <c r="Q9396" s="19"/>
      <c r="R9396" s="19"/>
      <c r="S9396" s="19"/>
      <c r="T9396" s="19">
        <v>270</v>
      </c>
      <c r="U9396" s="19"/>
      <c r="V9396" s="19"/>
      <c r="W9396" s="19"/>
      <c r="X9396" s="19">
        <v>1</v>
      </c>
      <c r="Y9396" s="19"/>
      <c r="Z9396" s="19"/>
      <c r="AA9396" s="19"/>
    </row>
    <row r="9397" spans="1:27" s="1" customFormat="1" ht="14.1" customHeight="1" outlineLevel="1" x14ac:dyDescent="0.2">
      <c r="A9397" s="17"/>
      <c r="B9397" s="17"/>
      <c r="C9397" s="17"/>
      <c r="D9397" s="18"/>
      <c r="E9397" s="18"/>
      <c r="F9397" s="18"/>
      <c r="G9397" s="18"/>
      <c r="H9397" s="18"/>
      <c r="I9397" s="18"/>
      <c r="J9397" s="18"/>
      <c r="K9397" s="18"/>
      <c r="L9397" s="18"/>
      <c r="M9397" s="18"/>
      <c r="N9397" s="18"/>
      <c r="O9397" s="18"/>
      <c r="P9397" s="19"/>
      <c r="Q9397" s="19"/>
      <c r="R9397" s="19"/>
      <c r="S9397" s="19"/>
      <c r="T9397" s="19"/>
      <c r="U9397" s="19"/>
      <c r="V9397" s="19"/>
      <c r="W9397" s="19"/>
      <c r="X9397" s="19"/>
      <c r="Y9397" s="19"/>
      <c r="Z9397" s="19"/>
      <c r="AA9397" s="19"/>
    </row>
    <row r="9398" spans="1:27" s="1" customFormat="1" ht="14.1" customHeight="1" outlineLevel="1" x14ac:dyDescent="0.2">
      <c r="A9398" s="17">
        <v>13920</v>
      </c>
      <c r="B9398" s="17"/>
      <c r="C9398" s="17"/>
      <c r="D9398" s="18" t="s">
        <v>4657</v>
      </c>
      <c r="E9398" s="18"/>
      <c r="F9398" s="18"/>
      <c r="G9398" s="18"/>
      <c r="H9398" s="18"/>
      <c r="I9398" s="18"/>
      <c r="J9398" s="18"/>
      <c r="K9398" s="18"/>
      <c r="L9398" s="18"/>
      <c r="M9398" s="18"/>
      <c r="N9398" s="18"/>
      <c r="O9398" s="18"/>
      <c r="P9398" s="19">
        <v>280</v>
      </c>
      <c r="Q9398" s="19"/>
      <c r="R9398" s="19"/>
      <c r="S9398" s="19"/>
      <c r="T9398" s="19">
        <v>220</v>
      </c>
      <c r="U9398" s="19"/>
      <c r="V9398" s="19"/>
      <c r="W9398" s="19"/>
      <c r="X9398" s="19">
        <v>1</v>
      </c>
      <c r="Y9398" s="19"/>
      <c r="Z9398" s="19"/>
      <c r="AA9398" s="19"/>
    </row>
    <row r="9399" spans="1:27" s="1" customFormat="1" ht="14.1" customHeight="1" outlineLevel="1" x14ac:dyDescent="0.2">
      <c r="A9399" s="17"/>
      <c r="B9399" s="17"/>
      <c r="C9399" s="17"/>
      <c r="D9399" s="18"/>
      <c r="E9399" s="18"/>
      <c r="F9399" s="18"/>
      <c r="G9399" s="18"/>
      <c r="H9399" s="18"/>
      <c r="I9399" s="18"/>
      <c r="J9399" s="18"/>
      <c r="K9399" s="18"/>
      <c r="L9399" s="18"/>
      <c r="M9399" s="18"/>
      <c r="N9399" s="18"/>
      <c r="O9399" s="18"/>
      <c r="P9399" s="19"/>
      <c r="Q9399" s="19"/>
      <c r="R9399" s="19"/>
      <c r="S9399" s="19"/>
      <c r="T9399" s="19"/>
      <c r="U9399" s="19"/>
      <c r="V9399" s="19"/>
      <c r="W9399" s="19"/>
      <c r="X9399" s="19"/>
      <c r="Y9399" s="19"/>
      <c r="Z9399" s="19"/>
      <c r="AA9399" s="19"/>
    </row>
    <row r="9400" spans="1:27" s="1" customFormat="1" ht="14.1" customHeight="1" outlineLevel="1" x14ac:dyDescent="0.2">
      <c r="A9400" s="17">
        <v>13921</v>
      </c>
      <c r="B9400" s="17"/>
      <c r="C9400" s="17"/>
      <c r="D9400" s="18" t="s">
        <v>4658</v>
      </c>
      <c r="E9400" s="18"/>
      <c r="F9400" s="18"/>
      <c r="G9400" s="18"/>
      <c r="H9400" s="18"/>
      <c r="I9400" s="18"/>
      <c r="J9400" s="18"/>
      <c r="K9400" s="18"/>
      <c r="L9400" s="18"/>
      <c r="M9400" s="18"/>
      <c r="N9400" s="18"/>
      <c r="O9400" s="18"/>
      <c r="P9400" s="19">
        <v>440</v>
      </c>
      <c r="Q9400" s="19"/>
      <c r="R9400" s="19"/>
      <c r="S9400" s="19"/>
      <c r="T9400" s="19">
        <v>370</v>
      </c>
      <c r="U9400" s="19"/>
      <c r="V9400" s="19"/>
      <c r="W9400" s="19"/>
      <c r="X9400" s="19">
        <v>7</v>
      </c>
      <c r="Y9400" s="19"/>
      <c r="Z9400" s="19"/>
      <c r="AA9400" s="19"/>
    </row>
    <row r="9401" spans="1:27" s="1" customFormat="1" ht="14.1" customHeight="1" outlineLevel="1" x14ac:dyDescent="0.2">
      <c r="A9401" s="17"/>
      <c r="B9401" s="17"/>
      <c r="C9401" s="17"/>
      <c r="D9401" s="18"/>
      <c r="E9401" s="18"/>
      <c r="F9401" s="18"/>
      <c r="G9401" s="18"/>
      <c r="H9401" s="18"/>
      <c r="I9401" s="18"/>
      <c r="J9401" s="18"/>
      <c r="K9401" s="18"/>
      <c r="L9401" s="18"/>
      <c r="M9401" s="18"/>
      <c r="N9401" s="18"/>
      <c r="O9401" s="18"/>
      <c r="P9401" s="19"/>
      <c r="Q9401" s="19"/>
      <c r="R9401" s="19"/>
      <c r="S9401" s="19"/>
      <c r="T9401" s="19"/>
      <c r="U9401" s="19"/>
      <c r="V9401" s="19"/>
      <c r="W9401" s="19"/>
      <c r="X9401" s="19"/>
      <c r="Y9401" s="19"/>
      <c r="Z9401" s="19"/>
      <c r="AA9401" s="19"/>
    </row>
    <row r="9402" spans="1:27" s="1" customFormat="1" ht="14.1" customHeight="1" outlineLevel="1" x14ac:dyDescent="0.2">
      <c r="A9402" s="17">
        <v>16463</v>
      </c>
      <c r="B9402" s="17"/>
      <c r="C9402" s="17"/>
      <c r="D9402" s="18" t="s">
        <v>4659</v>
      </c>
      <c r="E9402" s="18"/>
      <c r="F9402" s="18"/>
      <c r="G9402" s="18"/>
      <c r="H9402" s="18"/>
      <c r="I9402" s="18"/>
      <c r="J9402" s="18"/>
      <c r="K9402" s="18"/>
      <c r="L9402" s="18"/>
      <c r="M9402" s="18"/>
      <c r="N9402" s="18"/>
      <c r="O9402" s="18"/>
      <c r="P9402" s="19">
        <v>290</v>
      </c>
      <c r="Q9402" s="19"/>
      <c r="R9402" s="19"/>
      <c r="S9402" s="19"/>
      <c r="T9402" s="19">
        <v>200</v>
      </c>
      <c r="U9402" s="19"/>
      <c r="V9402" s="19"/>
      <c r="W9402" s="19"/>
      <c r="X9402" s="19">
        <v>28</v>
      </c>
      <c r="Y9402" s="19"/>
      <c r="Z9402" s="19"/>
      <c r="AA9402" s="19"/>
    </row>
    <row r="9403" spans="1:27" s="1" customFormat="1" ht="14.1" customHeight="1" outlineLevel="1" x14ac:dyDescent="0.2">
      <c r="A9403" s="17"/>
      <c r="B9403" s="17"/>
      <c r="C9403" s="17"/>
      <c r="D9403" s="18"/>
      <c r="E9403" s="18"/>
      <c r="F9403" s="18"/>
      <c r="G9403" s="18"/>
      <c r="H9403" s="18"/>
      <c r="I9403" s="18"/>
      <c r="J9403" s="18"/>
      <c r="K9403" s="18"/>
      <c r="L9403" s="18"/>
      <c r="M9403" s="18"/>
      <c r="N9403" s="18"/>
      <c r="O9403" s="18"/>
      <c r="P9403" s="19"/>
      <c r="Q9403" s="19"/>
      <c r="R9403" s="19"/>
      <c r="S9403" s="19"/>
      <c r="T9403" s="19"/>
      <c r="U9403" s="19"/>
      <c r="V9403" s="19"/>
      <c r="W9403" s="19"/>
      <c r="X9403" s="19"/>
      <c r="Y9403" s="19"/>
      <c r="Z9403" s="19"/>
      <c r="AA9403" s="19"/>
    </row>
    <row r="9404" spans="1:27" s="1" customFormat="1" ht="14.1" customHeight="1" outlineLevel="1" x14ac:dyDescent="0.2">
      <c r="A9404" s="17">
        <v>13922</v>
      </c>
      <c r="B9404" s="17"/>
      <c r="C9404" s="17"/>
      <c r="D9404" s="18" t="s">
        <v>4660</v>
      </c>
      <c r="E9404" s="18"/>
      <c r="F9404" s="18"/>
      <c r="G9404" s="18"/>
      <c r="H9404" s="18"/>
      <c r="I9404" s="18"/>
      <c r="J9404" s="18"/>
      <c r="K9404" s="18"/>
      <c r="L9404" s="18"/>
      <c r="M9404" s="18"/>
      <c r="N9404" s="18"/>
      <c r="O9404" s="18"/>
      <c r="P9404" s="19">
        <v>490</v>
      </c>
      <c r="Q9404" s="19"/>
      <c r="R9404" s="19"/>
      <c r="S9404" s="19"/>
      <c r="T9404" s="19">
        <v>390</v>
      </c>
      <c r="U9404" s="19"/>
      <c r="V9404" s="19"/>
      <c r="W9404" s="19"/>
      <c r="X9404" s="19">
        <v>17</v>
      </c>
      <c r="Y9404" s="19"/>
      <c r="Z9404" s="19"/>
      <c r="AA9404" s="19"/>
    </row>
    <row r="9405" spans="1:27" s="1" customFormat="1" ht="14.1" customHeight="1" outlineLevel="1" x14ac:dyDescent="0.2">
      <c r="A9405" s="17"/>
      <c r="B9405" s="17"/>
      <c r="C9405" s="17"/>
      <c r="D9405" s="18"/>
      <c r="E9405" s="18"/>
      <c r="F9405" s="18"/>
      <c r="G9405" s="18"/>
      <c r="H9405" s="18"/>
      <c r="I9405" s="18"/>
      <c r="J9405" s="18"/>
      <c r="K9405" s="18"/>
      <c r="L9405" s="18"/>
      <c r="M9405" s="18"/>
      <c r="N9405" s="18"/>
      <c r="O9405" s="18"/>
      <c r="P9405" s="19"/>
      <c r="Q9405" s="19"/>
      <c r="R9405" s="19"/>
      <c r="S9405" s="19"/>
      <c r="T9405" s="19"/>
      <c r="U9405" s="19"/>
      <c r="V9405" s="19"/>
      <c r="W9405" s="19"/>
      <c r="X9405" s="19"/>
      <c r="Y9405" s="19"/>
      <c r="Z9405" s="19"/>
      <c r="AA9405" s="19"/>
    </row>
    <row r="9406" spans="1:27" s="1" customFormat="1" ht="21" customHeight="1" outlineLevel="1" x14ac:dyDescent="0.2">
      <c r="A9406" s="17">
        <v>17879</v>
      </c>
      <c r="B9406" s="17"/>
      <c r="C9406" s="17"/>
      <c r="D9406" s="18" t="s">
        <v>4661</v>
      </c>
      <c r="E9406" s="18"/>
      <c r="F9406" s="18"/>
      <c r="G9406" s="18"/>
      <c r="H9406" s="18"/>
      <c r="I9406" s="18"/>
      <c r="J9406" s="18"/>
      <c r="K9406" s="18"/>
      <c r="L9406" s="18"/>
      <c r="M9406" s="18"/>
      <c r="N9406" s="18"/>
      <c r="O9406" s="18"/>
      <c r="P9406" s="19">
        <v>950</v>
      </c>
      <c r="Q9406" s="19"/>
      <c r="R9406" s="19"/>
      <c r="S9406" s="19"/>
      <c r="T9406" s="19">
        <v>800</v>
      </c>
      <c r="U9406" s="19"/>
      <c r="V9406" s="19"/>
      <c r="W9406" s="19"/>
      <c r="X9406" s="19">
        <v>1</v>
      </c>
      <c r="Y9406" s="19"/>
      <c r="Z9406" s="19"/>
      <c r="AA9406" s="19"/>
    </row>
    <row r="9407" spans="1:27" s="1" customFormat="1" ht="21" customHeight="1" outlineLevel="1" x14ac:dyDescent="0.2">
      <c r="A9407" s="17"/>
      <c r="B9407" s="17"/>
      <c r="C9407" s="17"/>
      <c r="D9407" s="18"/>
      <c r="E9407" s="18"/>
      <c r="F9407" s="18"/>
      <c r="G9407" s="18"/>
      <c r="H9407" s="18"/>
      <c r="I9407" s="18"/>
      <c r="J9407" s="18"/>
      <c r="K9407" s="18"/>
      <c r="L9407" s="18"/>
      <c r="M9407" s="18"/>
      <c r="N9407" s="18"/>
      <c r="O9407" s="18"/>
      <c r="P9407" s="19"/>
      <c r="Q9407" s="19"/>
      <c r="R9407" s="19"/>
      <c r="S9407" s="19"/>
      <c r="T9407" s="19"/>
      <c r="U9407" s="19"/>
      <c r="V9407" s="19"/>
      <c r="W9407" s="19"/>
      <c r="X9407" s="19"/>
      <c r="Y9407" s="19"/>
      <c r="Z9407" s="19"/>
      <c r="AA9407" s="19"/>
    </row>
    <row r="9408" spans="1:27" s="1" customFormat="1" ht="14.1" customHeight="1" outlineLevel="1" x14ac:dyDescent="0.2">
      <c r="A9408" s="17">
        <v>11151</v>
      </c>
      <c r="B9408" s="17"/>
      <c r="C9408" s="17"/>
      <c r="D9408" s="18" t="s">
        <v>4662</v>
      </c>
      <c r="E9408" s="18"/>
      <c r="F9408" s="18"/>
      <c r="G9408" s="18"/>
      <c r="H9408" s="18"/>
      <c r="I9408" s="18"/>
      <c r="J9408" s="18"/>
      <c r="K9408" s="18"/>
      <c r="L9408" s="18"/>
      <c r="M9408" s="18"/>
      <c r="N9408" s="18"/>
      <c r="O9408" s="18"/>
      <c r="P9408" s="19">
        <v>370</v>
      </c>
      <c r="Q9408" s="19"/>
      <c r="R9408" s="19"/>
      <c r="S9408" s="19"/>
      <c r="T9408" s="19">
        <v>270</v>
      </c>
      <c r="U9408" s="19"/>
      <c r="V9408" s="19"/>
      <c r="W9408" s="19"/>
      <c r="X9408" s="19">
        <v>1</v>
      </c>
      <c r="Y9408" s="19"/>
      <c r="Z9408" s="19"/>
      <c r="AA9408" s="19"/>
    </row>
    <row r="9409" spans="1:27" s="1" customFormat="1" ht="14.1" customHeight="1" outlineLevel="1" x14ac:dyDescent="0.2">
      <c r="A9409" s="17"/>
      <c r="B9409" s="17"/>
      <c r="C9409" s="17"/>
      <c r="D9409" s="18"/>
      <c r="E9409" s="18"/>
      <c r="F9409" s="18"/>
      <c r="G9409" s="18"/>
      <c r="H9409" s="18"/>
      <c r="I9409" s="18"/>
      <c r="J9409" s="18"/>
      <c r="K9409" s="18"/>
      <c r="L9409" s="18"/>
      <c r="M9409" s="18"/>
      <c r="N9409" s="18"/>
      <c r="O9409" s="18"/>
      <c r="P9409" s="19"/>
      <c r="Q9409" s="19"/>
      <c r="R9409" s="19"/>
      <c r="S9409" s="19"/>
      <c r="T9409" s="19"/>
      <c r="U9409" s="19"/>
      <c r="V9409" s="19"/>
      <c r="W9409" s="19"/>
      <c r="X9409" s="19"/>
      <c r="Y9409" s="19"/>
      <c r="Z9409" s="19"/>
      <c r="AA9409" s="19"/>
    </row>
    <row r="9410" spans="1:27" s="1" customFormat="1" ht="21" customHeight="1" outlineLevel="1" x14ac:dyDescent="0.2">
      <c r="A9410" s="17">
        <v>15518</v>
      </c>
      <c r="B9410" s="17"/>
      <c r="C9410" s="17"/>
      <c r="D9410" s="18" t="s">
        <v>4663</v>
      </c>
      <c r="E9410" s="18"/>
      <c r="F9410" s="18"/>
      <c r="G9410" s="18"/>
      <c r="H9410" s="18"/>
      <c r="I9410" s="18"/>
      <c r="J9410" s="18"/>
      <c r="K9410" s="18"/>
      <c r="L9410" s="18"/>
      <c r="M9410" s="18"/>
      <c r="N9410" s="18"/>
      <c r="O9410" s="18"/>
      <c r="P9410" s="19">
        <v>500</v>
      </c>
      <c r="Q9410" s="19"/>
      <c r="R9410" s="19"/>
      <c r="S9410" s="19"/>
      <c r="T9410" s="19">
        <v>400</v>
      </c>
      <c r="U9410" s="19"/>
      <c r="V9410" s="19"/>
      <c r="W9410" s="19"/>
      <c r="X9410" s="19">
        <v>1</v>
      </c>
      <c r="Y9410" s="19"/>
      <c r="Z9410" s="19"/>
      <c r="AA9410" s="19"/>
    </row>
    <row r="9411" spans="1:27" s="1" customFormat="1" ht="21" customHeight="1" outlineLevel="1" x14ac:dyDescent="0.2">
      <c r="A9411" s="17"/>
      <c r="B9411" s="17"/>
      <c r="C9411" s="17"/>
      <c r="D9411" s="18"/>
      <c r="E9411" s="18"/>
      <c r="F9411" s="18"/>
      <c r="G9411" s="18"/>
      <c r="H9411" s="18"/>
      <c r="I9411" s="18"/>
      <c r="J9411" s="18"/>
      <c r="K9411" s="18"/>
      <c r="L9411" s="18"/>
      <c r="M9411" s="18"/>
      <c r="N9411" s="18"/>
      <c r="O9411" s="18"/>
      <c r="P9411" s="19"/>
      <c r="Q9411" s="19"/>
      <c r="R9411" s="19"/>
      <c r="S9411" s="19"/>
      <c r="T9411" s="19"/>
      <c r="U9411" s="19"/>
      <c r="V9411" s="19"/>
      <c r="W9411" s="19"/>
      <c r="X9411" s="19"/>
      <c r="Y9411" s="19"/>
      <c r="Z9411" s="19"/>
      <c r="AA9411" s="19"/>
    </row>
    <row r="9412" spans="1:27" s="1" customFormat="1" ht="14.1" customHeight="1" outlineLevel="1" x14ac:dyDescent="0.2">
      <c r="A9412" s="17">
        <v>11152</v>
      </c>
      <c r="B9412" s="17"/>
      <c r="C9412" s="17"/>
      <c r="D9412" s="18" t="s">
        <v>4664</v>
      </c>
      <c r="E9412" s="18"/>
      <c r="F9412" s="18"/>
      <c r="G9412" s="18"/>
      <c r="H9412" s="18"/>
      <c r="I9412" s="18"/>
      <c r="J9412" s="18"/>
      <c r="K9412" s="18"/>
      <c r="L9412" s="18"/>
      <c r="M9412" s="18"/>
      <c r="N9412" s="18"/>
      <c r="O9412" s="18"/>
      <c r="P9412" s="19">
        <v>370</v>
      </c>
      <c r="Q9412" s="19"/>
      <c r="R9412" s="19"/>
      <c r="S9412" s="19"/>
      <c r="T9412" s="19">
        <v>270</v>
      </c>
      <c r="U9412" s="19"/>
      <c r="V9412" s="19"/>
      <c r="W9412" s="19"/>
      <c r="X9412" s="19">
        <v>2</v>
      </c>
      <c r="Y9412" s="19"/>
      <c r="Z9412" s="19"/>
      <c r="AA9412" s="19"/>
    </row>
    <row r="9413" spans="1:27" s="1" customFormat="1" ht="14.1" customHeight="1" outlineLevel="1" x14ac:dyDescent="0.2">
      <c r="A9413" s="17"/>
      <c r="B9413" s="17"/>
      <c r="C9413" s="17"/>
      <c r="D9413" s="18"/>
      <c r="E9413" s="18"/>
      <c r="F9413" s="18"/>
      <c r="G9413" s="18"/>
      <c r="H9413" s="18"/>
      <c r="I9413" s="18"/>
      <c r="J9413" s="18"/>
      <c r="K9413" s="18"/>
      <c r="L9413" s="18"/>
      <c r="M9413" s="18"/>
      <c r="N9413" s="18"/>
      <c r="O9413" s="18"/>
      <c r="P9413" s="19"/>
      <c r="Q9413" s="19"/>
      <c r="R9413" s="19"/>
      <c r="S9413" s="19"/>
      <c r="T9413" s="19"/>
      <c r="U9413" s="19"/>
      <c r="V9413" s="19"/>
      <c r="W9413" s="19"/>
      <c r="X9413" s="19"/>
      <c r="Y9413" s="19"/>
      <c r="Z9413" s="19"/>
      <c r="AA9413" s="19"/>
    </row>
    <row r="9414" spans="1:27" s="1" customFormat="1" ht="14.1" customHeight="1" outlineLevel="1" x14ac:dyDescent="0.2">
      <c r="A9414" s="17">
        <v>11153</v>
      </c>
      <c r="B9414" s="17"/>
      <c r="C9414" s="17"/>
      <c r="D9414" s="18" t="s">
        <v>4665</v>
      </c>
      <c r="E9414" s="18"/>
      <c r="F9414" s="18"/>
      <c r="G9414" s="18"/>
      <c r="H9414" s="18"/>
      <c r="I9414" s="18"/>
      <c r="J9414" s="18"/>
      <c r="K9414" s="18"/>
      <c r="L9414" s="18"/>
      <c r="M9414" s="18"/>
      <c r="N9414" s="18"/>
      <c r="O9414" s="18"/>
      <c r="P9414" s="19">
        <v>390</v>
      </c>
      <c r="Q9414" s="19"/>
      <c r="R9414" s="19"/>
      <c r="S9414" s="19"/>
      <c r="T9414" s="19">
        <v>290</v>
      </c>
      <c r="U9414" s="19"/>
      <c r="V9414" s="19"/>
      <c r="W9414" s="19"/>
      <c r="X9414" s="19">
        <v>1</v>
      </c>
      <c r="Y9414" s="19"/>
      <c r="Z9414" s="19"/>
      <c r="AA9414" s="19"/>
    </row>
    <row r="9415" spans="1:27" s="1" customFormat="1" ht="14.1" customHeight="1" outlineLevel="1" x14ac:dyDescent="0.2">
      <c r="A9415" s="17"/>
      <c r="B9415" s="17"/>
      <c r="C9415" s="17"/>
      <c r="D9415" s="18"/>
      <c r="E9415" s="18"/>
      <c r="F9415" s="18"/>
      <c r="G9415" s="18"/>
      <c r="H9415" s="18"/>
      <c r="I9415" s="18"/>
      <c r="J9415" s="18"/>
      <c r="K9415" s="18"/>
      <c r="L9415" s="18"/>
      <c r="M9415" s="18"/>
      <c r="N9415" s="18"/>
      <c r="O9415" s="18"/>
      <c r="P9415" s="19"/>
      <c r="Q9415" s="19"/>
      <c r="R9415" s="19"/>
      <c r="S9415" s="19"/>
      <c r="T9415" s="19"/>
      <c r="U9415" s="19"/>
      <c r="V9415" s="19"/>
      <c r="W9415" s="19"/>
      <c r="X9415" s="19"/>
      <c r="Y9415" s="19"/>
      <c r="Z9415" s="19"/>
      <c r="AA9415" s="19"/>
    </row>
    <row r="9416" spans="1:27" s="1" customFormat="1" ht="14.1" customHeight="1" outlineLevel="1" x14ac:dyDescent="0.2">
      <c r="A9416" s="17">
        <v>13561</v>
      </c>
      <c r="B9416" s="17"/>
      <c r="C9416" s="17"/>
      <c r="D9416" s="18" t="s">
        <v>4666</v>
      </c>
      <c r="E9416" s="18"/>
      <c r="F9416" s="18"/>
      <c r="G9416" s="18"/>
      <c r="H9416" s="18"/>
      <c r="I9416" s="18"/>
      <c r="J9416" s="18"/>
      <c r="K9416" s="18"/>
      <c r="L9416" s="18"/>
      <c r="M9416" s="18"/>
      <c r="N9416" s="18"/>
      <c r="O9416" s="18"/>
      <c r="P9416" s="19">
        <v>250</v>
      </c>
      <c r="Q9416" s="19"/>
      <c r="R9416" s="19"/>
      <c r="S9416" s="19"/>
      <c r="T9416" s="19">
        <v>200</v>
      </c>
      <c r="U9416" s="19"/>
      <c r="V9416" s="19"/>
      <c r="W9416" s="19"/>
      <c r="X9416" s="19">
        <v>27</v>
      </c>
      <c r="Y9416" s="19"/>
      <c r="Z9416" s="19"/>
      <c r="AA9416" s="19"/>
    </row>
    <row r="9417" spans="1:27" s="1" customFormat="1" ht="14.1" customHeight="1" outlineLevel="1" x14ac:dyDescent="0.2">
      <c r="A9417" s="17"/>
      <c r="B9417" s="17"/>
      <c r="C9417" s="17"/>
      <c r="D9417" s="18"/>
      <c r="E9417" s="18"/>
      <c r="F9417" s="18"/>
      <c r="G9417" s="18"/>
      <c r="H9417" s="18"/>
      <c r="I9417" s="18"/>
      <c r="J9417" s="18"/>
      <c r="K9417" s="18"/>
      <c r="L9417" s="18"/>
      <c r="M9417" s="18"/>
      <c r="N9417" s="18"/>
      <c r="O9417" s="18"/>
      <c r="P9417" s="19"/>
      <c r="Q9417" s="19"/>
      <c r="R9417" s="19"/>
      <c r="S9417" s="19"/>
      <c r="T9417" s="19"/>
      <c r="U9417" s="19"/>
      <c r="V9417" s="19"/>
      <c r="W9417" s="19"/>
      <c r="X9417" s="19"/>
      <c r="Y9417" s="19"/>
      <c r="Z9417" s="19"/>
      <c r="AA9417" s="19"/>
    </row>
    <row r="9418" spans="1:27" s="1" customFormat="1" ht="14.1" customHeight="1" outlineLevel="1" x14ac:dyDescent="0.2">
      <c r="A9418" s="17">
        <v>12891</v>
      </c>
      <c r="B9418" s="17"/>
      <c r="C9418" s="17"/>
      <c r="D9418" s="18" t="s">
        <v>4667</v>
      </c>
      <c r="E9418" s="18"/>
      <c r="F9418" s="18"/>
      <c r="G9418" s="18"/>
      <c r="H9418" s="18"/>
      <c r="I9418" s="18"/>
      <c r="J9418" s="18"/>
      <c r="K9418" s="18"/>
      <c r="L9418" s="18"/>
      <c r="M9418" s="18"/>
      <c r="N9418" s="18"/>
      <c r="O9418" s="18"/>
      <c r="P9418" s="19">
        <v>390</v>
      </c>
      <c r="Q9418" s="19"/>
      <c r="R9418" s="19"/>
      <c r="S9418" s="19"/>
      <c r="T9418" s="19">
        <v>310</v>
      </c>
      <c r="U9418" s="19"/>
      <c r="V9418" s="19"/>
      <c r="W9418" s="19"/>
      <c r="X9418" s="19">
        <v>7</v>
      </c>
      <c r="Y9418" s="19"/>
      <c r="Z9418" s="19"/>
      <c r="AA9418" s="19"/>
    </row>
    <row r="9419" spans="1:27" s="1" customFormat="1" ht="14.1" customHeight="1" outlineLevel="1" x14ac:dyDescent="0.2">
      <c r="A9419" s="17"/>
      <c r="B9419" s="17"/>
      <c r="C9419" s="17"/>
      <c r="D9419" s="18"/>
      <c r="E9419" s="18"/>
      <c r="F9419" s="18"/>
      <c r="G9419" s="18"/>
      <c r="H9419" s="18"/>
      <c r="I9419" s="18"/>
      <c r="J9419" s="18"/>
      <c r="K9419" s="18"/>
      <c r="L9419" s="18"/>
      <c r="M9419" s="18"/>
      <c r="N9419" s="18"/>
      <c r="O9419" s="18"/>
      <c r="P9419" s="19"/>
      <c r="Q9419" s="19"/>
      <c r="R9419" s="19"/>
      <c r="S9419" s="19"/>
      <c r="T9419" s="19"/>
      <c r="U9419" s="19"/>
      <c r="V9419" s="19"/>
      <c r="W9419" s="19"/>
      <c r="X9419" s="19"/>
      <c r="Y9419" s="19"/>
      <c r="Z9419" s="19"/>
      <c r="AA9419" s="19"/>
    </row>
    <row r="9420" spans="1:27" s="1" customFormat="1" ht="14.1" customHeight="1" outlineLevel="1" x14ac:dyDescent="0.2">
      <c r="A9420" s="17">
        <v>16103</v>
      </c>
      <c r="B9420" s="17"/>
      <c r="C9420" s="17"/>
      <c r="D9420" s="18" t="s">
        <v>4668</v>
      </c>
      <c r="E9420" s="18"/>
      <c r="F9420" s="18"/>
      <c r="G9420" s="18"/>
      <c r="H9420" s="18"/>
      <c r="I9420" s="18"/>
      <c r="J9420" s="18"/>
      <c r="K9420" s="18"/>
      <c r="L9420" s="18"/>
      <c r="M9420" s="18"/>
      <c r="N9420" s="18"/>
      <c r="O9420" s="18"/>
      <c r="P9420" s="19">
        <v>250</v>
      </c>
      <c r="Q9420" s="19"/>
      <c r="R9420" s="19"/>
      <c r="S9420" s="19"/>
      <c r="T9420" s="19">
        <v>200</v>
      </c>
      <c r="U9420" s="19"/>
      <c r="V9420" s="19"/>
      <c r="W9420" s="19"/>
      <c r="X9420" s="19">
        <v>10</v>
      </c>
      <c r="Y9420" s="19"/>
      <c r="Z9420" s="19"/>
      <c r="AA9420" s="19"/>
    </row>
    <row r="9421" spans="1:27" s="1" customFormat="1" ht="14.1" customHeight="1" outlineLevel="1" x14ac:dyDescent="0.2">
      <c r="A9421" s="17"/>
      <c r="B9421" s="17"/>
      <c r="C9421" s="17"/>
      <c r="D9421" s="18"/>
      <c r="E9421" s="18"/>
      <c r="F9421" s="18"/>
      <c r="G9421" s="18"/>
      <c r="H9421" s="18"/>
      <c r="I9421" s="18"/>
      <c r="J9421" s="18"/>
      <c r="K9421" s="18"/>
      <c r="L9421" s="18"/>
      <c r="M9421" s="18"/>
      <c r="N9421" s="18"/>
      <c r="O9421" s="18"/>
      <c r="P9421" s="19"/>
      <c r="Q9421" s="19"/>
      <c r="R9421" s="19"/>
      <c r="S9421" s="19"/>
      <c r="T9421" s="19"/>
      <c r="U9421" s="19"/>
      <c r="V9421" s="19"/>
      <c r="W9421" s="19"/>
      <c r="X9421" s="19"/>
      <c r="Y9421" s="19"/>
      <c r="Z9421" s="19"/>
      <c r="AA9421" s="19"/>
    </row>
    <row r="9422" spans="1:27" s="1" customFormat="1" ht="14.1" customHeight="1" outlineLevel="1" x14ac:dyDescent="0.2">
      <c r="A9422" s="17">
        <v>13468</v>
      </c>
      <c r="B9422" s="17"/>
      <c r="C9422" s="17"/>
      <c r="D9422" s="18" t="s">
        <v>4669</v>
      </c>
      <c r="E9422" s="18"/>
      <c r="F9422" s="18"/>
      <c r="G9422" s="18"/>
      <c r="H9422" s="18"/>
      <c r="I9422" s="18"/>
      <c r="J9422" s="18"/>
      <c r="K9422" s="18"/>
      <c r="L9422" s="18"/>
      <c r="M9422" s="18"/>
      <c r="N9422" s="18"/>
      <c r="O9422" s="18"/>
      <c r="P9422" s="19">
        <v>360</v>
      </c>
      <c r="Q9422" s="19"/>
      <c r="R9422" s="19"/>
      <c r="S9422" s="19"/>
      <c r="T9422" s="19">
        <v>290</v>
      </c>
      <c r="U9422" s="19"/>
      <c r="V9422" s="19"/>
      <c r="W9422" s="19"/>
      <c r="X9422" s="19">
        <v>1</v>
      </c>
      <c r="Y9422" s="19"/>
      <c r="Z9422" s="19"/>
      <c r="AA9422" s="19"/>
    </row>
    <row r="9423" spans="1:27" s="1" customFormat="1" ht="14.1" customHeight="1" outlineLevel="1" x14ac:dyDescent="0.2">
      <c r="A9423" s="17"/>
      <c r="B9423" s="17"/>
      <c r="C9423" s="17"/>
      <c r="D9423" s="18"/>
      <c r="E9423" s="18"/>
      <c r="F9423" s="18"/>
      <c r="G9423" s="18"/>
      <c r="H9423" s="18"/>
      <c r="I9423" s="18"/>
      <c r="J9423" s="18"/>
      <c r="K9423" s="18"/>
      <c r="L9423" s="18"/>
      <c r="M9423" s="18"/>
      <c r="N9423" s="18"/>
      <c r="O9423" s="18"/>
      <c r="P9423" s="19"/>
      <c r="Q9423" s="19"/>
      <c r="R9423" s="19"/>
      <c r="S9423" s="19"/>
      <c r="T9423" s="19"/>
      <c r="U9423" s="19"/>
      <c r="V9423" s="19"/>
      <c r="W9423" s="19"/>
      <c r="X9423" s="19"/>
      <c r="Y9423" s="19"/>
      <c r="Z9423" s="19"/>
      <c r="AA9423" s="19"/>
    </row>
    <row r="9424" spans="1:27" s="1" customFormat="1" ht="21" customHeight="1" outlineLevel="1" x14ac:dyDescent="0.2">
      <c r="A9424" s="17">
        <v>16189</v>
      </c>
      <c r="B9424" s="17"/>
      <c r="C9424" s="17"/>
      <c r="D9424" s="18" t="s">
        <v>4670</v>
      </c>
      <c r="E9424" s="18"/>
      <c r="F9424" s="18"/>
      <c r="G9424" s="18"/>
      <c r="H9424" s="18"/>
      <c r="I9424" s="18"/>
      <c r="J9424" s="18"/>
      <c r="K9424" s="18"/>
      <c r="L9424" s="18"/>
      <c r="M9424" s="18"/>
      <c r="N9424" s="18"/>
      <c r="O9424" s="18"/>
      <c r="P9424" s="19">
        <v>500</v>
      </c>
      <c r="Q9424" s="19"/>
      <c r="R9424" s="19"/>
      <c r="S9424" s="19"/>
      <c r="T9424" s="19">
        <v>400</v>
      </c>
      <c r="U9424" s="19"/>
      <c r="V9424" s="19"/>
      <c r="W9424" s="19"/>
      <c r="X9424" s="19">
        <v>1</v>
      </c>
      <c r="Y9424" s="19"/>
      <c r="Z9424" s="19"/>
      <c r="AA9424" s="19"/>
    </row>
    <row r="9425" spans="1:27" s="1" customFormat="1" ht="21" customHeight="1" outlineLevel="1" x14ac:dyDescent="0.2">
      <c r="A9425" s="17"/>
      <c r="B9425" s="17"/>
      <c r="C9425" s="17"/>
      <c r="D9425" s="18"/>
      <c r="E9425" s="18"/>
      <c r="F9425" s="18"/>
      <c r="G9425" s="18"/>
      <c r="H9425" s="18"/>
      <c r="I9425" s="18"/>
      <c r="J9425" s="18"/>
      <c r="K9425" s="18"/>
      <c r="L9425" s="18"/>
      <c r="M9425" s="18"/>
      <c r="N9425" s="18"/>
      <c r="O9425" s="18"/>
      <c r="P9425" s="19"/>
      <c r="Q9425" s="19"/>
      <c r="R9425" s="19"/>
      <c r="S9425" s="19"/>
      <c r="T9425" s="19"/>
      <c r="U9425" s="19"/>
      <c r="V9425" s="19"/>
      <c r="W9425" s="19"/>
      <c r="X9425" s="19"/>
      <c r="Y9425" s="19"/>
      <c r="Z9425" s="19"/>
      <c r="AA9425" s="19"/>
    </row>
    <row r="9426" spans="1:27" s="1" customFormat="1" ht="14.1" customHeight="1" outlineLevel="1" x14ac:dyDescent="0.2">
      <c r="A9426" s="17">
        <v>10702</v>
      </c>
      <c r="B9426" s="17"/>
      <c r="C9426" s="17"/>
      <c r="D9426" s="18" t="s">
        <v>4671</v>
      </c>
      <c r="E9426" s="18"/>
      <c r="F9426" s="18"/>
      <c r="G9426" s="18"/>
      <c r="H9426" s="18"/>
      <c r="I9426" s="18"/>
      <c r="J9426" s="18"/>
      <c r="K9426" s="18"/>
      <c r="L9426" s="18"/>
      <c r="M9426" s="18"/>
      <c r="N9426" s="18"/>
      <c r="O9426" s="18"/>
      <c r="P9426" s="19">
        <v>350</v>
      </c>
      <c r="Q9426" s="19"/>
      <c r="R9426" s="19"/>
      <c r="S9426" s="19"/>
      <c r="T9426" s="19">
        <v>270</v>
      </c>
      <c r="U9426" s="19"/>
      <c r="V9426" s="19"/>
      <c r="W9426" s="19"/>
      <c r="X9426" s="19">
        <v>12</v>
      </c>
      <c r="Y9426" s="19"/>
      <c r="Z9426" s="19"/>
      <c r="AA9426" s="19"/>
    </row>
    <row r="9427" spans="1:27" s="1" customFormat="1" ht="14.1" customHeight="1" outlineLevel="1" x14ac:dyDescent="0.2">
      <c r="A9427" s="17"/>
      <c r="B9427" s="17"/>
      <c r="C9427" s="17"/>
      <c r="D9427" s="18"/>
      <c r="E9427" s="18"/>
      <c r="F9427" s="18"/>
      <c r="G9427" s="18"/>
      <c r="H9427" s="18"/>
      <c r="I9427" s="18"/>
      <c r="J9427" s="18"/>
      <c r="K9427" s="18"/>
      <c r="L9427" s="18"/>
      <c r="M9427" s="18"/>
      <c r="N9427" s="18"/>
      <c r="O9427" s="18"/>
      <c r="P9427" s="19"/>
      <c r="Q9427" s="19"/>
      <c r="R9427" s="19"/>
      <c r="S9427" s="19"/>
      <c r="T9427" s="19"/>
      <c r="U9427" s="19"/>
      <c r="V9427" s="19"/>
      <c r="W9427" s="19"/>
      <c r="X9427" s="19"/>
      <c r="Y9427" s="19"/>
      <c r="Z9427" s="19"/>
      <c r="AA9427" s="19"/>
    </row>
    <row r="9428" spans="1:27" s="1" customFormat="1" ht="14.1" customHeight="1" outlineLevel="1" x14ac:dyDescent="0.2">
      <c r="A9428" s="17">
        <v>10703</v>
      </c>
      <c r="B9428" s="17"/>
      <c r="C9428" s="17"/>
      <c r="D9428" s="18" t="s">
        <v>4672</v>
      </c>
      <c r="E9428" s="18"/>
      <c r="F9428" s="18"/>
      <c r="G9428" s="18"/>
      <c r="H9428" s="18"/>
      <c r="I9428" s="18"/>
      <c r="J9428" s="18"/>
      <c r="K9428" s="18"/>
      <c r="L9428" s="18"/>
      <c r="M9428" s="18"/>
      <c r="N9428" s="18"/>
      <c r="O9428" s="18"/>
      <c r="P9428" s="19">
        <v>720</v>
      </c>
      <c r="Q9428" s="19"/>
      <c r="R9428" s="19"/>
      <c r="S9428" s="19"/>
      <c r="T9428" s="19">
        <v>590</v>
      </c>
      <c r="U9428" s="19"/>
      <c r="V9428" s="19"/>
      <c r="W9428" s="19"/>
      <c r="X9428" s="19">
        <v>1</v>
      </c>
      <c r="Y9428" s="19"/>
      <c r="Z9428" s="19"/>
      <c r="AA9428" s="19"/>
    </row>
    <row r="9429" spans="1:27" s="1" customFormat="1" ht="14.1" customHeight="1" outlineLevel="1" x14ac:dyDescent="0.2">
      <c r="A9429" s="17"/>
      <c r="B9429" s="17"/>
      <c r="C9429" s="17"/>
      <c r="D9429" s="18"/>
      <c r="E9429" s="18"/>
      <c r="F9429" s="18"/>
      <c r="G9429" s="18"/>
      <c r="H9429" s="18"/>
      <c r="I9429" s="18"/>
      <c r="J9429" s="18"/>
      <c r="K9429" s="18"/>
      <c r="L9429" s="18"/>
      <c r="M9429" s="18"/>
      <c r="N9429" s="18"/>
      <c r="O9429" s="18"/>
      <c r="P9429" s="19"/>
      <c r="Q9429" s="19"/>
      <c r="R9429" s="19"/>
      <c r="S9429" s="19"/>
      <c r="T9429" s="19"/>
      <c r="U9429" s="19"/>
      <c r="V9429" s="19"/>
      <c r="W9429" s="19"/>
      <c r="X9429" s="19"/>
      <c r="Y9429" s="19"/>
      <c r="Z9429" s="19"/>
      <c r="AA9429" s="19"/>
    </row>
    <row r="9430" spans="1:27" s="1" customFormat="1" ht="14.1" customHeight="1" outlineLevel="1" x14ac:dyDescent="0.2">
      <c r="A9430" s="17">
        <v>8615</v>
      </c>
      <c r="B9430" s="17"/>
      <c r="C9430" s="17"/>
      <c r="D9430" s="18" t="s">
        <v>4673</v>
      </c>
      <c r="E9430" s="18"/>
      <c r="F9430" s="18"/>
      <c r="G9430" s="18"/>
      <c r="H9430" s="18"/>
      <c r="I9430" s="18"/>
      <c r="J9430" s="18"/>
      <c r="K9430" s="18"/>
      <c r="L9430" s="18"/>
      <c r="M9430" s="18"/>
      <c r="N9430" s="18"/>
      <c r="O9430" s="18"/>
      <c r="P9430" s="19">
        <v>400</v>
      </c>
      <c r="Q9430" s="19"/>
      <c r="R9430" s="19"/>
      <c r="S9430" s="19"/>
      <c r="T9430" s="19">
        <v>300</v>
      </c>
      <c r="U9430" s="19"/>
      <c r="V9430" s="19"/>
      <c r="W9430" s="19"/>
      <c r="X9430" s="19">
        <v>1</v>
      </c>
      <c r="Y9430" s="19"/>
      <c r="Z9430" s="19"/>
      <c r="AA9430" s="19"/>
    </row>
    <row r="9431" spans="1:27" s="1" customFormat="1" ht="14.1" customHeight="1" outlineLevel="1" x14ac:dyDescent="0.2">
      <c r="A9431" s="17"/>
      <c r="B9431" s="17"/>
      <c r="C9431" s="17"/>
      <c r="D9431" s="18"/>
      <c r="E9431" s="18"/>
      <c r="F9431" s="18"/>
      <c r="G9431" s="18"/>
      <c r="H9431" s="18"/>
      <c r="I9431" s="18"/>
      <c r="J9431" s="18"/>
      <c r="K9431" s="18"/>
      <c r="L9431" s="18"/>
      <c r="M9431" s="18"/>
      <c r="N9431" s="18"/>
      <c r="O9431" s="18"/>
      <c r="P9431" s="19"/>
      <c r="Q9431" s="19"/>
      <c r="R9431" s="19"/>
      <c r="S9431" s="19"/>
      <c r="T9431" s="19"/>
      <c r="U9431" s="19"/>
      <c r="V9431" s="19"/>
      <c r="W9431" s="19"/>
      <c r="X9431" s="19"/>
      <c r="Y9431" s="19"/>
      <c r="Z9431" s="19"/>
      <c r="AA9431" s="19"/>
    </row>
    <row r="9432" spans="1:27" s="1" customFormat="1" ht="14.1" customHeight="1" outlineLevel="1" x14ac:dyDescent="0.2">
      <c r="A9432" s="17">
        <v>8617</v>
      </c>
      <c r="B9432" s="17"/>
      <c r="C9432" s="17"/>
      <c r="D9432" s="18" t="s">
        <v>4674</v>
      </c>
      <c r="E9432" s="18"/>
      <c r="F9432" s="18"/>
      <c r="G9432" s="18"/>
      <c r="H9432" s="18"/>
      <c r="I9432" s="18"/>
      <c r="J9432" s="18"/>
      <c r="K9432" s="18"/>
      <c r="L9432" s="18"/>
      <c r="M9432" s="18"/>
      <c r="N9432" s="18"/>
      <c r="O9432" s="18"/>
      <c r="P9432" s="19">
        <v>430</v>
      </c>
      <c r="Q9432" s="19"/>
      <c r="R9432" s="19"/>
      <c r="S9432" s="19"/>
      <c r="T9432" s="19">
        <v>330</v>
      </c>
      <c r="U9432" s="19"/>
      <c r="V9432" s="19"/>
      <c r="W9432" s="19"/>
      <c r="X9432" s="19">
        <v>1</v>
      </c>
      <c r="Y9432" s="19"/>
      <c r="Z9432" s="19"/>
      <c r="AA9432" s="19"/>
    </row>
    <row r="9433" spans="1:27" s="1" customFormat="1" ht="14.1" customHeight="1" outlineLevel="1" x14ac:dyDescent="0.2">
      <c r="A9433" s="17"/>
      <c r="B9433" s="17"/>
      <c r="C9433" s="17"/>
      <c r="D9433" s="18"/>
      <c r="E9433" s="18"/>
      <c r="F9433" s="18"/>
      <c r="G9433" s="18"/>
      <c r="H9433" s="18"/>
      <c r="I9433" s="18"/>
      <c r="J9433" s="18"/>
      <c r="K9433" s="18"/>
      <c r="L9433" s="18"/>
      <c r="M9433" s="18"/>
      <c r="N9433" s="18"/>
      <c r="O9433" s="18"/>
      <c r="P9433" s="19"/>
      <c r="Q9433" s="19"/>
      <c r="R9433" s="19"/>
      <c r="S9433" s="19"/>
      <c r="T9433" s="19"/>
      <c r="U9433" s="19"/>
      <c r="V9433" s="19"/>
      <c r="W9433" s="19"/>
      <c r="X9433" s="19"/>
      <c r="Y9433" s="19"/>
      <c r="Z9433" s="19"/>
      <c r="AA9433" s="19"/>
    </row>
    <row r="9434" spans="1:27" s="1" customFormat="1" ht="14.1" customHeight="1" outlineLevel="1" x14ac:dyDescent="0.2">
      <c r="A9434" s="17">
        <v>16104</v>
      </c>
      <c r="B9434" s="17"/>
      <c r="C9434" s="17"/>
      <c r="D9434" s="18" t="s">
        <v>4675</v>
      </c>
      <c r="E9434" s="18"/>
      <c r="F9434" s="18"/>
      <c r="G9434" s="18"/>
      <c r="H9434" s="18"/>
      <c r="I9434" s="18"/>
      <c r="J9434" s="18"/>
      <c r="K9434" s="18"/>
      <c r="L9434" s="18"/>
      <c r="M9434" s="18"/>
      <c r="N9434" s="18"/>
      <c r="O9434" s="18"/>
      <c r="P9434" s="19">
        <v>290</v>
      </c>
      <c r="Q9434" s="19"/>
      <c r="R9434" s="19"/>
      <c r="S9434" s="19"/>
      <c r="T9434" s="19">
        <v>200</v>
      </c>
      <c r="U9434" s="19"/>
      <c r="V9434" s="19"/>
      <c r="W9434" s="19"/>
      <c r="X9434" s="19">
        <v>18</v>
      </c>
      <c r="Y9434" s="19"/>
      <c r="Z9434" s="19"/>
      <c r="AA9434" s="19"/>
    </row>
    <row r="9435" spans="1:27" s="1" customFormat="1" ht="14.1" customHeight="1" outlineLevel="1" x14ac:dyDescent="0.2">
      <c r="A9435" s="17"/>
      <c r="B9435" s="17"/>
      <c r="C9435" s="17"/>
      <c r="D9435" s="18"/>
      <c r="E9435" s="18"/>
      <c r="F9435" s="18"/>
      <c r="G9435" s="18"/>
      <c r="H9435" s="18"/>
      <c r="I9435" s="18"/>
      <c r="J9435" s="18"/>
      <c r="K9435" s="18"/>
      <c r="L9435" s="18"/>
      <c r="M9435" s="18"/>
      <c r="N9435" s="18"/>
      <c r="O9435" s="18"/>
      <c r="P9435" s="19"/>
      <c r="Q9435" s="19"/>
      <c r="R9435" s="19"/>
      <c r="S9435" s="19"/>
      <c r="T9435" s="19"/>
      <c r="U9435" s="19"/>
      <c r="V9435" s="19"/>
      <c r="W9435" s="19"/>
      <c r="X9435" s="19"/>
      <c r="Y9435" s="19"/>
      <c r="Z9435" s="19"/>
      <c r="AA9435" s="19"/>
    </row>
    <row r="9436" spans="1:27" s="1" customFormat="1" ht="14.1" customHeight="1" outlineLevel="1" x14ac:dyDescent="0.2">
      <c r="A9436" s="17">
        <v>10704</v>
      </c>
      <c r="B9436" s="17"/>
      <c r="C9436" s="17"/>
      <c r="D9436" s="18" t="s">
        <v>4676</v>
      </c>
      <c r="E9436" s="18"/>
      <c r="F9436" s="18"/>
      <c r="G9436" s="18"/>
      <c r="H9436" s="18"/>
      <c r="I9436" s="18"/>
      <c r="J9436" s="18"/>
      <c r="K9436" s="18"/>
      <c r="L9436" s="18"/>
      <c r="M9436" s="18"/>
      <c r="N9436" s="18"/>
      <c r="O9436" s="18"/>
      <c r="P9436" s="19">
        <v>330</v>
      </c>
      <c r="Q9436" s="19"/>
      <c r="R9436" s="19"/>
      <c r="S9436" s="19"/>
      <c r="T9436" s="19">
        <v>260</v>
      </c>
      <c r="U9436" s="19"/>
      <c r="V9436" s="19"/>
      <c r="W9436" s="19"/>
      <c r="X9436" s="19">
        <v>15</v>
      </c>
      <c r="Y9436" s="19"/>
      <c r="Z9436" s="19"/>
      <c r="AA9436" s="19"/>
    </row>
    <row r="9437" spans="1:27" s="1" customFormat="1" ht="14.1" customHeight="1" outlineLevel="1" x14ac:dyDescent="0.2">
      <c r="A9437" s="17"/>
      <c r="B9437" s="17"/>
      <c r="C9437" s="17"/>
      <c r="D9437" s="18"/>
      <c r="E9437" s="18"/>
      <c r="F9437" s="18"/>
      <c r="G9437" s="18"/>
      <c r="H9437" s="18"/>
      <c r="I9437" s="18"/>
      <c r="J9437" s="18"/>
      <c r="K9437" s="18"/>
      <c r="L9437" s="18"/>
      <c r="M9437" s="18"/>
      <c r="N9437" s="18"/>
      <c r="O9437" s="18"/>
      <c r="P9437" s="19"/>
      <c r="Q9437" s="19"/>
      <c r="R9437" s="19"/>
      <c r="S9437" s="19"/>
      <c r="T9437" s="19"/>
      <c r="U9437" s="19"/>
      <c r="V9437" s="19"/>
      <c r="W9437" s="19"/>
      <c r="X9437" s="19"/>
      <c r="Y9437" s="19"/>
      <c r="Z9437" s="19"/>
      <c r="AA9437" s="19"/>
    </row>
    <row r="9438" spans="1:27" s="1" customFormat="1" ht="14.1" customHeight="1" outlineLevel="1" x14ac:dyDescent="0.2">
      <c r="A9438" s="17">
        <v>9241</v>
      </c>
      <c r="B9438" s="17"/>
      <c r="C9438" s="17"/>
      <c r="D9438" s="18" t="s">
        <v>4677</v>
      </c>
      <c r="E9438" s="18"/>
      <c r="F9438" s="18"/>
      <c r="G9438" s="18"/>
      <c r="H9438" s="18"/>
      <c r="I9438" s="18"/>
      <c r="J9438" s="18"/>
      <c r="K9438" s="18"/>
      <c r="L9438" s="18"/>
      <c r="M9438" s="18"/>
      <c r="N9438" s="18"/>
      <c r="O9438" s="18"/>
      <c r="P9438" s="19">
        <v>390</v>
      </c>
      <c r="Q9438" s="19"/>
      <c r="R9438" s="19"/>
      <c r="S9438" s="19"/>
      <c r="T9438" s="19">
        <v>300</v>
      </c>
      <c r="U9438" s="19"/>
      <c r="V9438" s="19"/>
      <c r="W9438" s="19"/>
      <c r="X9438" s="19">
        <v>12</v>
      </c>
      <c r="Y9438" s="19"/>
      <c r="Z9438" s="19"/>
      <c r="AA9438" s="19"/>
    </row>
    <row r="9439" spans="1:27" s="1" customFormat="1" ht="14.1" customHeight="1" outlineLevel="1" x14ac:dyDescent="0.2">
      <c r="A9439" s="17"/>
      <c r="B9439" s="17"/>
      <c r="C9439" s="17"/>
      <c r="D9439" s="18"/>
      <c r="E9439" s="18"/>
      <c r="F9439" s="18"/>
      <c r="G9439" s="18"/>
      <c r="H9439" s="18"/>
      <c r="I9439" s="18"/>
      <c r="J9439" s="18"/>
      <c r="K9439" s="18"/>
      <c r="L9439" s="18"/>
      <c r="M9439" s="18"/>
      <c r="N9439" s="18"/>
      <c r="O9439" s="18"/>
      <c r="P9439" s="19"/>
      <c r="Q9439" s="19"/>
      <c r="R9439" s="19"/>
      <c r="S9439" s="19"/>
      <c r="T9439" s="19"/>
      <c r="U9439" s="19"/>
      <c r="V9439" s="19"/>
      <c r="W9439" s="19"/>
      <c r="X9439" s="19"/>
      <c r="Y9439" s="19"/>
      <c r="Z9439" s="19"/>
      <c r="AA9439" s="19"/>
    </row>
    <row r="9440" spans="1:27" s="1" customFormat="1" ht="14.1" customHeight="1" outlineLevel="1" x14ac:dyDescent="0.2">
      <c r="A9440" s="17">
        <v>15669</v>
      </c>
      <c r="B9440" s="17"/>
      <c r="C9440" s="17"/>
      <c r="D9440" s="18" t="s">
        <v>4678</v>
      </c>
      <c r="E9440" s="18"/>
      <c r="F9440" s="18"/>
      <c r="G9440" s="18"/>
      <c r="H9440" s="18"/>
      <c r="I9440" s="18"/>
      <c r="J9440" s="18"/>
      <c r="K9440" s="18"/>
      <c r="L9440" s="18"/>
      <c r="M9440" s="18"/>
      <c r="N9440" s="18"/>
      <c r="O9440" s="18"/>
      <c r="P9440" s="19">
        <v>260</v>
      </c>
      <c r="Q9440" s="19"/>
      <c r="R9440" s="19"/>
      <c r="S9440" s="19"/>
      <c r="T9440" s="19">
        <v>200</v>
      </c>
      <c r="U9440" s="19"/>
      <c r="V9440" s="19"/>
      <c r="W9440" s="19"/>
      <c r="X9440" s="19">
        <v>9</v>
      </c>
      <c r="Y9440" s="19"/>
      <c r="Z9440" s="19"/>
      <c r="AA9440" s="19"/>
    </row>
    <row r="9441" spans="1:27" s="1" customFormat="1" ht="14.1" customHeight="1" outlineLevel="1" x14ac:dyDescent="0.2">
      <c r="A9441" s="17"/>
      <c r="B9441" s="17"/>
      <c r="C9441" s="17"/>
      <c r="D9441" s="18"/>
      <c r="E9441" s="18"/>
      <c r="F9441" s="18"/>
      <c r="G9441" s="18"/>
      <c r="H9441" s="18"/>
      <c r="I9441" s="18"/>
      <c r="J9441" s="18"/>
      <c r="K9441" s="18"/>
      <c r="L9441" s="18"/>
      <c r="M9441" s="18"/>
      <c r="N9441" s="18"/>
      <c r="O9441" s="18"/>
      <c r="P9441" s="19"/>
      <c r="Q9441" s="19"/>
      <c r="R9441" s="19"/>
      <c r="S9441" s="19"/>
      <c r="T9441" s="19"/>
      <c r="U9441" s="19"/>
      <c r="V9441" s="19"/>
      <c r="W9441" s="19"/>
      <c r="X9441" s="19"/>
      <c r="Y9441" s="19"/>
      <c r="Z9441" s="19"/>
      <c r="AA9441" s="19"/>
    </row>
    <row r="9442" spans="1:27" s="1" customFormat="1" ht="14.1" customHeight="1" outlineLevel="1" x14ac:dyDescent="0.2">
      <c r="A9442" s="17">
        <v>10705</v>
      </c>
      <c r="B9442" s="17"/>
      <c r="C9442" s="17"/>
      <c r="D9442" s="18" t="s">
        <v>4679</v>
      </c>
      <c r="E9442" s="18"/>
      <c r="F9442" s="18"/>
      <c r="G9442" s="18"/>
      <c r="H9442" s="18"/>
      <c r="I9442" s="18"/>
      <c r="J9442" s="18"/>
      <c r="K9442" s="18"/>
      <c r="L9442" s="18"/>
      <c r="M9442" s="18"/>
      <c r="N9442" s="18"/>
      <c r="O9442" s="18"/>
      <c r="P9442" s="19">
        <v>410</v>
      </c>
      <c r="Q9442" s="19"/>
      <c r="R9442" s="19"/>
      <c r="S9442" s="19"/>
      <c r="T9442" s="19">
        <v>310</v>
      </c>
      <c r="U9442" s="19"/>
      <c r="V9442" s="19"/>
      <c r="W9442" s="19"/>
      <c r="X9442" s="19">
        <v>3</v>
      </c>
      <c r="Y9442" s="19"/>
      <c r="Z9442" s="19"/>
      <c r="AA9442" s="19"/>
    </row>
    <row r="9443" spans="1:27" s="1" customFormat="1" ht="14.1" customHeight="1" outlineLevel="1" x14ac:dyDescent="0.2">
      <c r="A9443" s="17"/>
      <c r="B9443" s="17"/>
      <c r="C9443" s="17"/>
      <c r="D9443" s="18"/>
      <c r="E9443" s="18"/>
      <c r="F9443" s="18"/>
      <c r="G9443" s="18"/>
      <c r="H9443" s="18"/>
      <c r="I9443" s="18"/>
      <c r="J9443" s="18"/>
      <c r="K9443" s="18"/>
      <c r="L9443" s="18"/>
      <c r="M9443" s="18"/>
      <c r="N9443" s="18"/>
      <c r="O9443" s="18"/>
      <c r="P9443" s="19"/>
      <c r="Q9443" s="19"/>
      <c r="R9443" s="19"/>
      <c r="S9443" s="19"/>
      <c r="T9443" s="19"/>
      <c r="U9443" s="19"/>
      <c r="V9443" s="19"/>
      <c r="W9443" s="19"/>
      <c r="X9443" s="19"/>
      <c r="Y9443" s="19"/>
      <c r="Z9443" s="19"/>
      <c r="AA9443" s="19"/>
    </row>
    <row r="9444" spans="1:27" s="1" customFormat="1" ht="14.1" customHeight="1" outlineLevel="1" x14ac:dyDescent="0.2">
      <c r="A9444" s="17">
        <v>8696</v>
      </c>
      <c r="B9444" s="17"/>
      <c r="C9444" s="17"/>
      <c r="D9444" s="18" t="s">
        <v>4680</v>
      </c>
      <c r="E9444" s="18"/>
      <c r="F9444" s="18"/>
      <c r="G9444" s="18"/>
      <c r="H9444" s="18"/>
      <c r="I9444" s="18"/>
      <c r="J9444" s="18"/>
      <c r="K9444" s="18"/>
      <c r="L9444" s="18"/>
      <c r="M9444" s="18"/>
      <c r="N9444" s="18"/>
      <c r="O9444" s="18"/>
      <c r="P9444" s="19">
        <v>250</v>
      </c>
      <c r="Q9444" s="19"/>
      <c r="R9444" s="19"/>
      <c r="S9444" s="19"/>
      <c r="T9444" s="19">
        <v>200</v>
      </c>
      <c r="U9444" s="19"/>
      <c r="V9444" s="19"/>
      <c r="W9444" s="19"/>
      <c r="X9444" s="19">
        <v>10</v>
      </c>
      <c r="Y9444" s="19"/>
      <c r="Z9444" s="19"/>
      <c r="AA9444" s="19"/>
    </row>
    <row r="9445" spans="1:27" s="1" customFormat="1" ht="14.1" customHeight="1" outlineLevel="1" x14ac:dyDescent="0.2">
      <c r="A9445" s="17"/>
      <c r="B9445" s="17"/>
      <c r="C9445" s="17"/>
      <c r="D9445" s="18"/>
      <c r="E9445" s="18"/>
      <c r="F9445" s="18"/>
      <c r="G9445" s="18"/>
      <c r="H9445" s="18"/>
      <c r="I9445" s="18"/>
      <c r="J9445" s="18"/>
      <c r="K9445" s="18"/>
      <c r="L9445" s="18"/>
      <c r="M9445" s="18"/>
      <c r="N9445" s="18"/>
      <c r="O9445" s="18"/>
      <c r="P9445" s="19"/>
      <c r="Q9445" s="19"/>
      <c r="R9445" s="19"/>
      <c r="S9445" s="19"/>
      <c r="T9445" s="19"/>
      <c r="U9445" s="19"/>
      <c r="V9445" s="19"/>
      <c r="W9445" s="19"/>
      <c r="X9445" s="19"/>
      <c r="Y9445" s="19"/>
      <c r="Z9445" s="19"/>
      <c r="AA9445" s="19"/>
    </row>
    <row r="9446" spans="1:27" s="1" customFormat="1" ht="14.1" customHeight="1" outlineLevel="1" x14ac:dyDescent="0.2">
      <c r="A9446" s="17">
        <v>11154</v>
      </c>
      <c r="B9446" s="17"/>
      <c r="C9446" s="17"/>
      <c r="D9446" s="18" t="s">
        <v>4681</v>
      </c>
      <c r="E9446" s="18"/>
      <c r="F9446" s="18"/>
      <c r="G9446" s="18"/>
      <c r="H9446" s="18"/>
      <c r="I9446" s="18"/>
      <c r="J9446" s="18"/>
      <c r="K9446" s="18"/>
      <c r="L9446" s="18"/>
      <c r="M9446" s="18"/>
      <c r="N9446" s="18"/>
      <c r="O9446" s="18"/>
      <c r="P9446" s="19">
        <v>430</v>
      </c>
      <c r="Q9446" s="19"/>
      <c r="R9446" s="19"/>
      <c r="S9446" s="19"/>
      <c r="T9446" s="19">
        <v>330</v>
      </c>
      <c r="U9446" s="19"/>
      <c r="V9446" s="19"/>
      <c r="W9446" s="19"/>
      <c r="X9446" s="19">
        <v>3</v>
      </c>
      <c r="Y9446" s="19"/>
      <c r="Z9446" s="19"/>
      <c r="AA9446" s="19"/>
    </row>
    <row r="9447" spans="1:27" s="1" customFormat="1" ht="14.1" customHeight="1" outlineLevel="1" x14ac:dyDescent="0.2">
      <c r="A9447" s="17"/>
      <c r="B9447" s="17"/>
      <c r="C9447" s="17"/>
      <c r="D9447" s="18"/>
      <c r="E9447" s="18"/>
      <c r="F9447" s="18"/>
      <c r="G9447" s="18"/>
      <c r="H9447" s="18"/>
      <c r="I9447" s="18"/>
      <c r="J9447" s="18"/>
      <c r="K9447" s="18"/>
      <c r="L9447" s="18"/>
      <c r="M9447" s="18"/>
      <c r="N9447" s="18"/>
      <c r="O9447" s="18"/>
      <c r="P9447" s="19"/>
      <c r="Q9447" s="19"/>
      <c r="R9447" s="19"/>
      <c r="S9447" s="19"/>
      <c r="T9447" s="19"/>
      <c r="U9447" s="19"/>
      <c r="V9447" s="19"/>
      <c r="W9447" s="19"/>
      <c r="X9447" s="19"/>
      <c r="Y9447" s="19"/>
      <c r="Z9447" s="19"/>
      <c r="AA9447" s="19"/>
    </row>
    <row r="9448" spans="1:27" s="1" customFormat="1" ht="14.1" customHeight="1" outlineLevel="1" x14ac:dyDescent="0.2">
      <c r="A9448" s="17">
        <v>12815</v>
      </c>
      <c r="B9448" s="17"/>
      <c r="C9448" s="17"/>
      <c r="D9448" s="18" t="s">
        <v>4682</v>
      </c>
      <c r="E9448" s="18"/>
      <c r="F9448" s="18"/>
      <c r="G9448" s="18"/>
      <c r="H9448" s="18"/>
      <c r="I9448" s="18"/>
      <c r="J9448" s="18"/>
      <c r="K9448" s="18"/>
      <c r="L9448" s="18"/>
      <c r="M9448" s="18"/>
      <c r="N9448" s="18"/>
      <c r="O9448" s="18"/>
      <c r="P9448" s="19">
        <v>840</v>
      </c>
      <c r="Q9448" s="19"/>
      <c r="R9448" s="19"/>
      <c r="S9448" s="19"/>
      <c r="T9448" s="19">
        <v>750</v>
      </c>
      <c r="U9448" s="19"/>
      <c r="V9448" s="19"/>
      <c r="W9448" s="19"/>
      <c r="X9448" s="19">
        <v>3</v>
      </c>
      <c r="Y9448" s="19"/>
      <c r="Z9448" s="19"/>
      <c r="AA9448" s="19"/>
    </row>
    <row r="9449" spans="1:27" s="1" customFormat="1" ht="14.1" customHeight="1" outlineLevel="1" x14ac:dyDescent="0.2">
      <c r="A9449" s="17"/>
      <c r="B9449" s="17"/>
      <c r="C9449" s="17"/>
      <c r="D9449" s="18"/>
      <c r="E9449" s="18"/>
      <c r="F9449" s="18"/>
      <c r="G9449" s="18"/>
      <c r="H9449" s="18"/>
      <c r="I9449" s="18"/>
      <c r="J9449" s="18"/>
      <c r="K9449" s="18"/>
      <c r="L9449" s="18"/>
      <c r="M9449" s="18"/>
      <c r="N9449" s="18"/>
      <c r="O9449" s="18"/>
      <c r="P9449" s="19"/>
      <c r="Q9449" s="19"/>
      <c r="R9449" s="19"/>
      <c r="S9449" s="19"/>
      <c r="T9449" s="19"/>
      <c r="U9449" s="19"/>
      <c r="V9449" s="19"/>
      <c r="W9449" s="19"/>
      <c r="X9449" s="19"/>
      <c r="Y9449" s="19"/>
      <c r="Z9449" s="19"/>
      <c r="AA9449" s="19"/>
    </row>
    <row r="9450" spans="1:27" s="1" customFormat="1" ht="14.1" customHeight="1" outlineLevel="1" x14ac:dyDescent="0.2">
      <c r="A9450" s="17">
        <v>16820</v>
      </c>
      <c r="B9450" s="17"/>
      <c r="C9450" s="17"/>
      <c r="D9450" s="18" t="s">
        <v>4683</v>
      </c>
      <c r="E9450" s="18"/>
      <c r="F9450" s="18"/>
      <c r="G9450" s="18"/>
      <c r="H9450" s="18"/>
      <c r="I9450" s="18"/>
      <c r="J9450" s="18"/>
      <c r="K9450" s="18"/>
      <c r="L9450" s="18"/>
      <c r="M9450" s="18"/>
      <c r="N9450" s="18"/>
      <c r="O9450" s="18"/>
      <c r="P9450" s="20">
        <v>1000</v>
      </c>
      <c r="Q9450" s="20"/>
      <c r="R9450" s="20"/>
      <c r="S9450" s="20"/>
      <c r="T9450" s="19">
        <v>800</v>
      </c>
      <c r="U9450" s="19"/>
      <c r="V9450" s="19"/>
      <c r="W9450" s="19"/>
      <c r="X9450" s="19">
        <v>1</v>
      </c>
      <c r="Y9450" s="19"/>
      <c r="Z9450" s="19"/>
      <c r="AA9450" s="19"/>
    </row>
    <row r="9451" spans="1:27" s="1" customFormat="1" ht="14.1" customHeight="1" outlineLevel="1" x14ac:dyDescent="0.2">
      <c r="A9451" s="17"/>
      <c r="B9451" s="17"/>
      <c r="C9451" s="17"/>
      <c r="D9451" s="18"/>
      <c r="E9451" s="18"/>
      <c r="F9451" s="18"/>
      <c r="G9451" s="18"/>
      <c r="H9451" s="18"/>
      <c r="I9451" s="18"/>
      <c r="J9451" s="18"/>
      <c r="K9451" s="18"/>
      <c r="L9451" s="18"/>
      <c r="M9451" s="18"/>
      <c r="N9451" s="18"/>
      <c r="O9451" s="18"/>
      <c r="P9451" s="20"/>
      <c r="Q9451" s="20"/>
      <c r="R9451" s="20"/>
      <c r="S9451" s="20"/>
      <c r="T9451" s="19"/>
      <c r="U9451" s="19"/>
      <c r="V9451" s="19"/>
      <c r="W9451" s="19"/>
      <c r="X9451" s="19"/>
      <c r="Y9451" s="19"/>
      <c r="Z9451" s="19"/>
      <c r="AA9451" s="19"/>
    </row>
    <row r="9452" spans="1:27" s="1" customFormat="1" ht="14.1" customHeight="1" outlineLevel="1" x14ac:dyDescent="0.2">
      <c r="A9452" s="17">
        <v>8862</v>
      </c>
      <c r="B9452" s="17"/>
      <c r="C9452" s="17"/>
      <c r="D9452" s="18" t="s">
        <v>4684</v>
      </c>
      <c r="E9452" s="18"/>
      <c r="F9452" s="18"/>
      <c r="G9452" s="18"/>
      <c r="H9452" s="18"/>
      <c r="I9452" s="18"/>
      <c r="J9452" s="18"/>
      <c r="K9452" s="18"/>
      <c r="L9452" s="18"/>
      <c r="M9452" s="18"/>
      <c r="N9452" s="18"/>
      <c r="O9452" s="18"/>
      <c r="P9452" s="19">
        <v>150</v>
      </c>
      <c r="Q9452" s="19"/>
      <c r="R9452" s="19"/>
      <c r="S9452" s="19"/>
      <c r="T9452" s="19">
        <v>100</v>
      </c>
      <c r="U9452" s="19"/>
      <c r="V9452" s="19"/>
      <c r="W9452" s="19"/>
      <c r="X9452" s="19">
        <v>2</v>
      </c>
      <c r="Y9452" s="19"/>
      <c r="Z9452" s="19"/>
      <c r="AA9452" s="19"/>
    </row>
    <row r="9453" spans="1:27" s="1" customFormat="1" ht="14.1" customHeight="1" outlineLevel="1" x14ac:dyDescent="0.2">
      <c r="A9453" s="17"/>
      <c r="B9453" s="17"/>
      <c r="C9453" s="17"/>
      <c r="D9453" s="18"/>
      <c r="E9453" s="18"/>
      <c r="F9453" s="18"/>
      <c r="G9453" s="18"/>
      <c r="H9453" s="18"/>
      <c r="I9453" s="18"/>
      <c r="J9453" s="18"/>
      <c r="K9453" s="18"/>
      <c r="L9453" s="18"/>
      <c r="M9453" s="18"/>
      <c r="N9453" s="18"/>
      <c r="O9453" s="18"/>
      <c r="P9453" s="19"/>
      <c r="Q9453" s="19"/>
      <c r="R9453" s="19"/>
      <c r="S9453" s="19"/>
      <c r="T9453" s="19"/>
      <c r="U9453" s="19"/>
      <c r="V9453" s="19"/>
      <c r="W9453" s="19"/>
      <c r="X9453" s="19"/>
      <c r="Y9453" s="19"/>
      <c r="Z9453" s="19"/>
      <c r="AA9453" s="19"/>
    </row>
    <row r="9454" spans="1:27" s="1" customFormat="1" ht="14.1" customHeight="1" outlineLevel="1" x14ac:dyDescent="0.2">
      <c r="A9454" s="17">
        <v>11155</v>
      </c>
      <c r="B9454" s="17"/>
      <c r="C9454" s="17"/>
      <c r="D9454" s="18" t="s">
        <v>4685</v>
      </c>
      <c r="E9454" s="18"/>
      <c r="F9454" s="18"/>
      <c r="G9454" s="18"/>
      <c r="H9454" s="18"/>
      <c r="I9454" s="18"/>
      <c r="J9454" s="18"/>
      <c r="K9454" s="18"/>
      <c r="L9454" s="18"/>
      <c r="M9454" s="18"/>
      <c r="N9454" s="18"/>
      <c r="O9454" s="18"/>
      <c r="P9454" s="19">
        <v>250</v>
      </c>
      <c r="Q9454" s="19"/>
      <c r="R9454" s="19"/>
      <c r="S9454" s="19"/>
      <c r="T9454" s="19">
        <v>200</v>
      </c>
      <c r="U9454" s="19"/>
      <c r="V9454" s="19"/>
      <c r="W9454" s="19"/>
      <c r="X9454" s="19">
        <v>11</v>
      </c>
      <c r="Y9454" s="19"/>
      <c r="Z9454" s="19"/>
      <c r="AA9454" s="19"/>
    </row>
    <row r="9455" spans="1:27" s="1" customFormat="1" ht="14.1" customHeight="1" outlineLevel="1" x14ac:dyDescent="0.2">
      <c r="A9455" s="17"/>
      <c r="B9455" s="17"/>
      <c r="C9455" s="17"/>
      <c r="D9455" s="18"/>
      <c r="E9455" s="18"/>
      <c r="F9455" s="18"/>
      <c r="G9455" s="18"/>
      <c r="H9455" s="18"/>
      <c r="I9455" s="18"/>
      <c r="J9455" s="18"/>
      <c r="K9455" s="18"/>
      <c r="L9455" s="18"/>
      <c r="M9455" s="18"/>
      <c r="N9455" s="18"/>
      <c r="O9455" s="18"/>
      <c r="P9455" s="19"/>
      <c r="Q9455" s="19"/>
      <c r="R9455" s="19"/>
      <c r="S9455" s="19"/>
      <c r="T9455" s="19"/>
      <c r="U9455" s="19"/>
      <c r="V9455" s="19"/>
      <c r="W9455" s="19"/>
      <c r="X9455" s="19"/>
      <c r="Y9455" s="19"/>
      <c r="Z9455" s="19"/>
      <c r="AA9455" s="19"/>
    </row>
    <row r="9456" spans="1:27" s="1" customFormat="1" ht="14.1" customHeight="1" outlineLevel="1" x14ac:dyDescent="0.2">
      <c r="A9456" s="17">
        <v>10713</v>
      </c>
      <c r="B9456" s="17"/>
      <c r="C9456" s="17"/>
      <c r="D9456" s="18" t="s">
        <v>4686</v>
      </c>
      <c r="E9456" s="18"/>
      <c r="F9456" s="18"/>
      <c r="G9456" s="18"/>
      <c r="H9456" s="18"/>
      <c r="I9456" s="18"/>
      <c r="J9456" s="18"/>
      <c r="K9456" s="18"/>
      <c r="L9456" s="18"/>
      <c r="M9456" s="18"/>
      <c r="N9456" s="18"/>
      <c r="O9456" s="18"/>
      <c r="P9456" s="19">
        <v>700</v>
      </c>
      <c r="Q9456" s="19"/>
      <c r="R9456" s="19"/>
      <c r="S9456" s="19"/>
      <c r="T9456" s="19">
        <v>600</v>
      </c>
      <c r="U9456" s="19"/>
      <c r="V9456" s="19"/>
      <c r="W9456" s="19"/>
      <c r="X9456" s="19">
        <v>2</v>
      </c>
      <c r="Y9456" s="19"/>
      <c r="Z9456" s="19"/>
      <c r="AA9456" s="19"/>
    </row>
    <row r="9457" spans="1:27" s="1" customFormat="1" ht="14.1" customHeight="1" outlineLevel="1" x14ac:dyDescent="0.2">
      <c r="A9457" s="17"/>
      <c r="B9457" s="17"/>
      <c r="C9457" s="17"/>
      <c r="D9457" s="18"/>
      <c r="E9457" s="18"/>
      <c r="F9457" s="18"/>
      <c r="G9457" s="18"/>
      <c r="H9457" s="18"/>
      <c r="I9457" s="18"/>
      <c r="J9457" s="18"/>
      <c r="K9457" s="18"/>
      <c r="L9457" s="18"/>
      <c r="M9457" s="18"/>
      <c r="N9457" s="18"/>
      <c r="O9457" s="18"/>
      <c r="P9457" s="19"/>
      <c r="Q9457" s="19"/>
      <c r="R9457" s="19"/>
      <c r="S9457" s="19"/>
      <c r="T9457" s="19"/>
      <c r="U9457" s="19"/>
      <c r="V9457" s="19"/>
      <c r="W9457" s="19"/>
      <c r="X9457" s="19"/>
      <c r="Y9457" s="19"/>
      <c r="Z9457" s="19"/>
      <c r="AA9457" s="19"/>
    </row>
    <row r="9458" spans="1:27" s="1" customFormat="1" ht="21" customHeight="1" outlineLevel="1" x14ac:dyDescent="0.2">
      <c r="A9458" s="17">
        <v>18183</v>
      </c>
      <c r="B9458" s="17"/>
      <c r="C9458" s="17"/>
      <c r="D9458" s="18" t="s">
        <v>4687</v>
      </c>
      <c r="E9458" s="18"/>
      <c r="F9458" s="18"/>
      <c r="G9458" s="18"/>
      <c r="H9458" s="18"/>
      <c r="I9458" s="18"/>
      <c r="J9458" s="18"/>
      <c r="K9458" s="18"/>
      <c r="L9458" s="18"/>
      <c r="M9458" s="18"/>
      <c r="N9458" s="18"/>
      <c r="O9458" s="18"/>
      <c r="P9458" s="19">
        <v>950</v>
      </c>
      <c r="Q9458" s="19"/>
      <c r="R9458" s="19"/>
      <c r="S9458" s="19"/>
      <c r="T9458" s="19">
        <v>800</v>
      </c>
      <c r="U9458" s="19"/>
      <c r="V9458" s="19"/>
      <c r="W9458" s="19"/>
      <c r="X9458" s="19">
        <v>1</v>
      </c>
      <c r="Y9458" s="19"/>
      <c r="Z9458" s="19"/>
      <c r="AA9458" s="19"/>
    </row>
    <row r="9459" spans="1:27" s="1" customFormat="1" ht="21" customHeight="1" outlineLevel="1" x14ac:dyDescent="0.2">
      <c r="A9459" s="17"/>
      <c r="B9459" s="17"/>
      <c r="C9459" s="17"/>
      <c r="D9459" s="18"/>
      <c r="E9459" s="18"/>
      <c r="F9459" s="18"/>
      <c r="G9459" s="18"/>
      <c r="H9459" s="18"/>
      <c r="I9459" s="18"/>
      <c r="J9459" s="18"/>
      <c r="K9459" s="18"/>
      <c r="L9459" s="18"/>
      <c r="M9459" s="18"/>
      <c r="N9459" s="18"/>
      <c r="O9459" s="18"/>
      <c r="P9459" s="19"/>
      <c r="Q9459" s="19"/>
      <c r="R9459" s="19"/>
      <c r="S9459" s="19"/>
      <c r="T9459" s="19"/>
      <c r="U9459" s="19"/>
      <c r="V9459" s="19"/>
      <c r="W9459" s="19"/>
      <c r="X9459" s="19"/>
      <c r="Y9459" s="19"/>
      <c r="Z9459" s="19"/>
      <c r="AA9459" s="19"/>
    </row>
    <row r="9460" spans="1:27" s="1" customFormat="1" ht="21" customHeight="1" outlineLevel="1" x14ac:dyDescent="0.2">
      <c r="A9460" s="17">
        <v>13322</v>
      </c>
      <c r="B9460" s="17"/>
      <c r="C9460" s="17"/>
      <c r="D9460" s="18" t="s">
        <v>4688</v>
      </c>
      <c r="E9460" s="18"/>
      <c r="F9460" s="18"/>
      <c r="G9460" s="18"/>
      <c r="H9460" s="18"/>
      <c r="I9460" s="18"/>
      <c r="J9460" s="18"/>
      <c r="K9460" s="18"/>
      <c r="L9460" s="18"/>
      <c r="M9460" s="18"/>
      <c r="N9460" s="18"/>
      <c r="O9460" s="18"/>
      <c r="P9460" s="19">
        <v>470</v>
      </c>
      <c r="Q9460" s="19"/>
      <c r="R9460" s="19"/>
      <c r="S9460" s="19"/>
      <c r="T9460" s="19">
        <v>390</v>
      </c>
      <c r="U9460" s="19"/>
      <c r="V9460" s="19"/>
      <c r="W9460" s="19"/>
      <c r="X9460" s="19">
        <v>2</v>
      </c>
      <c r="Y9460" s="19"/>
      <c r="Z9460" s="19"/>
      <c r="AA9460" s="19"/>
    </row>
    <row r="9461" spans="1:27" s="1" customFormat="1" ht="21" customHeight="1" outlineLevel="1" x14ac:dyDescent="0.2">
      <c r="A9461" s="17"/>
      <c r="B9461" s="17"/>
      <c r="C9461" s="17"/>
      <c r="D9461" s="18"/>
      <c r="E9461" s="18"/>
      <c r="F9461" s="18"/>
      <c r="G9461" s="18"/>
      <c r="H9461" s="18"/>
      <c r="I9461" s="18"/>
      <c r="J9461" s="18"/>
      <c r="K9461" s="18"/>
      <c r="L9461" s="18"/>
      <c r="M9461" s="18"/>
      <c r="N9461" s="18"/>
      <c r="O9461" s="18"/>
      <c r="P9461" s="19"/>
      <c r="Q9461" s="19"/>
      <c r="R9461" s="19"/>
      <c r="S9461" s="19"/>
      <c r="T9461" s="19"/>
      <c r="U9461" s="19"/>
      <c r="V9461" s="19"/>
      <c r="W9461" s="19"/>
      <c r="X9461" s="19"/>
      <c r="Y9461" s="19"/>
      <c r="Z9461" s="19"/>
      <c r="AA9461" s="19"/>
    </row>
    <row r="9462" spans="1:27" s="1" customFormat="1" ht="14.1" customHeight="1" outlineLevel="1" x14ac:dyDescent="0.2">
      <c r="A9462" s="17">
        <v>11156</v>
      </c>
      <c r="B9462" s="17"/>
      <c r="C9462" s="17"/>
      <c r="D9462" s="18" t="s">
        <v>4689</v>
      </c>
      <c r="E9462" s="18"/>
      <c r="F9462" s="18"/>
      <c r="G9462" s="18"/>
      <c r="H9462" s="18"/>
      <c r="I9462" s="18"/>
      <c r="J9462" s="18"/>
      <c r="K9462" s="18"/>
      <c r="L9462" s="18"/>
      <c r="M9462" s="18"/>
      <c r="N9462" s="18"/>
      <c r="O9462" s="18"/>
      <c r="P9462" s="19">
        <v>370</v>
      </c>
      <c r="Q9462" s="19"/>
      <c r="R9462" s="19"/>
      <c r="S9462" s="19"/>
      <c r="T9462" s="19">
        <v>270</v>
      </c>
      <c r="U9462" s="19"/>
      <c r="V9462" s="19"/>
      <c r="W9462" s="19"/>
      <c r="X9462" s="19">
        <v>2</v>
      </c>
      <c r="Y9462" s="19"/>
      <c r="Z9462" s="19"/>
      <c r="AA9462" s="19"/>
    </row>
    <row r="9463" spans="1:27" s="1" customFormat="1" ht="14.1" customHeight="1" outlineLevel="1" x14ac:dyDescent="0.2">
      <c r="A9463" s="17"/>
      <c r="B9463" s="17"/>
      <c r="C9463" s="17"/>
      <c r="D9463" s="18"/>
      <c r="E9463" s="18"/>
      <c r="F9463" s="18"/>
      <c r="G9463" s="18"/>
      <c r="H9463" s="18"/>
      <c r="I9463" s="18"/>
      <c r="J9463" s="18"/>
      <c r="K9463" s="18"/>
      <c r="L9463" s="18"/>
      <c r="M9463" s="18"/>
      <c r="N9463" s="18"/>
      <c r="O9463" s="18"/>
      <c r="P9463" s="19"/>
      <c r="Q9463" s="19"/>
      <c r="R9463" s="19"/>
      <c r="S9463" s="19"/>
      <c r="T9463" s="19"/>
      <c r="U9463" s="19"/>
      <c r="V9463" s="19"/>
      <c r="W9463" s="19"/>
      <c r="X9463" s="19"/>
      <c r="Y9463" s="19"/>
      <c r="Z9463" s="19"/>
      <c r="AA9463" s="19"/>
    </row>
    <row r="9464" spans="1:27" s="1" customFormat="1" ht="14.1" customHeight="1" outlineLevel="1" x14ac:dyDescent="0.2">
      <c r="A9464" s="17">
        <v>11157</v>
      </c>
      <c r="B9464" s="17"/>
      <c r="C9464" s="17"/>
      <c r="D9464" s="18" t="s">
        <v>4690</v>
      </c>
      <c r="E9464" s="18"/>
      <c r="F9464" s="18"/>
      <c r="G9464" s="18"/>
      <c r="H9464" s="18"/>
      <c r="I9464" s="18"/>
      <c r="J9464" s="18"/>
      <c r="K9464" s="18"/>
      <c r="L9464" s="18"/>
      <c r="M9464" s="18"/>
      <c r="N9464" s="18"/>
      <c r="O9464" s="18"/>
      <c r="P9464" s="19">
        <v>400</v>
      </c>
      <c r="Q9464" s="19"/>
      <c r="R9464" s="19"/>
      <c r="S9464" s="19"/>
      <c r="T9464" s="19">
        <v>300</v>
      </c>
      <c r="U9464" s="19"/>
      <c r="V9464" s="19"/>
      <c r="W9464" s="19"/>
      <c r="X9464" s="19">
        <v>2</v>
      </c>
      <c r="Y9464" s="19"/>
      <c r="Z9464" s="19"/>
      <c r="AA9464" s="19"/>
    </row>
    <row r="9465" spans="1:27" s="1" customFormat="1" ht="14.1" customHeight="1" outlineLevel="1" x14ac:dyDescent="0.2">
      <c r="A9465" s="17"/>
      <c r="B9465" s="17"/>
      <c r="C9465" s="17"/>
      <c r="D9465" s="18"/>
      <c r="E9465" s="18"/>
      <c r="F9465" s="18"/>
      <c r="G9465" s="18"/>
      <c r="H9465" s="18"/>
      <c r="I9465" s="18"/>
      <c r="J9465" s="18"/>
      <c r="K9465" s="18"/>
      <c r="L9465" s="18"/>
      <c r="M9465" s="18"/>
      <c r="N9465" s="18"/>
      <c r="O9465" s="18"/>
      <c r="P9465" s="19"/>
      <c r="Q9465" s="19"/>
      <c r="R9465" s="19"/>
      <c r="S9465" s="19"/>
      <c r="T9465" s="19"/>
      <c r="U9465" s="19"/>
      <c r="V9465" s="19"/>
      <c r="W9465" s="19"/>
      <c r="X9465" s="19"/>
      <c r="Y9465" s="19"/>
      <c r="Z9465" s="19"/>
      <c r="AA9465" s="19"/>
    </row>
    <row r="9466" spans="1:27" s="1" customFormat="1" ht="14.1" customHeight="1" outlineLevel="1" x14ac:dyDescent="0.2">
      <c r="A9466" s="17">
        <v>11158</v>
      </c>
      <c r="B9466" s="17"/>
      <c r="C9466" s="17"/>
      <c r="D9466" s="18" t="s">
        <v>4691</v>
      </c>
      <c r="E9466" s="18"/>
      <c r="F9466" s="18"/>
      <c r="G9466" s="18"/>
      <c r="H9466" s="18"/>
      <c r="I9466" s="18"/>
      <c r="J9466" s="18"/>
      <c r="K9466" s="18"/>
      <c r="L9466" s="18"/>
      <c r="M9466" s="18"/>
      <c r="N9466" s="18"/>
      <c r="O9466" s="18"/>
      <c r="P9466" s="19">
        <v>370</v>
      </c>
      <c r="Q9466" s="19"/>
      <c r="R9466" s="19"/>
      <c r="S9466" s="19"/>
      <c r="T9466" s="19">
        <v>270</v>
      </c>
      <c r="U9466" s="19"/>
      <c r="V9466" s="19"/>
      <c r="W9466" s="19"/>
      <c r="X9466" s="19">
        <v>1</v>
      </c>
      <c r="Y9466" s="19"/>
      <c r="Z9466" s="19"/>
      <c r="AA9466" s="19"/>
    </row>
    <row r="9467" spans="1:27" s="1" customFormat="1" ht="14.1" customHeight="1" outlineLevel="1" x14ac:dyDescent="0.2">
      <c r="A9467" s="17"/>
      <c r="B9467" s="17"/>
      <c r="C9467" s="17"/>
      <c r="D9467" s="18"/>
      <c r="E9467" s="18"/>
      <c r="F9467" s="18"/>
      <c r="G9467" s="18"/>
      <c r="H9467" s="18"/>
      <c r="I9467" s="18"/>
      <c r="J9467" s="18"/>
      <c r="K9467" s="18"/>
      <c r="L9467" s="18"/>
      <c r="M9467" s="18"/>
      <c r="N9467" s="18"/>
      <c r="O9467" s="18"/>
      <c r="P9467" s="19"/>
      <c r="Q9467" s="19"/>
      <c r="R9467" s="19"/>
      <c r="S9467" s="19"/>
      <c r="T9467" s="19"/>
      <c r="U9467" s="19"/>
      <c r="V9467" s="19"/>
      <c r="W9467" s="19"/>
      <c r="X9467" s="19"/>
      <c r="Y9467" s="19"/>
      <c r="Z9467" s="19"/>
      <c r="AA9467" s="19"/>
    </row>
    <row r="9468" spans="1:27" s="1" customFormat="1" ht="14.1" customHeight="1" outlineLevel="1" x14ac:dyDescent="0.2">
      <c r="A9468" s="17">
        <v>16106</v>
      </c>
      <c r="B9468" s="17"/>
      <c r="C9468" s="17"/>
      <c r="D9468" s="18" t="s">
        <v>4692</v>
      </c>
      <c r="E9468" s="18"/>
      <c r="F9468" s="18"/>
      <c r="G9468" s="18"/>
      <c r="H9468" s="18"/>
      <c r="I9468" s="18"/>
      <c r="J9468" s="18"/>
      <c r="K9468" s="18"/>
      <c r="L9468" s="18"/>
      <c r="M9468" s="18"/>
      <c r="N9468" s="18"/>
      <c r="O9468" s="18"/>
      <c r="P9468" s="19">
        <v>310</v>
      </c>
      <c r="Q9468" s="19"/>
      <c r="R9468" s="19"/>
      <c r="S9468" s="19"/>
      <c r="T9468" s="19">
        <v>250</v>
      </c>
      <c r="U9468" s="19"/>
      <c r="V9468" s="19"/>
      <c r="W9468" s="19"/>
      <c r="X9468" s="19">
        <v>19</v>
      </c>
      <c r="Y9468" s="19"/>
      <c r="Z9468" s="19"/>
      <c r="AA9468" s="19"/>
    </row>
    <row r="9469" spans="1:27" s="1" customFormat="1" ht="14.1" customHeight="1" outlineLevel="1" x14ac:dyDescent="0.2">
      <c r="A9469" s="17"/>
      <c r="B9469" s="17"/>
      <c r="C9469" s="17"/>
      <c r="D9469" s="18"/>
      <c r="E9469" s="18"/>
      <c r="F9469" s="18"/>
      <c r="G9469" s="18"/>
      <c r="H9469" s="18"/>
      <c r="I9469" s="18"/>
      <c r="J9469" s="18"/>
      <c r="K9469" s="18"/>
      <c r="L9469" s="18"/>
      <c r="M9469" s="18"/>
      <c r="N9469" s="18"/>
      <c r="O9469" s="18"/>
      <c r="P9469" s="19"/>
      <c r="Q9469" s="19"/>
      <c r="R9469" s="19"/>
      <c r="S9469" s="19"/>
      <c r="T9469" s="19"/>
      <c r="U9469" s="19"/>
      <c r="V9469" s="19"/>
      <c r="W9469" s="19"/>
      <c r="X9469" s="19"/>
      <c r="Y9469" s="19"/>
      <c r="Z9469" s="19"/>
      <c r="AA9469" s="19"/>
    </row>
    <row r="9470" spans="1:27" s="1" customFormat="1" ht="14.1" customHeight="1" outlineLevel="1" x14ac:dyDescent="0.2">
      <c r="A9470" s="17">
        <v>16107</v>
      </c>
      <c r="B9470" s="17"/>
      <c r="C9470" s="17"/>
      <c r="D9470" s="18" t="s">
        <v>4693</v>
      </c>
      <c r="E9470" s="18"/>
      <c r="F9470" s="18"/>
      <c r="G9470" s="18"/>
      <c r="H9470" s="18"/>
      <c r="I9470" s="18"/>
      <c r="J9470" s="18"/>
      <c r="K9470" s="18"/>
      <c r="L9470" s="18"/>
      <c r="M9470" s="18"/>
      <c r="N9470" s="18"/>
      <c r="O9470" s="18"/>
      <c r="P9470" s="19">
        <v>550</v>
      </c>
      <c r="Q9470" s="19"/>
      <c r="R9470" s="19"/>
      <c r="S9470" s="19"/>
      <c r="T9470" s="19">
        <v>480</v>
      </c>
      <c r="U9470" s="19"/>
      <c r="V9470" s="19"/>
      <c r="W9470" s="19"/>
      <c r="X9470" s="19">
        <v>8</v>
      </c>
      <c r="Y9470" s="19"/>
      <c r="Z9470" s="19"/>
      <c r="AA9470" s="19"/>
    </row>
    <row r="9471" spans="1:27" s="1" customFormat="1" ht="14.1" customHeight="1" outlineLevel="1" x14ac:dyDescent="0.2">
      <c r="A9471" s="17"/>
      <c r="B9471" s="17"/>
      <c r="C9471" s="17"/>
      <c r="D9471" s="18"/>
      <c r="E9471" s="18"/>
      <c r="F9471" s="18"/>
      <c r="G9471" s="18"/>
      <c r="H9471" s="18"/>
      <c r="I9471" s="18"/>
      <c r="J9471" s="18"/>
      <c r="K9471" s="18"/>
      <c r="L9471" s="18"/>
      <c r="M9471" s="18"/>
      <c r="N9471" s="18"/>
      <c r="O9471" s="18"/>
      <c r="P9471" s="19"/>
      <c r="Q9471" s="19"/>
      <c r="R9471" s="19"/>
      <c r="S9471" s="19"/>
      <c r="T9471" s="19"/>
      <c r="U9471" s="19"/>
      <c r="V9471" s="19"/>
      <c r="W9471" s="19"/>
      <c r="X9471" s="19"/>
      <c r="Y9471" s="19"/>
      <c r="Z9471" s="19"/>
      <c r="AA9471" s="19"/>
    </row>
    <row r="9472" spans="1:27" s="1" customFormat="1" ht="14.1" customHeight="1" outlineLevel="1" x14ac:dyDescent="0.2">
      <c r="A9472" s="17">
        <v>16792</v>
      </c>
      <c r="B9472" s="17"/>
      <c r="C9472" s="17"/>
      <c r="D9472" s="18" t="s">
        <v>4694</v>
      </c>
      <c r="E9472" s="18"/>
      <c r="F9472" s="18"/>
      <c r="G9472" s="18"/>
      <c r="H9472" s="18"/>
      <c r="I9472" s="18"/>
      <c r="J9472" s="18"/>
      <c r="K9472" s="18"/>
      <c r="L9472" s="18"/>
      <c r="M9472" s="18"/>
      <c r="N9472" s="18"/>
      <c r="O9472" s="18"/>
      <c r="P9472" s="19">
        <v>600</v>
      </c>
      <c r="Q9472" s="19"/>
      <c r="R9472" s="19"/>
      <c r="S9472" s="19"/>
      <c r="T9472" s="19">
        <v>500</v>
      </c>
      <c r="U9472" s="19"/>
      <c r="V9472" s="19"/>
      <c r="W9472" s="19"/>
      <c r="X9472" s="19">
        <v>1</v>
      </c>
      <c r="Y9472" s="19"/>
      <c r="Z9472" s="19"/>
      <c r="AA9472" s="19"/>
    </row>
    <row r="9473" spans="1:27" s="1" customFormat="1" ht="14.1" customHeight="1" outlineLevel="1" x14ac:dyDescent="0.2">
      <c r="A9473" s="17"/>
      <c r="B9473" s="17"/>
      <c r="C9473" s="17"/>
      <c r="D9473" s="18"/>
      <c r="E9473" s="18"/>
      <c r="F9473" s="18"/>
      <c r="G9473" s="18"/>
      <c r="H9473" s="18"/>
      <c r="I9473" s="18"/>
      <c r="J9473" s="18"/>
      <c r="K9473" s="18"/>
      <c r="L9473" s="18"/>
      <c r="M9473" s="18"/>
      <c r="N9473" s="18"/>
      <c r="O9473" s="18"/>
      <c r="P9473" s="19"/>
      <c r="Q9473" s="19"/>
      <c r="R9473" s="19"/>
      <c r="S9473" s="19"/>
      <c r="T9473" s="19"/>
      <c r="U9473" s="19"/>
      <c r="V9473" s="19"/>
      <c r="W9473" s="19"/>
      <c r="X9473" s="19"/>
      <c r="Y9473" s="19"/>
      <c r="Z9473" s="19"/>
      <c r="AA9473" s="19"/>
    </row>
    <row r="9474" spans="1:27" s="1" customFormat="1" ht="14.1" customHeight="1" outlineLevel="1" x14ac:dyDescent="0.2">
      <c r="A9474" s="17">
        <v>13926</v>
      </c>
      <c r="B9474" s="17"/>
      <c r="C9474" s="17"/>
      <c r="D9474" s="18" t="s">
        <v>4695</v>
      </c>
      <c r="E9474" s="18"/>
      <c r="F9474" s="18"/>
      <c r="G9474" s="18"/>
      <c r="H9474" s="18"/>
      <c r="I9474" s="18"/>
      <c r="J9474" s="18"/>
      <c r="K9474" s="18"/>
      <c r="L9474" s="18"/>
      <c r="M9474" s="18"/>
      <c r="N9474" s="18"/>
      <c r="O9474" s="18"/>
      <c r="P9474" s="19">
        <v>350</v>
      </c>
      <c r="Q9474" s="19"/>
      <c r="R9474" s="19"/>
      <c r="S9474" s="19"/>
      <c r="T9474" s="19">
        <v>290</v>
      </c>
      <c r="U9474" s="19"/>
      <c r="V9474" s="19"/>
      <c r="W9474" s="19"/>
      <c r="X9474" s="19">
        <v>8</v>
      </c>
      <c r="Y9474" s="19"/>
      <c r="Z9474" s="19"/>
      <c r="AA9474" s="19"/>
    </row>
    <row r="9475" spans="1:27" s="1" customFormat="1" ht="14.1" customHeight="1" outlineLevel="1" x14ac:dyDescent="0.2">
      <c r="A9475" s="17"/>
      <c r="B9475" s="17"/>
      <c r="C9475" s="17"/>
      <c r="D9475" s="18"/>
      <c r="E9475" s="18"/>
      <c r="F9475" s="18"/>
      <c r="G9475" s="18"/>
      <c r="H9475" s="18"/>
      <c r="I9475" s="18"/>
      <c r="J9475" s="18"/>
      <c r="K9475" s="18"/>
      <c r="L9475" s="18"/>
      <c r="M9475" s="18"/>
      <c r="N9475" s="18"/>
      <c r="O9475" s="18"/>
      <c r="P9475" s="19"/>
      <c r="Q9475" s="19"/>
      <c r="R9475" s="19"/>
      <c r="S9475" s="19"/>
      <c r="T9475" s="19"/>
      <c r="U9475" s="19"/>
      <c r="V9475" s="19"/>
      <c r="W9475" s="19"/>
      <c r="X9475" s="19"/>
      <c r="Y9475" s="19"/>
      <c r="Z9475" s="19"/>
      <c r="AA9475" s="19"/>
    </row>
    <row r="9476" spans="1:27" s="1" customFormat="1" ht="14.1" customHeight="1" outlineLevel="1" x14ac:dyDescent="0.2">
      <c r="A9476" s="17">
        <v>15779</v>
      </c>
      <c r="B9476" s="17"/>
      <c r="C9476" s="17"/>
      <c r="D9476" s="18" t="s">
        <v>4696</v>
      </c>
      <c r="E9476" s="18"/>
      <c r="F9476" s="18"/>
      <c r="G9476" s="18"/>
      <c r="H9476" s="18"/>
      <c r="I9476" s="18"/>
      <c r="J9476" s="18"/>
      <c r="K9476" s="18"/>
      <c r="L9476" s="18"/>
      <c r="M9476" s="18"/>
      <c r="N9476" s="18"/>
      <c r="O9476" s="18"/>
      <c r="P9476" s="19">
        <v>600</v>
      </c>
      <c r="Q9476" s="19"/>
      <c r="R9476" s="19"/>
      <c r="S9476" s="19"/>
      <c r="T9476" s="19">
        <v>500</v>
      </c>
      <c r="U9476" s="19"/>
      <c r="V9476" s="19"/>
      <c r="W9476" s="19"/>
      <c r="X9476" s="19">
        <v>2</v>
      </c>
      <c r="Y9476" s="19"/>
      <c r="Z9476" s="19"/>
      <c r="AA9476" s="19"/>
    </row>
    <row r="9477" spans="1:27" s="1" customFormat="1" ht="14.1" customHeight="1" outlineLevel="1" x14ac:dyDescent="0.2">
      <c r="A9477" s="17"/>
      <c r="B9477" s="17"/>
      <c r="C9477" s="17"/>
      <c r="D9477" s="18"/>
      <c r="E9477" s="18"/>
      <c r="F9477" s="18"/>
      <c r="G9477" s="18"/>
      <c r="H9477" s="18"/>
      <c r="I9477" s="18"/>
      <c r="J9477" s="18"/>
      <c r="K9477" s="18"/>
      <c r="L9477" s="18"/>
      <c r="M9477" s="18"/>
      <c r="N9477" s="18"/>
      <c r="O9477" s="18"/>
      <c r="P9477" s="19"/>
      <c r="Q9477" s="19"/>
      <c r="R9477" s="19"/>
      <c r="S9477" s="19"/>
      <c r="T9477" s="19"/>
      <c r="U9477" s="19"/>
      <c r="V9477" s="19"/>
      <c r="W9477" s="19"/>
      <c r="X9477" s="19"/>
      <c r="Y9477" s="19"/>
      <c r="Z9477" s="19"/>
      <c r="AA9477" s="19"/>
    </row>
    <row r="9478" spans="1:27" s="1" customFormat="1" ht="14.1" customHeight="1" outlineLevel="1" x14ac:dyDescent="0.2">
      <c r="A9478" s="17">
        <v>16985</v>
      </c>
      <c r="B9478" s="17"/>
      <c r="C9478" s="17"/>
      <c r="D9478" s="18" t="s">
        <v>4697</v>
      </c>
      <c r="E9478" s="18"/>
      <c r="F9478" s="18"/>
      <c r="G9478" s="18"/>
      <c r="H9478" s="18"/>
      <c r="I9478" s="18"/>
      <c r="J9478" s="18"/>
      <c r="K9478" s="18"/>
      <c r="L9478" s="18"/>
      <c r="M9478" s="18"/>
      <c r="N9478" s="18"/>
      <c r="O9478" s="18"/>
      <c r="P9478" s="20">
        <v>1000</v>
      </c>
      <c r="Q9478" s="20"/>
      <c r="R9478" s="20"/>
      <c r="S9478" s="20"/>
      <c r="T9478" s="19">
        <v>700</v>
      </c>
      <c r="U9478" s="19"/>
      <c r="V9478" s="19"/>
      <c r="W9478" s="19"/>
      <c r="X9478" s="19">
        <v>1</v>
      </c>
      <c r="Y9478" s="19"/>
      <c r="Z9478" s="19"/>
      <c r="AA9478" s="19"/>
    </row>
    <row r="9479" spans="1:27" s="1" customFormat="1" ht="14.1" customHeight="1" outlineLevel="1" x14ac:dyDescent="0.2">
      <c r="A9479" s="17"/>
      <c r="B9479" s="17"/>
      <c r="C9479" s="17"/>
      <c r="D9479" s="18"/>
      <c r="E9479" s="18"/>
      <c r="F9479" s="18"/>
      <c r="G9479" s="18"/>
      <c r="H9479" s="18"/>
      <c r="I9479" s="18"/>
      <c r="J9479" s="18"/>
      <c r="K9479" s="18"/>
      <c r="L9479" s="18"/>
      <c r="M9479" s="18"/>
      <c r="N9479" s="18"/>
      <c r="O9479" s="18"/>
      <c r="P9479" s="20"/>
      <c r="Q9479" s="20"/>
      <c r="R9479" s="20"/>
      <c r="S9479" s="20"/>
      <c r="T9479" s="19"/>
      <c r="U9479" s="19"/>
      <c r="V9479" s="19"/>
      <c r="W9479" s="19"/>
      <c r="X9479" s="19"/>
      <c r="Y9479" s="19"/>
      <c r="Z9479" s="19"/>
      <c r="AA9479" s="19"/>
    </row>
    <row r="9480" spans="1:27" s="1" customFormat="1" ht="14.1" customHeight="1" outlineLevel="1" x14ac:dyDescent="0.2">
      <c r="A9480" s="17">
        <v>17154</v>
      </c>
      <c r="B9480" s="17"/>
      <c r="C9480" s="17"/>
      <c r="D9480" s="18" t="s">
        <v>4698</v>
      </c>
      <c r="E9480" s="18"/>
      <c r="F9480" s="18"/>
      <c r="G9480" s="18"/>
      <c r="H9480" s="18"/>
      <c r="I9480" s="18"/>
      <c r="J9480" s="18"/>
      <c r="K9480" s="18"/>
      <c r="L9480" s="18"/>
      <c r="M9480" s="18"/>
      <c r="N9480" s="18"/>
      <c r="O9480" s="18"/>
      <c r="P9480" s="19">
        <v>350</v>
      </c>
      <c r="Q9480" s="19"/>
      <c r="R9480" s="19"/>
      <c r="S9480" s="19"/>
      <c r="T9480" s="19">
        <v>250</v>
      </c>
      <c r="U9480" s="19"/>
      <c r="V9480" s="19"/>
      <c r="W9480" s="19"/>
      <c r="X9480" s="19">
        <v>20</v>
      </c>
      <c r="Y9480" s="19"/>
      <c r="Z9480" s="19"/>
      <c r="AA9480" s="19"/>
    </row>
    <row r="9481" spans="1:27" s="1" customFormat="1" ht="14.1" customHeight="1" outlineLevel="1" x14ac:dyDescent="0.2">
      <c r="A9481" s="17"/>
      <c r="B9481" s="17"/>
      <c r="C9481" s="17"/>
      <c r="D9481" s="18"/>
      <c r="E9481" s="18"/>
      <c r="F9481" s="18"/>
      <c r="G9481" s="18"/>
      <c r="H9481" s="18"/>
      <c r="I9481" s="18"/>
      <c r="J9481" s="18"/>
      <c r="K9481" s="18"/>
      <c r="L9481" s="18"/>
      <c r="M9481" s="18"/>
      <c r="N9481" s="18"/>
      <c r="O9481" s="18"/>
      <c r="P9481" s="19"/>
      <c r="Q9481" s="19"/>
      <c r="R9481" s="19"/>
      <c r="S9481" s="19"/>
      <c r="T9481" s="19"/>
      <c r="U9481" s="19"/>
      <c r="V9481" s="19"/>
      <c r="W9481" s="19"/>
      <c r="X9481" s="19"/>
      <c r="Y9481" s="19"/>
      <c r="Z9481" s="19"/>
      <c r="AA9481" s="19"/>
    </row>
    <row r="9482" spans="1:27" s="1" customFormat="1" ht="14.1" customHeight="1" outlineLevel="1" x14ac:dyDescent="0.2">
      <c r="A9482" s="17">
        <v>16775</v>
      </c>
      <c r="B9482" s="17"/>
      <c r="C9482" s="17"/>
      <c r="D9482" s="18" t="s">
        <v>4699</v>
      </c>
      <c r="E9482" s="18"/>
      <c r="F9482" s="18"/>
      <c r="G9482" s="18"/>
      <c r="H9482" s="18"/>
      <c r="I9482" s="18"/>
      <c r="J9482" s="18"/>
      <c r="K9482" s="18"/>
      <c r="L9482" s="18"/>
      <c r="M9482" s="18"/>
      <c r="N9482" s="18"/>
      <c r="O9482" s="18"/>
      <c r="P9482" s="20">
        <v>1190</v>
      </c>
      <c r="Q9482" s="20"/>
      <c r="R9482" s="20"/>
      <c r="S9482" s="20"/>
      <c r="T9482" s="20">
        <v>1000</v>
      </c>
      <c r="U9482" s="20"/>
      <c r="V9482" s="20"/>
      <c r="W9482" s="20"/>
      <c r="X9482" s="19">
        <v>2</v>
      </c>
      <c r="Y9482" s="19"/>
      <c r="Z9482" s="19"/>
      <c r="AA9482" s="19"/>
    </row>
    <row r="9483" spans="1:27" s="1" customFormat="1" ht="14.1" customHeight="1" outlineLevel="1" x14ac:dyDescent="0.2">
      <c r="A9483" s="17"/>
      <c r="B9483" s="17"/>
      <c r="C9483" s="17"/>
      <c r="D9483" s="18"/>
      <c r="E9483" s="18"/>
      <c r="F9483" s="18"/>
      <c r="G9483" s="18"/>
      <c r="H9483" s="18"/>
      <c r="I9483" s="18"/>
      <c r="J9483" s="18"/>
      <c r="K9483" s="18"/>
      <c r="L9483" s="18"/>
      <c r="M9483" s="18"/>
      <c r="N9483" s="18"/>
      <c r="O9483" s="18"/>
      <c r="P9483" s="20"/>
      <c r="Q9483" s="20"/>
      <c r="R9483" s="20"/>
      <c r="S9483" s="20"/>
      <c r="T9483" s="20"/>
      <c r="U9483" s="20"/>
      <c r="V9483" s="20"/>
      <c r="W9483" s="20"/>
      <c r="X9483" s="19"/>
      <c r="Y9483" s="19"/>
      <c r="Z9483" s="19"/>
      <c r="AA9483" s="19"/>
    </row>
    <row r="9484" spans="1:27" s="1" customFormat="1" ht="14.1" customHeight="1" outlineLevel="1" x14ac:dyDescent="0.2">
      <c r="A9484" s="17">
        <v>8590</v>
      </c>
      <c r="B9484" s="17"/>
      <c r="C9484" s="17"/>
      <c r="D9484" s="18" t="s">
        <v>4700</v>
      </c>
      <c r="E9484" s="18"/>
      <c r="F9484" s="18"/>
      <c r="G9484" s="18"/>
      <c r="H9484" s="18"/>
      <c r="I9484" s="18"/>
      <c r="J9484" s="18"/>
      <c r="K9484" s="18"/>
      <c r="L9484" s="18"/>
      <c r="M9484" s="18"/>
      <c r="N9484" s="18"/>
      <c r="O9484" s="18"/>
      <c r="P9484" s="19">
        <v>550</v>
      </c>
      <c r="Q9484" s="19"/>
      <c r="R9484" s="19"/>
      <c r="S9484" s="19"/>
      <c r="T9484" s="19">
        <v>500</v>
      </c>
      <c r="U9484" s="19"/>
      <c r="V9484" s="19"/>
      <c r="W9484" s="19"/>
      <c r="X9484" s="19">
        <v>1</v>
      </c>
      <c r="Y9484" s="19"/>
      <c r="Z9484" s="19"/>
      <c r="AA9484" s="19"/>
    </row>
    <row r="9485" spans="1:27" s="1" customFormat="1" ht="14.1" customHeight="1" outlineLevel="1" x14ac:dyDescent="0.2">
      <c r="A9485" s="17"/>
      <c r="B9485" s="17"/>
      <c r="C9485" s="17"/>
      <c r="D9485" s="18"/>
      <c r="E9485" s="18"/>
      <c r="F9485" s="18"/>
      <c r="G9485" s="18"/>
      <c r="H9485" s="18"/>
      <c r="I9485" s="18"/>
      <c r="J9485" s="18"/>
      <c r="K9485" s="18"/>
      <c r="L9485" s="18"/>
      <c r="M9485" s="18"/>
      <c r="N9485" s="18"/>
      <c r="O9485" s="18"/>
      <c r="P9485" s="19"/>
      <c r="Q9485" s="19"/>
      <c r="R9485" s="19"/>
      <c r="S9485" s="19"/>
      <c r="T9485" s="19"/>
      <c r="U9485" s="19"/>
      <c r="V9485" s="19"/>
      <c r="W9485" s="19"/>
      <c r="X9485" s="19"/>
      <c r="Y9485" s="19"/>
      <c r="Z9485" s="19"/>
      <c r="AA9485" s="19"/>
    </row>
    <row r="9486" spans="1:27" s="1" customFormat="1" ht="14.1" customHeight="1" outlineLevel="1" x14ac:dyDescent="0.2">
      <c r="A9486" s="17">
        <v>13506</v>
      </c>
      <c r="B9486" s="17"/>
      <c r="C9486" s="17"/>
      <c r="D9486" s="18" t="s">
        <v>4701</v>
      </c>
      <c r="E9486" s="18"/>
      <c r="F9486" s="18"/>
      <c r="G9486" s="18"/>
      <c r="H9486" s="18"/>
      <c r="I9486" s="18"/>
      <c r="J9486" s="18"/>
      <c r="K9486" s="18"/>
      <c r="L9486" s="18"/>
      <c r="M9486" s="18"/>
      <c r="N9486" s="18"/>
      <c r="O9486" s="18"/>
      <c r="P9486" s="19">
        <v>440</v>
      </c>
      <c r="Q9486" s="19"/>
      <c r="R9486" s="19"/>
      <c r="S9486" s="19"/>
      <c r="T9486" s="19">
        <v>350</v>
      </c>
      <c r="U9486" s="19"/>
      <c r="V9486" s="19"/>
      <c r="W9486" s="19"/>
      <c r="X9486" s="19">
        <v>1</v>
      </c>
      <c r="Y9486" s="19"/>
      <c r="Z9486" s="19"/>
      <c r="AA9486" s="19"/>
    </row>
    <row r="9487" spans="1:27" s="1" customFormat="1" ht="14.1" customHeight="1" outlineLevel="1" x14ac:dyDescent="0.2">
      <c r="A9487" s="17"/>
      <c r="B9487" s="17"/>
      <c r="C9487" s="17"/>
      <c r="D9487" s="18"/>
      <c r="E9487" s="18"/>
      <c r="F9487" s="18"/>
      <c r="G9487" s="18"/>
      <c r="H9487" s="18"/>
      <c r="I9487" s="18"/>
      <c r="J9487" s="18"/>
      <c r="K9487" s="18"/>
      <c r="L9487" s="18"/>
      <c r="M9487" s="18"/>
      <c r="N9487" s="18"/>
      <c r="O9487" s="18"/>
      <c r="P9487" s="19"/>
      <c r="Q9487" s="19"/>
      <c r="R9487" s="19"/>
      <c r="S9487" s="19"/>
      <c r="T9487" s="19"/>
      <c r="U9487" s="19"/>
      <c r="V9487" s="19"/>
      <c r="W9487" s="19"/>
      <c r="X9487" s="19"/>
      <c r="Y9487" s="19"/>
      <c r="Z9487" s="19"/>
      <c r="AA9487" s="19"/>
    </row>
    <row r="9488" spans="1:27" s="1" customFormat="1" ht="21" customHeight="1" outlineLevel="1" x14ac:dyDescent="0.2">
      <c r="A9488" s="17">
        <v>11471</v>
      </c>
      <c r="B9488" s="17"/>
      <c r="C9488" s="17"/>
      <c r="D9488" s="18" t="s">
        <v>4702</v>
      </c>
      <c r="E9488" s="18"/>
      <c r="F9488" s="18"/>
      <c r="G9488" s="18"/>
      <c r="H9488" s="18"/>
      <c r="I9488" s="18"/>
      <c r="J9488" s="18"/>
      <c r="K9488" s="18"/>
      <c r="L9488" s="18"/>
      <c r="M9488" s="18"/>
      <c r="N9488" s="18"/>
      <c r="O9488" s="18"/>
      <c r="P9488" s="19">
        <v>460</v>
      </c>
      <c r="Q9488" s="19"/>
      <c r="R9488" s="19"/>
      <c r="S9488" s="19"/>
      <c r="T9488" s="19">
        <v>400</v>
      </c>
      <c r="U9488" s="19"/>
      <c r="V9488" s="19"/>
      <c r="W9488" s="19"/>
      <c r="X9488" s="19">
        <v>4</v>
      </c>
      <c r="Y9488" s="19"/>
      <c r="Z9488" s="19"/>
      <c r="AA9488" s="19"/>
    </row>
    <row r="9489" spans="1:27" s="1" customFormat="1" ht="21" customHeight="1" outlineLevel="1" x14ac:dyDescent="0.2">
      <c r="A9489" s="17"/>
      <c r="B9489" s="17"/>
      <c r="C9489" s="17"/>
      <c r="D9489" s="18"/>
      <c r="E9489" s="18"/>
      <c r="F9489" s="18"/>
      <c r="G9489" s="18"/>
      <c r="H9489" s="18"/>
      <c r="I9489" s="18"/>
      <c r="J9489" s="18"/>
      <c r="K9489" s="18"/>
      <c r="L9489" s="18"/>
      <c r="M9489" s="18"/>
      <c r="N9489" s="18"/>
      <c r="O9489" s="18"/>
      <c r="P9489" s="19"/>
      <c r="Q9489" s="19"/>
      <c r="R9489" s="19"/>
      <c r="S9489" s="19"/>
      <c r="T9489" s="19"/>
      <c r="U9489" s="19"/>
      <c r="V9489" s="19"/>
      <c r="W9489" s="19"/>
      <c r="X9489" s="19"/>
      <c r="Y9489" s="19"/>
      <c r="Z9489" s="19"/>
      <c r="AA9489" s="19"/>
    </row>
    <row r="9490" spans="1:27" s="1" customFormat="1" ht="21" customHeight="1" outlineLevel="1" x14ac:dyDescent="0.2">
      <c r="A9490" s="17">
        <v>15535</v>
      </c>
      <c r="B9490" s="17"/>
      <c r="C9490" s="17"/>
      <c r="D9490" s="18" t="s">
        <v>4703</v>
      </c>
      <c r="E9490" s="18"/>
      <c r="F9490" s="18"/>
      <c r="G9490" s="18"/>
      <c r="H9490" s="18"/>
      <c r="I9490" s="18"/>
      <c r="J9490" s="18"/>
      <c r="K9490" s="18"/>
      <c r="L9490" s="18"/>
      <c r="M9490" s="18"/>
      <c r="N9490" s="18"/>
      <c r="O9490" s="18"/>
      <c r="P9490" s="19">
        <v>160</v>
      </c>
      <c r="Q9490" s="19"/>
      <c r="R9490" s="19"/>
      <c r="S9490" s="19"/>
      <c r="T9490" s="19">
        <v>120</v>
      </c>
      <c r="U9490" s="19"/>
      <c r="V9490" s="19"/>
      <c r="W9490" s="19"/>
      <c r="X9490" s="19">
        <v>9</v>
      </c>
      <c r="Y9490" s="19"/>
      <c r="Z9490" s="19"/>
      <c r="AA9490" s="19"/>
    </row>
    <row r="9491" spans="1:27" s="1" customFormat="1" ht="21" customHeight="1" outlineLevel="1" x14ac:dyDescent="0.2">
      <c r="A9491" s="17"/>
      <c r="B9491" s="17"/>
      <c r="C9491" s="17"/>
      <c r="D9491" s="18"/>
      <c r="E9491" s="18"/>
      <c r="F9491" s="18"/>
      <c r="G9491" s="18"/>
      <c r="H9491" s="18"/>
      <c r="I9491" s="18"/>
      <c r="J9491" s="18"/>
      <c r="K9491" s="18"/>
      <c r="L9491" s="18"/>
      <c r="M9491" s="18"/>
      <c r="N9491" s="18"/>
      <c r="O9491" s="18"/>
      <c r="P9491" s="19"/>
      <c r="Q9491" s="19"/>
      <c r="R9491" s="19"/>
      <c r="S9491" s="19"/>
      <c r="T9491" s="19"/>
      <c r="U9491" s="19"/>
      <c r="V9491" s="19"/>
      <c r="W9491" s="19"/>
      <c r="X9491" s="19"/>
      <c r="Y9491" s="19"/>
      <c r="Z9491" s="19"/>
      <c r="AA9491" s="19"/>
    </row>
    <row r="9492" spans="1:27" s="1" customFormat="1" ht="14.1" customHeight="1" outlineLevel="1" x14ac:dyDescent="0.2">
      <c r="A9492" s="17">
        <v>15534</v>
      </c>
      <c r="B9492" s="17"/>
      <c r="C9492" s="17"/>
      <c r="D9492" s="18" t="s">
        <v>4704</v>
      </c>
      <c r="E9492" s="18"/>
      <c r="F9492" s="18"/>
      <c r="G9492" s="18"/>
      <c r="H9492" s="18"/>
      <c r="I9492" s="18"/>
      <c r="J9492" s="18"/>
      <c r="K9492" s="18"/>
      <c r="L9492" s="18"/>
      <c r="M9492" s="18"/>
      <c r="N9492" s="18"/>
      <c r="O9492" s="18"/>
      <c r="P9492" s="19">
        <v>160</v>
      </c>
      <c r="Q9492" s="19"/>
      <c r="R9492" s="19"/>
      <c r="S9492" s="19"/>
      <c r="T9492" s="19">
        <v>120</v>
      </c>
      <c r="U9492" s="19"/>
      <c r="V9492" s="19"/>
      <c r="W9492" s="19"/>
      <c r="X9492" s="19">
        <v>2</v>
      </c>
      <c r="Y9492" s="19"/>
      <c r="Z9492" s="19"/>
      <c r="AA9492" s="19"/>
    </row>
    <row r="9493" spans="1:27" s="1" customFormat="1" ht="14.1" customHeight="1" outlineLevel="1" x14ac:dyDescent="0.2">
      <c r="A9493" s="17"/>
      <c r="B9493" s="17"/>
      <c r="C9493" s="17"/>
      <c r="D9493" s="18"/>
      <c r="E9493" s="18"/>
      <c r="F9493" s="18"/>
      <c r="G9493" s="18"/>
      <c r="H9493" s="18"/>
      <c r="I9493" s="18"/>
      <c r="J9493" s="18"/>
      <c r="K9493" s="18"/>
      <c r="L9493" s="18"/>
      <c r="M9493" s="18"/>
      <c r="N9493" s="18"/>
      <c r="O9493" s="18"/>
      <c r="P9493" s="19"/>
      <c r="Q9493" s="19"/>
      <c r="R9493" s="19"/>
      <c r="S9493" s="19"/>
      <c r="T9493" s="19"/>
      <c r="U9493" s="19"/>
      <c r="V9493" s="19"/>
      <c r="W9493" s="19"/>
      <c r="X9493" s="19"/>
      <c r="Y9493" s="19"/>
      <c r="Z9493" s="19"/>
      <c r="AA9493" s="19"/>
    </row>
    <row r="9494" spans="1:27" s="1" customFormat="1" ht="14.1" customHeight="1" outlineLevel="1" x14ac:dyDescent="0.2">
      <c r="A9494" s="17">
        <v>11470</v>
      </c>
      <c r="B9494" s="17"/>
      <c r="C9494" s="17"/>
      <c r="D9494" s="18" t="s">
        <v>4705</v>
      </c>
      <c r="E9494" s="18"/>
      <c r="F9494" s="18"/>
      <c r="G9494" s="18"/>
      <c r="H9494" s="18"/>
      <c r="I9494" s="18"/>
      <c r="J9494" s="18"/>
      <c r="K9494" s="18"/>
      <c r="L9494" s="18"/>
      <c r="M9494" s="18"/>
      <c r="N9494" s="18"/>
      <c r="O9494" s="18"/>
      <c r="P9494" s="19">
        <v>150</v>
      </c>
      <c r="Q9494" s="19"/>
      <c r="R9494" s="19"/>
      <c r="S9494" s="19"/>
      <c r="T9494" s="19">
        <v>120</v>
      </c>
      <c r="U9494" s="19"/>
      <c r="V9494" s="19"/>
      <c r="W9494" s="19"/>
      <c r="X9494" s="19">
        <v>1</v>
      </c>
      <c r="Y9494" s="19"/>
      <c r="Z9494" s="19"/>
      <c r="AA9494" s="19"/>
    </row>
    <row r="9495" spans="1:27" s="1" customFormat="1" ht="14.1" customHeight="1" outlineLevel="1" x14ac:dyDescent="0.2">
      <c r="A9495" s="17"/>
      <c r="B9495" s="17"/>
      <c r="C9495" s="17"/>
      <c r="D9495" s="18"/>
      <c r="E9495" s="18"/>
      <c r="F9495" s="18"/>
      <c r="G9495" s="18"/>
      <c r="H9495" s="18"/>
      <c r="I9495" s="18"/>
      <c r="J9495" s="18"/>
      <c r="K9495" s="18"/>
      <c r="L9495" s="18"/>
      <c r="M9495" s="18"/>
      <c r="N9495" s="18"/>
      <c r="O9495" s="18"/>
      <c r="P9495" s="19"/>
      <c r="Q9495" s="19"/>
      <c r="R9495" s="19"/>
      <c r="S9495" s="19"/>
      <c r="T9495" s="19"/>
      <c r="U9495" s="19"/>
      <c r="V9495" s="19"/>
      <c r="W9495" s="19"/>
      <c r="X9495" s="19"/>
      <c r="Y9495" s="19"/>
      <c r="Z9495" s="19"/>
      <c r="AA9495" s="19"/>
    </row>
    <row r="9496" spans="1:27" s="1" customFormat="1" ht="14.1" customHeight="1" outlineLevel="1" x14ac:dyDescent="0.2">
      <c r="A9496" s="17">
        <v>15533</v>
      </c>
      <c r="B9496" s="17"/>
      <c r="C9496" s="17"/>
      <c r="D9496" s="18" t="s">
        <v>4706</v>
      </c>
      <c r="E9496" s="18"/>
      <c r="F9496" s="18"/>
      <c r="G9496" s="18"/>
      <c r="H9496" s="18"/>
      <c r="I9496" s="18"/>
      <c r="J9496" s="18"/>
      <c r="K9496" s="18"/>
      <c r="L9496" s="18"/>
      <c r="M9496" s="18"/>
      <c r="N9496" s="18"/>
      <c r="O9496" s="18"/>
      <c r="P9496" s="19">
        <v>160</v>
      </c>
      <c r="Q9496" s="19"/>
      <c r="R9496" s="19"/>
      <c r="S9496" s="19"/>
      <c r="T9496" s="19">
        <v>120</v>
      </c>
      <c r="U9496" s="19"/>
      <c r="V9496" s="19"/>
      <c r="W9496" s="19"/>
      <c r="X9496" s="19">
        <v>7</v>
      </c>
      <c r="Y9496" s="19"/>
      <c r="Z9496" s="19"/>
      <c r="AA9496" s="19"/>
    </row>
    <row r="9497" spans="1:27" s="1" customFormat="1" ht="14.1" customHeight="1" outlineLevel="1" x14ac:dyDescent="0.2">
      <c r="A9497" s="17"/>
      <c r="B9497" s="17"/>
      <c r="C9497" s="17"/>
      <c r="D9497" s="18"/>
      <c r="E9497" s="18"/>
      <c r="F9497" s="18"/>
      <c r="G9497" s="18"/>
      <c r="H9497" s="18"/>
      <c r="I9497" s="18"/>
      <c r="J9497" s="18"/>
      <c r="K9497" s="18"/>
      <c r="L9497" s="18"/>
      <c r="M9497" s="18"/>
      <c r="N9497" s="18"/>
      <c r="O9497" s="18"/>
      <c r="P9497" s="19"/>
      <c r="Q9497" s="19"/>
      <c r="R9497" s="19"/>
      <c r="S9497" s="19"/>
      <c r="T9497" s="19"/>
      <c r="U9497" s="19"/>
      <c r="V9497" s="19"/>
      <c r="W9497" s="19"/>
      <c r="X9497" s="19"/>
      <c r="Y9497" s="19"/>
      <c r="Z9497" s="19"/>
      <c r="AA9497" s="19"/>
    </row>
    <row r="9498" spans="1:27" s="1" customFormat="1" ht="14.1" customHeight="1" outlineLevel="1" x14ac:dyDescent="0.2">
      <c r="A9498" s="17">
        <v>6990</v>
      </c>
      <c r="B9498" s="17"/>
      <c r="C9498" s="17"/>
      <c r="D9498" s="18" t="s">
        <v>4707</v>
      </c>
      <c r="E9498" s="18"/>
      <c r="F9498" s="18"/>
      <c r="G9498" s="18"/>
      <c r="H9498" s="18"/>
      <c r="I9498" s="18"/>
      <c r="J9498" s="18"/>
      <c r="K9498" s="18"/>
      <c r="L9498" s="18"/>
      <c r="M9498" s="18"/>
      <c r="N9498" s="18"/>
      <c r="O9498" s="18"/>
      <c r="P9498" s="19">
        <v>90</v>
      </c>
      <c r="Q9498" s="19"/>
      <c r="R9498" s="19"/>
      <c r="S9498" s="19"/>
      <c r="T9498" s="19">
        <v>75</v>
      </c>
      <c r="U9498" s="19"/>
      <c r="V9498" s="19"/>
      <c r="W9498" s="19"/>
      <c r="X9498" s="19">
        <v>5</v>
      </c>
      <c r="Y9498" s="19"/>
      <c r="Z9498" s="19"/>
      <c r="AA9498" s="19"/>
    </row>
    <row r="9499" spans="1:27" s="1" customFormat="1" ht="14.1" customHeight="1" outlineLevel="1" x14ac:dyDescent="0.2">
      <c r="A9499" s="17"/>
      <c r="B9499" s="17"/>
      <c r="C9499" s="17"/>
      <c r="D9499" s="18"/>
      <c r="E9499" s="18"/>
      <c r="F9499" s="18"/>
      <c r="G9499" s="18"/>
      <c r="H9499" s="18"/>
      <c r="I9499" s="18"/>
      <c r="J9499" s="18"/>
      <c r="K9499" s="18"/>
      <c r="L9499" s="18"/>
      <c r="M9499" s="18"/>
      <c r="N9499" s="18"/>
      <c r="O9499" s="18"/>
      <c r="P9499" s="19"/>
      <c r="Q9499" s="19"/>
      <c r="R9499" s="19"/>
      <c r="S9499" s="19"/>
      <c r="T9499" s="19"/>
      <c r="U9499" s="19"/>
      <c r="V9499" s="19"/>
      <c r="W9499" s="19"/>
      <c r="X9499" s="19"/>
      <c r="Y9499" s="19"/>
      <c r="Z9499" s="19"/>
      <c r="AA9499" s="19"/>
    </row>
    <row r="9500" spans="1:27" s="1" customFormat="1" ht="14.1" customHeight="1" outlineLevel="1" x14ac:dyDescent="0.2">
      <c r="A9500" s="17">
        <v>7694</v>
      </c>
      <c r="B9500" s="17"/>
      <c r="C9500" s="17"/>
      <c r="D9500" s="18" t="s">
        <v>4708</v>
      </c>
      <c r="E9500" s="18"/>
      <c r="F9500" s="18"/>
      <c r="G9500" s="18"/>
      <c r="H9500" s="18"/>
      <c r="I9500" s="18"/>
      <c r="J9500" s="18"/>
      <c r="K9500" s="18"/>
      <c r="L9500" s="18"/>
      <c r="M9500" s="18"/>
      <c r="N9500" s="18"/>
      <c r="O9500" s="18"/>
      <c r="P9500" s="19">
        <v>250</v>
      </c>
      <c r="Q9500" s="19"/>
      <c r="R9500" s="19"/>
      <c r="S9500" s="19"/>
      <c r="T9500" s="19">
        <v>210</v>
      </c>
      <c r="U9500" s="19"/>
      <c r="V9500" s="19"/>
      <c r="W9500" s="19"/>
      <c r="X9500" s="19">
        <v>1</v>
      </c>
      <c r="Y9500" s="19"/>
      <c r="Z9500" s="19"/>
      <c r="AA9500" s="19"/>
    </row>
    <row r="9501" spans="1:27" s="1" customFormat="1" ht="14.1" customHeight="1" outlineLevel="1" x14ac:dyDescent="0.2">
      <c r="A9501" s="17"/>
      <c r="B9501" s="17"/>
      <c r="C9501" s="17"/>
      <c r="D9501" s="18"/>
      <c r="E9501" s="18"/>
      <c r="F9501" s="18"/>
      <c r="G9501" s="18"/>
      <c r="H9501" s="18"/>
      <c r="I9501" s="18"/>
      <c r="J9501" s="18"/>
      <c r="K9501" s="18"/>
      <c r="L9501" s="18"/>
      <c r="M9501" s="18"/>
      <c r="N9501" s="18"/>
      <c r="O9501" s="18"/>
      <c r="P9501" s="19"/>
      <c r="Q9501" s="19"/>
      <c r="R9501" s="19"/>
      <c r="S9501" s="19"/>
      <c r="T9501" s="19"/>
      <c r="U9501" s="19"/>
      <c r="V9501" s="19"/>
      <c r="W9501" s="19"/>
      <c r="X9501" s="19"/>
      <c r="Y9501" s="19"/>
      <c r="Z9501" s="19"/>
      <c r="AA9501" s="19"/>
    </row>
    <row r="9502" spans="1:27" s="1" customFormat="1" ht="14.1" customHeight="1" outlineLevel="1" x14ac:dyDescent="0.2">
      <c r="A9502" s="17">
        <v>11750</v>
      </c>
      <c r="B9502" s="17"/>
      <c r="C9502" s="17"/>
      <c r="D9502" s="18" t="s">
        <v>4709</v>
      </c>
      <c r="E9502" s="18"/>
      <c r="F9502" s="18"/>
      <c r="G9502" s="18"/>
      <c r="H9502" s="18"/>
      <c r="I9502" s="18"/>
      <c r="J9502" s="18"/>
      <c r="K9502" s="18"/>
      <c r="L9502" s="18"/>
      <c r="M9502" s="18"/>
      <c r="N9502" s="18"/>
      <c r="O9502" s="18"/>
      <c r="P9502" s="19">
        <v>330</v>
      </c>
      <c r="Q9502" s="19"/>
      <c r="R9502" s="19"/>
      <c r="S9502" s="19"/>
      <c r="T9502" s="19">
        <v>250</v>
      </c>
      <c r="U9502" s="19"/>
      <c r="V9502" s="19"/>
      <c r="W9502" s="19"/>
      <c r="X9502" s="19">
        <v>1</v>
      </c>
      <c r="Y9502" s="19"/>
      <c r="Z9502" s="19"/>
      <c r="AA9502" s="19"/>
    </row>
    <row r="9503" spans="1:27" s="1" customFormat="1" ht="14.1" customHeight="1" outlineLevel="1" x14ac:dyDescent="0.2">
      <c r="A9503" s="17"/>
      <c r="B9503" s="17"/>
      <c r="C9503" s="17"/>
      <c r="D9503" s="18"/>
      <c r="E9503" s="18"/>
      <c r="F9503" s="18"/>
      <c r="G9503" s="18"/>
      <c r="H9503" s="18"/>
      <c r="I9503" s="18"/>
      <c r="J9503" s="18"/>
      <c r="K9503" s="18"/>
      <c r="L9503" s="18"/>
      <c r="M9503" s="18"/>
      <c r="N9503" s="18"/>
      <c r="O9503" s="18"/>
      <c r="P9503" s="19"/>
      <c r="Q9503" s="19"/>
      <c r="R9503" s="19"/>
      <c r="S9503" s="19"/>
      <c r="T9503" s="19"/>
      <c r="U9503" s="19"/>
      <c r="V9503" s="19"/>
      <c r="W9503" s="19"/>
      <c r="X9503" s="19"/>
      <c r="Y9503" s="19"/>
      <c r="Z9503" s="19"/>
      <c r="AA9503" s="19"/>
    </row>
    <row r="9504" spans="1:27" s="1" customFormat="1" ht="14.1" customHeight="1" outlineLevel="1" x14ac:dyDescent="0.2">
      <c r="A9504" s="17">
        <v>14604</v>
      </c>
      <c r="B9504" s="17"/>
      <c r="C9504" s="17"/>
      <c r="D9504" s="18" t="s">
        <v>4710</v>
      </c>
      <c r="E9504" s="18"/>
      <c r="F9504" s="18"/>
      <c r="G9504" s="18"/>
      <c r="H9504" s="18"/>
      <c r="I9504" s="18"/>
      <c r="J9504" s="18"/>
      <c r="K9504" s="18"/>
      <c r="L9504" s="18"/>
      <c r="M9504" s="18"/>
      <c r="N9504" s="18"/>
      <c r="O9504" s="18"/>
      <c r="P9504" s="19">
        <v>360</v>
      </c>
      <c r="Q9504" s="19"/>
      <c r="R9504" s="19"/>
      <c r="S9504" s="19"/>
      <c r="T9504" s="19">
        <v>200</v>
      </c>
      <c r="U9504" s="19"/>
      <c r="V9504" s="19"/>
      <c r="W9504" s="19"/>
      <c r="X9504" s="19">
        <v>1</v>
      </c>
      <c r="Y9504" s="19"/>
      <c r="Z9504" s="19"/>
      <c r="AA9504" s="19"/>
    </row>
    <row r="9505" spans="1:27" s="1" customFormat="1" ht="14.1" customHeight="1" outlineLevel="1" x14ac:dyDescent="0.2">
      <c r="A9505" s="17"/>
      <c r="B9505" s="17"/>
      <c r="C9505" s="17"/>
      <c r="D9505" s="18"/>
      <c r="E9505" s="18"/>
      <c r="F9505" s="18"/>
      <c r="G9505" s="18"/>
      <c r="H9505" s="18"/>
      <c r="I9505" s="18"/>
      <c r="J9505" s="18"/>
      <c r="K9505" s="18"/>
      <c r="L9505" s="18"/>
      <c r="M9505" s="18"/>
      <c r="N9505" s="18"/>
      <c r="O9505" s="18"/>
      <c r="P9505" s="19"/>
      <c r="Q9505" s="19"/>
      <c r="R9505" s="19"/>
      <c r="S9505" s="19"/>
      <c r="T9505" s="19"/>
      <c r="U9505" s="19"/>
      <c r="V9505" s="19"/>
      <c r="W9505" s="19"/>
      <c r="X9505" s="19"/>
      <c r="Y9505" s="19"/>
      <c r="Z9505" s="19"/>
      <c r="AA9505" s="19"/>
    </row>
    <row r="9506" spans="1:27" s="1" customFormat="1" ht="14.1" customHeight="1" outlineLevel="1" x14ac:dyDescent="0.2">
      <c r="A9506" s="17">
        <v>17076</v>
      </c>
      <c r="B9506" s="17"/>
      <c r="C9506" s="17"/>
      <c r="D9506" s="18" t="s">
        <v>4711</v>
      </c>
      <c r="E9506" s="18"/>
      <c r="F9506" s="18"/>
      <c r="G9506" s="18"/>
      <c r="H9506" s="18"/>
      <c r="I9506" s="18"/>
      <c r="J9506" s="18"/>
      <c r="K9506" s="18"/>
      <c r="L9506" s="18"/>
      <c r="M9506" s="18"/>
      <c r="N9506" s="18"/>
      <c r="O9506" s="18"/>
      <c r="P9506" s="20">
        <v>1500</v>
      </c>
      <c r="Q9506" s="20"/>
      <c r="R9506" s="20"/>
      <c r="S9506" s="20"/>
      <c r="T9506" s="20">
        <v>1000</v>
      </c>
      <c r="U9506" s="20"/>
      <c r="V9506" s="20"/>
      <c r="W9506" s="20"/>
      <c r="X9506" s="19">
        <v>2</v>
      </c>
      <c r="Y9506" s="19"/>
      <c r="Z9506" s="19"/>
      <c r="AA9506" s="19"/>
    </row>
    <row r="9507" spans="1:27" s="1" customFormat="1" ht="14.1" customHeight="1" outlineLevel="1" x14ac:dyDescent="0.2">
      <c r="A9507" s="17"/>
      <c r="B9507" s="17"/>
      <c r="C9507" s="17"/>
      <c r="D9507" s="18"/>
      <c r="E9507" s="18"/>
      <c r="F9507" s="18"/>
      <c r="G9507" s="18"/>
      <c r="H9507" s="18"/>
      <c r="I9507" s="18"/>
      <c r="J9507" s="18"/>
      <c r="K9507" s="18"/>
      <c r="L9507" s="18"/>
      <c r="M9507" s="18"/>
      <c r="N9507" s="18"/>
      <c r="O9507" s="18"/>
      <c r="P9507" s="20"/>
      <c r="Q9507" s="20"/>
      <c r="R9507" s="20"/>
      <c r="S9507" s="20"/>
      <c r="T9507" s="20"/>
      <c r="U9507" s="20"/>
      <c r="V9507" s="20"/>
      <c r="W9507" s="20"/>
      <c r="X9507" s="19"/>
      <c r="Y9507" s="19"/>
      <c r="Z9507" s="19"/>
      <c r="AA9507" s="19"/>
    </row>
    <row r="9508" spans="1:27" s="1" customFormat="1" ht="14.1" customHeight="1" outlineLevel="1" x14ac:dyDescent="0.2">
      <c r="A9508" s="17">
        <v>16863</v>
      </c>
      <c r="B9508" s="17"/>
      <c r="C9508" s="17"/>
      <c r="D9508" s="18" t="s">
        <v>4712</v>
      </c>
      <c r="E9508" s="18"/>
      <c r="F9508" s="18"/>
      <c r="G9508" s="18"/>
      <c r="H9508" s="18"/>
      <c r="I9508" s="18"/>
      <c r="J9508" s="18"/>
      <c r="K9508" s="18"/>
      <c r="L9508" s="18"/>
      <c r="M9508" s="18"/>
      <c r="N9508" s="18"/>
      <c r="O9508" s="18"/>
      <c r="P9508" s="20">
        <v>1700</v>
      </c>
      <c r="Q9508" s="20"/>
      <c r="R9508" s="20"/>
      <c r="S9508" s="20"/>
      <c r="T9508" s="20">
        <v>1500</v>
      </c>
      <c r="U9508" s="20"/>
      <c r="V9508" s="20"/>
      <c r="W9508" s="20"/>
      <c r="X9508" s="19">
        <v>1</v>
      </c>
      <c r="Y9508" s="19"/>
      <c r="Z9508" s="19"/>
      <c r="AA9508" s="19"/>
    </row>
    <row r="9509" spans="1:27" s="1" customFormat="1" ht="14.1" customHeight="1" outlineLevel="1" x14ac:dyDescent="0.2">
      <c r="A9509" s="17"/>
      <c r="B9509" s="17"/>
      <c r="C9509" s="17"/>
      <c r="D9509" s="18"/>
      <c r="E9509" s="18"/>
      <c r="F9509" s="18"/>
      <c r="G9509" s="18"/>
      <c r="H9509" s="18"/>
      <c r="I9509" s="18"/>
      <c r="J9509" s="18"/>
      <c r="K9509" s="18"/>
      <c r="L9509" s="18"/>
      <c r="M9509" s="18"/>
      <c r="N9509" s="18"/>
      <c r="O9509" s="18"/>
      <c r="P9509" s="20"/>
      <c r="Q9509" s="20"/>
      <c r="R9509" s="20"/>
      <c r="S9509" s="20"/>
      <c r="T9509" s="20"/>
      <c r="U9509" s="20"/>
      <c r="V9509" s="20"/>
      <c r="W9509" s="20"/>
      <c r="X9509" s="19"/>
      <c r="Y9509" s="19"/>
      <c r="Z9509" s="19"/>
      <c r="AA9509" s="19"/>
    </row>
    <row r="9510" spans="1:27" s="1" customFormat="1" ht="14.1" customHeight="1" outlineLevel="1" x14ac:dyDescent="0.2">
      <c r="A9510" s="17">
        <v>1562</v>
      </c>
      <c r="B9510" s="17"/>
      <c r="C9510" s="17"/>
      <c r="D9510" s="18" t="s">
        <v>4713</v>
      </c>
      <c r="E9510" s="18"/>
      <c r="F9510" s="18"/>
      <c r="G9510" s="18"/>
      <c r="H9510" s="18"/>
      <c r="I9510" s="18"/>
      <c r="J9510" s="18"/>
      <c r="K9510" s="18"/>
      <c r="L9510" s="18"/>
      <c r="M9510" s="18"/>
      <c r="N9510" s="18"/>
      <c r="O9510" s="18"/>
      <c r="P9510" s="19">
        <v>320</v>
      </c>
      <c r="Q9510" s="19"/>
      <c r="R9510" s="19"/>
      <c r="S9510" s="19"/>
      <c r="T9510" s="19">
        <v>260</v>
      </c>
      <c r="U9510" s="19"/>
      <c r="V9510" s="19"/>
      <c r="W9510" s="19"/>
      <c r="X9510" s="19">
        <v>2</v>
      </c>
      <c r="Y9510" s="19"/>
      <c r="Z9510" s="19"/>
      <c r="AA9510" s="19"/>
    </row>
    <row r="9511" spans="1:27" s="1" customFormat="1" ht="14.1" customHeight="1" outlineLevel="1" x14ac:dyDescent="0.2">
      <c r="A9511" s="17"/>
      <c r="B9511" s="17"/>
      <c r="C9511" s="17"/>
      <c r="D9511" s="18"/>
      <c r="E9511" s="18"/>
      <c r="F9511" s="18"/>
      <c r="G9511" s="18"/>
      <c r="H9511" s="18"/>
      <c r="I9511" s="18"/>
      <c r="J9511" s="18"/>
      <c r="K9511" s="18"/>
      <c r="L9511" s="18"/>
      <c r="M9511" s="18"/>
      <c r="N9511" s="18"/>
      <c r="O9511" s="18"/>
      <c r="P9511" s="19"/>
      <c r="Q9511" s="19"/>
      <c r="R9511" s="19"/>
      <c r="S9511" s="19"/>
      <c r="T9511" s="19"/>
      <c r="U9511" s="19"/>
      <c r="V9511" s="19"/>
      <c r="W9511" s="19"/>
      <c r="X9511" s="19"/>
      <c r="Y9511" s="19"/>
      <c r="Z9511" s="19"/>
      <c r="AA9511" s="19"/>
    </row>
    <row r="9512" spans="1:27" s="1" customFormat="1" ht="14.1" customHeight="1" outlineLevel="1" x14ac:dyDescent="0.2">
      <c r="A9512" s="17">
        <v>1565</v>
      </c>
      <c r="B9512" s="17"/>
      <c r="C9512" s="17"/>
      <c r="D9512" s="18" t="s">
        <v>4714</v>
      </c>
      <c r="E9512" s="18"/>
      <c r="F9512" s="18"/>
      <c r="G9512" s="18"/>
      <c r="H9512" s="18"/>
      <c r="I9512" s="18"/>
      <c r="J9512" s="18"/>
      <c r="K9512" s="18"/>
      <c r="L9512" s="18"/>
      <c r="M9512" s="18"/>
      <c r="N9512" s="18"/>
      <c r="O9512" s="18"/>
      <c r="P9512" s="19">
        <v>120</v>
      </c>
      <c r="Q9512" s="19"/>
      <c r="R9512" s="19"/>
      <c r="S9512" s="19"/>
      <c r="T9512" s="19">
        <v>90</v>
      </c>
      <c r="U9512" s="19"/>
      <c r="V9512" s="19"/>
      <c r="W9512" s="19"/>
      <c r="X9512" s="19">
        <v>1</v>
      </c>
      <c r="Y9512" s="19"/>
      <c r="Z9512" s="19"/>
      <c r="AA9512" s="19"/>
    </row>
    <row r="9513" spans="1:27" s="1" customFormat="1" ht="14.1" customHeight="1" outlineLevel="1" x14ac:dyDescent="0.2">
      <c r="A9513" s="17"/>
      <c r="B9513" s="17"/>
      <c r="C9513" s="17"/>
      <c r="D9513" s="18"/>
      <c r="E9513" s="18"/>
      <c r="F9513" s="18"/>
      <c r="G9513" s="18"/>
      <c r="H9513" s="18"/>
      <c r="I9513" s="18"/>
      <c r="J9513" s="18"/>
      <c r="K9513" s="18"/>
      <c r="L9513" s="18"/>
      <c r="M9513" s="18"/>
      <c r="N9513" s="18"/>
      <c r="O9513" s="18"/>
      <c r="P9513" s="19"/>
      <c r="Q9513" s="19"/>
      <c r="R9513" s="19"/>
      <c r="S9513" s="19"/>
      <c r="T9513" s="19"/>
      <c r="U9513" s="19"/>
      <c r="V9513" s="19"/>
      <c r="W9513" s="19"/>
      <c r="X9513" s="19"/>
      <c r="Y9513" s="19"/>
      <c r="Z9513" s="19"/>
      <c r="AA9513" s="19"/>
    </row>
    <row r="9514" spans="1:27" s="1" customFormat="1" ht="14.1" customHeight="1" outlineLevel="1" x14ac:dyDescent="0.2">
      <c r="A9514" s="17">
        <v>8710</v>
      </c>
      <c r="B9514" s="17"/>
      <c r="C9514" s="17"/>
      <c r="D9514" s="18" t="s">
        <v>4715</v>
      </c>
      <c r="E9514" s="18"/>
      <c r="F9514" s="18"/>
      <c r="G9514" s="18"/>
      <c r="H9514" s="18"/>
      <c r="I9514" s="18"/>
      <c r="J9514" s="18"/>
      <c r="K9514" s="18"/>
      <c r="L9514" s="18"/>
      <c r="M9514" s="18"/>
      <c r="N9514" s="18"/>
      <c r="O9514" s="18"/>
      <c r="P9514" s="19">
        <v>100</v>
      </c>
      <c r="Q9514" s="19"/>
      <c r="R9514" s="19"/>
      <c r="S9514" s="19"/>
      <c r="T9514" s="19">
        <v>70</v>
      </c>
      <c r="U9514" s="19"/>
      <c r="V9514" s="19"/>
      <c r="W9514" s="19"/>
      <c r="X9514" s="19">
        <v>2</v>
      </c>
      <c r="Y9514" s="19"/>
      <c r="Z9514" s="19"/>
      <c r="AA9514" s="19"/>
    </row>
    <row r="9515" spans="1:27" s="1" customFormat="1" ht="14.1" customHeight="1" outlineLevel="1" x14ac:dyDescent="0.2">
      <c r="A9515" s="17"/>
      <c r="B9515" s="17"/>
      <c r="C9515" s="17"/>
      <c r="D9515" s="18"/>
      <c r="E9515" s="18"/>
      <c r="F9515" s="18"/>
      <c r="G9515" s="18"/>
      <c r="H9515" s="18"/>
      <c r="I9515" s="18"/>
      <c r="J9515" s="18"/>
      <c r="K9515" s="18"/>
      <c r="L9515" s="18"/>
      <c r="M9515" s="18"/>
      <c r="N9515" s="18"/>
      <c r="O9515" s="18"/>
      <c r="P9515" s="19"/>
      <c r="Q9515" s="19"/>
      <c r="R9515" s="19"/>
      <c r="S9515" s="19"/>
      <c r="T9515" s="19"/>
      <c r="U9515" s="19"/>
      <c r="V9515" s="19"/>
      <c r="W9515" s="19"/>
      <c r="X9515" s="19"/>
      <c r="Y9515" s="19"/>
      <c r="Z9515" s="19"/>
      <c r="AA9515" s="19"/>
    </row>
    <row r="9516" spans="1:27" s="1" customFormat="1" ht="14.1" customHeight="1" outlineLevel="1" x14ac:dyDescent="0.2">
      <c r="A9516" s="17">
        <v>1545</v>
      </c>
      <c r="B9516" s="17"/>
      <c r="C9516" s="17"/>
      <c r="D9516" s="18" t="s">
        <v>4716</v>
      </c>
      <c r="E9516" s="18"/>
      <c r="F9516" s="18"/>
      <c r="G9516" s="18"/>
      <c r="H9516" s="18"/>
      <c r="I9516" s="18"/>
      <c r="J9516" s="18"/>
      <c r="K9516" s="18"/>
      <c r="L9516" s="18"/>
      <c r="M9516" s="18"/>
      <c r="N9516" s="18"/>
      <c r="O9516" s="18"/>
      <c r="P9516" s="19">
        <v>100</v>
      </c>
      <c r="Q9516" s="19"/>
      <c r="R9516" s="19"/>
      <c r="S9516" s="19"/>
      <c r="T9516" s="19">
        <v>75</v>
      </c>
      <c r="U9516" s="19"/>
      <c r="V9516" s="19"/>
      <c r="W9516" s="19"/>
      <c r="X9516" s="19">
        <v>2</v>
      </c>
      <c r="Y9516" s="19"/>
      <c r="Z9516" s="19"/>
      <c r="AA9516" s="19"/>
    </row>
    <row r="9517" spans="1:27" s="1" customFormat="1" ht="14.1" customHeight="1" outlineLevel="1" x14ac:dyDescent="0.2">
      <c r="A9517" s="17"/>
      <c r="B9517" s="17"/>
      <c r="C9517" s="17"/>
      <c r="D9517" s="18"/>
      <c r="E9517" s="18"/>
      <c r="F9517" s="18"/>
      <c r="G9517" s="18"/>
      <c r="H9517" s="18"/>
      <c r="I9517" s="18"/>
      <c r="J9517" s="18"/>
      <c r="K9517" s="18"/>
      <c r="L9517" s="18"/>
      <c r="M9517" s="18"/>
      <c r="N9517" s="18"/>
      <c r="O9517" s="18"/>
      <c r="P9517" s="19"/>
      <c r="Q9517" s="19"/>
      <c r="R9517" s="19"/>
      <c r="S9517" s="19"/>
      <c r="T9517" s="19"/>
      <c r="U9517" s="19"/>
      <c r="V9517" s="19"/>
      <c r="W9517" s="19"/>
      <c r="X9517" s="19"/>
      <c r="Y9517" s="19"/>
      <c r="Z9517" s="19"/>
      <c r="AA9517" s="19"/>
    </row>
    <row r="9518" spans="1:27" s="1" customFormat="1" ht="21" customHeight="1" outlineLevel="1" x14ac:dyDescent="0.2">
      <c r="A9518" s="17">
        <v>13299</v>
      </c>
      <c r="B9518" s="17"/>
      <c r="C9518" s="17"/>
      <c r="D9518" s="18" t="s">
        <v>4717</v>
      </c>
      <c r="E9518" s="18"/>
      <c r="F9518" s="18"/>
      <c r="G9518" s="18"/>
      <c r="H9518" s="18"/>
      <c r="I9518" s="18"/>
      <c r="J9518" s="18"/>
      <c r="K9518" s="18"/>
      <c r="L9518" s="18"/>
      <c r="M9518" s="18"/>
      <c r="N9518" s="18"/>
      <c r="O9518" s="18"/>
      <c r="P9518" s="19">
        <v>470</v>
      </c>
      <c r="Q9518" s="19"/>
      <c r="R9518" s="19"/>
      <c r="S9518" s="19"/>
      <c r="T9518" s="19">
        <v>400</v>
      </c>
      <c r="U9518" s="19"/>
      <c r="V9518" s="19"/>
      <c r="W9518" s="19"/>
      <c r="X9518" s="19">
        <v>40</v>
      </c>
      <c r="Y9518" s="19"/>
      <c r="Z9518" s="19"/>
      <c r="AA9518" s="19"/>
    </row>
    <row r="9519" spans="1:27" s="1" customFormat="1" ht="21" customHeight="1" outlineLevel="1" x14ac:dyDescent="0.2">
      <c r="A9519" s="17"/>
      <c r="B9519" s="17"/>
      <c r="C9519" s="17"/>
      <c r="D9519" s="18"/>
      <c r="E9519" s="18"/>
      <c r="F9519" s="18"/>
      <c r="G9519" s="18"/>
      <c r="H9519" s="18"/>
      <c r="I9519" s="18"/>
      <c r="J9519" s="18"/>
      <c r="K9519" s="18"/>
      <c r="L9519" s="18"/>
      <c r="M9519" s="18"/>
      <c r="N9519" s="18"/>
      <c r="O9519" s="18"/>
      <c r="P9519" s="19"/>
      <c r="Q9519" s="19"/>
      <c r="R9519" s="19"/>
      <c r="S9519" s="19"/>
      <c r="T9519" s="19"/>
      <c r="U9519" s="19"/>
      <c r="V9519" s="19"/>
      <c r="W9519" s="19"/>
      <c r="X9519" s="19"/>
      <c r="Y9519" s="19"/>
      <c r="Z9519" s="19"/>
      <c r="AA9519" s="19"/>
    </row>
    <row r="9520" spans="1:27" s="1" customFormat="1" ht="14.1" customHeight="1" outlineLevel="1" x14ac:dyDescent="0.2">
      <c r="A9520" s="17">
        <v>13925</v>
      </c>
      <c r="B9520" s="17"/>
      <c r="C9520" s="17"/>
      <c r="D9520" s="18" t="s">
        <v>4718</v>
      </c>
      <c r="E9520" s="18"/>
      <c r="F9520" s="18"/>
      <c r="G9520" s="18"/>
      <c r="H9520" s="18"/>
      <c r="I9520" s="18"/>
      <c r="J9520" s="18"/>
      <c r="K9520" s="18"/>
      <c r="L9520" s="18"/>
      <c r="M9520" s="18"/>
      <c r="N9520" s="18"/>
      <c r="O9520" s="18"/>
      <c r="P9520" s="19">
        <v>260</v>
      </c>
      <c r="Q9520" s="19"/>
      <c r="R9520" s="19"/>
      <c r="S9520" s="19"/>
      <c r="T9520" s="19">
        <v>210</v>
      </c>
      <c r="U9520" s="19"/>
      <c r="V9520" s="19"/>
      <c r="W9520" s="19"/>
      <c r="X9520" s="19">
        <v>37</v>
      </c>
      <c r="Y9520" s="19"/>
      <c r="Z9520" s="19"/>
      <c r="AA9520" s="19"/>
    </row>
    <row r="9521" spans="1:27" s="1" customFormat="1" ht="14.1" customHeight="1" outlineLevel="1" x14ac:dyDescent="0.2">
      <c r="A9521" s="17"/>
      <c r="B9521" s="17"/>
      <c r="C9521" s="17"/>
      <c r="D9521" s="18"/>
      <c r="E9521" s="18"/>
      <c r="F9521" s="18"/>
      <c r="G9521" s="18"/>
      <c r="H9521" s="18"/>
      <c r="I9521" s="18"/>
      <c r="J9521" s="18"/>
      <c r="K9521" s="18"/>
      <c r="L9521" s="18"/>
      <c r="M9521" s="18"/>
      <c r="N9521" s="18"/>
      <c r="O9521" s="18"/>
      <c r="P9521" s="19"/>
      <c r="Q9521" s="19"/>
      <c r="R9521" s="19"/>
      <c r="S9521" s="19"/>
      <c r="T9521" s="19"/>
      <c r="U9521" s="19"/>
      <c r="V9521" s="19"/>
      <c r="W9521" s="19"/>
      <c r="X9521" s="19"/>
      <c r="Y9521" s="19"/>
      <c r="Z9521" s="19"/>
      <c r="AA9521" s="19"/>
    </row>
    <row r="9522" spans="1:27" s="1" customFormat="1" ht="11.1" customHeight="1" outlineLevel="1" x14ac:dyDescent="0.2">
      <c r="A9522" s="17">
        <v>1549</v>
      </c>
      <c r="B9522" s="17"/>
      <c r="C9522" s="17"/>
      <c r="D9522" s="18" t="s">
        <v>4719</v>
      </c>
      <c r="E9522" s="18"/>
      <c r="F9522" s="18"/>
      <c r="G9522" s="18"/>
      <c r="H9522" s="18"/>
      <c r="I9522" s="18"/>
      <c r="J9522" s="18"/>
      <c r="K9522" s="18"/>
      <c r="L9522" s="18"/>
      <c r="M9522" s="18"/>
      <c r="N9522" s="18"/>
      <c r="O9522" s="18"/>
      <c r="P9522" s="19">
        <v>110</v>
      </c>
      <c r="Q9522" s="19"/>
      <c r="R9522" s="19"/>
      <c r="S9522" s="19"/>
      <c r="T9522" s="19">
        <v>80</v>
      </c>
      <c r="U9522" s="19"/>
      <c r="V9522" s="19"/>
      <c r="W9522" s="19"/>
      <c r="X9522" s="19">
        <v>4</v>
      </c>
      <c r="Y9522" s="19"/>
      <c r="Z9522" s="19"/>
      <c r="AA9522" s="19"/>
    </row>
    <row r="9523" spans="1:27" s="1" customFormat="1" ht="11.1" customHeight="1" outlineLevel="1" x14ac:dyDescent="0.2">
      <c r="A9523" s="17"/>
      <c r="B9523" s="17"/>
      <c r="C9523" s="17"/>
      <c r="D9523" s="18"/>
      <c r="E9523" s="18"/>
      <c r="F9523" s="18"/>
      <c r="G9523" s="18"/>
      <c r="H9523" s="18"/>
      <c r="I9523" s="18"/>
      <c r="J9523" s="18"/>
      <c r="K9523" s="18"/>
      <c r="L9523" s="18"/>
      <c r="M9523" s="18"/>
      <c r="N9523" s="18"/>
      <c r="O9523" s="18"/>
      <c r="P9523" s="19"/>
      <c r="Q9523" s="19"/>
      <c r="R9523" s="19"/>
      <c r="S9523" s="19"/>
      <c r="T9523" s="19"/>
      <c r="U9523" s="19"/>
      <c r="V9523" s="19"/>
      <c r="W9523" s="19"/>
      <c r="X9523" s="19"/>
      <c r="Y9523" s="19"/>
      <c r="Z9523" s="19"/>
      <c r="AA9523" s="19"/>
    </row>
    <row r="9524" spans="1:27" s="1" customFormat="1" ht="14.1" customHeight="1" outlineLevel="1" x14ac:dyDescent="0.2">
      <c r="A9524" s="17">
        <v>17050</v>
      </c>
      <c r="B9524" s="17"/>
      <c r="C9524" s="17"/>
      <c r="D9524" s="18" t="s">
        <v>4720</v>
      </c>
      <c r="E9524" s="18"/>
      <c r="F9524" s="18"/>
      <c r="G9524" s="18"/>
      <c r="H9524" s="18"/>
      <c r="I9524" s="18"/>
      <c r="J9524" s="18"/>
      <c r="K9524" s="18"/>
      <c r="L9524" s="18"/>
      <c r="M9524" s="18"/>
      <c r="N9524" s="18"/>
      <c r="O9524" s="18"/>
      <c r="P9524" s="19">
        <v>200</v>
      </c>
      <c r="Q9524" s="19"/>
      <c r="R9524" s="19"/>
      <c r="S9524" s="19"/>
      <c r="T9524" s="19">
        <v>100</v>
      </c>
      <c r="U9524" s="19"/>
      <c r="V9524" s="19"/>
      <c r="W9524" s="19"/>
      <c r="X9524" s="19">
        <v>1</v>
      </c>
      <c r="Y9524" s="19"/>
      <c r="Z9524" s="19"/>
      <c r="AA9524" s="19"/>
    </row>
    <row r="9525" spans="1:27" s="1" customFormat="1" ht="14.1" customHeight="1" outlineLevel="1" x14ac:dyDescent="0.2">
      <c r="A9525" s="17"/>
      <c r="B9525" s="17"/>
      <c r="C9525" s="17"/>
      <c r="D9525" s="18"/>
      <c r="E9525" s="18"/>
      <c r="F9525" s="18"/>
      <c r="G9525" s="18"/>
      <c r="H9525" s="18"/>
      <c r="I9525" s="18"/>
      <c r="J9525" s="18"/>
      <c r="K9525" s="18"/>
      <c r="L9525" s="18"/>
      <c r="M9525" s="18"/>
      <c r="N9525" s="18"/>
      <c r="O9525" s="18"/>
      <c r="P9525" s="19"/>
      <c r="Q9525" s="19"/>
      <c r="R9525" s="19"/>
      <c r="S9525" s="19"/>
      <c r="T9525" s="19"/>
      <c r="U9525" s="19"/>
      <c r="V9525" s="19"/>
      <c r="W9525" s="19"/>
      <c r="X9525" s="19"/>
      <c r="Y9525" s="19"/>
      <c r="Z9525" s="19"/>
      <c r="AA9525" s="19"/>
    </row>
    <row r="9526" spans="1:27" s="1" customFormat="1" ht="14.1" customHeight="1" outlineLevel="1" x14ac:dyDescent="0.2">
      <c r="A9526" s="17">
        <v>13465</v>
      </c>
      <c r="B9526" s="17"/>
      <c r="C9526" s="17"/>
      <c r="D9526" s="18" t="s">
        <v>4721</v>
      </c>
      <c r="E9526" s="18"/>
      <c r="F9526" s="18"/>
      <c r="G9526" s="18"/>
      <c r="H9526" s="18"/>
      <c r="I9526" s="18"/>
      <c r="J9526" s="18"/>
      <c r="K9526" s="18"/>
      <c r="L9526" s="18"/>
      <c r="M9526" s="18"/>
      <c r="N9526" s="18"/>
      <c r="O9526" s="18"/>
      <c r="P9526" s="19">
        <v>160</v>
      </c>
      <c r="Q9526" s="19"/>
      <c r="R9526" s="19"/>
      <c r="S9526" s="19"/>
      <c r="T9526" s="19">
        <v>120</v>
      </c>
      <c r="U9526" s="19"/>
      <c r="V9526" s="19"/>
      <c r="W9526" s="19"/>
      <c r="X9526" s="19">
        <v>1</v>
      </c>
      <c r="Y9526" s="19"/>
      <c r="Z9526" s="19"/>
      <c r="AA9526" s="19"/>
    </row>
    <row r="9527" spans="1:27" s="1" customFormat="1" ht="14.1" customHeight="1" outlineLevel="1" x14ac:dyDescent="0.2">
      <c r="A9527" s="17"/>
      <c r="B9527" s="17"/>
      <c r="C9527" s="17"/>
      <c r="D9527" s="18"/>
      <c r="E9527" s="18"/>
      <c r="F9527" s="18"/>
      <c r="G9527" s="18"/>
      <c r="H9527" s="18"/>
      <c r="I9527" s="18"/>
      <c r="J9527" s="18"/>
      <c r="K9527" s="18"/>
      <c r="L9527" s="18"/>
      <c r="M9527" s="18"/>
      <c r="N9527" s="18"/>
      <c r="O9527" s="18"/>
      <c r="P9527" s="19"/>
      <c r="Q9527" s="19"/>
      <c r="R9527" s="19"/>
      <c r="S9527" s="19"/>
      <c r="T9527" s="19"/>
      <c r="U9527" s="19"/>
      <c r="V9527" s="19"/>
      <c r="W9527" s="19"/>
      <c r="X9527" s="19"/>
      <c r="Y9527" s="19"/>
      <c r="Z9527" s="19"/>
      <c r="AA9527" s="19"/>
    </row>
    <row r="9528" spans="1:27" s="1" customFormat="1" ht="14.1" customHeight="1" outlineLevel="1" x14ac:dyDescent="0.2">
      <c r="A9528" s="17">
        <v>13455</v>
      </c>
      <c r="B9528" s="17"/>
      <c r="C9528" s="17"/>
      <c r="D9528" s="18" t="s">
        <v>4722</v>
      </c>
      <c r="E9528" s="18"/>
      <c r="F9528" s="18"/>
      <c r="G9528" s="18"/>
      <c r="H9528" s="18"/>
      <c r="I9528" s="18"/>
      <c r="J9528" s="18"/>
      <c r="K9528" s="18"/>
      <c r="L9528" s="18"/>
      <c r="M9528" s="18"/>
      <c r="N9528" s="18"/>
      <c r="O9528" s="18"/>
      <c r="P9528" s="19">
        <v>190</v>
      </c>
      <c r="Q9528" s="19"/>
      <c r="R9528" s="19"/>
      <c r="S9528" s="19"/>
      <c r="T9528" s="19">
        <v>150</v>
      </c>
      <c r="U9528" s="19"/>
      <c r="V9528" s="19"/>
      <c r="W9528" s="19"/>
      <c r="X9528" s="19">
        <v>4</v>
      </c>
      <c r="Y9528" s="19"/>
      <c r="Z9528" s="19"/>
      <c r="AA9528" s="19"/>
    </row>
    <row r="9529" spans="1:27" s="1" customFormat="1" ht="14.1" customHeight="1" outlineLevel="1" x14ac:dyDescent="0.2">
      <c r="A9529" s="17"/>
      <c r="B9529" s="17"/>
      <c r="C9529" s="17"/>
      <c r="D9529" s="18"/>
      <c r="E9529" s="18"/>
      <c r="F9529" s="18"/>
      <c r="G9529" s="18"/>
      <c r="H9529" s="18"/>
      <c r="I9529" s="18"/>
      <c r="J9529" s="18"/>
      <c r="K9529" s="18"/>
      <c r="L9529" s="18"/>
      <c r="M9529" s="18"/>
      <c r="N9529" s="18"/>
      <c r="O9529" s="18"/>
      <c r="P9529" s="19"/>
      <c r="Q9529" s="19"/>
      <c r="R9529" s="19"/>
      <c r="S9529" s="19"/>
      <c r="T9529" s="19"/>
      <c r="U9529" s="19"/>
      <c r="V9529" s="19"/>
      <c r="W9529" s="19"/>
      <c r="X9529" s="19"/>
      <c r="Y9529" s="19"/>
      <c r="Z9529" s="19"/>
      <c r="AA9529" s="19"/>
    </row>
    <row r="9530" spans="1:27" s="1" customFormat="1" ht="14.1" customHeight="1" outlineLevel="1" x14ac:dyDescent="0.2">
      <c r="A9530" s="17">
        <v>10325</v>
      </c>
      <c r="B9530" s="17"/>
      <c r="C9530" s="17"/>
      <c r="D9530" s="18" t="s">
        <v>4723</v>
      </c>
      <c r="E9530" s="18"/>
      <c r="F9530" s="18"/>
      <c r="G9530" s="18"/>
      <c r="H9530" s="18"/>
      <c r="I9530" s="18"/>
      <c r="J9530" s="18"/>
      <c r="K9530" s="18"/>
      <c r="L9530" s="18"/>
      <c r="M9530" s="18"/>
      <c r="N9530" s="18"/>
      <c r="O9530" s="18"/>
      <c r="P9530" s="19">
        <v>230</v>
      </c>
      <c r="Q9530" s="19"/>
      <c r="R9530" s="19"/>
      <c r="S9530" s="19"/>
      <c r="T9530" s="19">
        <v>200</v>
      </c>
      <c r="U9530" s="19"/>
      <c r="V9530" s="19"/>
      <c r="W9530" s="19"/>
      <c r="X9530" s="19">
        <v>1</v>
      </c>
      <c r="Y9530" s="19"/>
      <c r="Z9530" s="19"/>
      <c r="AA9530" s="19"/>
    </row>
    <row r="9531" spans="1:27" s="1" customFormat="1" ht="14.1" customHeight="1" outlineLevel="1" x14ac:dyDescent="0.2">
      <c r="A9531" s="17"/>
      <c r="B9531" s="17"/>
      <c r="C9531" s="17"/>
      <c r="D9531" s="18"/>
      <c r="E9531" s="18"/>
      <c r="F9531" s="18"/>
      <c r="G9531" s="18"/>
      <c r="H9531" s="18"/>
      <c r="I9531" s="18"/>
      <c r="J9531" s="18"/>
      <c r="K9531" s="18"/>
      <c r="L9531" s="18"/>
      <c r="M9531" s="18"/>
      <c r="N9531" s="18"/>
      <c r="O9531" s="18"/>
      <c r="P9531" s="19"/>
      <c r="Q9531" s="19"/>
      <c r="R9531" s="19"/>
      <c r="S9531" s="19"/>
      <c r="T9531" s="19"/>
      <c r="U9531" s="19"/>
      <c r="V9531" s="19"/>
      <c r="W9531" s="19"/>
      <c r="X9531" s="19"/>
      <c r="Y9531" s="19"/>
      <c r="Z9531" s="19"/>
      <c r="AA9531" s="19"/>
    </row>
    <row r="9532" spans="1:27" s="1" customFormat="1" ht="14.1" customHeight="1" outlineLevel="1" x14ac:dyDescent="0.2">
      <c r="A9532" s="17">
        <v>14653</v>
      </c>
      <c r="B9532" s="17"/>
      <c r="C9532" s="17"/>
      <c r="D9532" s="18" t="s">
        <v>4724</v>
      </c>
      <c r="E9532" s="18"/>
      <c r="F9532" s="18"/>
      <c r="G9532" s="18"/>
      <c r="H9532" s="18"/>
      <c r="I9532" s="18"/>
      <c r="J9532" s="18"/>
      <c r="K9532" s="18"/>
      <c r="L9532" s="18"/>
      <c r="M9532" s="18"/>
      <c r="N9532" s="18"/>
      <c r="O9532" s="18"/>
      <c r="P9532" s="19">
        <v>140</v>
      </c>
      <c r="Q9532" s="19"/>
      <c r="R9532" s="19"/>
      <c r="S9532" s="19"/>
      <c r="T9532" s="19">
        <v>100</v>
      </c>
      <c r="U9532" s="19"/>
      <c r="V9532" s="19"/>
      <c r="W9532" s="19"/>
      <c r="X9532" s="19">
        <v>1</v>
      </c>
      <c r="Y9532" s="19"/>
      <c r="Z9532" s="19"/>
      <c r="AA9532" s="19"/>
    </row>
    <row r="9533" spans="1:27" s="1" customFormat="1" ht="14.1" customHeight="1" outlineLevel="1" x14ac:dyDescent="0.2">
      <c r="A9533" s="17"/>
      <c r="B9533" s="17"/>
      <c r="C9533" s="17"/>
      <c r="D9533" s="18"/>
      <c r="E9533" s="18"/>
      <c r="F9533" s="18"/>
      <c r="G9533" s="18"/>
      <c r="H9533" s="18"/>
      <c r="I9533" s="18"/>
      <c r="J9533" s="18"/>
      <c r="K9533" s="18"/>
      <c r="L9533" s="18"/>
      <c r="M9533" s="18"/>
      <c r="N9533" s="18"/>
      <c r="O9533" s="18"/>
      <c r="P9533" s="19"/>
      <c r="Q9533" s="19"/>
      <c r="R9533" s="19"/>
      <c r="S9533" s="19"/>
      <c r="T9533" s="19"/>
      <c r="U9533" s="19"/>
      <c r="V9533" s="19"/>
      <c r="W9533" s="19"/>
      <c r="X9533" s="19"/>
      <c r="Y9533" s="19"/>
      <c r="Z9533" s="19"/>
      <c r="AA9533" s="19"/>
    </row>
    <row r="9534" spans="1:27" s="1" customFormat="1" ht="14.1" customHeight="1" outlineLevel="1" x14ac:dyDescent="0.2">
      <c r="A9534" s="17">
        <v>13505</v>
      </c>
      <c r="B9534" s="17"/>
      <c r="C9534" s="17"/>
      <c r="D9534" s="18" t="s">
        <v>4725</v>
      </c>
      <c r="E9534" s="18"/>
      <c r="F9534" s="18"/>
      <c r="G9534" s="18"/>
      <c r="H9534" s="18"/>
      <c r="I9534" s="18"/>
      <c r="J9534" s="18"/>
      <c r="K9534" s="18"/>
      <c r="L9534" s="18"/>
      <c r="M9534" s="18"/>
      <c r="N9534" s="18"/>
      <c r="O9534" s="18"/>
      <c r="P9534" s="19">
        <v>220</v>
      </c>
      <c r="Q9534" s="19"/>
      <c r="R9534" s="19"/>
      <c r="S9534" s="19"/>
      <c r="T9534" s="19">
        <v>170</v>
      </c>
      <c r="U9534" s="19"/>
      <c r="V9534" s="19"/>
      <c r="W9534" s="19"/>
      <c r="X9534" s="19">
        <v>1</v>
      </c>
      <c r="Y9534" s="19"/>
      <c r="Z9534" s="19"/>
      <c r="AA9534" s="19"/>
    </row>
    <row r="9535" spans="1:27" s="1" customFormat="1" ht="14.1" customHeight="1" outlineLevel="1" x14ac:dyDescent="0.2">
      <c r="A9535" s="17"/>
      <c r="B9535" s="17"/>
      <c r="C9535" s="17"/>
      <c r="D9535" s="18"/>
      <c r="E9535" s="18"/>
      <c r="F9535" s="18"/>
      <c r="G9535" s="18"/>
      <c r="H9535" s="18"/>
      <c r="I9535" s="18"/>
      <c r="J9535" s="18"/>
      <c r="K9535" s="18"/>
      <c r="L9535" s="18"/>
      <c r="M9535" s="18"/>
      <c r="N9535" s="18"/>
      <c r="O9535" s="18"/>
      <c r="P9535" s="19"/>
      <c r="Q9535" s="19"/>
      <c r="R9535" s="19"/>
      <c r="S9535" s="19"/>
      <c r="T9535" s="19"/>
      <c r="U9535" s="19"/>
      <c r="V9535" s="19"/>
      <c r="W9535" s="19"/>
      <c r="X9535" s="19"/>
      <c r="Y9535" s="19"/>
      <c r="Z9535" s="19"/>
      <c r="AA9535" s="19"/>
    </row>
    <row r="9536" spans="1:27" s="1" customFormat="1" ht="14.1" customHeight="1" outlineLevel="1" x14ac:dyDescent="0.2">
      <c r="A9536" s="17">
        <v>12901</v>
      </c>
      <c r="B9536" s="17"/>
      <c r="C9536" s="17"/>
      <c r="D9536" s="18" t="s">
        <v>4726</v>
      </c>
      <c r="E9536" s="18"/>
      <c r="F9536" s="18"/>
      <c r="G9536" s="18"/>
      <c r="H9536" s="18"/>
      <c r="I9536" s="18"/>
      <c r="J9536" s="18"/>
      <c r="K9536" s="18"/>
      <c r="L9536" s="18"/>
      <c r="M9536" s="18"/>
      <c r="N9536" s="18"/>
      <c r="O9536" s="18"/>
      <c r="P9536" s="19">
        <v>220</v>
      </c>
      <c r="Q9536" s="19"/>
      <c r="R9536" s="19"/>
      <c r="S9536" s="19"/>
      <c r="T9536" s="19">
        <v>170</v>
      </c>
      <c r="U9536" s="19"/>
      <c r="V9536" s="19"/>
      <c r="W9536" s="19"/>
      <c r="X9536" s="19">
        <v>1</v>
      </c>
      <c r="Y9536" s="19"/>
      <c r="Z9536" s="19"/>
      <c r="AA9536" s="19"/>
    </row>
    <row r="9537" spans="1:27" s="1" customFormat="1" ht="14.1" customHeight="1" outlineLevel="1" x14ac:dyDescent="0.2">
      <c r="A9537" s="17"/>
      <c r="B9537" s="17"/>
      <c r="C9537" s="17"/>
      <c r="D9537" s="18"/>
      <c r="E9537" s="18"/>
      <c r="F9537" s="18"/>
      <c r="G9537" s="18"/>
      <c r="H9537" s="18"/>
      <c r="I9537" s="18"/>
      <c r="J9537" s="18"/>
      <c r="K9537" s="18"/>
      <c r="L9537" s="18"/>
      <c r="M9537" s="18"/>
      <c r="N9537" s="18"/>
      <c r="O9537" s="18"/>
      <c r="P9537" s="19"/>
      <c r="Q9537" s="19"/>
      <c r="R9537" s="19"/>
      <c r="S9537" s="19"/>
      <c r="T9537" s="19"/>
      <c r="U9537" s="19"/>
      <c r="V9537" s="19"/>
      <c r="W9537" s="19"/>
      <c r="X9537" s="19"/>
      <c r="Y9537" s="19"/>
      <c r="Z9537" s="19"/>
      <c r="AA9537" s="19"/>
    </row>
    <row r="9538" spans="1:27" s="1" customFormat="1" ht="14.1" customHeight="1" outlineLevel="1" x14ac:dyDescent="0.2">
      <c r="A9538" s="17">
        <v>16963</v>
      </c>
      <c r="B9538" s="17"/>
      <c r="C9538" s="17"/>
      <c r="D9538" s="18" t="s">
        <v>4727</v>
      </c>
      <c r="E9538" s="18"/>
      <c r="F9538" s="18"/>
      <c r="G9538" s="18"/>
      <c r="H9538" s="18"/>
      <c r="I9538" s="18"/>
      <c r="J9538" s="18"/>
      <c r="K9538" s="18"/>
      <c r="L9538" s="18"/>
      <c r="M9538" s="18"/>
      <c r="N9538" s="18"/>
      <c r="O9538" s="18"/>
      <c r="P9538" s="19">
        <v>400</v>
      </c>
      <c r="Q9538" s="19"/>
      <c r="R9538" s="19"/>
      <c r="S9538" s="19"/>
      <c r="T9538" s="19">
        <v>300</v>
      </c>
      <c r="U9538" s="19"/>
      <c r="V9538" s="19"/>
      <c r="W9538" s="19"/>
      <c r="X9538" s="19">
        <v>1</v>
      </c>
      <c r="Y9538" s="19"/>
      <c r="Z9538" s="19"/>
      <c r="AA9538" s="19"/>
    </row>
    <row r="9539" spans="1:27" s="1" customFormat="1" ht="14.1" customHeight="1" outlineLevel="1" x14ac:dyDescent="0.2">
      <c r="A9539" s="17"/>
      <c r="B9539" s="17"/>
      <c r="C9539" s="17"/>
      <c r="D9539" s="18"/>
      <c r="E9539" s="18"/>
      <c r="F9539" s="18"/>
      <c r="G9539" s="18"/>
      <c r="H9539" s="18"/>
      <c r="I9539" s="18"/>
      <c r="J9539" s="18"/>
      <c r="K9539" s="18"/>
      <c r="L9539" s="18"/>
      <c r="M9539" s="18"/>
      <c r="N9539" s="18"/>
      <c r="O9539" s="18"/>
      <c r="P9539" s="19"/>
      <c r="Q9539" s="19"/>
      <c r="R9539" s="19"/>
      <c r="S9539" s="19"/>
      <c r="T9539" s="19"/>
      <c r="U9539" s="19"/>
      <c r="V9539" s="19"/>
      <c r="W9539" s="19"/>
      <c r="X9539" s="19"/>
      <c r="Y9539" s="19"/>
      <c r="Z9539" s="19"/>
      <c r="AA9539" s="19"/>
    </row>
    <row r="9540" spans="1:27" s="1" customFormat="1" ht="14.1" customHeight="1" outlineLevel="1" x14ac:dyDescent="0.2">
      <c r="A9540" s="17">
        <v>10294</v>
      </c>
      <c r="B9540" s="17"/>
      <c r="C9540" s="17"/>
      <c r="D9540" s="18" t="s">
        <v>4728</v>
      </c>
      <c r="E9540" s="18"/>
      <c r="F9540" s="18"/>
      <c r="G9540" s="18"/>
      <c r="H9540" s="18"/>
      <c r="I9540" s="18"/>
      <c r="J9540" s="18"/>
      <c r="K9540" s="18"/>
      <c r="L9540" s="18"/>
      <c r="M9540" s="18"/>
      <c r="N9540" s="18"/>
      <c r="O9540" s="18"/>
      <c r="P9540" s="19">
        <v>200</v>
      </c>
      <c r="Q9540" s="19"/>
      <c r="R9540" s="19"/>
      <c r="S9540" s="19"/>
      <c r="T9540" s="19">
        <v>200</v>
      </c>
      <c r="U9540" s="19"/>
      <c r="V9540" s="19"/>
      <c r="W9540" s="19"/>
      <c r="X9540" s="19">
        <v>1</v>
      </c>
      <c r="Y9540" s="19"/>
      <c r="Z9540" s="19"/>
      <c r="AA9540" s="19"/>
    </row>
    <row r="9541" spans="1:27" s="1" customFormat="1" ht="14.1" customHeight="1" outlineLevel="1" x14ac:dyDescent="0.2">
      <c r="A9541" s="17"/>
      <c r="B9541" s="17"/>
      <c r="C9541" s="17"/>
      <c r="D9541" s="18"/>
      <c r="E9541" s="18"/>
      <c r="F9541" s="18"/>
      <c r="G9541" s="18"/>
      <c r="H9541" s="18"/>
      <c r="I9541" s="18"/>
      <c r="J9541" s="18"/>
      <c r="K9541" s="18"/>
      <c r="L9541" s="18"/>
      <c r="M9541" s="18"/>
      <c r="N9541" s="18"/>
      <c r="O9541" s="18"/>
      <c r="P9541" s="19"/>
      <c r="Q9541" s="19"/>
      <c r="R9541" s="19"/>
      <c r="S9541" s="19"/>
      <c r="T9541" s="19"/>
      <c r="U9541" s="19"/>
      <c r="V9541" s="19"/>
      <c r="W9541" s="19"/>
      <c r="X9541" s="19"/>
      <c r="Y9541" s="19"/>
      <c r="Z9541" s="19"/>
      <c r="AA9541" s="19"/>
    </row>
    <row r="9542" spans="1:27" s="1" customFormat="1" ht="14.1" customHeight="1" outlineLevel="1" x14ac:dyDescent="0.2">
      <c r="A9542" s="17">
        <v>13491</v>
      </c>
      <c r="B9542" s="17"/>
      <c r="C9542" s="17"/>
      <c r="D9542" s="18" t="s">
        <v>4729</v>
      </c>
      <c r="E9542" s="18"/>
      <c r="F9542" s="18"/>
      <c r="G9542" s="18"/>
      <c r="H9542" s="18"/>
      <c r="I9542" s="18"/>
      <c r="J9542" s="18"/>
      <c r="K9542" s="18"/>
      <c r="L9542" s="18"/>
      <c r="M9542" s="18"/>
      <c r="N9542" s="18"/>
      <c r="O9542" s="18"/>
      <c r="P9542" s="19">
        <v>170</v>
      </c>
      <c r="Q9542" s="19"/>
      <c r="R9542" s="19"/>
      <c r="S9542" s="19"/>
      <c r="T9542" s="19">
        <v>120</v>
      </c>
      <c r="U9542" s="19"/>
      <c r="V9542" s="19"/>
      <c r="W9542" s="19"/>
      <c r="X9542" s="19">
        <v>1</v>
      </c>
      <c r="Y9542" s="19"/>
      <c r="Z9542" s="19"/>
      <c r="AA9542" s="19"/>
    </row>
    <row r="9543" spans="1:27" s="1" customFormat="1" ht="14.1" customHeight="1" outlineLevel="1" x14ac:dyDescent="0.2">
      <c r="A9543" s="17"/>
      <c r="B9543" s="17"/>
      <c r="C9543" s="17"/>
      <c r="D9543" s="18"/>
      <c r="E9543" s="18"/>
      <c r="F9543" s="18"/>
      <c r="G9543" s="18"/>
      <c r="H9543" s="18"/>
      <c r="I9543" s="18"/>
      <c r="J9543" s="18"/>
      <c r="K9543" s="18"/>
      <c r="L9543" s="18"/>
      <c r="M9543" s="18"/>
      <c r="N9543" s="18"/>
      <c r="O9543" s="18"/>
      <c r="P9543" s="19"/>
      <c r="Q9543" s="19"/>
      <c r="R9543" s="19"/>
      <c r="S9543" s="19"/>
      <c r="T9543" s="19"/>
      <c r="U9543" s="19"/>
      <c r="V9543" s="19"/>
      <c r="W9543" s="19"/>
      <c r="X9543" s="19"/>
      <c r="Y9543" s="19"/>
      <c r="Z9543" s="19"/>
      <c r="AA9543" s="19"/>
    </row>
    <row r="9544" spans="1:27" s="1" customFormat="1" ht="14.1" customHeight="1" outlineLevel="1" x14ac:dyDescent="0.2">
      <c r="A9544" s="17">
        <v>12827</v>
      </c>
      <c r="B9544" s="17"/>
      <c r="C9544" s="17"/>
      <c r="D9544" s="18" t="s">
        <v>4730</v>
      </c>
      <c r="E9544" s="18"/>
      <c r="F9544" s="18"/>
      <c r="G9544" s="18"/>
      <c r="H9544" s="18"/>
      <c r="I9544" s="18"/>
      <c r="J9544" s="18"/>
      <c r="K9544" s="18"/>
      <c r="L9544" s="18"/>
      <c r="M9544" s="18"/>
      <c r="N9544" s="18"/>
      <c r="O9544" s="18"/>
      <c r="P9544" s="19">
        <v>150</v>
      </c>
      <c r="Q9544" s="19"/>
      <c r="R9544" s="19"/>
      <c r="S9544" s="19"/>
      <c r="T9544" s="19">
        <v>100</v>
      </c>
      <c r="U9544" s="19"/>
      <c r="V9544" s="19"/>
      <c r="W9544" s="19"/>
      <c r="X9544" s="19">
        <v>3</v>
      </c>
      <c r="Y9544" s="19"/>
      <c r="Z9544" s="19"/>
      <c r="AA9544" s="19"/>
    </row>
    <row r="9545" spans="1:27" s="1" customFormat="1" ht="14.1" customHeight="1" outlineLevel="1" x14ac:dyDescent="0.2">
      <c r="A9545" s="17"/>
      <c r="B9545" s="17"/>
      <c r="C9545" s="17"/>
      <c r="D9545" s="18"/>
      <c r="E9545" s="18"/>
      <c r="F9545" s="18"/>
      <c r="G9545" s="18"/>
      <c r="H9545" s="18"/>
      <c r="I9545" s="18"/>
      <c r="J9545" s="18"/>
      <c r="K9545" s="18"/>
      <c r="L9545" s="18"/>
      <c r="M9545" s="18"/>
      <c r="N9545" s="18"/>
      <c r="O9545" s="18"/>
      <c r="P9545" s="19"/>
      <c r="Q9545" s="19"/>
      <c r="R9545" s="19"/>
      <c r="S9545" s="19"/>
      <c r="T9545" s="19"/>
      <c r="U9545" s="19"/>
      <c r="V9545" s="19"/>
      <c r="W9545" s="19"/>
      <c r="X9545" s="19"/>
      <c r="Y9545" s="19"/>
      <c r="Z9545" s="19"/>
      <c r="AA9545" s="19"/>
    </row>
    <row r="9546" spans="1:27" s="1" customFormat="1" ht="14.1" customHeight="1" outlineLevel="1" x14ac:dyDescent="0.2">
      <c r="A9546" s="17">
        <v>13462</v>
      </c>
      <c r="B9546" s="17"/>
      <c r="C9546" s="17"/>
      <c r="D9546" s="18" t="s">
        <v>4731</v>
      </c>
      <c r="E9546" s="18"/>
      <c r="F9546" s="18"/>
      <c r="G9546" s="18"/>
      <c r="H9546" s="18"/>
      <c r="I9546" s="18"/>
      <c r="J9546" s="18"/>
      <c r="K9546" s="18"/>
      <c r="L9546" s="18"/>
      <c r="M9546" s="18"/>
      <c r="N9546" s="18"/>
      <c r="O9546" s="18"/>
      <c r="P9546" s="19">
        <v>160</v>
      </c>
      <c r="Q9546" s="19"/>
      <c r="R9546" s="19"/>
      <c r="S9546" s="19"/>
      <c r="T9546" s="19">
        <v>120</v>
      </c>
      <c r="U9546" s="19"/>
      <c r="V9546" s="19"/>
      <c r="W9546" s="19"/>
      <c r="X9546" s="19">
        <v>1</v>
      </c>
      <c r="Y9546" s="19"/>
      <c r="Z9546" s="19"/>
      <c r="AA9546" s="19"/>
    </row>
    <row r="9547" spans="1:27" s="1" customFormat="1" ht="14.1" customHeight="1" outlineLevel="1" x14ac:dyDescent="0.2">
      <c r="A9547" s="17"/>
      <c r="B9547" s="17"/>
      <c r="C9547" s="17"/>
      <c r="D9547" s="18"/>
      <c r="E9547" s="18"/>
      <c r="F9547" s="18"/>
      <c r="G9547" s="18"/>
      <c r="H9547" s="18"/>
      <c r="I9547" s="18"/>
      <c r="J9547" s="18"/>
      <c r="K9547" s="18"/>
      <c r="L9547" s="18"/>
      <c r="M9547" s="18"/>
      <c r="N9547" s="18"/>
      <c r="O9547" s="18"/>
      <c r="P9547" s="19"/>
      <c r="Q9547" s="19"/>
      <c r="R9547" s="19"/>
      <c r="S9547" s="19"/>
      <c r="T9547" s="19"/>
      <c r="U9547" s="19"/>
      <c r="V9547" s="19"/>
      <c r="W9547" s="19"/>
      <c r="X9547" s="19"/>
      <c r="Y9547" s="19"/>
      <c r="Z9547" s="19"/>
      <c r="AA9547" s="19"/>
    </row>
    <row r="9548" spans="1:27" s="1" customFormat="1" ht="14.1" customHeight="1" outlineLevel="1" x14ac:dyDescent="0.2">
      <c r="A9548" s="17">
        <v>17044</v>
      </c>
      <c r="B9548" s="17"/>
      <c r="C9548" s="17"/>
      <c r="D9548" s="18" t="s">
        <v>4732</v>
      </c>
      <c r="E9548" s="18"/>
      <c r="F9548" s="18"/>
      <c r="G9548" s="18"/>
      <c r="H9548" s="18"/>
      <c r="I9548" s="18"/>
      <c r="J9548" s="18"/>
      <c r="K9548" s="18"/>
      <c r="L9548" s="18"/>
      <c r="M9548" s="18"/>
      <c r="N9548" s="18"/>
      <c r="O9548" s="18"/>
      <c r="P9548" s="19">
        <v>120</v>
      </c>
      <c r="Q9548" s="19"/>
      <c r="R9548" s="19"/>
      <c r="S9548" s="19"/>
      <c r="T9548" s="19">
        <v>80</v>
      </c>
      <c r="U9548" s="19"/>
      <c r="V9548" s="19"/>
      <c r="W9548" s="19"/>
      <c r="X9548" s="19">
        <v>1</v>
      </c>
      <c r="Y9548" s="19"/>
      <c r="Z9548" s="19"/>
      <c r="AA9548" s="19"/>
    </row>
    <row r="9549" spans="1:27" s="1" customFormat="1" ht="14.1" customHeight="1" outlineLevel="1" x14ac:dyDescent="0.2">
      <c r="A9549" s="17"/>
      <c r="B9549" s="17"/>
      <c r="C9549" s="17"/>
      <c r="D9549" s="18"/>
      <c r="E9549" s="18"/>
      <c r="F9549" s="18"/>
      <c r="G9549" s="18"/>
      <c r="H9549" s="18"/>
      <c r="I9549" s="18"/>
      <c r="J9549" s="18"/>
      <c r="K9549" s="18"/>
      <c r="L9549" s="18"/>
      <c r="M9549" s="18"/>
      <c r="N9549" s="18"/>
      <c r="O9549" s="18"/>
      <c r="P9549" s="19"/>
      <c r="Q9549" s="19"/>
      <c r="R9549" s="19"/>
      <c r="S9549" s="19"/>
      <c r="T9549" s="19"/>
      <c r="U9549" s="19"/>
      <c r="V9549" s="19"/>
      <c r="W9549" s="19"/>
      <c r="X9549" s="19"/>
      <c r="Y9549" s="19"/>
      <c r="Z9549" s="19"/>
      <c r="AA9549" s="19"/>
    </row>
    <row r="9550" spans="1:27" s="1" customFormat="1" ht="14.1" customHeight="1" outlineLevel="1" x14ac:dyDescent="0.2">
      <c r="A9550" s="17">
        <v>13368</v>
      </c>
      <c r="B9550" s="17"/>
      <c r="C9550" s="17"/>
      <c r="D9550" s="18" t="s">
        <v>4733</v>
      </c>
      <c r="E9550" s="18"/>
      <c r="F9550" s="18"/>
      <c r="G9550" s="18"/>
      <c r="H9550" s="18"/>
      <c r="I9550" s="18"/>
      <c r="J9550" s="18"/>
      <c r="K9550" s="18"/>
      <c r="L9550" s="18"/>
      <c r="M9550" s="18"/>
      <c r="N9550" s="18"/>
      <c r="O9550" s="18"/>
      <c r="P9550" s="19">
        <v>120</v>
      </c>
      <c r="Q9550" s="19"/>
      <c r="R9550" s="19"/>
      <c r="S9550" s="19"/>
      <c r="T9550" s="19">
        <v>80</v>
      </c>
      <c r="U9550" s="19"/>
      <c r="V9550" s="19"/>
      <c r="W9550" s="19"/>
      <c r="X9550" s="19">
        <v>1</v>
      </c>
      <c r="Y9550" s="19"/>
      <c r="Z9550" s="19"/>
      <c r="AA9550" s="19"/>
    </row>
    <row r="9551" spans="1:27" s="1" customFormat="1" ht="14.1" customHeight="1" outlineLevel="1" x14ac:dyDescent="0.2">
      <c r="A9551" s="17"/>
      <c r="B9551" s="17"/>
      <c r="C9551" s="17"/>
      <c r="D9551" s="18"/>
      <c r="E9551" s="18"/>
      <c r="F9551" s="18"/>
      <c r="G9551" s="18"/>
      <c r="H9551" s="18"/>
      <c r="I9551" s="18"/>
      <c r="J9551" s="18"/>
      <c r="K9551" s="18"/>
      <c r="L9551" s="18"/>
      <c r="M9551" s="18"/>
      <c r="N9551" s="18"/>
      <c r="O9551" s="18"/>
      <c r="P9551" s="19"/>
      <c r="Q9551" s="19"/>
      <c r="R9551" s="19"/>
      <c r="S9551" s="19"/>
      <c r="T9551" s="19"/>
      <c r="U9551" s="19"/>
      <c r="V9551" s="19"/>
      <c r="W9551" s="19"/>
      <c r="X9551" s="19"/>
      <c r="Y9551" s="19"/>
      <c r="Z9551" s="19"/>
      <c r="AA9551" s="19"/>
    </row>
    <row r="9552" spans="1:27" s="1" customFormat="1" ht="14.1" customHeight="1" outlineLevel="1" x14ac:dyDescent="0.2">
      <c r="A9552" s="17">
        <v>13341</v>
      </c>
      <c r="B9552" s="17"/>
      <c r="C9552" s="17"/>
      <c r="D9552" s="18" t="s">
        <v>4734</v>
      </c>
      <c r="E9552" s="18"/>
      <c r="F9552" s="18"/>
      <c r="G9552" s="18"/>
      <c r="H9552" s="18"/>
      <c r="I9552" s="18"/>
      <c r="J9552" s="18"/>
      <c r="K9552" s="18"/>
      <c r="L9552" s="18"/>
      <c r="M9552" s="18"/>
      <c r="N9552" s="18"/>
      <c r="O9552" s="18"/>
      <c r="P9552" s="19">
        <v>190</v>
      </c>
      <c r="Q9552" s="19"/>
      <c r="R9552" s="19"/>
      <c r="S9552" s="19"/>
      <c r="T9552" s="19">
        <v>140</v>
      </c>
      <c r="U9552" s="19"/>
      <c r="V9552" s="19"/>
      <c r="W9552" s="19"/>
      <c r="X9552" s="19">
        <v>1</v>
      </c>
      <c r="Y9552" s="19"/>
      <c r="Z9552" s="19"/>
      <c r="AA9552" s="19"/>
    </row>
    <row r="9553" spans="1:27" s="1" customFormat="1" ht="14.1" customHeight="1" outlineLevel="1" x14ac:dyDescent="0.2">
      <c r="A9553" s="17"/>
      <c r="B9553" s="17"/>
      <c r="C9553" s="17"/>
      <c r="D9553" s="18"/>
      <c r="E9553" s="18"/>
      <c r="F9553" s="18"/>
      <c r="G9553" s="18"/>
      <c r="H9553" s="18"/>
      <c r="I9553" s="18"/>
      <c r="J9553" s="18"/>
      <c r="K9553" s="18"/>
      <c r="L9553" s="18"/>
      <c r="M9553" s="18"/>
      <c r="N9553" s="18"/>
      <c r="O9553" s="18"/>
      <c r="P9553" s="19"/>
      <c r="Q9553" s="19"/>
      <c r="R9553" s="19"/>
      <c r="S9553" s="19"/>
      <c r="T9553" s="19"/>
      <c r="U9553" s="19"/>
      <c r="V9553" s="19"/>
      <c r="W9553" s="19"/>
      <c r="X9553" s="19"/>
      <c r="Y9553" s="19"/>
      <c r="Z9553" s="19"/>
      <c r="AA9553" s="19"/>
    </row>
    <row r="9554" spans="1:27" s="1" customFormat="1" ht="14.1" customHeight="1" outlineLevel="1" x14ac:dyDescent="0.2">
      <c r="A9554" s="17">
        <v>13453</v>
      </c>
      <c r="B9554" s="17"/>
      <c r="C9554" s="17"/>
      <c r="D9554" s="18" t="s">
        <v>4735</v>
      </c>
      <c r="E9554" s="18"/>
      <c r="F9554" s="18"/>
      <c r="G9554" s="18"/>
      <c r="H9554" s="18"/>
      <c r="I9554" s="18"/>
      <c r="J9554" s="18"/>
      <c r="K9554" s="18"/>
      <c r="L9554" s="18"/>
      <c r="M9554" s="18"/>
      <c r="N9554" s="18"/>
      <c r="O9554" s="18"/>
      <c r="P9554" s="19">
        <v>160</v>
      </c>
      <c r="Q9554" s="19"/>
      <c r="R9554" s="19"/>
      <c r="S9554" s="19"/>
      <c r="T9554" s="19">
        <v>120</v>
      </c>
      <c r="U9554" s="19"/>
      <c r="V9554" s="19"/>
      <c r="W9554" s="19"/>
      <c r="X9554" s="19">
        <v>1</v>
      </c>
      <c r="Y9554" s="19"/>
      <c r="Z9554" s="19"/>
      <c r="AA9554" s="19"/>
    </row>
    <row r="9555" spans="1:27" s="1" customFormat="1" ht="14.1" customHeight="1" outlineLevel="1" x14ac:dyDescent="0.2">
      <c r="A9555" s="17"/>
      <c r="B9555" s="17"/>
      <c r="C9555" s="17"/>
      <c r="D9555" s="18"/>
      <c r="E9555" s="18"/>
      <c r="F9555" s="18"/>
      <c r="G9555" s="18"/>
      <c r="H9555" s="18"/>
      <c r="I9555" s="18"/>
      <c r="J9555" s="18"/>
      <c r="K9555" s="18"/>
      <c r="L9555" s="18"/>
      <c r="M9555" s="18"/>
      <c r="N9555" s="18"/>
      <c r="O9555" s="18"/>
      <c r="P9555" s="19"/>
      <c r="Q9555" s="19"/>
      <c r="R9555" s="19"/>
      <c r="S9555" s="19"/>
      <c r="T9555" s="19"/>
      <c r="U9555" s="19"/>
      <c r="V9555" s="19"/>
      <c r="W9555" s="19"/>
      <c r="X9555" s="19"/>
      <c r="Y9555" s="19"/>
      <c r="Z9555" s="19"/>
      <c r="AA9555" s="19"/>
    </row>
    <row r="9556" spans="1:27" s="1" customFormat="1" ht="14.1" customHeight="1" outlineLevel="1" x14ac:dyDescent="0.2">
      <c r="A9556" s="17">
        <v>16824</v>
      </c>
      <c r="B9556" s="17"/>
      <c r="C9556" s="17"/>
      <c r="D9556" s="18" t="s">
        <v>4736</v>
      </c>
      <c r="E9556" s="18"/>
      <c r="F9556" s="18"/>
      <c r="G9556" s="18"/>
      <c r="H9556" s="18"/>
      <c r="I9556" s="18"/>
      <c r="J9556" s="18"/>
      <c r="K9556" s="18"/>
      <c r="L9556" s="18"/>
      <c r="M9556" s="18"/>
      <c r="N9556" s="18"/>
      <c r="O9556" s="18"/>
      <c r="P9556" s="19">
        <v>200</v>
      </c>
      <c r="Q9556" s="19"/>
      <c r="R9556" s="19"/>
      <c r="S9556" s="19"/>
      <c r="T9556" s="19">
        <v>100</v>
      </c>
      <c r="U9556" s="19"/>
      <c r="V9556" s="19"/>
      <c r="W9556" s="19"/>
      <c r="X9556" s="19">
        <v>1</v>
      </c>
      <c r="Y9556" s="19"/>
      <c r="Z9556" s="19"/>
      <c r="AA9556" s="19"/>
    </row>
    <row r="9557" spans="1:27" s="1" customFormat="1" ht="14.1" customHeight="1" outlineLevel="1" x14ac:dyDescent="0.2">
      <c r="A9557" s="17"/>
      <c r="B9557" s="17"/>
      <c r="C9557" s="17"/>
      <c r="D9557" s="18"/>
      <c r="E9557" s="18"/>
      <c r="F9557" s="18"/>
      <c r="G9557" s="18"/>
      <c r="H9557" s="18"/>
      <c r="I9557" s="18"/>
      <c r="J9557" s="18"/>
      <c r="K9557" s="18"/>
      <c r="L9557" s="18"/>
      <c r="M9557" s="18"/>
      <c r="N9557" s="18"/>
      <c r="O9557" s="18"/>
      <c r="P9557" s="19"/>
      <c r="Q9557" s="19"/>
      <c r="R9557" s="19"/>
      <c r="S9557" s="19"/>
      <c r="T9557" s="19"/>
      <c r="U9557" s="19"/>
      <c r="V9557" s="19"/>
      <c r="W9557" s="19"/>
      <c r="X9557" s="19"/>
      <c r="Y9557" s="19"/>
      <c r="Z9557" s="19"/>
      <c r="AA9557" s="19"/>
    </row>
    <row r="9558" spans="1:27" s="1" customFormat="1" ht="14.1" customHeight="1" outlineLevel="1" x14ac:dyDescent="0.2">
      <c r="A9558" s="17">
        <v>16988</v>
      </c>
      <c r="B9558" s="17"/>
      <c r="C9558" s="17"/>
      <c r="D9558" s="18" t="s">
        <v>4737</v>
      </c>
      <c r="E9558" s="18"/>
      <c r="F9558" s="18"/>
      <c r="G9558" s="18"/>
      <c r="H9558" s="18"/>
      <c r="I9558" s="18"/>
      <c r="J9558" s="18"/>
      <c r="K9558" s="18"/>
      <c r="L9558" s="18"/>
      <c r="M9558" s="18"/>
      <c r="N9558" s="18"/>
      <c r="O9558" s="18"/>
      <c r="P9558" s="19">
        <v>150</v>
      </c>
      <c r="Q9558" s="19"/>
      <c r="R9558" s="19"/>
      <c r="S9558" s="19"/>
      <c r="T9558" s="19">
        <v>100</v>
      </c>
      <c r="U9558" s="19"/>
      <c r="V9558" s="19"/>
      <c r="W9558" s="19"/>
      <c r="X9558" s="19">
        <v>1</v>
      </c>
      <c r="Y9558" s="19"/>
      <c r="Z9558" s="19"/>
      <c r="AA9558" s="19"/>
    </row>
    <row r="9559" spans="1:27" s="1" customFormat="1" ht="14.1" customHeight="1" outlineLevel="1" x14ac:dyDescent="0.2">
      <c r="A9559" s="17"/>
      <c r="B9559" s="17"/>
      <c r="C9559" s="17"/>
      <c r="D9559" s="18"/>
      <c r="E9559" s="18"/>
      <c r="F9559" s="18"/>
      <c r="G9559" s="18"/>
      <c r="H9559" s="18"/>
      <c r="I9559" s="18"/>
      <c r="J9559" s="18"/>
      <c r="K9559" s="18"/>
      <c r="L9559" s="18"/>
      <c r="M9559" s="18"/>
      <c r="N9559" s="18"/>
      <c r="O9559" s="18"/>
      <c r="P9559" s="19"/>
      <c r="Q9559" s="19"/>
      <c r="R9559" s="19"/>
      <c r="S9559" s="19"/>
      <c r="T9559" s="19"/>
      <c r="U9559" s="19"/>
      <c r="V9559" s="19"/>
      <c r="W9559" s="19"/>
      <c r="X9559" s="19"/>
      <c r="Y9559" s="19"/>
      <c r="Z9559" s="19"/>
      <c r="AA9559" s="19"/>
    </row>
    <row r="9560" spans="1:27" s="1" customFormat="1" ht="14.1" customHeight="1" outlineLevel="1" x14ac:dyDescent="0.2">
      <c r="A9560" s="17">
        <v>13501</v>
      </c>
      <c r="B9560" s="17"/>
      <c r="C9560" s="17"/>
      <c r="D9560" s="18" t="s">
        <v>4738</v>
      </c>
      <c r="E9560" s="18"/>
      <c r="F9560" s="18"/>
      <c r="G9560" s="18"/>
      <c r="H9560" s="18"/>
      <c r="I9560" s="18"/>
      <c r="J9560" s="18"/>
      <c r="K9560" s="18"/>
      <c r="L9560" s="18"/>
      <c r="M9560" s="18"/>
      <c r="N9560" s="18"/>
      <c r="O9560" s="18"/>
      <c r="P9560" s="19">
        <v>150</v>
      </c>
      <c r="Q9560" s="19"/>
      <c r="R9560" s="19"/>
      <c r="S9560" s="19"/>
      <c r="T9560" s="19">
        <v>100</v>
      </c>
      <c r="U9560" s="19"/>
      <c r="V9560" s="19"/>
      <c r="W9560" s="19"/>
      <c r="X9560" s="19">
        <v>3</v>
      </c>
      <c r="Y9560" s="19"/>
      <c r="Z9560" s="19"/>
      <c r="AA9560" s="19"/>
    </row>
    <row r="9561" spans="1:27" s="1" customFormat="1" ht="14.1" customHeight="1" outlineLevel="1" x14ac:dyDescent="0.2">
      <c r="A9561" s="17"/>
      <c r="B9561" s="17"/>
      <c r="C9561" s="17"/>
      <c r="D9561" s="18"/>
      <c r="E9561" s="18"/>
      <c r="F9561" s="18"/>
      <c r="G9561" s="18"/>
      <c r="H9561" s="18"/>
      <c r="I9561" s="18"/>
      <c r="J9561" s="18"/>
      <c r="K9561" s="18"/>
      <c r="L9561" s="18"/>
      <c r="M9561" s="18"/>
      <c r="N9561" s="18"/>
      <c r="O9561" s="18"/>
      <c r="P9561" s="19"/>
      <c r="Q9561" s="19"/>
      <c r="R9561" s="19"/>
      <c r="S9561" s="19"/>
      <c r="T9561" s="19"/>
      <c r="U9561" s="19"/>
      <c r="V9561" s="19"/>
      <c r="W9561" s="19"/>
      <c r="X9561" s="19"/>
      <c r="Y9561" s="19"/>
      <c r="Z9561" s="19"/>
      <c r="AA9561" s="19"/>
    </row>
    <row r="9562" spans="1:27" s="1" customFormat="1" ht="14.1" customHeight="1" outlineLevel="1" x14ac:dyDescent="0.2">
      <c r="A9562" s="17">
        <v>15753</v>
      </c>
      <c r="B9562" s="17"/>
      <c r="C9562" s="17"/>
      <c r="D9562" s="18" t="s">
        <v>4739</v>
      </c>
      <c r="E9562" s="18"/>
      <c r="F9562" s="18"/>
      <c r="G9562" s="18"/>
      <c r="H9562" s="18"/>
      <c r="I9562" s="18"/>
      <c r="J9562" s="18"/>
      <c r="K9562" s="18"/>
      <c r="L9562" s="18"/>
      <c r="M9562" s="18"/>
      <c r="N9562" s="18"/>
      <c r="O9562" s="18"/>
      <c r="P9562" s="19">
        <v>110</v>
      </c>
      <c r="Q9562" s="19"/>
      <c r="R9562" s="19"/>
      <c r="S9562" s="19"/>
      <c r="T9562" s="19">
        <v>70</v>
      </c>
      <c r="U9562" s="19"/>
      <c r="V9562" s="19"/>
      <c r="W9562" s="19"/>
      <c r="X9562" s="19">
        <v>1</v>
      </c>
      <c r="Y9562" s="19"/>
      <c r="Z9562" s="19"/>
      <c r="AA9562" s="19"/>
    </row>
    <row r="9563" spans="1:27" s="1" customFormat="1" ht="14.1" customHeight="1" outlineLevel="1" x14ac:dyDescent="0.2">
      <c r="A9563" s="17"/>
      <c r="B9563" s="17"/>
      <c r="C9563" s="17"/>
      <c r="D9563" s="18"/>
      <c r="E9563" s="18"/>
      <c r="F9563" s="18"/>
      <c r="G9563" s="18"/>
      <c r="H9563" s="18"/>
      <c r="I9563" s="18"/>
      <c r="J9563" s="18"/>
      <c r="K9563" s="18"/>
      <c r="L9563" s="18"/>
      <c r="M9563" s="18"/>
      <c r="N9563" s="18"/>
      <c r="O9563" s="18"/>
      <c r="P9563" s="19"/>
      <c r="Q9563" s="19"/>
      <c r="R9563" s="19"/>
      <c r="S9563" s="19"/>
      <c r="T9563" s="19"/>
      <c r="U9563" s="19"/>
      <c r="V9563" s="19"/>
      <c r="W9563" s="19"/>
      <c r="X9563" s="19"/>
      <c r="Y9563" s="19"/>
      <c r="Z9563" s="19"/>
      <c r="AA9563" s="19"/>
    </row>
    <row r="9564" spans="1:27" s="1" customFormat="1" ht="14.1" customHeight="1" outlineLevel="1" x14ac:dyDescent="0.2">
      <c r="A9564" s="17">
        <v>16976</v>
      </c>
      <c r="B9564" s="17"/>
      <c r="C9564" s="17"/>
      <c r="D9564" s="18" t="s">
        <v>4740</v>
      </c>
      <c r="E9564" s="18"/>
      <c r="F9564" s="18"/>
      <c r="G9564" s="18"/>
      <c r="H9564" s="18"/>
      <c r="I9564" s="18"/>
      <c r="J9564" s="18"/>
      <c r="K9564" s="18"/>
      <c r="L9564" s="18"/>
      <c r="M9564" s="18"/>
      <c r="N9564" s="18"/>
      <c r="O9564" s="18"/>
      <c r="P9564" s="19">
        <v>150</v>
      </c>
      <c r="Q9564" s="19"/>
      <c r="R9564" s="19"/>
      <c r="S9564" s="19"/>
      <c r="T9564" s="19">
        <v>100</v>
      </c>
      <c r="U9564" s="19"/>
      <c r="V9564" s="19"/>
      <c r="W9564" s="19"/>
      <c r="X9564" s="19">
        <v>1</v>
      </c>
      <c r="Y9564" s="19"/>
      <c r="Z9564" s="19"/>
      <c r="AA9564" s="19"/>
    </row>
    <row r="9565" spans="1:27" s="1" customFormat="1" ht="14.1" customHeight="1" outlineLevel="1" x14ac:dyDescent="0.2">
      <c r="A9565" s="17"/>
      <c r="B9565" s="17"/>
      <c r="C9565" s="17"/>
      <c r="D9565" s="18"/>
      <c r="E9565" s="18"/>
      <c r="F9565" s="18"/>
      <c r="G9565" s="18"/>
      <c r="H9565" s="18"/>
      <c r="I9565" s="18"/>
      <c r="J9565" s="18"/>
      <c r="K9565" s="18"/>
      <c r="L9565" s="18"/>
      <c r="M9565" s="18"/>
      <c r="N9565" s="18"/>
      <c r="O9565" s="18"/>
      <c r="P9565" s="19"/>
      <c r="Q9565" s="19"/>
      <c r="R9565" s="19"/>
      <c r="S9565" s="19"/>
      <c r="T9565" s="19"/>
      <c r="U9565" s="19"/>
      <c r="V9565" s="19"/>
      <c r="W9565" s="19"/>
      <c r="X9565" s="19"/>
      <c r="Y9565" s="19"/>
      <c r="Z9565" s="19"/>
      <c r="AA9565" s="19"/>
    </row>
    <row r="9566" spans="1:27" s="1" customFormat="1" ht="14.1" customHeight="1" outlineLevel="1" x14ac:dyDescent="0.2">
      <c r="A9566" s="17">
        <v>17064</v>
      </c>
      <c r="B9566" s="17"/>
      <c r="C9566" s="17"/>
      <c r="D9566" s="18" t="s">
        <v>4741</v>
      </c>
      <c r="E9566" s="18"/>
      <c r="F9566" s="18"/>
      <c r="G9566" s="18"/>
      <c r="H9566" s="18"/>
      <c r="I9566" s="18"/>
      <c r="J9566" s="18"/>
      <c r="K9566" s="18"/>
      <c r="L9566" s="18"/>
      <c r="M9566" s="18"/>
      <c r="N9566" s="18"/>
      <c r="O9566" s="18"/>
      <c r="P9566" s="19">
        <v>150</v>
      </c>
      <c r="Q9566" s="19"/>
      <c r="R9566" s="19"/>
      <c r="S9566" s="19"/>
      <c r="T9566" s="19">
        <v>100</v>
      </c>
      <c r="U9566" s="19"/>
      <c r="V9566" s="19"/>
      <c r="W9566" s="19"/>
      <c r="X9566" s="19">
        <v>1</v>
      </c>
      <c r="Y9566" s="19"/>
      <c r="Z9566" s="19"/>
      <c r="AA9566" s="19"/>
    </row>
    <row r="9567" spans="1:27" s="1" customFormat="1" ht="14.1" customHeight="1" outlineLevel="1" x14ac:dyDescent="0.2">
      <c r="A9567" s="17"/>
      <c r="B9567" s="17"/>
      <c r="C9567" s="17"/>
      <c r="D9567" s="18"/>
      <c r="E9567" s="18"/>
      <c r="F9567" s="18"/>
      <c r="G9567" s="18"/>
      <c r="H9567" s="18"/>
      <c r="I9567" s="18"/>
      <c r="J9567" s="18"/>
      <c r="K9567" s="18"/>
      <c r="L9567" s="18"/>
      <c r="M9567" s="18"/>
      <c r="N9567" s="18"/>
      <c r="O9567" s="18"/>
      <c r="P9567" s="19"/>
      <c r="Q9567" s="19"/>
      <c r="R9567" s="19"/>
      <c r="S9567" s="19"/>
      <c r="T9567" s="19"/>
      <c r="U9567" s="19"/>
      <c r="V9567" s="19"/>
      <c r="W9567" s="19"/>
      <c r="X9567" s="19"/>
      <c r="Y9567" s="19"/>
      <c r="Z9567" s="19"/>
      <c r="AA9567" s="19"/>
    </row>
    <row r="9568" spans="1:27" s="1" customFormat="1" ht="14.1" customHeight="1" outlineLevel="1" x14ac:dyDescent="0.2">
      <c r="A9568" s="17">
        <v>15516</v>
      </c>
      <c r="B9568" s="17"/>
      <c r="C9568" s="17"/>
      <c r="D9568" s="18" t="s">
        <v>4742</v>
      </c>
      <c r="E9568" s="18"/>
      <c r="F9568" s="18"/>
      <c r="G9568" s="18"/>
      <c r="H9568" s="18"/>
      <c r="I9568" s="18"/>
      <c r="J9568" s="18"/>
      <c r="K9568" s="18"/>
      <c r="L9568" s="18"/>
      <c r="M9568" s="18"/>
      <c r="N9568" s="18"/>
      <c r="O9568" s="18"/>
      <c r="P9568" s="19">
        <v>110</v>
      </c>
      <c r="Q9568" s="19"/>
      <c r="R9568" s="19"/>
      <c r="S9568" s="19"/>
      <c r="T9568" s="19">
        <v>80</v>
      </c>
      <c r="U9568" s="19"/>
      <c r="V9568" s="19"/>
      <c r="W9568" s="19"/>
      <c r="X9568" s="19">
        <v>1</v>
      </c>
      <c r="Y9568" s="19"/>
      <c r="Z9568" s="19"/>
      <c r="AA9568" s="19"/>
    </row>
    <row r="9569" spans="1:27" s="1" customFormat="1" ht="14.1" customHeight="1" outlineLevel="1" x14ac:dyDescent="0.2">
      <c r="A9569" s="17"/>
      <c r="B9569" s="17"/>
      <c r="C9569" s="17"/>
      <c r="D9569" s="18"/>
      <c r="E9569" s="18"/>
      <c r="F9569" s="18"/>
      <c r="G9569" s="18"/>
      <c r="H9569" s="18"/>
      <c r="I9569" s="18"/>
      <c r="J9569" s="18"/>
      <c r="K9569" s="18"/>
      <c r="L9569" s="18"/>
      <c r="M9569" s="18"/>
      <c r="N9569" s="18"/>
      <c r="O9569" s="18"/>
      <c r="P9569" s="19"/>
      <c r="Q9569" s="19"/>
      <c r="R9569" s="19"/>
      <c r="S9569" s="19"/>
      <c r="T9569" s="19"/>
      <c r="U9569" s="19"/>
      <c r="V9569" s="19"/>
      <c r="W9569" s="19"/>
      <c r="X9569" s="19"/>
      <c r="Y9569" s="19"/>
      <c r="Z9569" s="19"/>
      <c r="AA9569" s="19"/>
    </row>
    <row r="9570" spans="1:27" s="1" customFormat="1" ht="14.1" customHeight="1" outlineLevel="1" x14ac:dyDescent="0.2">
      <c r="A9570" s="17">
        <v>12879</v>
      </c>
      <c r="B9570" s="17"/>
      <c r="C9570" s="17"/>
      <c r="D9570" s="18" t="s">
        <v>4743</v>
      </c>
      <c r="E9570" s="18"/>
      <c r="F9570" s="18"/>
      <c r="G9570" s="18"/>
      <c r="H9570" s="18"/>
      <c r="I9570" s="18"/>
      <c r="J9570" s="18"/>
      <c r="K9570" s="18"/>
      <c r="L9570" s="18"/>
      <c r="M9570" s="18"/>
      <c r="N9570" s="18"/>
      <c r="O9570" s="18"/>
      <c r="P9570" s="19">
        <v>130</v>
      </c>
      <c r="Q9570" s="19"/>
      <c r="R9570" s="19"/>
      <c r="S9570" s="19"/>
      <c r="T9570" s="19">
        <v>100</v>
      </c>
      <c r="U9570" s="19"/>
      <c r="V9570" s="19"/>
      <c r="W9570" s="19"/>
      <c r="X9570" s="19">
        <v>1</v>
      </c>
      <c r="Y9570" s="19"/>
      <c r="Z9570" s="19"/>
      <c r="AA9570" s="19"/>
    </row>
    <row r="9571" spans="1:27" s="1" customFormat="1" ht="14.1" customHeight="1" outlineLevel="1" x14ac:dyDescent="0.2">
      <c r="A9571" s="17"/>
      <c r="B9571" s="17"/>
      <c r="C9571" s="17"/>
      <c r="D9571" s="18"/>
      <c r="E9571" s="18"/>
      <c r="F9571" s="18"/>
      <c r="G9571" s="18"/>
      <c r="H9571" s="18"/>
      <c r="I9571" s="18"/>
      <c r="J9571" s="18"/>
      <c r="K9571" s="18"/>
      <c r="L9571" s="18"/>
      <c r="M9571" s="18"/>
      <c r="N9571" s="18"/>
      <c r="O9571" s="18"/>
      <c r="P9571" s="19"/>
      <c r="Q9571" s="19"/>
      <c r="R9571" s="19"/>
      <c r="S9571" s="19"/>
      <c r="T9571" s="19"/>
      <c r="U9571" s="19"/>
      <c r="V9571" s="19"/>
      <c r="W9571" s="19"/>
      <c r="X9571" s="19"/>
      <c r="Y9571" s="19"/>
      <c r="Z9571" s="19"/>
      <c r="AA9571" s="19"/>
    </row>
    <row r="9572" spans="1:27" s="1" customFormat="1" ht="14.1" customHeight="1" outlineLevel="1" x14ac:dyDescent="0.2">
      <c r="A9572" s="17">
        <v>17511</v>
      </c>
      <c r="B9572" s="17"/>
      <c r="C9572" s="17"/>
      <c r="D9572" s="18" t="s">
        <v>4744</v>
      </c>
      <c r="E9572" s="18"/>
      <c r="F9572" s="18"/>
      <c r="G9572" s="18"/>
      <c r="H9572" s="18"/>
      <c r="I9572" s="18"/>
      <c r="J9572" s="18"/>
      <c r="K9572" s="18"/>
      <c r="L9572" s="18"/>
      <c r="M9572" s="18"/>
      <c r="N9572" s="18"/>
      <c r="O9572" s="18"/>
      <c r="P9572" s="19">
        <v>150</v>
      </c>
      <c r="Q9572" s="19"/>
      <c r="R9572" s="19"/>
      <c r="S9572" s="19"/>
      <c r="T9572" s="19">
        <v>90</v>
      </c>
      <c r="U9572" s="19"/>
      <c r="V9572" s="19"/>
      <c r="W9572" s="19"/>
      <c r="X9572" s="19">
        <v>1</v>
      </c>
      <c r="Y9572" s="19"/>
      <c r="Z9572" s="19"/>
      <c r="AA9572" s="19"/>
    </row>
    <row r="9573" spans="1:27" s="1" customFormat="1" ht="14.1" customHeight="1" outlineLevel="1" x14ac:dyDescent="0.2">
      <c r="A9573" s="17"/>
      <c r="B9573" s="17"/>
      <c r="C9573" s="17"/>
      <c r="D9573" s="18"/>
      <c r="E9573" s="18"/>
      <c r="F9573" s="18"/>
      <c r="G9573" s="18"/>
      <c r="H9573" s="18"/>
      <c r="I9573" s="18"/>
      <c r="J9573" s="18"/>
      <c r="K9573" s="18"/>
      <c r="L9573" s="18"/>
      <c r="M9573" s="18"/>
      <c r="N9573" s="18"/>
      <c r="O9573" s="18"/>
      <c r="P9573" s="19"/>
      <c r="Q9573" s="19"/>
      <c r="R9573" s="19"/>
      <c r="S9573" s="19"/>
      <c r="T9573" s="19"/>
      <c r="U9573" s="19"/>
      <c r="V9573" s="19"/>
      <c r="W9573" s="19"/>
      <c r="X9573" s="19"/>
      <c r="Y9573" s="19"/>
      <c r="Z9573" s="19"/>
      <c r="AA9573" s="19"/>
    </row>
    <row r="9574" spans="1:27" s="1" customFormat="1" ht="14.1" customHeight="1" outlineLevel="1" x14ac:dyDescent="0.2">
      <c r="A9574" s="17">
        <v>15515</v>
      </c>
      <c r="B9574" s="17"/>
      <c r="C9574" s="17"/>
      <c r="D9574" s="18" t="s">
        <v>4745</v>
      </c>
      <c r="E9574" s="18"/>
      <c r="F9574" s="18"/>
      <c r="G9574" s="18"/>
      <c r="H9574" s="18"/>
      <c r="I9574" s="18"/>
      <c r="J9574" s="18"/>
      <c r="K9574" s="18"/>
      <c r="L9574" s="18"/>
      <c r="M9574" s="18"/>
      <c r="N9574" s="18"/>
      <c r="O9574" s="18"/>
      <c r="P9574" s="19">
        <v>200</v>
      </c>
      <c r="Q9574" s="19"/>
      <c r="R9574" s="19"/>
      <c r="S9574" s="19"/>
      <c r="T9574" s="19">
        <v>150</v>
      </c>
      <c r="U9574" s="19"/>
      <c r="V9574" s="19"/>
      <c r="W9574" s="19"/>
      <c r="X9574" s="19">
        <v>3</v>
      </c>
      <c r="Y9574" s="19"/>
      <c r="Z9574" s="19"/>
      <c r="AA9574" s="19"/>
    </row>
    <row r="9575" spans="1:27" s="1" customFormat="1" ht="14.1" customHeight="1" outlineLevel="1" x14ac:dyDescent="0.2">
      <c r="A9575" s="17"/>
      <c r="B9575" s="17"/>
      <c r="C9575" s="17"/>
      <c r="D9575" s="18"/>
      <c r="E9575" s="18"/>
      <c r="F9575" s="18"/>
      <c r="G9575" s="18"/>
      <c r="H9575" s="18"/>
      <c r="I9575" s="18"/>
      <c r="J9575" s="18"/>
      <c r="K9575" s="18"/>
      <c r="L9575" s="18"/>
      <c r="M9575" s="18"/>
      <c r="N9575" s="18"/>
      <c r="O9575" s="18"/>
      <c r="P9575" s="19"/>
      <c r="Q9575" s="19"/>
      <c r="R9575" s="19"/>
      <c r="S9575" s="19"/>
      <c r="T9575" s="19"/>
      <c r="U9575" s="19"/>
      <c r="V9575" s="19"/>
      <c r="W9575" s="19"/>
      <c r="X9575" s="19"/>
      <c r="Y9575" s="19"/>
      <c r="Z9575" s="19"/>
      <c r="AA9575" s="19"/>
    </row>
    <row r="9576" spans="1:27" s="1" customFormat="1" ht="14.1" customHeight="1" outlineLevel="1" x14ac:dyDescent="0.2">
      <c r="A9576" s="17">
        <v>17059</v>
      </c>
      <c r="B9576" s="17"/>
      <c r="C9576" s="17"/>
      <c r="D9576" s="18" t="s">
        <v>4746</v>
      </c>
      <c r="E9576" s="18"/>
      <c r="F9576" s="18"/>
      <c r="G9576" s="18"/>
      <c r="H9576" s="18"/>
      <c r="I9576" s="18"/>
      <c r="J9576" s="18"/>
      <c r="K9576" s="18"/>
      <c r="L9576" s="18"/>
      <c r="M9576" s="18"/>
      <c r="N9576" s="18"/>
      <c r="O9576" s="18"/>
      <c r="P9576" s="19">
        <v>150</v>
      </c>
      <c r="Q9576" s="19"/>
      <c r="R9576" s="19"/>
      <c r="S9576" s="19"/>
      <c r="T9576" s="19">
        <v>90</v>
      </c>
      <c r="U9576" s="19"/>
      <c r="V9576" s="19"/>
      <c r="W9576" s="19"/>
      <c r="X9576" s="19">
        <v>1</v>
      </c>
      <c r="Y9576" s="19"/>
      <c r="Z9576" s="19"/>
      <c r="AA9576" s="19"/>
    </row>
    <row r="9577" spans="1:27" s="1" customFormat="1" ht="14.1" customHeight="1" outlineLevel="1" x14ac:dyDescent="0.2">
      <c r="A9577" s="17"/>
      <c r="B9577" s="17"/>
      <c r="C9577" s="17"/>
      <c r="D9577" s="18"/>
      <c r="E9577" s="18"/>
      <c r="F9577" s="18"/>
      <c r="G9577" s="18"/>
      <c r="H9577" s="18"/>
      <c r="I9577" s="18"/>
      <c r="J9577" s="18"/>
      <c r="K9577" s="18"/>
      <c r="L9577" s="18"/>
      <c r="M9577" s="18"/>
      <c r="N9577" s="18"/>
      <c r="O9577" s="18"/>
      <c r="P9577" s="19"/>
      <c r="Q9577" s="19"/>
      <c r="R9577" s="19"/>
      <c r="S9577" s="19"/>
      <c r="T9577" s="19"/>
      <c r="U9577" s="19"/>
      <c r="V9577" s="19"/>
      <c r="W9577" s="19"/>
      <c r="X9577" s="19"/>
      <c r="Y9577" s="19"/>
      <c r="Z9577" s="19"/>
      <c r="AA9577" s="19"/>
    </row>
    <row r="9578" spans="1:27" s="1" customFormat="1" ht="14.1" customHeight="1" outlineLevel="1" x14ac:dyDescent="0.2">
      <c r="A9578" s="17">
        <v>18111</v>
      </c>
      <c r="B9578" s="17"/>
      <c r="C9578" s="17"/>
      <c r="D9578" s="18" t="s">
        <v>4747</v>
      </c>
      <c r="E9578" s="18"/>
      <c r="F9578" s="18"/>
      <c r="G9578" s="18"/>
      <c r="H9578" s="18"/>
      <c r="I9578" s="18"/>
      <c r="J9578" s="18"/>
      <c r="K9578" s="18"/>
      <c r="L9578" s="18"/>
      <c r="M9578" s="18"/>
      <c r="N9578" s="18"/>
      <c r="O9578" s="18"/>
      <c r="P9578" s="19">
        <v>150</v>
      </c>
      <c r="Q9578" s="19"/>
      <c r="R9578" s="19"/>
      <c r="S9578" s="19"/>
      <c r="T9578" s="19">
        <v>100</v>
      </c>
      <c r="U9578" s="19"/>
      <c r="V9578" s="19"/>
      <c r="W9578" s="19"/>
      <c r="X9578" s="19">
        <v>2</v>
      </c>
      <c r="Y9578" s="19"/>
      <c r="Z9578" s="19"/>
      <c r="AA9578" s="19"/>
    </row>
    <row r="9579" spans="1:27" s="1" customFormat="1" ht="14.1" customHeight="1" outlineLevel="1" x14ac:dyDescent="0.2">
      <c r="A9579" s="17"/>
      <c r="B9579" s="17"/>
      <c r="C9579" s="17"/>
      <c r="D9579" s="18"/>
      <c r="E9579" s="18"/>
      <c r="F9579" s="18"/>
      <c r="G9579" s="18"/>
      <c r="H9579" s="18"/>
      <c r="I9579" s="18"/>
      <c r="J9579" s="18"/>
      <c r="K9579" s="18"/>
      <c r="L9579" s="18"/>
      <c r="M9579" s="18"/>
      <c r="N9579" s="18"/>
      <c r="O9579" s="18"/>
      <c r="P9579" s="19"/>
      <c r="Q9579" s="19"/>
      <c r="R9579" s="19"/>
      <c r="S9579" s="19"/>
      <c r="T9579" s="19"/>
      <c r="U9579" s="19"/>
      <c r="V9579" s="19"/>
      <c r="W9579" s="19"/>
      <c r="X9579" s="19"/>
      <c r="Y9579" s="19"/>
      <c r="Z9579" s="19"/>
      <c r="AA9579" s="19"/>
    </row>
    <row r="9580" spans="1:27" s="1" customFormat="1" ht="21" customHeight="1" outlineLevel="1" x14ac:dyDescent="0.2">
      <c r="A9580" s="17">
        <v>9831</v>
      </c>
      <c r="B9580" s="17"/>
      <c r="C9580" s="17"/>
      <c r="D9580" s="18" t="s">
        <v>4748</v>
      </c>
      <c r="E9580" s="18"/>
      <c r="F9580" s="18"/>
      <c r="G9580" s="18"/>
      <c r="H9580" s="18"/>
      <c r="I9580" s="18"/>
      <c r="J9580" s="18"/>
      <c r="K9580" s="18"/>
      <c r="L9580" s="18"/>
      <c r="M9580" s="18"/>
      <c r="N9580" s="18"/>
      <c r="O9580" s="18"/>
      <c r="P9580" s="19">
        <v>70</v>
      </c>
      <c r="Q9580" s="19"/>
      <c r="R9580" s="19"/>
      <c r="S9580" s="19"/>
      <c r="T9580" s="19">
        <v>50</v>
      </c>
      <c r="U9580" s="19"/>
      <c r="V9580" s="19"/>
      <c r="W9580" s="19"/>
      <c r="X9580" s="19">
        <v>13</v>
      </c>
      <c r="Y9580" s="19"/>
      <c r="Z9580" s="19"/>
      <c r="AA9580" s="19"/>
    </row>
    <row r="9581" spans="1:27" s="1" customFormat="1" ht="21" customHeight="1" outlineLevel="1" x14ac:dyDescent="0.2">
      <c r="A9581" s="17"/>
      <c r="B9581" s="17"/>
      <c r="C9581" s="17"/>
      <c r="D9581" s="18"/>
      <c r="E9581" s="18"/>
      <c r="F9581" s="18"/>
      <c r="G9581" s="18"/>
      <c r="H9581" s="18"/>
      <c r="I9581" s="18"/>
      <c r="J9581" s="18"/>
      <c r="K9581" s="18"/>
      <c r="L9581" s="18"/>
      <c r="M9581" s="18"/>
      <c r="N9581" s="18"/>
      <c r="O9581" s="18"/>
      <c r="P9581" s="19"/>
      <c r="Q9581" s="19"/>
      <c r="R9581" s="19"/>
      <c r="S9581" s="19"/>
      <c r="T9581" s="19"/>
      <c r="U9581" s="19"/>
      <c r="V9581" s="19"/>
      <c r="W9581" s="19"/>
      <c r="X9581" s="19"/>
      <c r="Y9581" s="19"/>
      <c r="Z9581" s="19"/>
      <c r="AA9581" s="19"/>
    </row>
    <row r="9582" spans="1:27" s="1" customFormat="1" ht="14.1" customHeight="1" outlineLevel="1" x14ac:dyDescent="0.2">
      <c r="A9582" s="17">
        <v>17062</v>
      </c>
      <c r="B9582" s="17"/>
      <c r="C9582" s="17"/>
      <c r="D9582" s="18" t="s">
        <v>4749</v>
      </c>
      <c r="E9582" s="18"/>
      <c r="F9582" s="18"/>
      <c r="G9582" s="18"/>
      <c r="H9582" s="18"/>
      <c r="I9582" s="18"/>
      <c r="J9582" s="18"/>
      <c r="K9582" s="18"/>
      <c r="L9582" s="18"/>
      <c r="M9582" s="18"/>
      <c r="N9582" s="18"/>
      <c r="O9582" s="18"/>
      <c r="P9582" s="19">
        <v>150</v>
      </c>
      <c r="Q9582" s="19"/>
      <c r="R9582" s="19"/>
      <c r="S9582" s="19"/>
      <c r="T9582" s="19">
        <v>100</v>
      </c>
      <c r="U9582" s="19"/>
      <c r="V9582" s="19"/>
      <c r="W9582" s="19"/>
      <c r="X9582" s="19">
        <v>1</v>
      </c>
      <c r="Y9582" s="19"/>
      <c r="Z9582" s="19"/>
      <c r="AA9582" s="19"/>
    </row>
    <row r="9583" spans="1:27" s="1" customFormat="1" ht="14.1" customHeight="1" outlineLevel="1" x14ac:dyDescent="0.2">
      <c r="A9583" s="17"/>
      <c r="B9583" s="17"/>
      <c r="C9583" s="17"/>
      <c r="D9583" s="18"/>
      <c r="E9583" s="18"/>
      <c r="F9583" s="18"/>
      <c r="G9583" s="18"/>
      <c r="H9583" s="18"/>
      <c r="I9583" s="18"/>
      <c r="J9583" s="18"/>
      <c r="K9583" s="18"/>
      <c r="L9583" s="18"/>
      <c r="M9583" s="18"/>
      <c r="N9583" s="18"/>
      <c r="O9583" s="18"/>
      <c r="P9583" s="19"/>
      <c r="Q9583" s="19"/>
      <c r="R9583" s="19"/>
      <c r="S9583" s="19"/>
      <c r="T9583" s="19"/>
      <c r="U9583" s="19"/>
      <c r="V9583" s="19"/>
      <c r="W9583" s="19"/>
      <c r="X9583" s="19"/>
      <c r="Y9583" s="19"/>
      <c r="Z9583" s="19"/>
      <c r="AA9583" s="19"/>
    </row>
    <row r="9584" spans="1:27" s="1" customFormat="1" ht="21" customHeight="1" outlineLevel="1" x14ac:dyDescent="0.2">
      <c r="A9584" s="17">
        <v>14652</v>
      </c>
      <c r="B9584" s="17"/>
      <c r="C9584" s="17"/>
      <c r="D9584" s="18" t="s">
        <v>4750</v>
      </c>
      <c r="E9584" s="18"/>
      <c r="F9584" s="18"/>
      <c r="G9584" s="18"/>
      <c r="H9584" s="18"/>
      <c r="I9584" s="18"/>
      <c r="J9584" s="18"/>
      <c r="K9584" s="18"/>
      <c r="L9584" s="18"/>
      <c r="M9584" s="18"/>
      <c r="N9584" s="18"/>
      <c r="O9584" s="18"/>
      <c r="P9584" s="19">
        <v>240</v>
      </c>
      <c r="Q9584" s="19"/>
      <c r="R9584" s="19"/>
      <c r="S9584" s="19"/>
      <c r="T9584" s="19">
        <v>200</v>
      </c>
      <c r="U9584" s="19"/>
      <c r="V9584" s="19"/>
      <c r="W9584" s="19"/>
      <c r="X9584" s="19">
        <v>2</v>
      </c>
      <c r="Y9584" s="19"/>
      <c r="Z9584" s="19"/>
      <c r="AA9584" s="19"/>
    </row>
    <row r="9585" spans="1:27" s="1" customFormat="1" ht="21" customHeight="1" outlineLevel="1" x14ac:dyDescent="0.2">
      <c r="A9585" s="17"/>
      <c r="B9585" s="17"/>
      <c r="C9585" s="17"/>
      <c r="D9585" s="18"/>
      <c r="E9585" s="18"/>
      <c r="F9585" s="18"/>
      <c r="G9585" s="18"/>
      <c r="H9585" s="18"/>
      <c r="I9585" s="18"/>
      <c r="J9585" s="18"/>
      <c r="K9585" s="18"/>
      <c r="L9585" s="18"/>
      <c r="M9585" s="18"/>
      <c r="N9585" s="18"/>
      <c r="O9585" s="18"/>
      <c r="P9585" s="19"/>
      <c r="Q9585" s="19"/>
      <c r="R9585" s="19"/>
      <c r="S9585" s="19"/>
      <c r="T9585" s="19"/>
      <c r="U9585" s="19"/>
      <c r="V9585" s="19"/>
      <c r="W9585" s="19"/>
      <c r="X9585" s="19"/>
      <c r="Y9585" s="19"/>
      <c r="Z9585" s="19"/>
      <c r="AA9585" s="19"/>
    </row>
    <row r="9586" spans="1:27" s="1" customFormat="1" ht="14.1" customHeight="1" outlineLevel="1" x14ac:dyDescent="0.2">
      <c r="A9586" s="17">
        <v>17959</v>
      </c>
      <c r="B9586" s="17"/>
      <c r="C9586" s="17"/>
      <c r="D9586" s="18" t="s">
        <v>4751</v>
      </c>
      <c r="E9586" s="18"/>
      <c r="F9586" s="18"/>
      <c r="G9586" s="18"/>
      <c r="H9586" s="18"/>
      <c r="I9586" s="18"/>
      <c r="J9586" s="18"/>
      <c r="K9586" s="18"/>
      <c r="L9586" s="18"/>
      <c r="M9586" s="18"/>
      <c r="N9586" s="18"/>
      <c r="O9586" s="18"/>
      <c r="P9586" s="19">
        <v>150</v>
      </c>
      <c r="Q9586" s="19"/>
      <c r="R9586" s="19"/>
      <c r="S9586" s="19"/>
      <c r="T9586" s="19">
        <v>100</v>
      </c>
      <c r="U9586" s="19"/>
      <c r="V9586" s="19"/>
      <c r="W9586" s="19"/>
      <c r="X9586" s="19">
        <v>1</v>
      </c>
      <c r="Y9586" s="19"/>
      <c r="Z9586" s="19"/>
      <c r="AA9586" s="19"/>
    </row>
    <row r="9587" spans="1:27" s="1" customFormat="1" ht="14.1" customHeight="1" outlineLevel="1" x14ac:dyDescent="0.2">
      <c r="A9587" s="17"/>
      <c r="B9587" s="17"/>
      <c r="C9587" s="17"/>
      <c r="D9587" s="18"/>
      <c r="E9587" s="18"/>
      <c r="F9587" s="18"/>
      <c r="G9587" s="18"/>
      <c r="H9587" s="18"/>
      <c r="I9587" s="18"/>
      <c r="J9587" s="18"/>
      <c r="K9587" s="18"/>
      <c r="L9587" s="18"/>
      <c r="M9587" s="18"/>
      <c r="N9587" s="18"/>
      <c r="O9587" s="18"/>
      <c r="P9587" s="19"/>
      <c r="Q9587" s="19"/>
      <c r="R9587" s="19"/>
      <c r="S9587" s="19"/>
      <c r="T9587" s="19"/>
      <c r="U9587" s="19"/>
      <c r="V9587" s="19"/>
      <c r="W9587" s="19"/>
      <c r="X9587" s="19"/>
      <c r="Y9587" s="19"/>
      <c r="Z9587" s="19"/>
      <c r="AA9587" s="19"/>
    </row>
    <row r="9588" spans="1:27" s="1" customFormat="1" ht="14.1" customHeight="1" outlineLevel="1" x14ac:dyDescent="0.2">
      <c r="A9588" s="17">
        <v>13410</v>
      </c>
      <c r="B9588" s="17"/>
      <c r="C9588" s="17"/>
      <c r="D9588" s="18" t="s">
        <v>4752</v>
      </c>
      <c r="E9588" s="18"/>
      <c r="F9588" s="18"/>
      <c r="G9588" s="18"/>
      <c r="H9588" s="18"/>
      <c r="I9588" s="18"/>
      <c r="J9588" s="18"/>
      <c r="K9588" s="18"/>
      <c r="L9588" s="18"/>
      <c r="M9588" s="18"/>
      <c r="N9588" s="18"/>
      <c r="O9588" s="18"/>
      <c r="P9588" s="19">
        <v>150</v>
      </c>
      <c r="Q9588" s="19"/>
      <c r="R9588" s="19"/>
      <c r="S9588" s="19"/>
      <c r="T9588" s="19">
        <v>110</v>
      </c>
      <c r="U9588" s="19"/>
      <c r="V9588" s="19"/>
      <c r="W9588" s="19"/>
      <c r="X9588" s="19">
        <v>1</v>
      </c>
      <c r="Y9588" s="19"/>
      <c r="Z9588" s="19"/>
      <c r="AA9588" s="19"/>
    </row>
    <row r="9589" spans="1:27" s="1" customFormat="1" ht="14.1" customHeight="1" outlineLevel="1" x14ac:dyDescent="0.2">
      <c r="A9589" s="17"/>
      <c r="B9589" s="17"/>
      <c r="C9589" s="17"/>
      <c r="D9589" s="18"/>
      <c r="E9589" s="18"/>
      <c r="F9589" s="18"/>
      <c r="G9589" s="18"/>
      <c r="H9589" s="18"/>
      <c r="I9589" s="18"/>
      <c r="J9589" s="18"/>
      <c r="K9589" s="18"/>
      <c r="L9589" s="18"/>
      <c r="M9589" s="18"/>
      <c r="N9589" s="18"/>
      <c r="O9589" s="18"/>
      <c r="P9589" s="19"/>
      <c r="Q9589" s="19"/>
      <c r="R9589" s="19"/>
      <c r="S9589" s="19"/>
      <c r="T9589" s="19"/>
      <c r="U9589" s="19"/>
      <c r="V9589" s="19"/>
      <c r="W9589" s="19"/>
      <c r="X9589" s="19"/>
      <c r="Y9589" s="19"/>
      <c r="Z9589" s="19"/>
      <c r="AA9589" s="19"/>
    </row>
    <row r="9590" spans="1:27" s="1" customFormat="1" ht="14.1" customHeight="1" outlineLevel="1" x14ac:dyDescent="0.2">
      <c r="A9590" s="17">
        <v>17508</v>
      </c>
      <c r="B9590" s="17"/>
      <c r="C9590" s="17"/>
      <c r="D9590" s="18" t="s">
        <v>4753</v>
      </c>
      <c r="E9590" s="18"/>
      <c r="F9590" s="18"/>
      <c r="G9590" s="18"/>
      <c r="H9590" s="18"/>
      <c r="I9590" s="18"/>
      <c r="J9590" s="18"/>
      <c r="K9590" s="18"/>
      <c r="L9590" s="18"/>
      <c r="M9590" s="18"/>
      <c r="N9590" s="18"/>
      <c r="O9590" s="18"/>
      <c r="P9590" s="19">
        <v>150</v>
      </c>
      <c r="Q9590" s="19"/>
      <c r="R9590" s="19"/>
      <c r="S9590" s="19"/>
      <c r="T9590" s="19">
        <v>90</v>
      </c>
      <c r="U9590" s="19"/>
      <c r="V9590" s="19"/>
      <c r="W9590" s="19"/>
      <c r="X9590" s="19">
        <v>6</v>
      </c>
      <c r="Y9590" s="19"/>
      <c r="Z9590" s="19"/>
      <c r="AA9590" s="19"/>
    </row>
    <row r="9591" spans="1:27" s="1" customFormat="1" ht="14.1" customHeight="1" outlineLevel="1" x14ac:dyDescent="0.2">
      <c r="A9591" s="17"/>
      <c r="B9591" s="17"/>
      <c r="C9591" s="17"/>
      <c r="D9591" s="18"/>
      <c r="E9591" s="18"/>
      <c r="F9591" s="18"/>
      <c r="G9591" s="18"/>
      <c r="H9591" s="18"/>
      <c r="I9591" s="18"/>
      <c r="J9591" s="18"/>
      <c r="K9591" s="18"/>
      <c r="L9591" s="18"/>
      <c r="M9591" s="18"/>
      <c r="N9591" s="18"/>
      <c r="O9591" s="18"/>
      <c r="P9591" s="19"/>
      <c r="Q9591" s="19"/>
      <c r="R9591" s="19"/>
      <c r="S9591" s="19"/>
      <c r="T9591" s="19"/>
      <c r="U9591" s="19"/>
      <c r="V9591" s="19"/>
      <c r="W9591" s="19"/>
      <c r="X9591" s="19"/>
      <c r="Y9591" s="19"/>
      <c r="Z9591" s="19"/>
      <c r="AA9591" s="19"/>
    </row>
    <row r="9592" spans="1:27" s="1" customFormat="1" ht="14.1" customHeight="1" outlineLevel="1" x14ac:dyDescent="0.2">
      <c r="A9592" s="17">
        <v>6421</v>
      </c>
      <c r="B9592" s="17"/>
      <c r="C9592" s="17"/>
      <c r="D9592" s="18" t="s">
        <v>4754</v>
      </c>
      <c r="E9592" s="18"/>
      <c r="F9592" s="18"/>
      <c r="G9592" s="18"/>
      <c r="H9592" s="18"/>
      <c r="I9592" s="18"/>
      <c r="J9592" s="18"/>
      <c r="K9592" s="18"/>
      <c r="L9592" s="18"/>
      <c r="M9592" s="18"/>
      <c r="N9592" s="18"/>
      <c r="O9592" s="18"/>
      <c r="P9592" s="19">
        <v>500</v>
      </c>
      <c r="Q9592" s="19"/>
      <c r="R9592" s="19"/>
      <c r="S9592" s="19"/>
      <c r="T9592" s="19">
        <v>450</v>
      </c>
      <c r="U9592" s="19"/>
      <c r="V9592" s="19"/>
      <c r="W9592" s="19"/>
      <c r="X9592" s="19">
        <v>1</v>
      </c>
      <c r="Y9592" s="19"/>
      <c r="Z9592" s="19"/>
      <c r="AA9592" s="19"/>
    </row>
    <row r="9593" spans="1:27" s="1" customFormat="1" ht="14.1" customHeight="1" outlineLevel="1" x14ac:dyDescent="0.2">
      <c r="A9593" s="17"/>
      <c r="B9593" s="17"/>
      <c r="C9593" s="17"/>
      <c r="D9593" s="18"/>
      <c r="E9593" s="18"/>
      <c r="F9593" s="18"/>
      <c r="G9593" s="18"/>
      <c r="H9593" s="18"/>
      <c r="I9593" s="18"/>
      <c r="J9593" s="18"/>
      <c r="K9593" s="18"/>
      <c r="L9593" s="18"/>
      <c r="M9593" s="18"/>
      <c r="N9593" s="18"/>
      <c r="O9593" s="18"/>
      <c r="P9593" s="19"/>
      <c r="Q9593" s="19"/>
      <c r="R9593" s="19"/>
      <c r="S9593" s="19"/>
      <c r="T9593" s="19"/>
      <c r="U9593" s="19"/>
      <c r="V9593" s="19"/>
      <c r="W9593" s="19"/>
      <c r="X9593" s="19"/>
      <c r="Y9593" s="19"/>
      <c r="Z9593" s="19"/>
      <c r="AA9593" s="19"/>
    </row>
    <row r="9594" spans="1:27" s="1" customFormat="1" ht="14.1" customHeight="1" outlineLevel="1" x14ac:dyDescent="0.2">
      <c r="A9594" s="17">
        <v>6554</v>
      </c>
      <c r="B9594" s="17"/>
      <c r="C9594" s="17"/>
      <c r="D9594" s="18" t="s">
        <v>4755</v>
      </c>
      <c r="E9594" s="18"/>
      <c r="F9594" s="18"/>
      <c r="G9594" s="18"/>
      <c r="H9594" s="18"/>
      <c r="I9594" s="18"/>
      <c r="J9594" s="18"/>
      <c r="K9594" s="18"/>
      <c r="L9594" s="18"/>
      <c r="M9594" s="18"/>
      <c r="N9594" s="18"/>
      <c r="O9594" s="18"/>
      <c r="P9594" s="19">
        <v>460</v>
      </c>
      <c r="Q9594" s="19"/>
      <c r="R9594" s="19"/>
      <c r="S9594" s="19"/>
      <c r="T9594" s="19">
        <v>400</v>
      </c>
      <c r="U9594" s="19"/>
      <c r="V9594" s="19"/>
      <c r="W9594" s="19"/>
      <c r="X9594" s="19">
        <v>1</v>
      </c>
      <c r="Y9594" s="19"/>
      <c r="Z9594" s="19"/>
      <c r="AA9594" s="19"/>
    </row>
    <row r="9595" spans="1:27" s="1" customFormat="1" ht="14.1" customHeight="1" outlineLevel="1" x14ac:dyDescent="0.2">
      <c r="A9595" s="17"/>
      <c r="B9595" s="17"/>
      <c r="C9595" s="17"/>
      <c r="D9595" s="18"/>
      <c r="E9595" s="18"/>
      <c r="F9595" s="18"/>
      <c r="G9595" s="18"/>
      <c r="H9595" s="18"/>
      <c r="I9595" s="18"/>
      <c r="J9595" s="18"/>
      <c r="K9595" s="18"/>
      <c r="L9595" s="18"/>
      <c r="M9595" s="18"/>
      <c r="N9595" s="18"/>
      <c r="O9595" s="18"/>
      <c r="P9595" s="19"/>
      <c r="Q9595" s="19"/>
      <c r="R9595" s="19"/>
      <c r="S9595" s="19"/>
      <c r="T9595" s="19"/>
      <c r="U9595" s="19"/>
      <c r="V9595" s="19"/>
      <c r="W9595" s="19"/>
      <c r="X9595" s="19"/>
      <c r="Y9595" s="19"/>
      <c r="Z9595" s="19"/>
      <c r="AA9595" s="19"/>
    </row>
    <row r="9596" spans="1:27" s="1" customFormat="1" ht="14.1" customHeight="1" outlineLevel="1" x14ac:dyDescent="0.2">
      <c r="A9596" s="17">
        <v>12531</v>
      </c>
      <c r="B9596" s="17"/>
      <c r="C9596" s="17"/>
      <c r="D9596" s="18" t="s">
        <v>4756</v>
      </c>
      <c r="E9596" s="18"/>
      <c r="F9596" s="18"/>
      <c r="G9596" s="18"/>
      <c r="H9596" s="18"/>
      <c r="I9596" s="18"/>
      <c r="J9596" s="18"/>
      <c r="K9596" s="18"/>
      <c r="L9596" s="18"/>
      <c r="M9596" s="18"/>
      <c r="N9596" s="18"/>
      <c r="O9596" s="18"/>
      <c r="P9596" s="19">
        <v>120</v>
      </c>
      <c r="Q9596" s="19"/>
      <c r="R9596" s="19"/>
      <c r="S9596" s="19"/>
      <c r="T9596" s="19">
        <v>90</v>
      </c>
      <c r="U9596" s="19"/>
      <c r="V9596" s="19"/>
      <c r="W9596" s="19"/>
      <c r="X9596" s="19">
        <v>1</v>
      </c>
      <c r="Y9596" s="19"/>
      <c r="Z9596" s="19"/>
      <c r="AA9596" s="19"/>
    </row>
    <row r="9597" spans="1:27" s="1" customFormat="1" ht="14.1" customHeight="1" outlineLevel="1" x14ac:dyDescent="0.2">
      <c r="A9597" s="17"/>
      <c r="B9597" s="17"/>
      <c r="C9597" s="17"/>
      <c r="D9597" s="18"/>
      <c r="E9597" s="18"/>
      <c r="F9597" s="18"/>
      <c r="G9597" s="18"/>
      <c r="H9597" s="18"/>
      <c r="I9597" s="18"/>
      <c r="J9597" s="18"/>
      <c r="K9597" s="18"/>
      <c r="L9597" s="18"/>
      <c r="M9597" s="18"/>
      <c r="N9597" s="18"/>
      <c r="O9597" s="18"/>
      <c r="P9597" s="19"/>
      <c r="Q9597" s="19"/>
      <c r="R9597" s="19"/>
      <c r="S9597" s="19"/>
      <c r="T9597" s="19"/>
      <c r="U9597" s="19"/>
      <c r="V9597" s="19"/>
      <c r="W9597" s="19"/>
      <c r="X9597" s="19"/>
      <c r="Y9597" s="19"/>
      <c r="Z9597" s="19"/>
      <c r="AA9597" s="19"/>
    </row>
    <row r="9598" spans="1:27" s="1" customFormat="1" ht="14.1" customHeight="1" outlineLevel="1" x14ac:dyDescent="0.2">
      <c r="A9598" s="17">
        <v>13486</v>
      </c>
      <c r="B9598" s="17"/>
      <c r="C9598" s="17"/>
      <c r="D9598" s="18" t="s">
        <v>4757</v>
      </c>
      <c r="E9598" s="18"/>
      <c r="F9598" s="18"/>
      <c r="G9598" s="18"/>
      <c r="H9598" s="18"/>
      <c r="I9598" s="18"/>
      <c r="J9598" s="18"/>
      <c r="K9598" s="18"/>
      <c r="L9598" s="18"/>
      <c r="M9598" s="18"/>
      <c r="N9598" s="18"/>
      <c r="O9598" s="18"/>
      <c r="P9598" s="19">
        <v>145</v>
      </c>
      <c r="Q9598" s="19"/>
      <c r="R9598" s="19"/>
      <c r="S9598" s="19"/>
      <c r="T9598" s="19">
        <v>100</v>
      </c>
      <c r="U9598" s="19"/>
      <c r="V9598" s="19"/>
      <c r="W9598" s="19"/>
      <c r="X9598" s="19">
        <v>1</v>
      </c>
      <c r="Y9598" s="19"/>
      <c r="Z9598" s="19"/>
      <c r="AA9598" s="19"/>
    </row>
    <row r="9599" spans="1:27" s="1" customFormat="1" ht="14.1" customHeight="1" outlineLevel="1" x14ac:dyDescent="0.2">
      <c r="A9599" s="17"/>
      <c r="B9599" s="17"/>
      <c r="C9599" s="17"/>
      <c r="D9599" s="18"/>
      <c r="E9599" s="18"/>
      <c r="F9599" s="18"/>
      <c r="G9599" s="18"/>
      <c r="H9599" s="18"/>
      <c r="I9599" s="18"/>
      <c r="J9599" s="18"/>
      <c r="K9599" s="18"/>
      <c r="L9599" s="18"/>
      <c r="M9599" s="18"/>
      <c r="N9599" s="18"/>
      <c r="O9599" s="18"/>
      <c r="P9599" s="19"/>
      <c r="Q9599" s="19"/>
      <c r="R9599" s="19"/>
      <c r="S9599" s="19"/>
      <c r="T9599" s="19"/>
      <c r="U9599" s="19"/>
      <c r="V9599" s="19"/>
      <c r="W9599" s="19"/>
      <c r="X9599" s="19"/>
      <c r="Y9599" s="19"/>
      <c r="Z9599" s="19"/>
      <c r="AA9599" s="19"/>
    </row>
    <row r="9600" spans="1:27" s="1" customFormat="1" ht="14.1" customHeight="1" outlineLevel="1" x14ac:dyDescent="0.2">
      <c r="A9600" s="17">
        <v>16462</v>
      </c>
      <c r="B9600" s="17"/>
      <c r="C9600" s="17"/>
      <c r="D9600" s="18" t="s">
        <v>4758</v>
      </c>
      <c r="E9600" s="18"/>
      <c r="F9600" s="18"/>
      <c r="G9600" s="18"/>
      <c r="H9600" s="18"/>
      <c r="I9600" s="18"/>
      <c r="J9600" s="18"/>
      <c r="K9600" s="18"/>
      <c r="L9600" s="18"/>
      <c r="M9600" s="18"/>
      <c r="N9600" s="18"/>
      <c r="O9600" s="18"/>
      <c r="P9600" s="19">
        <v>250</v>
      </c>
      <c r="Q9600" s="19"/>
      <c r="R9600" s="19"/>
      <c r="S9600" s="19"/>
      <c r="T9600" s="19">
        <v>150</v>
      </c>
      <c r="U9600" s="19"/>
      <c r="V9600" s="19"/>
      <c r="W9600" s="19"/>
      <c r="X9600" s="19">
        <v>4</v>
      </c>
      <c r="Y9600" s="19"/>
      <c r="Z9600" s="19"/>
      <c r="AA9600" s="19"/>
    </row>
    <row r="9601" spans="1:27" s="1" customFormat="1" ht="14.1" customHeight="1" outlineLevel="1" x14ac:dyDescent="0.2">
      <c r="A9601" s="17"/>
      <c r="B9601" s="17"/>
      <c r="C9601" s="17"/>
      <c r="D9601" s="18"/>
      <c r="E9601" s="18"/>
      <c r="F9601" s="18"/>
      <c r="G9601" s="18"/>
      <c r="H9601" s="18"/>
      <c r="I9601" s="18"/>
      <c r="J9601" s="18"/>
      <c r="K9601" s="18"/>
      <c r="L9601" s="18"/>
      <c r="M9601" s="18"/>
      <c r="N9601" s="18"/>
      <c r="O9601" s="18"/>
      <c r="P9601" s="19"/>
      <c r="Q9601" s="19"/>
      <c r="R9601" s="19"/>
      <c r="S9601" s="19"/>
      <c r="T9601" s="19"/>
      <c r="U9601" s="19"/>
      <c r="V9601" s="19"/>
      <c r="W9601" s="19"/>
      <c r="X9601" s="19"/>
      <c r="Y9601" s="19"/>
      <c r="Z9601" s="19"/>
      <c r="AA9601" s="19"/>
    </row>
    <row r="9602" spans="1:27" s="1" customFormat="1" ht="14.1" customHeight="1" outlineLevel="1" x14ac:dyDescent="0.2">
      <c r="A9602" s="17">
        <v>16461</v>
      </c>
      <c r="B9602" s="17"/>
      <c r="C9602" s="17"/>
      <c r="D9602" s="18" t="s">
        <v>4759</v>
      </c>
      <c r="E9602" s="18"/>
      <c r="F9602" s="18"/>
      <c r="G9602" s="18"/>
      <c r="H9602" s="18"/>
      <c r="I9602" s="18"/>
      <c r="J9602" s="18"/>
      <c r="K9602" s="18"/>
      <c r="L9602" s="18"/>
      <c r="M9602" s="18"/>
      <c r="N9602" s="18"/>
      <c r="O9602" s="18"/>
      <c r="P9602" s="19">
        <v>250</v>
      </c>
      <c r="Q9602" s="19"/>
      <c r="R9602" s="19"/>
      <c r="S9602" s="19"/>
      <c r="T9602" s="19">
        <v>150</v>
      </c>
      <c r="U9602" s="19"/>
      <c r="V9602" s="19"/>
      <c r="W9602" s="19"/>
      <c r="X9602" s="19">
        <v>3</v>
      </c>
      <c r="Y9602" s="19"/>
      <c r="Z9602" s="19"/>
      <c r="AA9602" s="19"/>
    </row>
    <row r="9603" spans="1:27" s="1" customFormat="1" ht="14.1" customHeight="1" outlineLevel="1" x14ac:dyDescent="0.2">
      <c r="A9603" s="17"/>
      <c r="B9603" s="17"/>
      <c r="C9603" s="17"/>
      <c r="D9603" s="18"/>
      <c r="E9603" s="18"/>
      <c r="F9603" s="18"/>
      <c r="G9603" s="18"/>
      <c r="H9603" s="18"/>
      <c r="I9603" s="18"/>
      <c r="J9603" s="18"/>
      <c r="K9603" s="18"/>
      <c r="L9603" s="18"/>
      <c r="M9603" s="18"/>
      <c r="N9603" s="18"/>
      <c r="O9603" s="18"/>
      <c r="P9603" s="19"/>
      <c r="Q9603" s="19"/>
      <c r="R9603" s="19"/>
      <c r="S9603" s="19"/>
      <c r="T9603" s="19"/>
      <c r="U9603" s="19"/>
      <c r="V9603" s="19"/>
      <c r="W9603" s="19"/>
      <c r="X9603" s="19"/>
      <c r="Y9603" s="19"/>
      <c r="Z9603" s="19"/>
      <c r="AA9603" s="19"/>
    </row>
    <row r="9604" spans="1:27" s="1" customFormat="1" ht="14.1" customHeight="1" outlineLevel="1" x14ac:dyDescent="0.2">
      <c r="A9604" s="17">
        <v>16115</v>
      </c>
      <c r="B9604" s="17"/>
      <c r="C9604" s="17"/>
      <c r="D9604" s="18" t="s">
        <v>4760</v>
      </c>
      <c r="E9604" s="18"/>
      <c r="F9604" s="18"/>
      <c r="G9604" s="18"/>
      <c r="H9604" s="18"/>
      <c r="I9604" s="18"/>
      <c r="J9604" s="18"/>
      <c r="K9604" s="18"/>
      <c r="L9604" s="18"/>
      <c r="M9604" s="18"/>
      <c r="N9604" s="18"/>
      <c r="O9604" s="18"/>
      <c r="P9604" s="19">
        <v>430</v>
      </c>
      <c r="Q9604" s="19"/>
      <c r="R9604" s="19"/>
      <c r="S9604" s="19"/>
      <c r="T9604" s="19">
        <v>350</v>
      </c>
      <c r="U9604" s="19"/>
      <c r="V9604" s="19"/>
      <c r="W9604" s="19"/>
      <c r="X9604" s="19">
        <v>10</v>
      </c>
      <c r="Y9604" s="19"/>
      <c r="Z9604" s="19"/>
      <c r="AA9604" s="19"/>
    </row>
    <row r="9605" spans="1:27" s="1" customFormat="1" ht="14.1" customHeight="1" outlineLevel="1" x14ac:dyDescent="0.2">
      <c r="A9605" s="17"/>
      <c r="B9605" s="17"/>
      <c r="C9605" s="17"/>
      <c r="D9605" s="18"/>
      <c r="E9605" s="18"/>
      <c r="F9605" s="18"/>
      <c r="G9605" s="18"/>
      <c r="H9605" s="18"/>
      <c r="I9605" s="18"/>
      <c r="J9605" s="18"/>
      <c r="K9605" s="18"/>
      <c r="L9605" s="18"/>
      <c r="M9605" s="18"/>
      <c r="N9605" s="18"/>
      <c r="O9605" s="18"/>
      <c r="P9605" s="19"/>
      <c r="Q9605" s="19"/>
      <c r="R9605" s="19"/>
      <c r="S9605" s="19"/>
      <c r="T9605" s="19"/>
      <c r="U9605" s="19"/>
      <c r="V9605" s="19"/>
      <c r="W9605" s="19"/>
      <c r="X9605" s="19"/>
      <c r="Y9605" s="19"/>
      <c r="Z9605" s="19"/>
      <c r="AA9605" s="19"/>
    </row>
    <row r="9606" spans="1:27" s="1" customFormat="1" ht="14.1" customHeight="1" outlineLevel="1" x14ac:dyDescent="0.2">
      <c r="A9606" s="17">
        <v>16113</v>
      </c>
      <c r="B9606" s="17"/>
      <c r="C9606" s="17"/>
      <c r="D9606" s="18" t="s">
        <v>4761</v>
      </c>
      <c r="E9606" s="18"/>
      <c r="F9606" s="18"/>
      <c r="G9606" s="18"/>
      <c r="H9606" s="18"/>
      <c r="I9606" s="18"/>
      <c r="J9606" s="18"/>
      <c r="K9606" s="18"/>
      <c r="L9606" s="18"/>
      <c r="M9606" s="18"/>
      <c r="N9606" s="18"/>
      <c r="O9606" s="18"/>
      <c r="P9606" s="19">
        <v>430</v>
      </c>
      <c r="Q9606" s="19"/>
      <c r="R9606" s="19"/>
      <c r="S9606" s="19"/>
      <c r="T9606" s="19">
        <v>350</v>
      </c>
      <c r="U9606" s="19"/>
      <c r="V9606" s="19"/>
      <c r="W9606" s="19"/>
      <c r="X9606" s="19">
        <v>10</v>
      </c>
      <c r="Y9606" s="19"/>
      <c r="Z9606" s="19"/>
      <c r="AA9606" s="19"/>
    </row>
    <row r="9607" spans="1:27" s="1" customFormat="1" ht="14.1" customHeight="1" outlineLevel="1" x14ac:dyDescent="0.2">
      <c r="A9607" s="17"/>
      <c r="B9607" s="17"/>
      <c r="C9607" s="17"/>
      <c r="D9607" s="18"/>
      <c r="E9607" s="18"/>
      <c r="F9607" s="18"/>
      <c r="G9607" s="18"/>
      <c r="H9607" s="18"/>
      <c r="I9607" s="18"/>
      <c r="J9607" s="18"/>
      <c r="K9607" s="18"/>
      <c r="L9607" s="18"/>
      <c r="M9607" s="18"/>
      <c r="N9607" s="18"/>
      <c r="O9607" s="18"/>
      <c r="P9607" s="19"/>
      <c r="Q9607" s="19"/>
      <c r="R9607" s="19"/>
      <c r="S9607" s="19"/>
      <c r="T9607" s="19"/>
      <c r="U9607" s="19"/>
      <c r="V9607" s="19"/>
      <c r="W9607" s="19"/>
      <c r="X9607" s="19"/>
      <c r="Y9607" s="19"/>
      <c r="Z9607" s="19"/>
      <c r="AA9607" s="19"/>
    </row>
    <row r="9608" spans="1:27" s="1" customFormat="1" ht="14.1" customHeight="1" outlineLevel="1" x14ac:dyDescent="0.2">
      <c r="A9608" s="17">
        <v>16114</v>
      </c>
      <c r="B9608" s="17"/>
      <c r="C9608" s="17"/>
      <c r="D9608" s="18" t="s">
        <v>4762</v>
      </c>
      <c r="E9608" s="18"/>
      <c r="F9608" s="18"/>
      <c r="G9608" s="18"/>
      <c r="H9608" s="18"/>
      <c r="I9608" s="18"/>
      <c r="J9608" s="18"/>
      <c r="K9608" s="18"/>
      <c r="L9608" s="18"/>
      <c r="M9608" s="18"/>
      <c r="N9608" s="18"/>
      <c r="O9608" s="18"/>
      <c r="P9608" s="19">
        <v>430</v>
      </c>
      <c r="Q9608" s="19"/>
      <c r="R9608" s="19"/>
      <c r="S9608" s="19"/>
      <c r="T9608" s="19">
        <v>350</v>
      </c>
      <c r="U9608" s="19"/>
      <c r="V9608" s="19"/>
      <c r="W9608" s="19"/>
      <c r="X9608" s="19">
        <v>10</v>
      </c>
      <c r="Y9608" s="19"/>
      <c r="Z9608" s="19"/>
      <c r="AA9608" s="19"/>
    </row>
    <row r="9609" spans="1:27" s="1" customFormat="1" ht="14.1" customHeight="1" outlineLevel="1" x14ac:dyDescent="0.2">
      <c r="A9609" s="17"/>
      <c r="B9609" s="17"/>
      <c r="C9609" s="17"/>
      <c r="D9609" s="18"/>
      <c r="E9609" s="18"/>
      <c r="F9609" s="18"/>
      <c r="G9609" s="18"/>
      <c r="H9609" s="18"/>
      <c r="I9609" s="18"/>
      <c r="J9609" s="18"/>
      <c r="K9609" s="18"/>
      <c r="L9609" s="18"/>
      <c r="M9609" s="18"/>
      <c r="N9609" s="18"/>
      <c r="O9609" s="18"/>
      <c r="P9609" s="19"/>
      <c r="Q9609" s="19"/>
      <c r="R9609" s="19"/>
      <c r="S9609" s="19"/>
      <c r="T9609" s="19"/>
      <c r="U9609" s="19"/>
      <c r="V9609" s="19"/>
      <c r="W9609" s="19"/>
      <c r="X9609" s="19"/>
      <c r="Y9609" s="19"/>
      <c r="Z9609" s="19"/>
      <c r="AA9609" s="19"/>
    </row>
    <row r="9610" spans="1:27" s="1" customFormat="1" ht="14.1" customHeight="1" outlineLevel="1" x14ac:dyDescent="0.2">
      <c r="A9610" s="17">
        <v>13463</v>
      </c>
      <c r="B9610" s="17"/>
      <c r="C9610" s="17"/>
      <c r="D9610" s="18" t="s">
        <v>4763</v>
      </c>
      <c r="E9610" s="18"/>
      <c r="F9610" s="18"/>
      <c r="G9610" s="18"/>
      <c r="H9610" s="18"/>
      <c r="I9610" s="18"/>
      <c r="J9610" s="18"/>
      <c r="K9610" s="18"/>
      <c r="L9610" s="18"/>
      <c r="M9610" s="18"/>
      <c r="N9610" s="18"/>
      <c r="O9610" s="18"/>
      <c r="P9610" s="19">
        <v>140</v>
      </c>
      <c r="Q9610" s="19"/>
      <c r="R9610" s="19"/>
      <c r="S9610" s="19"/>
      <c r="T9610" s="19">
        <v>100</v>
      </c>
      <c r="U9610" s="19"/>
      <c r="V9610" s="19"/>
      <c r="W9610" s="19"/>
      <c r="X9610" s="19">
        <v>1</v>
      </c>
      <c r="Y9610" s="19"/>
      <c r="Z9610" s="19"/>
      <c r="AA9610" s="19"/>
    </row>
    <row r="9611" spans="1:27" s="1" customFormat="1" ht="14.1" customHeight="1" outlineLevel="1" x14ac:dyDescent="0.2">
      <c r="A9611" s="17"/>
      <c r="B9611" s="17"/>
      <c r="C9611" s="17"/>
      <c r="D9611" s="18"/>
      <c r="E9611" s="18"/>
      <c r="F9611" s="18"/>
      <c r="G9611" s="18"/>
      <c r="H9611" s="18"/>
      <c r="I9611" s="18"/>
      <c r="J9611" s="18"/>
      <c r="K9611" s="18"/>
      <c r="L9611" s="18"/>
      <c r="M9611" s="18"/>
      <c r="N9611" s="18"/>
      <c r="O9611" s="18"/>
      <c r="P9611" s="19"/>
      <c r="Q9611" s="19"/>
      <c r="R9611" s="19"/>
      <c r="S9611" s="19"/>
      <c r="T9611" s="19"/>
      <c r="U9611" s="19"/>
      <c r="V9611" s="19"/>
      <c r="W9611" s="19"/>
      <c r="X9611" s="19"/>
      <c r="Y9611" s="19"/>
      <c r="Z9611" s="19"/>
      <c r="AA9611" s="19"/>
    </row>
    <row r="9612" spans="1:27" s="1" customFormat="1" ht="14.1" customHeight="1" outlineLevel="1" x14ac:dyDescent="0.2">
      <c r="A9612" s="17">
        <v>13409</v>
      </c>
      <c r="B9612" s="17"/>
      <c r="C9612" s="17"/>
      <c r="D9612" s="18" t="s">
        <v>4764</v>
      </c>
      <c r="E9612" s="18"/>
      <c r="F9612" s="18"/>
      <c r="G9612" s="18"/>
      <c r="H9612" s="18"/>
      <c r="I9612" s="18"/>
      <c r="J9612" s="18"/>
      <c r="K9612" s="18"/>
      <c r="L9612" s="18"/>
      <c r="M9612" s="18"/>
      <c r="N9612" s="18"/>
      <c r="O9612" s="18"/>
      <c r="P9612" s="19">
        <v>120</v>
      </c>
      <c r="Q9612" s="19"/>
      <c r="R9612" s="19"/>
      <c r="S9612" s="19"/>
      <c r="T9612" s="19">
        <v>90</v>
      </c>
      <c r="U9612" s="19"/>
      <c r="V9612" s="19"/>
      <c r="W9612" s="19"/>
      <c r="X9612" s="19">
        <v>1</v>
      </c>
      <c r="Y9612" s="19"/>
      <c r="Z9612" s="19"/>
      <c r="AA9612" s="19"/>
    </row>
    <row r="9613" spans="1:27" s="1" customFormat="1" ht="14.1" customHeight="1" outlineLevel="1" x14ac:dyDescent="0.2">
      <c r="A9613" s="17"/>
      <c r="B9613" s="17"/>
      <c r="C9613" s="17"/>
      <c r="D9613" s="18"/>
      <c r="E9613" s="18"/>
      <c r="F9613" s="18"/>
      <c r="G9613" s="18"/>
      <c r="H9613" s="18"/>
      <c r="I9613" s="18"/>
      <c r="J9613" s="18"/>
      <c r="K9613" s="18"/>
      <c r="L9613" s="18"/>
      <c r="M9613" s="18"/>
      <c r="N9613" s="18"/>
      <c r="O9613" s="18"/>
      <c r="P9613" s="19"/>
      <c r="Q9613" s="19"/>
      <c r="R9613" s="19"/>
      <c r="S9613" s="19"/>
      <c r="T9613" s="19"/>
      <c r="U9613" s="19"/>
      <c r="V9613" s="19"/>
      <c r="W9613" s="19"/>
      <c r="X9613" s="19"/>
      <c r="Y9613" s="19"/>
      <c r="Z9613" s="19"/>
      <c r="AA9613" s="19"/>
    </row>
    <row r="9614" spans="1:27" s="1" customFormat="1" ht="14.1" customHeight="1" outlineLevel="1" x14ac:dyDescent="0.2">
      <c r="A9614" s="17">
        <v>17045</v>
      </c>
      <c r="B9614" s="17"/>
      <c r="C9614" s="17"/>
      <c r="D9614" s="18" t="s">
        <v>4765</v>
      </c>
      <c r="E9614" s="18"/>
      <c r="F9614" s="18"/>
      <c r="G9614" s="18"/>
      <c r="H9614" s="18"/>
      <c r="I9614" s="18"/>
      <c r="J9614" s="18"/>
      <c r="K9614" s="18"/>
      <c r="L9614" s="18"/>
      <c r="M9614" s="18"/>
      <c r="N9614" s="18"/>
      <c r="O9614" s="18"/>
      <c r="P9614" s="19">
        <v>150</v>
      </c>
      <c r="Q9614" s="19"/>
      <c r="R9614" s="19"/>
      <c r="S9614" s="19"/>
      <c r="T9614" s="19">
        <v>100</v>
      </c>
      <c r="U9614" s="19"/>
      <c r="V9614" s="19"/>
      <c r="W9614" s="19"/>
      <c r="X9614" s="19">
        <v>1</v>
      </c>
      <c r="Y9614" s="19"/>
      <c r="Z9614" s="19"/>
      <c r="AA9614" s="19"/>
    </row>
    <row r="9615" spans="1:27" s="1" customFormat="1" ht="14.1" customHeight="1" outlineLevel="1" x14ac:dyDescent="0.2">
      <c r="A9615" s="17"/>
      <c r="B9615" s="17"/>
      <c r="C9615" s="17"/>
      <c r="D9615" s="18"/>
      <c r="E9615" s="18"/>
      <c r="F9615" s="18"/>
      <c r="G9615" s="18"/>
      <c r="H9615" s="18"/>
      <c r="I9615" s="18"/>
      <c r="J9615" s="18"/>
      <c r="K9615" s="18"/>
      <c r="L9615" s="18"/>
      <c r="M9615" s="18"/>
      <c r="N9615" s="18"/>
      <c r="O9615" s="18"/>
      <c r="P9615" s="19"/>
      <c r="Q9615" s="19"/>
      <c r="R9615" s="19"/>
      <c r="S9615" s="19"/>
      <c r="T9615" s="19"/>
      <c r="U9615" s="19"/>
      <c r="V9615" s="19"/>
      <c r="W9615" s="19"/>
      <c r="X9615" s="19"/>
      <c r="Y9615" s="19"/>
      <c r="Z9615" s="19"/>
      <c r="AA9615" s="19"/>
    </row>
    <row r="9616" spans="1:27" s="1" customFormat="1" ht="14.1" customHeight="1" outlineLevel="1" x14ac:dyDescent="0.2">
      <c r="A9616" s="17">
        <v>13367</v>
      </c>
      <c r="B9616" s="17"/>
      <c r="C9616" s="17"/>
      <c r="D9616" s="18" t="s">
        <v>4766</v>
      </c>
      <c r="E9616" s="18"/>
      <c r="F9616" s="18"/>
      <c r="G9616" s="18"/>
      <c r="H9616" s="18"/>
      <c r="I9616" s="18"/>
      <c r="J9616" s="18"/>
      <c r="K9616" s="18"/>
      <c r="L9616" s="18"/>
      <c r="M9616" s="18"/>
      <c r="N9616" s="18"/>
      <c r="O9616" s="18"/>
      <c r="P9616" s="19">
        <v>120</v>
      </c>
      <c r="Q9616" s="19"/>
      <c r="R9616" s="19"/>
      <c r="S9616" s="19"/>
      <c r="T9616" s="19">
        <v>80</v>
      </c>
      <c r="U9616" s="19"/>
      <c r="V9616" s="19"/>
      <c r="W9616" s="19"/>
      <c r="X9616" s="19">
        <v>1</v>
      </c>
      <c r="Y9616" s="19"/>
      <c r="Z9616" s="19"/>
      <c r="AA9616" s="19"/>
    </row>
    <row r="9617" spans="1:27" s="1" customFormat="1" ht="14.1" customHeight="1" outlineLevel="1" x14ac:dyDescent="0.2">
      <c r="A9617" s="17"/>
      <c r="B9617" s="17"/>
      <c r="C9617" s="17"/>
      <c r="D9617" s="18"/>
      <c r="E9617" s="18"/>
      <c r="F9617" s="18"/>
      <c r="G9617" s="18"/>
      <c r="H9617" s="18"/>
      <c r="I9617" s="18"/>
      <c r="J9617" s="18"/>
      <c r="K9617" s="18"/>
      <c r="L9617" s="18"/>
      <c r="M9617" s="18"/>
      <c r="N9617" s="18"/>
      <c r="O9617" s="18"/>
      <c r="P9617" s="19"/>
      <c r="Q9617" s="19"/>
      <c r="R9617" s="19"/>
      <c r="S9617" s="19"/>
      <c r="T9617" s="19"/>
      <c r="U9617" s="19"/>
      <c r="V9617" s="19"/>
      <c r="W9617" s="19"/>
      <c r="X9617" s="19"/>
      <c r="Y9617" s="19"/>
      <c r="Z9617" s="19"/>
      <c r="AA9617" s="19"/>
    </row>
    <row r="9618" spans="1:27" s="1" customFormat="1" ht="14.1" customHeight="1" outlineLevel="1" x14ac:dyDescent="0.2">
      <c r="A9618" s="17">
        <v>13342</v>
      </c>
      <c r="B9618" s="17"/>
      <c r="C9618" s="17"/>
      <c r="D9618" s="18" t="s">
        <v>4767</v>
      </c>
      <c r="E9618" s="18"/>
      <c r="F9618" s="18"/>
      <c r="G9618" s="18"/>
      <c r="H9618" s="18"/>
      <c r="I9618" s="18"/>
      <c r="J9618" s="18"/>
      <c r="K9618" s="18"/>
      <c r="L9618" s="18"/>
      <c r="M9618" s="18"/>
      <c r="N9618" s="18"/>
      <c r="O9618" s="18"/>
      <c r="P9618" s="19">
        <v>250</v>
      </c>
      <c r="Q9618" s="19"/>
      <c r="R9618" s="19"/>
      <c r="S9618" s="19"/>
      <c r="T9618" s="19">
        <v>190</v>
      </c>
      <c r="U9618" s="19"/>
      <c r="V9618" s="19"/>
      <c r="W9618" s="19"/>
      <c r="X9618" s="19">
        <v>1</v>
      </c>
      <c r="Y9618" s="19"/>
      <c r="Z9618" s="19"/>
      <c r="AA9618" s="19"/>
    </row>
    <row r="9619" spans="1:27" s="1" customFormat="1" ht="14.1" customHeight="1" outlineLevel="1" x14ac:dyDescent="0.2">
      <c r="A9619" s="17"/>
      <c r="B9619" s="17"/>
      <c r="C9619" s="17"/>
      <c r="D9619" s="18"/>
      <c r="E9619" s="18"/>
      <c r="F9619" s="18"/>
      <c r="G9619" s="18"/>
      <c r="H9619" s="18"/>
      <c r="I9619" s="18"/>
      <c r="J9619" s="18"/>
      <c r="K9619" s="18"/>
      <c r="L9619" s="18"/>
      <c r="M9619" s="18"/>
      <c r="N9619" s="18"/>
      <c r="O9619" s="18"/>
      <c r="P9619" s="19"/>
      <c r="Q9619" s="19"/>
      <c r="R9619" s="19"/>
      <c r="S9619" s="19"/>
      <c r="T9619" s="19"/>
      <c r="U9619" s="19"/>
      <c r="V9619" s="19"/>
      <c r="W9619" s="19"/>
      <c r="X9619" s="19"/>
      <c r="Y9619" s="19"/>
      <c r="Z9619" s="19"/>
      <c r="AA9619" s="19"/>
    </row>
    <row r="9620" spans="1:27" s="1" customFormat="1" ht="14.1" customHeight="1" outlineLevel="1" x14ac:dyDescent="0.2">
      <c r="A9620" s="17">
        <v>13454</v>
      </c>
      <c r="B9620" s="17"/>
      <c r="C9620" s="17"/>
      <c r="D9620" s="18" t="s">
        <v>4768</v>
      </c>
      <c r="E9620" s="18"/>
      <c r="F9620" s="18"/>
      <c r="G9620" s="18"/>
      <c r="H9620" s="18"/>
      <c r="I9620" s="18"/>
      <c r="J9620" s="18"/>
      <c r="K9620" s="18"/>
      <c r="L9620" s="18"/>
      <c r="M9620" s="18"/>
      <c r="N9620" s="18"/>
      <c r="O9620" s="18"/>
      <c r="P9620" s="19">
        <v>140</v>
      </c>
      <c r="Q9620" s="19"/>
      <c r="R9620" s="19"/>
      <c r="S9620" s="19"/>
      <c r="T9620" s="19">
        <v>100</v>
      </c>
      <c r="U9620" s="19"/>
      <c r="V9620" s="19"/>
      <c r="W9620" s="19"/>
      <c r="X9620" s="19">
        <v>1</v>
      </c>
      <c r="Y9620" s="19"/>
      <c r="Z9620" s="19"/>
      <c r="AA9620" s="19"/>
    </row>
    <row r="9621" spans="1:27" s="1" customFormat="1" ht="14.1" customHeight="1" outlineLevel="1" x14ac:dyDescent="0.2">
      <c r="A9621" s="17"/>
      <c r="B9621" s="17"/>
      <c r="C9621" s="17"/>
      <c r="D9621" s="18"/>
      <c r="E9621" s="18"/>
      <c r="F9621" s="18"/>
      <c r="G9621" s="18"/>
      <c r="H9621" s="18"/>
      <c r="I9621" s="18"/>
      <c r="J9621" s="18"/>
      <c r="K9621" s="18"/>
      <c r="L9621" s="18"/>
      <c r="M9621" s="18"/>
      <c r="N9621" s="18"/>
      <c r="O9621" s="18"/>
      <c r="P9621" s="19"/>
      <c r="Q9621" s="19"/>
      <c r="R9621" s="19"/>
      <c r="S9621" s="19"/>
      <c r="T9621" s="19"/>
      <c r="U9621" s="19"/>
      <c r="V9621" s="19"/>
      <c r="W9621" s="19"/>
      <c r="X9621" s="19"/>
      <c r="Y9621" s="19"/>
      <c r="Z9621" s="19"/>
      <c r="AA9621" s="19"/>
    </row>
    <row r="9622" spans="1:27" s="1" customFormat="1" ht="14.1" customHeight="1" outlineLevel="1" x14ac:dyDescent="0.2">
      <c r="A9622" s="17">
        <v>16109</v>
      </c>
      <c r="B9622" s="17"/>
      <c r="C9622" s="17"/>
      <c r="D9622" s="18" t="s">
        <v>4769</v>
      </c>
      <c r="E9622" s="18"/>
      <c r="F9622" s="18"/>
      <c r="G9622" s="18"/>
      <c r="H9622" s="18"/>
      <c r="I9622" s="18"/>
      <c r="J9622" s="18"/>
      <c r="K9622" s="18"/>
      <c r="L9622" s="18"/>
      <c r="M9622" s="18"/>
      <c r="N9622" s="18"/>
      <c r="O9622" s="18"/>
      <c r="P9622" s="19">
        <v>370</v>
      </c>
      <c r="Q9622" s="19"/>
      <c r="R9622" s="19"/>
      <c r="S9622" s="19"/>
      <c r="T9622" s="19">
        <v>310</v>
      </c>
      <c r="U9622" s="19"/>
      <c r="V9622" s="19"/>
      <c r="W9622" s="19"/>
      <c r="X9622" s="19">
        <v>4</v>
      </c>
      <c r="Y9622" s="19"/>
      <c r="Z9622" s="19"/>
      <c r="AA9622" s="19"/>
    </row>
    <row r="9623" spans="1:27" s="1" customFormat="1" ht="14.1" customHeight="1" outlineLevel="1" x14ac:dyDescent="0.2">
      <c r="A9623" s="17"/>
      <c r="B9623" s="17"/>
      <c r="C9623" s="17"/>
      <c r="D9623" s="18"/>
      <c r="E9623" s="18"/>
      <c r="F9623" s="18"/>
      <c r="G9623" s="18"/>
      <c r="H9623" s="18"/>
      <c r="I9623" s="18"/>
      <c r="J9623" s="18"/>
      <c r="K9623" s="18"/>
      <c r="L9623" s="18"/>
      <c r="M9623" s="18"/>
      <c r="N9623" s="18"/>
      <c r="O9623" s="18"/>
      <c r="P9623" s="19"/>
      <c r="Q9623" s="19"/>
      <c r="R9623" s="19"/>
      <c r="S9623" s="19"/>
      <c r="T9623" s="19"/>
      <c r="U9623" s="19"/>
      <c r="V9623" s="19"/>
      <c r="W9623" s="19"/>
      <c r="X9623" s="19"/>
      <c r="Y9623" s="19"/>
      <c r="Z9623" s="19"/>
      <c r="AA9623" s="19"/>
    </row>
    <row r="9624" spans="1:27" s="1" customFormat="1" ht="21" customHeight="1" outlineLevel="1" x14ac:dyDescent="0.2">
      <c r="A9624" s="17">
        <v>16110</v>
      </c>
      <c r="B9624" s="17"/>
      <c r="C9624" s="17"/>
      <c r="D9624" s="18" t="s">
        <v>4770</v>
      </c>
      <c r="E9624" s="18"/>
      <c r="F9624" s="18"/>
      <c r="G9624" s="18"/>
      <c r="H9624" s="18"/>
      <c r="I9624" s="18"/>
      <c r="J9624" s="18"/>
      <c r="K9624" s="18"/>
      <c r="L9624" s="18"/>
      <c r="M9624" s="18"/>
      <c r="N9624" s="18"/>
      <c r="O9624" s="18"/>
      <c r="P9624" s="19">
        <v>370</v>
      </c>
      <c r="Q9624" s="19"/>
      <c r="R9624" s="19"/>
      <c r="S9624" s="19"/>
      <c r="T9624" s="19">
        <v>310</v>
      </c>
      <c r="U9624" s="19"/>
      <c r="V9624" s="19"/>
      <c r="W9624" s="19"/>
      <c r="X9624" s="19">
        <v>2</v>
      </c>
      <c r="Y9624" s="19"/>
      <c r="Z9624" s="19"/>
      <c r="AA9624" s="19"/>
    </row>
    <row r="9625" spans="1:27" s="1" customFormat="1" ht="21" customHeight="1" outlineLevel="1" x14ac:dyDescent="0.2">
      <c r="A9625" s="17"/>
      <c r="B9625" s="17"/>
      <c r="C9625" s="17"/>
      <c r="D9625" s="18"/>
      <c r="E9625" s="18"/>
      <c r="F9625" s="18"/>
      <c r="G9625" s="18"/>
      <c r="H9625" s="18"/>
      <c r="I9625" s="18"/>
      <c r="J9625" s="18"/>
      <c r="K9625" s="18"/>
      <c r="L9625" s="18"/>
      <c r="M9625" s="18"/>
      <c r="N9625" s="18"/>
      <c r="O9625" s="18"/>
      <c r="P9625" s="19"/>
      <c r="Q9625" s="19"/>
      <c r="R9625" s="19"/>
      <c r="S9625" s="19"/>
      <c r="T9625" s="19"/>
      <c r="U9625" s="19"/>
      <c r="V9625" s="19"/>
      <c r="W9625" s="19"/>
      <c r="X9625" s="19"/>
      <c r="Y9625" s="19"/>
      <c r="Z9625" s="19"/>
      <c r="AA9625" s="19"/>
    </row>
    <row r="9626" spans="1:27" s="1" customFormat="1" ht="21" customHeight="1" outlineLevel="1" x14ac:dyDescent="0.2">
      <c r="A9626" s="17">
        <v>16111</v>
      </c>
      <c r="B9626" s="17"/>
      <c r="C9626" s="17"/>
      <c r="D9626" s="18" t="s">
        <v>4771</v>
      </c>
      <c r="E9626" s="18"/>
      <c r="F9626" s="18"/>
      <c r="G9626" s="18"/>
      <c r="H9626" s="18"/>
      <c r="I9626" s="18"/>
      <c r="J9626" s="18"/>
      <c r="K9626" s="18"/>
      <c r="L9626" s="18"/>
      <c r="M9626" s="18"/>
      <c r="N9626" s="18"/>
      <c r="O9626" s="18"/>
      <c r="P9626" s="19">
        <v>370</v>
      </c>
      <c r="Q9626" s="19"/>
      <c r="R9626" s="19"/>
      <c r="S9626" s="19"/>
      <c r="T9626" s="19">
        <v>310</v>
      </c>
      <c r="U9626" s="19"/>
      <c r="V9626" s="19"/>
      <c r="W9626" s="19"/>
      <c r="X9626" s="19">
        <v>5</v>
      </c>
      <c r="Y9626" s="19"/>
      <c r="Z9626" s="19"/>
      <c r="AA9626" s="19"/>
    </row>
    <row r="9627" spans="1:27" s="1" customFormat="1" ht="21" customHeight="1" outlineLevel="1" x14ac:dyDescent="0.2">
      <c r="A9627" s="17"/>
      <c r="B9627" s="17"/>
      <c r="C9627" s="17"/>
      <c r="D9627" s="18"/>
      <c r="E9627" s="18"/>
      <c r="F9627" s="18"/>
      <c r="G9627" s="18"/>
      <c r="H9627" s="18"/>
      <c r="I9627" s="18"/>
      <c r="J9627" s="18"/>
      <c r="K9627" s="18"/>
      <c r="L9627" s="18"/>
      <c r="M9627" s="18"/>
      <c r="N9627" s="18"/>
      <c r="O9627" s="18"/>
      <c r="P9627" s="19"/>
      <c r="Q9627" s="19"/>
      <c r="R9627" s="19"/>
      <c r="S9627" s="19"/>
      <c r="T9627" s="19"/>
      <c r="U9627" s="19"/>
      <c r="V9627" s="19"/>
      <c r="W9627" s="19"/>
      <c r="X9627" s="19"/>
      <c r="Y9627" s="19"/>
      <c r="Z9627" s="19"/>
      <c r="AA9627" s="19"/>
    </row>
    <row r="9628" spans="1:27" s="1" customFormat="1" ht="14.1" customHeight="1" outlineLevel="1" x14ac:dyDescent="0.2">
      <c r="A9628" s="17">
        <v>16108</v>
      </c>
      <c r="B9628" s="17"/>
      <c r="C9628" s="17"/>
      <c r="D9628" s="18" t="s">
        <v>4772</v>
      </c>
      <c r="E9628" s="18"/>
      <c r="F9628" s="18"/>
      <c r="G9628" s="18"/>
      <c r="H9628" s="18"/>
      <c r="I9628" s="18"/>
      <c r="J9628" s="18"/>
      <c r="K9628" s="18"/>
      <c r="L9628" s="18"/>
      <c r="M9628" s="18"/>
      <c r="N9628" s="18"/>
      <c r="O9628" s="18"/>
      <c r="P9628" s="19">
        <v>370</v>
      </c>
      <c r="Q9628" s="19"/>
      <c r="R9628" s="19"/>
      <c r="S9628" s="19"/>
      <c r="T9628" s="19">
        <v>310</v>
      </c>
      <c r="U9628" s="19"/>
      <c r="V9628" s="19"/>
      <c r="W9628" s="19"/>
      <c r="X9628" s="19">
        <v>1</v>
      </c>
      <c r="Y9628" s="19"/>
      <c r="Z9628" s="19"/>
      <c r="AA9628" s="19"/>
    </row>
    <row r="9629" spans="1:27" s="1" customFormat="1" ht="14.1" customHeight="1" outlineLevel="1" x14ac:dyDescent="0.2">
      <c r="A9629" s="17"/>
      <c r="B9629" s="17"/>
      <c r="C9629" s="17"/>
      <c r="D9629" s="18"/>
      <c r="E9629" s="18"/>
      <c r="F9629" s="18"/>
      <c r="G9629" s="18"/>
      <c r="H9629" s="18"/>
      <c r="I9629" s="18"/>
      <c r="J9629" s="18"/>
      <c r="K9629" s="18"/>
      <c r="L9629" s="18"/>
      <c r="M9629" s="18"/>
      <c r="N9629" s="18"/>
      <c r="O9629" s="18"/>
      <c r="P9629" s="19"/>
      <c r="Q9629" s="19"/>
      <c r="R9629" s="19"/>
      <c r="S9629" s="19"/>
      <c r="T9629" s="19"/>
      <c r="U9629" s="19"/>
      <c r="V9629" s="19"/>
      <c r="W9629" s="19"/>
      <c r="X9629" s="19"/>
      <c r="Y9629" s="19"/>
      <c r="Z9629" s="19"/>
      <c r="AA9629" s="19"/>
    </row>
    <row r="9630" spans="1:27" s="1" customFormat="1" ht="14.1" customHeight="1" outlineLevel="1" x14ac:dyDescent="0.2">
      <c r="A9630" s="17">
        <v>13923</v>
      </c>
      <c r="B9630" s="17"/>
      <c r="C9630" s="17"/>
      <c r="D9630" s="18" t="s">
        <v>4773</v>
      </c>
      <c r="E9630" s="18"/>
      <c r="F9630" s="18"/>
      <c r="G9630" s="18"/>
      <c r="H9630" s="18"/>
      <c r="I9630" s="18"/>
      <c r="J9630" s="18"/>
      <c r="K9630" s="18"/>
      <c r="L9630" s="18"/>
      <c r="M9630" s="18"/>
      <c r="N9630" s="18"/>
      <c r="O9630" s="18"/>
      <c r="P9630" s="19">
        <v>370</v>
      </c>
      <c r="Q9630" s="19"/>
      <c r="R9630" s="19"/>
      <c r="S9630" s="19"/>
      <c r="T9630" s="19">
        <v>310</v>
      </c>
      <c r="U9630" s="19"/>
      <c r="V9630" s="19"/>
      <c r="W9630" s="19"/>
      <c r="X9630" s="19">
        <v>17</v>
      </c>
      <c r="Y9630" s="19"/>
      <c r="Z9630" s="19"/>
      <c r="AA9630" s="19"/>
    </row>
    <row r="9631" spans="1:27" s="1" customFormat="1" ht="14.1" customHeight="1" outlineLevel="1" x14ac:dyDescent="0.2">
      <c r="A9631" s="17"/>
      <c r="B9631" s="17"/>
      <c r="C9631" s="17"/>
      <c r="D9631" s="18"/>
      <c r="E9631" s="18"/>
      <c r="F9631" s="18"/>
      <c r="G9631" s="18"/>
      <c r="H9631" s="18"/>
      <c r="I9631" s="18"/>
      <c r="J9631" s="18"/>
      <c r="K9631" s="18"/>
      <c r="L9631" s="18"/>
      <c r="M9631" s="18"/>
      <c r="N9631" s="18"/>
      <c r="O9631" s="18"/>
      <c r="P9631" s="19"/>
      <c r="Q9631" s="19"/>
      <c r="R9631" s="19"/>
      <c r="S9631" s="19"/>
      <c r="T9631" s="19"/>
      <c r="U9631" s="19"/>
      <c r="V9631" s="19"/>
      <c r="W9631" s="19"/>
      <c r="X9631" s="19"/>
      <c r="Y9631" s="19"/>
      <c r="Z9631" s="19"/>
      <c r="AA9631" s="19"/>
    </row>
    <row r="9632" spans="1:27" s="1" customFormat="1" ht="14.1" customHeight="1" outlineLevel="1" x14ac:dyDescent="0.2">
      <c r="A9632" s="17">
        <v>16823</v>
      </c>
      <c r="B9632" s="17"/>
      <c r="C9632" s="17"/>
      <c r="D9632" s="18" t="s">
        <v>4774</v>
      </c>
      <c r="E9632" s="18"/>
      <c r="F9632" s="18"/>
      <c r="G9632" s="18"/>
      <c r="H9632" s="18"/>
      <c r="I9632" s="18"/>
      <c r="J9632" s="18"/>
      <c r="K9632" s="18"/>
      <c r="L9632" s="18"/>
      <c r="M9632" s="18"/>
      <c r="N9632" s="18"/>
      <c r="O9632" s="18"/>
      <c r="P9632" s="19">
        <v>200</v>
      </c>
      <c r="Q9632" s="19"/>
      <c r="R9632" s="19"/>
      <c r="S9632" s="19"/>
      <c r="T9632" s="19">
        <v>100</v>
      </c>
      <c r="U9632" s="19"/>
      <c r="V9632" s="19"/>
      <c r="W9632" s="19"/>
      <c r="X9632" s="19">
        <v>1</v>
      </c>
      <c r="Y9632" s="19"/>
      <c r="Z9632" s="19"/>
      <c r="AA9632" s="19"/>
    </row>
    <row r="9633" spans="1:27" s="1" customFormat="1" ht="14.1" customHeight="1" outlineLevel="1" x14ac:dyDescent="0.2">
      <c r="A9633" s="17"/>
      <c r="B9633" s="17"/>
      <c r="C9633" s="17"/>
      <c r="D9633" s="18"/>
      <c r="E9633" s="18"/>
      <c r="F9633" s="18"/>
      <c r="G9633" s="18"/>
      <c r="H9633" s="18"/>
      <c r="I9633" s="18"/>
      <c r="J9633" s="18"/>
      <c r="K9633" s="18"/>
      <c r="L9633" s="18"/>
      <c r="M9633" s="18"/>
      <c r="N9633" s="18"/>
      <c r="O9633" s="18"/>
      <c r="P9633" s="19"/>
      <c r="Q9633" s="19"/>
      <c r="R9633" s="19"/>
      <c r="S9633" s="19"/>
      <c r="T9633" s="19"/>
      <c r="U9633" s="19"/>
      <c r="V9633" s="19"/>
      <c r="W9633" s="19"/>
      <c r="X9633" s="19"/>
      <c r="Y9633" s="19"/>
      <c r="Z9633" s="19"/>
      <c r="AA9633" s="19"/>
    </row>
    <row r="9634" spans="1:27" s="1" customFormat="1" ht="14.1" customHeight="1" outlineLevel="1" x14ac:dyDescent="0.2">
      <c r="A9634" s="17">
        <v>16987</v>
      </c>
      <c r="B9634" s="17"/>
      <c r="C9634" s="17"/>
      <c r="D9634" s="18" t="s">
        <v>4775</v>
      </c>
      <c r="E9634" s="18"/>
      <c r="F9634" s="18"/>
      <c r="G9634" s="18"/>
      <c r="H9634" s="18"/>
      <c r="I9634" s="18"/>
      <c r="J9634" s="18"/>
      <c r="K9634" s="18"/>
      <c r="L9634" s="18"/>
      <c r="M9634" s="18"/>
      <c r="N9634" s="18"/>
      <c r="O9634" s="18"/>
      <c r="P9634" s="19">
        <v>150</v>
      </c>
      <c r="Q9634" s="19"/>
      <c r="R9634" s="19"/>
      <c r="S9634" s="19"/>
      <c r="T9634" s="19">
        <v>90</v>
      </c>
      <c r="U9634" s="19"/>
      <c r="V9634" s="19"/>
      <c r="W9634" s="19"/>
      <c r="X9634" s="19">
        <v>1</v>
      </c>
      <c r="Y9634" s="19"/>
      <c r="Z9634" s="19"/>
      <c r="AA9634" s="19"/>
    </row>
    <row r="9635" spans="1:27" s="1" customFormat="1" ht="14.1" customHeight="1" outlineLevel="1" x14ac:dyDescent="0.2">
      <c r="A9635" s="17"/>
      <c r="B9635" s="17"/>
      <c r="C9635" s="17"/>
      <c r="D9635" s="18"/>
      <c r="E9635" s="18"/>
      <c r="F9635" s="18"/>
      <c r="G9635" s="18"/>
      <c r="H9635" s="18"/>
      <c r="I9635" s="18"/>
      <c r="J9635" s="18"/>
      <c r="K9635" s="18"/>
      <c r="L9635" s="18"/>
      <c r="M9635" s="18"/>
      <c r="N9635" s="18"/>
      <c r="O9635" s="18"/>
      <c r="P9635" s="19"/>
      <c r="Q9635" s="19"/>
      <c r="R9635" s="19"/>
      <c r="S9635" s="19"/>
      <c r="T9635" s="19"/>
      <c r="U9635" s="19"/>
      <c r="V9635" s="19"/>
      <c r="W9635" s="19"/>
      <c r="X9635" s="19"/>
      <c r="Y9635" s="19"/>
      <c r="Z9635" s="19"/>
      <c r="AA9635" s="19"/>
    </row>
    <row r="9636" spans="1:27" s="1" customFormat="1" ht="14.1" customHeight="1" outlineLevel="1" x14ac:dyDescent="0.2">
      <c r="A9636" s="17">
        <v>13500</v>
      </c>
      <c r="B9636" s="17"/>
      <c r="C9636" s="17"/>
      <c r="D9636" s="18" t="s">
        <v>4776</v>
      </c>
      <c r="E9636" s="18"/>
      <c r="F9636" s="18"/>
      <c r="G9636" s="18"/>
      <c r="H9636" s="18"/>
      <c r="I9636" s="18"/>
      <c r="J9636" s="18"/>
      <c r="K9636" s="18"/>
      <c r="L9636" s="18"/>
      <c r="M9636" s="18"/>
      <c r="N9636" s="18"/>
      <c r="O9636" s="18"/>
      <c r="P9636" s="19">
        <v>120</v>
      </c>
      <c r="Q9636" s="19"/>
      <c r="R9636" s="19"/>
      <c r="S9636" s="19"/>
      <c r="T9636" s="19">
        <v>80</v>
      </c>
      <c r="U9636" s="19"/>
      <c r="V9636" s="19"/>
      <c r="W9636" s="19"/>
      <c r="X9636" s="19">
        <v>3</v>
      </c>
      <c r="Y9636" s="19"/>
      <c r="Z9636" s="19"/>
      <c r="AA9636" s="19"/>
    </row>
    <row r="9637" spans="1:27" s="1" customFormat="1" ht="14.1" customHeight="1" outlineLevel="1" x14ac:dyDescent="0.2">
      <c r="A9637" s="17"/>
      <c r="B9637" s="17"/>
      <c r="C9637" s="17"/>
      <c r="D9637" s="18"/>
      <c r="E9637" s="18"/>
      <c r="F9637" s="18"/>
      <c r="G9637" s="18"/>
      <c r="H9637" s="18"/>
      <c r="I9637" s="18"/>
      <c r="J9637" s="18"/>
      <c r="K9637" s="18"/>
      <c r="L9637" s="18"/>
      <c r="M9637" s="18"/>
      <c r="N9637" s="18"/>
      <c r="O9637" s="18"/>
      <c r="P9637" s="19"/>
      <c r="Q9637" s="19"/>
      <c r="R9637" s="19"/>
      <c r="S9637" s="19"/>
      <c r="T9637" s="19"/>
      <c r="U9637" s="19"/>
      <c r="V9637" s="19"/>
      <c r="W9637" s="19"/>
      <c r="X9637" s="19"/>
      <c r="Y9637" s="19"/>
      <c r="Z9637" s="19"/>
      <c r="AA9637" s="19"/>
    </row>
    <row r="9638" spans="1:27" s="1" customFormat="1" ht="14.1" customHeight="1" outlineLevel="1" x14ac:dyDescent="0.2">
      <c r="A9638" s="17">
        <v>15754</v>
      </c>
      <c r="B9638" s="17"/>
      <c r="C9638" s="17"/>
      <c r="D9638" s="18" t="s">
        <v>4777</v>
      </c>
      <c r="E9638" s="18"/>
      <c r="F9638" s="18"/>
      <c r="G9638" s="18"/>
      <c r="H9638" s="18"/>
      <c r="I9638" s="18"/>
      <c r="J9638" s="18"/>
      <c r="K9638" s="18"/>
      <c r="L9638" s="18"/>
      <c r="M9638" s="18"/>
      <c r="N9638" s="18"/>
      <c r="O9638" s="18"/>
      <c r="P9638" s="19">
        <v>130</v>
      </c>
      <c r="Q9638" s="19"/>
      <c r="R9638" s="19"/>
      <c r="S9638" s="19"/>
      <c r="T9638" s="19">
        <v>90</v>
      </c>
      <c r="U9638" s="19"/>
      <c r="V9638" s="19"/>
      <c r="W9638" s="19"/>
      <c r="X9638" s="19">
        <v>1</v>
      </c>
      <c r="Y9638" s="19"/>
      <c r="Z9638" s="19"/>
      <c r="AA9638" s="19"/>
    </row>
    <row r="9639" spans="1:27" s="1" customFormat="1" ht="14.1" customHeight="1" outlineLevel="1" x14ac:dyDescent="0.2">
      <c r="A9639" s="17"/>
      <c r="B9639" s="17"/>
      <c r="C9639" s="17"/>
      <c r="D9639" s="18"/>
      <c r="E9639" s="18"/>
      <c r="F9639" s="18"/>
      <c r="G9639" s="18"/>
      <c r="H9639" s="18"/>
      <c r="I9639" s="18"/>
      <c r="J9639" s="18"/>
      <c r="K9639" s="18"/>
      <c r="L9639" s="18"/>
      <c r="M9639" s="18"/>
      <c r="N9639" s="18"/>
      <c r="O9639" s="18"/>
      <c r="P9639" s="19"/>
      <c r="Q9639" s="19"/>
      <c r="R9639" s="19"/>
      <c r="S9639" s="19"/>
      <c r="T9639" s="19"/>
      <c r="U9639" s="19"/>
      <c r="V9639" s="19"/>
      <c r="W9639" s="19"/>
      <c r="X9639" s="19"/>
      <c r="Y9639" s="19"/>
      <c r="Z9639" s="19"/>
      <c r="AA9639" s="19"/>
    </row>
    <row r="9640" spans="1:27" s="1" customFormat="1" ht="14.1" customHeight="1" outlineLevel="1" x14ac:dyDescent="0.2">
      <c r="A9640" s="17">
        <v>16977</v>
      </c>
      <c r="B9640" s="17"/>
      <c r="C9640" s="17"/>
      <c r="D9640" s="18" t="s">
        <v>4778</v>
      </c>
      <c r="E9640" s="18"/>
      <c r="F9640" s="18"/>
      <c r="G9640" s="18"/>
      <c r="H9640" s="18"/>
      <c r="I9640" s="18"/>
      <c r="J9640" s="18"/>
      <c r="K9640" s="18"/>
      <c r="L9640" s="18"/>
      <c r="M9640" s="18"/>
      <c r="N9640" s="18"/>
      <c r="O9640" s="18"/>
      <c r="P9640" s="19">
        <v>150</v>
      </c>
      <c r="Q9640" s="19"/>
      <c r="R9640" s="19"/>
      <c r="S9640" s="19"/>
      <c r="T9640" s="19">
        <v>90</v>
      </c>
      <c r="U9640" s="19"/>
      <c r="V9640" s="19"/>
      <c r="W9640" s="19"/>
      <c r="X9640" s="19">
        <v>1</v>
      </c>
      <c r="Y9640" s="19"/>
      <c r="Z9640" s="19"/>
      <c r="AA9640" s="19"/>
    </row>
    <row r="9641" spans="1:27" s="1" customFormat="1" ht="14.1" customHeight="1" outlineLevel="1" x14ac:dyDescent="0.2">
      <c r="A9641" s="17"/>
      <c r="B9641" s="17"/>
      <c r="C9641" s="17"/>
      <c r="D9641" s="18"/>
      <c r="E9641" s="18"/>
      <c r="F9641" s="18"/>
      <c r="G9641" s="18"/>
      <c r="H9641" s="18"/>
      <c r="I9641" s="18"/>
      <c r="J9641" s="18"/>
      <c r="K9641" s="18"/>
      <c r="L9641" s="18"/>
      <c r="M9641" s="18"/>
      <c r="N9641" s="18"/>
      <c r="O9641" s="18"/>
      <c r="P9641" s="19"/>
      <c r="Q9641" s="19"/>
      <c r="R9641" s="19"/>
      <c r="S9641" s="19"/>
      <c r="T9641" s="19"/>
      <c r="U9641" s="19"/>
      <c r="V9641" s="19"/>
      <c r="W9641" s="19"/>
      <c r="X9641" s="19"/>
      <c r="Y9641" s="19"/>
      <c r="Z9641" s="19"/>
      <c r="AA9641" s="19"/>
    </row>
    <row r="9642" spans="1:27" s="1" customFormat="1" ht="14.1" customHeight="1" outlineLevel="1" x14ac:dyDescent="0.2">
      <c r="A9642" s="17">
        <v>10290</v>
      </c>
      <c r="B9642" s="17"/>
      <c r="C9642" s="17"/>
      <c r="D9642" s="18" t="s">
        <v>4779</v>
      </c>
      <c r="E9642" s="18"/>
      <c r="F9642" s="18"/>
      <c r="G9642" s="18"/>
      <c r="H9642" s="18"/>
      <c r="I9642" s="18"/>
      <c r="J9642" s="18"/>
      <c r="K9642" s="18"/>
      <c r="L9642" s="18"/>
      <c r="M9642" s="18"/>
      <c r="N9642" s="18"/>
      <c r="O9642" s="18"/>
      <c r="P9642" s="19">
        <v>100</v>
      </c>
      <c r="Q9642" s="19"/>
      <c r="R9642" s="19"/>
      <c r="S9642" s="19"/>
      <c r="T9642" s="19">
        <v>100</v>
      </c>
      <c r="U9642" s="19"/>
      <c r="V9642" s="19"/>
      <c r="W9642" s="19"/>
      <c r="X9642" s="19">
        <v>1</v>
      </c>
      <c r="Y9642" s="19"/>
      <c r="Z9642" s="19"/>
      <c r="AA9642" s="19"/>
    </row>
    <row r="9643" spans="1:27" s="1" customFormat="1" ht="14.1" customHeight="1" outlineLevel="1" x14ac:dyDescent="0.2">
      <c r="A9643" s="17"/>
      <c r="B9643" s="17"/>
      <c r="C9643" s="17"/>
      <c r="D9643" s="18"/>
      <c r="E9643" s="18"/>
      <c r="F9643" s="18"/>
      <c r="G9643" s="18"/>
      <c r="H9643" s="18"/>
      <c r="I9643" s="18"/>
      <c r="J9643" s="18"/>
      <c r="K9643" s="18"/>
      <c r="L9643" s="18"/>
      <c r="M9643" s="18"/>
      <c r="N9643" s="18"/>
      <c r="O9643" s="18"/>
      <c r="P9643" s="19"/>
      <c r="Q9643" s="19"/>
      <c r="R9643" s="19"/>
      <c r="S9643" s="19"/>
      <c r="T9643" s="19"/>
      <c r="U9643" s="19"/>
      <c r="V9643" s="19"/>
      <c r="W9643" s="19"/>
      <c r="X9643" s="19"/>
      <c r="Y9643" s="19"/>
      <c r="Z9643" s="19"/>
      <c r="AA9643" s="19"/>
    </row>
    <row r="9644" spans="1:27" s="1" customFormat="1" ht="14.1" customHeight="1" outlineLevel="1" x14ac:dyDescent="0.2">
      <c r="A9644" s="17">
        <v>13470</v>
      </c>
      <c r="B9644" s="17"/>
      <c r="C9644" s="17"/>
      <c r="D9644" s="18" t="s">
        <v>4780</v>
      </c>
      <c r="E9644" s="18"/>
      <c r="F9644" s="18"/>
      <c r="G9644" s="18"/>
      <c r="H9644" s="18"/>
      <c r="I9644" s="18"/>
      <c r="J9644" s="18"/>
      <c r="K9644" s="18"/>
      <c r="L9644" s="18"/>
      <c r="M9644" s="18"/>
      <c r="N9644" s="18"/>
      <c r="O9644" s="18"/>
      <c r="P9644" s="19">
        <v>75</v>
      </c>
      <c r="Q9644" s="19"/>
      <c r="R9644" s="19"/>
      <c r="S9644" s="19"/>
      <c r="T9644" s="19">
        <v>50</v>
      </c>
      <c r="U9644" s="19"/>
      <c r="V9644" s="19"/>
      <c r="W9644" s="19"/>
      <c r="X9644" s="19">
        <v>2</v>
      </c>
      <c r="Y9644" s="19"/>
      <c r="Z9644" s="19"/>
      <c r="AA9644" s="19"/>
    </row>
    <row r="9645" spans="1:27" s="1" customFormat="1" ht="14.1" customHeight="1" outlineLevel="1" x14ac:dyDescent="0.2">
      <c r="A9645" s="17"/>
      <c r="B9645" s="17"/>
      <c r="C9645" s="17"/>
      <c r="D9645" s="18"/>
      <c r="E9645" s="18"/>
      <c r="F9645" s="18"/>
      <c r="G9645" s="18"/>
      <c r="H9645" s="18"/>
      <c r="I9645" s="18"/>
      <c r="J9645" s="18"/>
      <c r="K9645" s="18"/>
      <c r="L9645" s="18"/>
      <c r="M9645" s="18"/>
      <c r="N9645" s="18"/>
      <c r="O9645" s="18"/>
      <c r="P9645" s="19"/>
      <c r="Q9645" s="19"/>
      <c r="R9645" s="19"/>
      <c r="S9645" s="19"/>
      <c r="T9645" s="19"/>
      <c r="U9645" s="19"/>
      <c r="V9645" s="19"/>
      <c r="W9645" s="19"/>
      <c r="X9645" s="19"/>
      <c r="Y9645" s="19"/>
      <c r="Z9645" s="19"/>
      <c r="AA9645" s="19"/>
    </row>
    <row r="9646" spans="1:27" s="1" customFormat="1" ht="14.1" customHeight="1" outlineLevel="1" x14ac:dyDescent="0.2">
      <c r="A9646" s="17">
        <v>18072</v>
      </c>
      <c r="B9646" s="17"/>
      <c r="C9646" s="17"/>
      <c r="D9646" s="18" t="s">
        <v>4781</v>
      </c>
      <c r="E9646" s="18"/>
      <c r="F9646" s="18"/>
      <c r="G9646" s="18"/>
      <c r="H9646" s="18"/>
      <c r="I9646" s="18"/>
      <c r="J9646" s="18"/>
      <c r="K9646" s="18"/>
      <c r="L9646" s="18"/>
      <c r="M9646" s="18"/>
      <c r="N9646" s="18"/>
      <c r="O9646" s="18"/>
      <c r="P9646" s="19">
        <v>150</v>
      </c>
      <c r="Q9646" s="19"/>
      <c r="R9646" s="19"/>
      <c r="S9646" s="19"/>
      <c r="T9646" s="19">
        <v>100</v>
      </c>
      <c r="U9646" s="19"/>
      <c r="V9646" s="19"/>
      <c r="W9646" s="19"/>
      <c r="X9646" s="19">
        <v>1</v>
      </c>
      <c r="Y9646" s="19"/>
      <c r="Z9646" s="19"/>
      <c r="AA9646" s="19"/>
    </row>
    <row r="9647" spans="1:27" s="1" customFormat="1" ht="14.1" customHeight="1" outlineLevel="1" x14ac:dyDescent="0.2">
      <c r="A9647" s="17"/>
      <c r="B9647" s="17"/>
      <c r="C9647" s="17"/>
      <c r="D9647" s="18"/>
      <c r="E9647" s="18"/>
      <c r="F9647" s="18"/>
      <c r="G9647" s="18"/>
      <c r="H9647" s="18"/>
      <c r="I9647" s="18"/>
      <c r="J9647" s="18"/>
      <c r="K9647" s="18"/>
      <c r="L9647" s="18"/>
      <c r="M9647" s="18"/>
      <c r="N9647" s="18"/>
      <c r="O9647" s="18"/>
      <c r="P9647" s="19"/>
      <c r="Q9647" s="19"/>
      <c r="R9647" s="19"/>
      <c r="S9647" s="19"/>
      <c r="T9647" s="19"/>
      <c r="U9647" s="19"/>
      <c r="V9647" s="19"/>
      <c r="W9647" s="19"/>
      <c r="X9647" s="19"/>
      <c r="Y9647" s="19"/>
      <c r="Z9647" s="19"/>
      <c r="AA9647" s="19"/>
    </row>
    <row r="9648" spans="1:27" s="1" customFormat="1" ht="14.1" customHeight="1" outlineLevel="1" x14ac:dyDescent="0.2">
      <c r="A9648" s="17">
        <v>13366</v>
      </c>
      <c r="B9648" s="17"/>
      <c r="C9648" s="17"/>
      <c r="D9648" s="18" t="s">
        <v>4782</v>
      </c>
      <c r="E9648" s="18"/>
      <c r="F9648" s="18"/>
      <c r="G9648" s="18"/>
      <c r="H9648" s="18"/>
      <c r="I9648" s="18"/>
      <c r="J9648" s="18"/>
      <c r="K9648" s="18"/>
      <c r="L9648" s="18"/>
      <c r="M9648" s="18"/>
      <c r="N9648" s="18"/>
      <c r="O9648" s="18"/>
      <c r="P9648" s="19">
        <v>190</v>
      </c>
      <c r="Q9648" s="19"/>
      <c r="R9648" s="19"/>
      <c r="S9648" s="19"/>
      <c r="T9648" s="19">
        <v>150</v>
      </c>
      <c r="U9648" s="19"/>
      <c r="V9648" s="19"/>
      <c r="W9648" s="19"/>
      <c r="X9648" s="19">
        <v>1</v>
      </c>
      <c r="Y9648" s="19"/>
      <c r="Z9648" s="19"/>
      <c r="AA9648" s="19"/>
    </row>
    <row r="9649" spans="1:27" s="1" customFormat="1" ht="14.1" customHeight="1" outlineLevel="1" x14ac:dyDescent="0.2">
      <c r="A9649" s="17"/>
      <c r="B9649" s="17"/>
      <c r="C9649" s="17"/>
      <c r="D9649" s="18"/>
      <c r="E9649" s="18"/>
      <c r="F9649" s="18"/>
      <c r="G9649" s="18"/>
      <c r="H9649" s="18"/>
      <c r="I9649" s="18"/>
      <c r="J9649" s="18"/>
      <c r="K9649" s="18"/>
      <c r="L9649" s="18"/>
      <c r="M9649" s="18"/>
      <c r="N9649" s="18"/>
      <c r="O9649" s="18"/>
      <c r="P9649" s="19"/>
      <c r="Q9649" s="19"/>
      <c r="R9649" s="19"/>
      <c r="S9649" s="19"/>
      <c r="T9649" s="19"/>
      <c r="U9649" s="19"/>
      <c r="V9649" s="19"/>
      <c r="W9649" s="19"/>
      <c r="X9649" s="19"/>
      <c r="Y9649" s="19"/>
      <c r="Z9649" s="19"/>
      <c r="AA9649" s="19"/>
    </row>
    <row r="9650" spans="1:27" s="1" customFormat="1" ht="14.1" customHeight="1" outlineLevel="1" x14ac:dyDescent="0.2">
      <c r="A9650" s="17">
        <v>13456</v>
      </c>
      <c r="B9650" s="17"/>
      <c r="C9650" s="17"/>
      <c r="D9650" s="18" t="s">
        <v>4783</v>
      </c>
      <c r="E9650" s="18"/>
      <c r="F9650" s="18"/>
      <c r="G9650" s="18"/>
      <c r="H9650" s="18"/>
      <c r="I9650" s="18"/>
      <c r="J9650" s="18"/>
      <c r="K9650" s="18"/>
      <c r="L9650" s="18"/>
      <c r="M9650" s="18"/>
      <c r="N9650" s="18"/>
      <c r="O9650" s="18"/>
      <c r="P9650" s="19">
        <v>100</v>
      </c>
      <c r="Q9650" s="19"/>
      <c r="R9650" s="19"/>
      <c r="S9650" s="19"/>
      <c r="T9650" s="19">
        <v>60</v>
      </c>
      <c r="U9650" s="19"/>
      <c r="V9650" s="19"/>
      <c r="W9650" s="19"/>
      <c r="X9650" s="19">
        <v>4</v>
      </c>
      <c r="Y9650" s="19"/>
      <c r="Z9650" s="19"/>
      <c r="AA9650" s="19"/>
    </row>
    <row r="9651" spans="1:27" s="1" customFormat="1" ht="14.1" customHeight="1" outlineLevel="1" x14ac:dyDescent="0.2">
      <c r="A9651" s="17"/>
      <c r="B9651" s="17"/>
      <c r="C9651" s="17"/>
      <c r="D9651" s="18"/>
      <c r="E9651" s="18"/>
      <c r="F9651" s="18"/>
      <c r="G9651" s="18"/>
      <c r="H9651" s="18"/>
      <c r="I9651" s="18"/>
      <c r="J9651" s="18"/>
      <c r="K9651" s="18"/>
      <c r="L9651" s="18"/>
      <c r="M9651" s="18"/>
      <c r="N9651" s="18"/>
      <c r="O9651" s="18"/>
      <c r="P9651" s="19"/>
      <c r="Q9651" s="19"/>
      <c r="R9651" s="19"/>
      <c r="S9651" s="19"/>
      <c r="T9651" s="19"/>
      <c r="U9651" s="19"/>
      <c r="V9651" s="19"/>
      <c r="W9651" s="19"/>
      <c r="X9651" s="19"/>
      <c r="Y9651" s="19"/>
      <c r="Z9651" s="19"/>
      <c r="AA9651" s="19"/>
    </row>
    <row r="9652" spans="1:27" s="1" customFormat="1" ht="14.1" customHeight="1" outlineLevel="1" x14ac:dyDescent="0.2">
      <c r="A9652" s="17">
        <v>16986</v>
      </c>
      <c r="B9652" s="17"/>
      <c r="C9652" s="17"/>
      <c r="D9652" s="18" t="s">
        <v>4784</v>
      </c>
      <c r="E9652" s="18"/>
      <c r="F9652" s="18"/>
      <c r="G9652" s="18"/>
      <c r="H9652" s="18"/>
      <c r="I9652" s="18"/>
      <c r="J9652" s="18"/>
      <c r="K9652" s="18"/>
      <c r="L9652" s="18"/>
      <c r="M9652" s="18"/>
      <c r="N9652" s="18"/>
      <c r="O9652" s="18"/>
      <c r="P9652" s="19">
        <v>190</v>
      </c>
      <c r="Q9652" s="19"/>
      <c r="R9652" s="19"/>
      <c r="S9652" s="19"/>
      <c r="T9652" s="19">
        <v>100</v>
      </c>
      <c r="U9652" s="19"/>
      <c r="V9652" s="19"/>
      <c r="W9652" s="19"/>
      <c r="X9652" s="19">
        <v>2</v>
      </c>
      <c r="Y9652" s="19"/>
      <c r="Z9652" s="19"/>
      <c r="AA9652" s="19"/>
    </row>
    <row r="9653" spans="1:27" s="1" customFormat="1" ht="14.1" customHeight="1" outlineLevel="1" x14ac:dyDescent="0.2">
      <c r="A9653" s="17"/>
      <c r="B9653" s="17"/>
      <c r="C9653" s="17"/>
      <c r="D9653" s="18"/>
      <c r="E9653" s="18"/>
      <c r="F9653" s="18"/>
      <c r="G9653" s="18"/>
      <c r="H9653" s="18"/>
      <c r="I9653" s="18"/>
      <c r="J9653" s="18"/>
      <c r="K9653" s="18"/>
      <c r="L9653" s="18"/>
      <c r="M9653" s="18"/>
      <c r="N9653" s="18"/>
      <c r="O9653" s="18"/>
      <c r="P9653" s="19"/>
      <c r="Q9653" s="19"/>
      <c r="R9653" s="19"/>
      <c r="S9653" s="19"/>
      <c r="T9653" s="19"/>
      <c r="U9653" s="19"/>
      <c r="V9653" s="19"/>
      <c r="W9653" s="19"/>
      <c r="X9653" s="19"/>
      <c r="Y9653" s="19"/>
      <c r="Z9653" s="19"/>
      <c r="AA9653" s="19"/>
    </row>
    <row r="9654" spans="1:27" s="1" customFormat="1" ht="14.1" customHeight="1" outlineLevel="1" x14ac:dyDescent="0.2">
      <c r="A9654" s="17">
        <v>17585</v>
      </c>
      <c r="B9654" s="17"/>
      <c r="C9654" s="17"/>
      <c r="D9654" s="18" t="s">
        <v>4785</v>
      </c>
      <c r="E9654" s="18"/>
      <c r="F9654" s="18"/>
      <c r="G9654" s="18"/>
      <c r="H9654" s="18"/>
      <c r="I9654" s="18"/>
      <c r="J9654" s="18"/>
      <c r="K9654" s="18"/>
      <c r="L9654" s="18"/>
      <c r="M9654" s="18"/>
      <c r="N9654" s="18"/>
      <c r="O9654" s="18"/>
      <c r="P9654" s="19">
        <v>100</v>
      </c>
      <c r="Q9654" s="19"/>
      <c r="R9654" s="19"/>
      <c r="S9654" s="19"/>
      <c r="T9654" s="19">
        <v>90</v>
      </c>
      <c r="U9654" s="19"/>
      <c r="V9654" s="19"/>
      <c r="W9654" s="19"/>
      <c r="X9654" s="19">
        <v>2</v>
      </c>
      <c r="Y9654" s="19"/>
      <c r="Z9654" s="19"/>
      <c r="AA9654" s="19"/>
    </row>
    <row r="9655" spans="1:27" s="1" customFormat="1" ht="14.1" customHeight="1" outlineLevel="1" x14ac:dyDescent="0.2">
      <c r="A9655" s="17"/>
      <c r="B9655" s="17"/>
      <c r="C9655" s="17"/>
      <c r="D9655" s="18"/>
      <c r="E9655" s="18"/>
      <c r="F9655" s="18"/>
      <c r="G9655" s="18"/>
      <c r="H9655" s="18"/>
      <c r="I9655" s="18"/>
      <c r="J9655" s="18"/>
      <c r="K9655" s="18"/>
      <c r="L9655" s="18"/>
      <c r="M9655" s="18"/>
      <c r="N9655" s="18"/>
      <c r="O9655" s="18"/>
      <c r="P9655" s="19"/>
      <c r="Q9655" s="19"/>
      <c r="R9655" s="19"/>
      <c r="S9655" s="19"/>
      <c r="T9655" s="19"/>
      <c r="U9655" s="19"/>
      <c r="V9655" s="19"/>
      <c r="W9655" s="19"/>
      <c r="X9655" s="19"/>
      <c r="Y9655" s="19"/>
      <c r="Z9655" s="19"/>
      <c r="AA9655" s="19"/>
    </row>
    <row r="9656" spans="1:27" s="1" customFormat="1" ht="14.1" customHeight="1" outlineLevel="1" x14ac:dyDescent="0.2">
      <c r="A9656" s="17">
        <v>13504</v>
      </c>
      <c r="B9656" s="17"/>
      <c r="C9656" s="17"/>
      <c r="D9656" s="18" t="s">
        <v>4786</v>
      </c>
      <c r="E9656" s="18"/>
      <c r="F9656" s="18"/>
      <c r="G9656" s="18"/>
      <c r="H9656" s="18"/>
      <c r="I9656" s="18"/>
      <c r="J9656" s="18"/>
      <c r="K9656" s="18"/>
      <c r="L9656" s="18"/>
      <c r="M9656" s="18"/>
      <c r="N9656" s="18"/>
      <c r="O9656" s="18"/>
      <c r="P9656" s="19">
        <v>150</v>
      </c>
      <c r="Q9656" s="19"/>
      <c r="R9656" s="19"/>
      <c r="S9656" s="19"/>
      <c r="T9656" s="19">
        <v>100</v>
      </c>
      <c r="U9656" s="19"/>
      <c r="V9656" s="19"/>
      <c r="W9656" s="19"/>
      <c r="X9656" s="19">
        <v>5</v>
      </c>
      <c r="Y9656" s="19"/>
      <c r="Z9656" s="19"/>
      <c r="AA9656" s="19"/>
    </row>
    <row r="9657" spans="1:27" s="1" customFormat="1" ht="14.1" customHeight="1" outlineLevel="1" x14ac:dyDescent="0.2">
      <c r="A9657" s="17"/>
      <c r="B9657" s="17"/>
      <c r="C9657" s="17"/>
      <c r="D9657" s="18"/>
      <c r="E9657" s="18"/>
      <c r="F9657" s="18"/>
      <c r="G9657" s="18"/>
      <c r="H9657" s="18"/>
      <c r="I9657" s="18"/>
      <c r="J9657" s="18"/>
      <c r="K9657" s="18"/>
      <c r="L9657" s="18"/>
      <c r="M9657" s="18"/>
      <c r="N9657" s="18"/>
      <c r="O9657" s="18"/>
      <c r="P9657" s="19"/>
      <c r="Q9657" s="19"/>
      <c r="R9657" s="19"/>
      <c r="S9657" s="19"/>
      <c r="T9657" s="19"/>
      <c r="U9657" s="19"/>
      <c r="V9657" s="19"/>
      <c r="W9657" s="19"/>
      <c r="X9657" s="19"/>
      <c r="Y9657" s="19"/>
      <c r="Z9657" s="19"/>
      <c r="AA9657" s="19"/>
    </row>
    <row r="9658" spans="1:27" s="1" customFormat="1" ht="14.1" customHeight="1" outlineLevel="1" x14ac:dyDescent="0.2">
      <c r="A9658" s="17">
        <v>10295</v>
      </c>
      <c r="B9658" s="17"/>
      <c r="C9658" s="17"/>
      <c r="D9658" s="18" t="s">
        <v>4787</v>
      </c>
      <c r="E9658" s="18"/>
      <c r="F9658" s="18"/>
      <c r="G9658" s="18"/>
      <c r="H9658" s="18"/>
      <c r="I9658" s="18"/>
      <c r="J9658" s="18"/>
      <c r="K9658" s="18"/>
      <c r="L9658" s="18"/>
      <c r="M9658" s="18"/>
      <c r="N9658" s="18"/>
      <c r="O9658" s="18"/>
      <c r="P9658" s="19">
        <v>100</v>
      </c>
      <c r="Q9658" s="19"/>
      <c r="R9658" s="19"/>
      <c r="S9658" s="19"/>
      <c r="T9658" s="19">
        <v>100</v>
      </c>
      <c r="U9658" s="19"/>
      <c r="V9658" s="19"/>
      <c r="W9658" s="19"/>
      <c r="X9658" s="19">
        <v>1</v>
      </c>
      <c r="Y9658" s="19"/>
      <c r="Z9658" s="19"/>
      <c r="AA9658" s="19"/>
    </row>
    <row r="9659" spans="1:27" s="1" customFormat="1" ht="14.1" customHeight="1" outlineLevel="1" x14ac:dyDescent="0.2">
      <c r="A9659" s="17"/>
      <c r="B9659" s="17"/>
      <c r="C9659" s="17"/>
      <c r="D9659" s="18"/>
      <c r="E9659" s="18"/>
      <c r="F9659" s="18"/>
      <c r="G9659" s="18"/>
      <c r="H9659" s="18"/>
      <c r="I9659" s="18"/>
      <c r="J9659" s="18"/>
      <c r="K9659" s="18"/>
      <c r="L9659" s="18"/>
      <c r="M9659" s="18"/>
      <c r="N9659" s="18"/>
      <c r="O9659" s="18"/>
      <c r="P9659" s="19"/>
      <c r="Q9659" s="19"/>
      <c r="R9659" s="19"/>
      <c r="S9659" s="19"/>
      <c r="T9659" s="19"/>
      <c r="U9659" s="19"/>
      <c r="V9659" s="19"/>
      <c r="W9659" s="19"/>
      <c r="X9659" s="19"/>
      <c r="Y9659" s="19"/>
      <c r="Z9659" s="19"/>
      <c r="AA9659" s="19"/>
    </row>
    <row r="9660" spans="1:27" s="1" customFormat="1" ht="14.1" customHeight="1" outlineLevel="1" x14ac:dyDescent="0.2">
      <c r="A9660" s="17">
        <v>13461</v>
      </c>
      <c r="B9660" s="17"/>
      <c r="C9660" s="17"/>
      <c r="D9660" s="18" t="s">
        <v>4788</v>
      </c>
      <c r="E9660" s="18"/>
      <c r="F9660" s="18"/>
      <c r="G9660" s="18"/>
      <c r="H9660" s="18"/>
      <c r="I9660" s="18"/>
      <c r="J9660" s="18"/>
      <c r="K9660" s="18"/>
      <c r="L9660" s="18"/>
      <c r="M9660" s="18"/>
      <c r="N9660" s="18"/>
      <c r="O9660" s="18"/>
      <c r="P9660" s="19">
        <v>220</v>
      </c>
      <c r="Q9660" s="19"/>
      <c r="R9660" s="19"/>
      <c r="S9660" s="19"/>
      <c r="T9660" s="19">
        <v>170</v>
      </c>
      <c r="U9660" s="19"/>
      <c r="V9660" s="19"/>
      <c r="W9660" s="19"/>
      <c r="X9660" s="19">
        <v>1</v>
      </c>
      <c r="Y9660" s="19"/>
      <c r="Z9660" s="19"/>
      <c r="AA9660" s="19"/>
    </row>
    <row r="9661" spans="1:27" s="1" customFormat="1" ht="14.1" customHeight="1" outlineLevel="1" x14ac:dyDescent="0.2">
      <c r="A9661" s="17"/>
      <c r="B9661" s="17"/>
      <c r="C9661" s="17"/>
      <c r="D9661" s="18"/>
      <c r="E9661" s="18"/>
      <c r="F9661" s="18"/>
      <c r="G9661" s="18"/>
      <c r="H9661" s="18"/>
      <c r="I9661" s="18"/>
      <c r="J9661" s="18"/>
      <c r="K9661" s="18"/>
      <c r="L9661" s="18"/>
      <c r="M9661" s="18"/>
      <c r="N9661" s="18"/>
      <c r="O9661" s="18"/>
      <c r="P9661" s="19"/>
      <c r="Q9661" s="19"/>
      <c r="R9661" s="19"/>
      <c r="S9661" s="19"/>
      <c r="T9661" s="19"/>
      <c r="U9661" s="19"/>
      <c r="V9661" s="19"/>
      <c r="W9661" s="19"/>
      <c r="X9661" s="19"/>
      <c r="Y9661" s="19"/>
      <c r="Z9661" s="19"/>
      <c r="AA9661" s="19"/>
    </row>
    <row r="9662" spans="1:27" s="1" customFormat="1" ht="14.1" customHeight="1" outlineLevel="1" x14ac:dyDescent="0.2">
      <c r="A9662" s="17">
        <v>12904</v>
      </c>
      <c r="B9662" s="17"/>
      <c r="C9662" s="17"/>
      <c r="D9662" s="18" t="s">
        <v>4789</v>
      </c>
      <c r="E9662" s="18"/>
      <c r="F9662" s="18"/>
      <c r="G9662" s="18"/>
      <c r="H9662" s="18"/>
      <c r="I9662" s="18"/>
      <c r="J9662" s="18"/>
      <c r="K9662" s="18"/>
      <c r="L9662" s="18"/>
      <c r="M9662" s="18"/>
      <c r="N9662" s="18"/>
      <c r="O9662" s="18"/>
      <c r="P9662" s="19">
        <v>150</v>
      </c>
      <c r="Q9662" s="19"/>
      <c r="R9662" s="19"/>
      <c r="S9662" s="19"/>
      <c r="T9662" s="19">
        <v>100</v>
      </c>
      <c r="U9662" s="19"/>
      <c r="V9662" s="19"/>
      <c r="W9662" s="19"/>
      <c r="X9662" s="19">
        <v>1</v>
      </c>
      <c r="Y9662" s="19"/>
      <c r="Z9662" s="19"/>
      <c r="AA9662" s="19"/>
    </row>
    <row r="9663" spans="1:27" s="1" customFormat="1" ht="14.1" customHeight="1" outlineLevel="1" x14ac:dyDescent="0.2">
      <c r="A9663" s="17"/>
      <c r="B9663" s="17"/>
      <c r="C9663" s="17"/>
      <c r="D9663" s="18"/>
      <c r="E9663" s="18"/>
      <c r="F9663" s="18"/>
      <c r="G9663" s="18"/>
      <c r="H9663" s="18"/>
      <c r="I9663" s="18"/>
      <c r="J9663" s="18"/>
      <c r="K9663" s="18"/>
      <c r="L9663" s="18"/>
      <c r="M9663" s="18"/>
      <c r="N9663" s="18"/>
      <c r="O9663" s="18"/>
      <c r="P9663" s="19"/>
      <c r="Q9663" s="19"/>
      <c r="R9663" s="19"/>
      <c r="S9663" s="19"/>
      <c r="T9663" s="19"/>
      <c r="U9663" s="19"/>
      <c r="V9663" s="19"/>
      <c r="W9663" s="19"/>
      <c r="X9663" s="19"/>
      <c r="Y9663" s="19"/>
      <c r="Z9663" s="19"/>
      <c r="AA9663" s="19"/>
    </row>
    <row r="9664" spans="1:27" s="1" customFormat="1" ht="14.1" customHeight="1" outlineLevel="1" x14ac:dyDescent="0.2">
      <c r="A9664" s="17">
        <v>13485</v>
      </c>
      <c r="B9664" s="17"/>
      <c r="C9664" s="17"/>
      <c r="D9664" s="18" t="s">
        <v>4790</v>
      </c>
      <c r="E9664" s="18"/>
      <c r="F9664" s="18"/>
      <c r="G9664" s="18"/>
      <c r="H9664" s="18"/>
      <c r="I9664" s="18"/>
      <c r="J9664" s="18"/>
      <c r="K9664" s="18"/>
      <c r="L9664" s="18"/>
      <c r="M9664" s="18"/>
      <c r="N9664" s="18"/>
      <c r="O9664" s="18"/>
      <c r="P9664" s="19">
        <v>320</v>
      </c>
      <c r="Q9664" s="19"/>
      <c r="R9664" s="19"/>
      <c r="S9664" s="19"/>
      <c r="T9664" s="19">
        <v>250</v>
      </c>
      <c r="U9664" s="19"/>
      <c r="V9664" s="19"/>
      <c r="W9664" s="19"/>
      <c r="X9664" s="19">
        <v>1</v>
      </c>
      <c r="Y9664" s="19"/>
      <c r="Z9664" s="19"/>
      <c r="AA9664" s="19"/>
    </row>
    <row r="9665" spans="1:27" s="1" customFormat="1" ht="14.1" customHeight="1" outlineLevel="1" x14ac:dyDescent="0.2">
      <c r="A9665" s="17"/>
      <c r="B9665" s="17"/>
      <c r="C9665" s="17"/>
      <c r="D9665" s="18"/>
      <c r="E9665" s="18"/>
      <c r="F9665" s="18"/>
      <c r="G9665" s="18"/>
      <c r="H9665" s="18"/>
      <c r="I9665" s="18"/>
      <c r="J9665" s="18"/>
      <c r="K9665" s="18"/>
      <c r="L9665" s="18"/>
      <c r="M9665" s="18"/>
      <c r="N9665" s="18"/>
      <c r="O9665" s="18"/>
      <c r="P9665" s="19"/>
      <c r="Q9665" s="19"/>
      <c r="R9665" s="19"/>
      <c r="S9665" s="19"/>
      <c r="T9665" s="19"/>
      <c r="U9665" s="19"/>
      <c r="V9665" s="19"/>
      <c r="W9665" s="19"/>
      <c r="X9665" s="19"/>
      <c r="Y9665" s="19"/>
      <c r="Z9665" s="19"/>
      <c r="AA9665" s="19"/>
    </row>
    <row r="9666" spans="1:27" s="1" customFormat="1" ht="14.1" customHeight="1" outlineLevel="1" x14ac:dyDescent="0.2">
      <c r="A9666" s="17">
        <v>11467</v>
      </c>
      <c r="B9666" s="17"/>
      <c r="C9666" s="17"/>
      <c r="D9666" s="18" t="s">
        <v>4791</v>
      </c>
      <c r="E9666" s="18"/>
      <c r="F9666" s="18"/>
      <c r="G9666" s="18"/>
      <c r="H9666" s="18"/>
      <c r="I9666" s="18"/>
      <c r="J9666" s="18"/>
      <c r="K9666" s="18"/>
      <c r="L9666" s="18"/>
      <c r="M9666" s="18"/>
      <c r="N9666" s="18"/>
      <c r="O9666" s="18"/>
      <c r="P9666" s="19">
        <v>360</v>
      </c>
      <c r="Q9666" s="19"/>
      <c r="R9666" s="19"/>
      <c r="S9666" s="19"/>
      <c r="T9666" s="19">
        <v>300</v>
      </c>
      <c r="U9666" s="19"/>
      <c r="V9666" s="19"/>
      <c r="W9666" s="19"/>
      <c r="X9666" s="19">
        <v>9</v>
      </c>
      <c r="Y9666" s="19"/>
      <c r="Z9666" s="19"/>
      <c r="AA9666" s="19"/>
    </row>
    <row r="9667" spans="1:27" s="1" customFormat="1" ht="14.1" customHeight="1" outlineLevel="1" x14ac:dyDescent="0.2">
      <c r="A9667" s="17"/>
      <c r="B9667" s="17"/>
      <c r="C9667" s="17"/>
      <c r="D9667" s="18"/>
      <c r="E9667" s="18"/>
      <c r="F9667" s="18"/>
      <c r="G9667" s="18"/>
      <c r="H9667" s="18"/>
      <c r="I9667" s="18"/>
      <c r="J9667" s="18"/>
      <c r="K9667" s="18"/>
      <c r="L9667" s="18"/>
      <c r="M9667" s="18"/>
      <c r="N9667" s="18"/>
      <c r="O9667" s="18"/>
      <c r="P9667" s="19"/>
      <c r="Q9667" s="19"/>
      <c r="R9667" s="19"/>
      <c r="S9667" s="19"/>
      <c r="T9667" s="19"/>
      <c r="U9667" s="19"/>
      <c r="V9667" s="19"/>
      <c r="W9667" s="19"/>
      <c r="X9667" s="19"/>
      <c r="Y9667" s="19"/>
      <c r="Z9667" s="19"/>
      <c r="AA9667" s="19"/>
    </row>
    <row r="9668" spans="1:27" s="1" customFormat="1" ht="14.1" customHeight="1" outlineLevel="1" x14ac:dyDescent="0.2">
      <c r="A9668" s="17">
        <v>16807</v>
      </c>
      <c r="B9668" s="17"/>
      <c r="C9668" s="17"/>
      <c r="D9668" s="18" t="s">
        <v>4792</v>
      </c>
      <c r="E9668" s="18"/>
      <c r="F9668" s="18"/>
      <c r="G9668" s="18"/>
      <c r="H9668" s="18"/>
      <c r="I9668" s="18"/>
      <c r="J9668" s="18"/>
      <c r="K9668" s="18"/>
      <c r="L9668" s="18"/>
      <c r="M9668" s="18"/>
      <c r="N9668" s="18"/>
      <c r="O9668" s="18"/>
      <c r="P9668" s="19">
        <v>500</v>
      </c>
      <c r="Q9668" s="19"/>
      <c r="R9668" s="19"/>
      <c r="S9668" s="19"/>
      <c r="T9668" s="19">
        <v>400</v>
      </c>
      <c r="U9668" s="19"/>
      <c r="V9668" s="19"/>
      <c r="W9668" s="19"/>
      <c r="X9668" s="19">
        <v>1</v>
      </c>
      <c r="Y9668" s="19"/>
      <c r="Z9668" s="19"/>
      <c r="AA9668" s="19"/>
    </row>
    <row r="9669" spans="1:27" s="1" customFormat="1" ht="14.1" customHeight="1" outlineLevel="1" x14ac:dyDescent="0.2">
      <c r="A9669" s="17"/>
      <c r="B9669" s="17"/>
      <c r="C9669" s="17"/>
      <c r="D9669" s="18"/>
      <c r="E9669" s="18"/>
      <c r="F9669" s="18"/>
      <c r="G9669" s="18"/>
      <c r="H9669" s="18"/>
      <c r="I9669" s="18"/>
      <c r="J9669" s="18"/>
      <c r="K9669" s="18"/>
      <c r="L9669" s="18"/>
      <c r="M9669" s="18"/>
      <c r="N9669" s="18"/>
      <c r="O9669" s="18"/>
      <c r="P9669" s="19"/>
      <c r="Q9669" s="19"/>
      <c r="R9669" s="19"/>
      <c r="S9669" s="19"/>
      <c r="T9669" s="19"/>
      <c r="U9669" s="19"/>
      <c r="V9669" s="19"/>
      <c r="W9669" s="19"/>
      <c r="X9669" s="19"/>
      <c r="Y9669" s="19"/>
      <c r="Z9669" s="19"/>
      <c r="AA9669" s="19"/>
    </row>
    <row r="9670" spans="1:27" s="1" customFormat="1" ht="14.1" customHeight="1" outlineLevel="1" x14ac:dyDescent="0.2">
      <c r="A9670" s="17">
        <v>17478</v>
      </c>
      <c r="B9670" s="17"/>
      <c r="C9670" s="17"/>
      <c r="D9670" s="18" t="s">
        <v>4793</v>
      </c>
      <c r="E9670" s="18"/>
      <c r="F9670" s="18"/>
      <c r="G9670" s="18"/>
      <c r="H9670" s="18"/>
      <c r="I9670" s="18"/>
      <c r="J9670" s="18"/>
      <c r="K9670" s="18"/>
      <c r="L9670" s="18"/>
      <c r="M9670" s="18"/>
      <c r="N9670" s="18"/>
      <c r="O9670" s="18"/>
      <c r="P9670" s="19">
        <v>250</v>
      </c>
      <c r="Q9670" s="19"/>
      <c r="R9670" s="19"/>
      <c r="S9670" s="19"/>
      <c r="T9670" s="19">
        <v>200</v>
      </c>
      <c r="U9670" s="19"/>
      <c r="V9670" s="19"/>
      <c r="W9670" s="19"/>
      <c r="X9670" s="19">
        <v>1</v>
      </c>
      <c r="Y9670" s="19"/>
      <c r="Z9670" s="19"/>
      <c r="AA9670" s="19"/>
    </row>
    <row r="9671" spans="1:27" s="1" customFormat="1" ht="14.1" customHeight="1" outlineLevel="1" x14ac:dyDescent="0.2">
      <c r="A9671" s="17"/>
      <c r="B9671" s="17"/>
      <c r="C9671" s="17"/>
      <c r="D9671" s="18"/>
      <c r="E9671" s="18"/>
      <c r="F9671" s="18"/>
      <c r="G9671" s="18"/>
      <c r="H9671" s="18"/>
      <c r="I9671" s="18"/>
      <c r="J9671" s="18"/>
      <c r="K9671" s="18"/>
      <c r="L9671" s="18"/>
      <c r="M9671" s="18"/>
      <c r="N9671" s="18"/>
      <c r="O9671" s="18"/>
      <c r="P9671" s="19"/>
      <c r="Q9671" s="19"/>
      <c r="R9671" s="19"/>
      <c r="S9671" s="19"/>
      <c r="T9671" s="19"/>
      <c r="U9671" s="19"/>
      <c r="V9671" s="19"/>
      <c r="W9671" s="19"/>
      <c r="X9671" s="19"/>
      <c r="Y9671" s="19"/>
      <c r="Z9671" s="19"/>
      <c r="AA9671" s="19"/>
    </row>
    <row r="9672" spans="1:27" s="1" customFormat="1" ht="14.1" customHeight="1" outlineLevel="1" x14ac:dyDescent="0.2">
      <c r="A9672" s="17">
        <v>12890</v>
      </c>
      <c r="B9672" s="17"/>
      <c r="C9672" s="17"/>
      <c r="D9672" s="18" t="s">
        <v>4794</v>
      </c>
      <c r="E9672" s="18"/>
      <c r="F9672" s="18"/>
      <c r="G9672" s="18"/>
      <c r="H9672" s="18"/>
      <c r="I9672" s="18"/>
      <c r="J9672" s="18"/>
      <c r="K9672" s="18"/>
      <c r="L9672" s="18"/>
      <c r="M9672" s="18"/>
      <c r="N9672" s="18"/>
      <c r="O9672" s="18"/>
      <c r="P9672" s="19">
        <v>270</v>
      </c>
      <c r="Q9672" s="19"/>
      <c r="R9672" s="19"/>
      <c r="S9672" s="19"/>
      <c r="T9672" s="19">
        <v>210</v>
      </c>
      <c r="U9672" s="19"/>
      <c r="V9672" s="19"/>
      <c r="W9672" s="19"/>
      <c r="X9672" s="19">
        <v>1</v>
      </c>
      <c r="Y9672" s="19"/>
      <c r="Z9672" s="19"/>
      <c r="AA9672" s="19"/>
    </row>
    <row r="9673" spans="1:27" s="1" customFormat="1" ht="14.1" customHeight="1" outlineLevel="1" x14ac:dyDescent="0.2">
      <c r="A9673" s="17"/>
      <c r="B9673" s="17"/>
      <c r="C9673" s="17"/>
      <c r="D9673" s="18"/>
      <c r="E9673" s="18"/>
      <c r="F9673" s="18"/>
      <c r="G9673" s="18"/>
      <c r="H9673" s="18"/>
      <c r="I9673" s="18"/>
      <c r="J9673" s="18"/>
      <c r="K9673" s="18"/>
      <c r="L9673" s="18"/>
      <c r="M9673" s="18"/>
      <c r="N9673" s="18"/>
      <c r="O9673" s="18"/>
      <c r="P9673" s="19"/>
      <c r="Q9673" s="19"/>
      <c r="R9673" s="19"/>
      <c r="S9673" s="19"/>
      <c r="T9673" s="19"/>
      <c r="U9673" s="19"/>
      <c r="V9673" s="19"/>
      <c r="W9673" s="19"/>
      <c r="X9673" s="19"/>
      <c r="Y9673" s="19"/>
      <c r="Z9673" s="19"/>
      <c r="AA9673" s="19"/>
    </row>
    <row r="9674" spans="1:27" s="1" customFormat="1" ht="14.1" customHeight="1" outlineLevel="1" x14ac:dyDescent="0.2">
      <c r="A9674" s="17">
        <v>17470</v>
      </c>
      <c r="B9674" s="17"/>
      <c r="C9674" s="17"/>
      <c r="D9674" s="18" t="s">
        <v>4795</v>
      </c>
      <c r="E9674" s="18"/>
      <c r="F9674" s="18"/>
      <c r="G9674" s="18"/>
      <c r="H9674" s="18"/>
      <c r="I9674" s="18"/>
      <c r="J9674" s="18"/>
      <c r="K9674" s="18"/>
      <c r="L9674" s="18"/>
      <c r="M9674" s="18"/>
      <c r="N9674" s="18"/>
      <c r="O9674" s="18"/>
      <c r="P9674" s="19">
        <v>600</v>
      </c>
      <c r="Q9674" s="19"/>
      <c r="R9674" s="19"/>
      <c r="S9674" s="19"/>
      <c r="T9674" s="19">
        <v>500</v>
      </c>
      <c r="U9674" s="19"/>
      <c r="V9674" s="19"/>
      <c r="W9674" s="19"/>
      <c r="X9674" s="19">
        <v>1</v>
      </c>
      <c r="Y9674" s="19"/>
      <c r="Z9674" s="19"/>
      <c r="AA9674" s="19"/>
    </row>
    <row r="9675" spans="1:27" s="1" customFormat="1" ht="14.1" customHeight="1" outlineLevel="1" x14ac:dyDescent="0.2">
      <c r="A9675" s="17"/>
      <c r="B9675" s="17"/>
      <c r="C9675" s="17"/>
      <c r="D9675" s="18"/>
      <c r="E9675" s="18"/>
      <c r="F9675" s="18"/>
      <c r="G9675" s="18"/>
      <c r="H9675" s="18"/>
      <c r="I9675" s="18"/>
      <c r="J9675" s="18"/>
      <c r="K9675" s="18"/>
      <c r="L9675" s="18"/>
      <c r="M9675" s="18"/>
      <c r="N9675" s="18"/>
      <c r="O9675" s="18"/>
      <c r="P9675" s="19"/>
      <c r="Q9675" s="19"/>
      <c r="R9675" s="19"/>
      <c r="S9675" s="19"/>
      <c r="T9675" s="19"/>
      <c r="U9675" s="19"/>
      <c r="V9675" s="19"/>
      <c r="W9675" s="19"/>
      <c r="X9675" s="19"/>
      <c r="Y9675" s="19"/>
      <c r="Z9675" s="19"/>
      <c r="AA9675" s="19"/>
    </row>
    <row r="9676" spans="1:27" s="1" customFormat="1" ht="14.1" customHeight="1" outlineLevel="1" x14ac:dyDescent="0.2">
      <c r="A9676" s="17">
        <v>17915</v>
      </c>
      <c r="B9676" s="17"/>
      <c r="C9676" s="17"/>
      <c r="D9676" s="18" t="s">
        <v>4796</v>
      </c>
      <c r="E9676" s="18"/>
      <c r="F9676" s="18"/>
      <c r="G9676" s="18"/>
      <c r="H9676" s="18"/>
      <c r="I9676" s="18"/>
      <c r="J9676" s="18"/>
      <c r="K9676" s="18"/>
      <c r="L9676" s="18"/>
      <c r="M9676" s="18"/>
      <c r="N9676" s="18"/>
      <c r="O9676" s="18"/>
      <c r="P9676" s="19">
        <v>300</v>
      </c>
      <c r="Q9676" s="19"/>
      <c r="R9676" s="19"/>
      <c r="S9676" s="19"/>
      <c r="T9676" s="19">
        <v>200</v>
      </c>
      <c r="U9676" s="19"/>
      <c r="V9676" s="19"/>
      <c r="W9676" s="19"/>
      <c r="X9676" s="19">
        <v>1</v>
      </c>
      <c r="Y9676" s="19"/>
      <c r="Z9676" s="19"/>
      <c r="AA9676" s="19"/>
    </row>
    <row r="9677" spans="1:27" s="1" customFormat="1" ht="14.1" customHeight="1" outlineLevel="1" x14ac:dyDescent="0.2">
      <c r="A9677" s="17"/>
      <c r="B9677" s="17"/>
      <c r="C9677" s="17"/>
      <c r="D9677" s="18"/>
      <c r="E9677" s="18"/>
      <c r="F9677" s="18"/>
      <c r="G9677" s="18"/>
      <c r="H9677" s="18"/>
      <c r="I9677" s="18"/>
      <c r="J9677" s="18"/>
      <c r="K9677" s="18"/>
      <c r="L9677" s="18"/>
      <c r="M9677" s="18"/>
      <c r="N9677" s="18"/>
      <c r="O9677" s="18"/>
      <c r="P9677" s="19"/>
      <c r="Q9677" s="19"/>
      <c r="R9677" s="19"/>
      <c r="S9677" s="19"/>
      <c r="T9677" s="19"/>
      <c r="U9677" s="19"/>
      <c r="V9677" s="19"/>
      <c r="W9677" s="19"/>
      <c r="X9677" s="19"/>
      <c r="Y9677" s="19"/>
      <c r="Z9677" s="19"/>
      <c r="AA9677" s="19"/>
    </row>
    <row r="9678" spans="1:27" s="1" customFormat="1" ht="14.1" customHeight="1" outlineLevel="1" x14ac:dyDescent="0.2">
      <c r="A9678" s="17">
        <v>13400</v>
      </c>
      <c r="B9678" s="17"/>
      <c r="C9678" s="17"/>
      <c r="D9678" s="18" t="s">
        <v>4797</v>
      </c>
      <c r="E9678" s="18"/>
      <c r="F9678" s="18"/>
      <c r="G9678" s="18"/>
      <c r="H9678" s="18"/>
      <c r="I9678" s="18"/>
      <c r="J9678" s="18"/>
      <c r="K9678" s="18"/>
      <c r="L9678" s="18"/>
      <c r="M9678" s="18"/>
      <c r="N9678" s="18"/>
      <c r="O9678" s="18"/>
      <c r="P9678" s="19">
        <v>250</v>
      </c>
      <c r="Q9678" s="19"/>
      <c r="R9678" s="19"/>
      <c r="S9678" s="19"/>
      <c r="T9678" s="19">
        <v>200</v>
      </c>
      <c r="U9678" s="19"/>
      <c r="V9678" s="19"/>
      <c r="W9678" s="19"/>
      <c r="X9678" s="19">
        <v>2</v>
      </c>
      <c r="Y9678" s="19"/>
      <c r="Z9678" s="19"/>
      <c r="AA9678" s="19"/>
    </row>
    <row r="9679" spans="1:27" s="1" customFormat="1" ht="14.1" customHeight="1" outlineLevel="1" x14ac:dyDescent="0.2">
      <c r="A9679" s="17"/>
      <c r="B9679" s="17"/>
      <c r="C9679" s="17"/>
      <c r="D9679" s="18"/>
      <c r="E9679" s="18"/>
      <c r="F9679" s="18"/>
      <c r="G9679" s="18"/>
      <c r="H9679" s="18"/>
      <c r="I9679" s="18"/>
      <c r="J9679" s="18"/>
      <c r="K9679" s="18"/>
      <c r="L9679" s="18"/>
      <c r="M9679" s="18"/>
      <c r="N9679" s="18"/>
      <c r="O9679" s="18"/>
      <c r="P9679" s="19"/>
      <c r="Q9679" s="19"/>
      <c r="R9679" s="19"/>
      <c r="S9679" s="19"/>
      <c r="T9679" s="19"/>
      <c r="U9679" s="19"/>
      <c r="V9679" s="19"/>
      <c r="W9679" s="19"/>
      <c r="X9679" s="19"/>
      <c r="Y9679" s="19"/>
      <c r="Z9679" s="19"/>
      <c r="AA9679" s="19"/>
    </row>
    <row r="9680" spans="1:27" s="1" customFormat="1" ht="14.1" customHeight="1" outlineLevel="1" x14ac:dyDescent="0.2">
      <c r="A9680" s="17">
        <v>17509</v>
      </c>
      <c r="B9680" s="17"/>
      <c r="C9680" s="17"/>
      <c r="D9680" s="18" t="s">
        <v>4798</v>
      </c>
      <c r="E9680" s="18"/>
      <c r="F9680" s="18"/>
      <c r="G9680" s="18"/>
      <c r="H9680" s="18"/>
      <c r="I9680" s="18"/>
      <c r="J9680" s="18"/>
      <c r="K9680" s="18"/>
      <c r="L9680" s="18"/>
      <c r="M9680" s="18"/>
      <c r="N9680" s="18"/>
      <c r="O9680" s="18"/>
      <c r="P9680" s="19">
        <v>400</v>
      </c>
      <c r="Q9680" s="19"/>
      <c r="R9680" s="19"/>
      <c r="S9680" s="19"/>
      <c r="T9680" s="19">
        <v>300</v>
      </c>
      <c r="U9680" s="19"/>
      <c r="V9680" s="19"/>
      <c r="W9680" s="19"/>
      <c r="X9680" s="19">
        <v>1</v>
      </c>
      <c r="Y9680" s="19"/>
      <c r="Z9680" s="19"/>
      <c r="AA9680" s="19"/>
    </row>
    <row r="9681" spans="1:27" s="1" customFormat="1" ht="14.1" customHeight="1" outlineLevel="1" x14ac:dyDescent="0.2">
      <c r="A9681" s="17"/>
      <c r="B9681" s="17"/>
      <c r="C9681" s="17"/>
      <c r="D9681" s="18"/>
      <c r="E9681" s="18"/>
      <c r="F9681" s="18"/>
      <c r="G9681" s="18"/>
      <c r="H9681" s="18"/>
      <c r="I9681" s="18"/>
      <c r="J9681" s="18"/>
      <c r="K9681" s="18"/>
      <c r="L9681" s="18"/>
      <c r="M9681" s="18"/>
      <c r="N9681" s="18"/>
      <c r="O9681" s="18"/>
      <c r="P9681" s="19"/>
      <c r="Q9681" s="19"/>
      <c r="R9681" s="19"/>
      <c r="S9681" s="19"/>
      <c r="T9681" s="19"/>
      <c r="U9681" s="19"/>
      <c r="V9681" s="19"/>
      <c r="W9681" s="19"/>
      <c r="X9681" s="19"/>
      <c r="Y9681" s="19"/>
      <c r="Z9681" s="19"/>
      <c r="AA9681" s="19"/>
    </row>
    <row r="9682" spans="1:27" s="1" customFormat="1" ht="14.1" customHeight="1" outlineLevel="1" x14ac:dyDescent="0.2">
      <c r="A9682" s="17">
        <v>16908</v>
      </c>
      <c r="B9682" s="17"/>
      <c r="C9682" s="17"/>
      <c r="D9682" s="18" t="s">
        <v>4799</v>
      </c>
      <c r="E9682" s="18"/>
      <c r="F9682" s="18"/>
      <c r="G9682" s="18"/>
      <c r="H9682" s="18"/>
      <c r="I9682" s="18"/>
      <c r="J9682" s="18"/>
      <c r="K9682" s="18"/>
      <c r="L9682" s="18"/>
      <c r="M9682" s="18"/>
      <c r="N9682" s="18"/>
      <c r="O9682" s="18"/>
      <c r="P9682" s="19">
        <v>600</v>
      </c>
      <c r="Q9682" s="19"/>
      <c r="R9682" s="19"/>
      <c r="S9682" s="19"/>
      <c r="T9682" s="19">
        <v>500</v>
      </c>
      <c r="U9682" s="19"/>
      <c r="V9682" s="19"/>
      <c r="W9682" s="19"/>
      <c r="X9682" s="19">
        <v>1</v>
      </c>
      <c r="Y9682" s="19"/>
      <c r="Z9682" s="19"/>
      <c r="AA9682" s="19"/>
    </row>
    <row r="9683" spans="1:27" s="1" customFormat="1" ht="14.1" customHeight="1" outlineLevel="1" x14ac:dyDescent="0.2">
      <c r="A9683" s="17"/>
      <c r="B9683" s="17"/>
      <c r="C9683" s="17"/>
      <c r="D9683" s="18"/>
      <c r="E9683" s="18"/>
      <c r="F9683" s="18"/>
      <c r="G9683" s="18"/>
      <c r="H9683" s="18"/>
      <c r="I9683" s="18"/>
      <c r="J9683" s="18"/>
      <c r="K9683" s="18"/>
      <c r="L9683" s="18"/>
      <c r="M9683" s="18"/>
      <c r="N9683" s="18"/>
      <c r="O9683" s="18"/>
      <c r="P9683" s="19"/>
      <c r="Q9683" s="19"/>
      <c r="R9683" s="19"/>
      <c r="S9683" s="19"/>
      <c r="T9683" s="19"/>
      <c r="U9683" s="19"/>
      <c r="V9683" s="19"/>
      <c r="W9683" s="19"/>
      <c r="X9683" s="19"/>
      <c r="Y9683" s="19"/>
      <c r="Z9683" s="19"/>
      <c r="AA9683" s="19"/>
    </row>
    <row r="9684" spans="1:27" s="1" customFormat="1" ht="14.1" customHeight="1" outlineLevel="1" x14ac:dyDescent="0.2">
      <c r="A9684" s="17">
        <v>16788</v>
      </c>
      <c r="B9684" s="17"/>
      <c r="C9684" s="17"/>
      <c r="D9684" s="18" t="s">
        <v>4800</v>
      </c>
      <c r="E9684" s="18"/>
      <c r="F9684" s="18"/>
      <c r="G9684" s="18"/>
      <c r="H9684" s="18"/>
      <c r="I9684" s="18"/>
      <c r="J9684" s="18"/>
      <c r="K9684" s="18"/>
      <c r="L9684" s="18"/>
      <c r="M9684" s="18"/>
      <c r="N9684" s="18"/>
      <c r="O9684" s="18"/>
      <c r="P9684" s="19">
        <v>300</v>
      </c>
      <c r="Q9684" s="19"/>
      <c r="R9684" s="19"/>
      <c r="S9684" s="19"/>
      <c r="T9684" s="19">
        <v>200</v>
      </c>
      <c r="U9684" s="19"/>
      <c r="V9684" s="19"/>
      <c r="W9684" s="19"/>
      <c r="X9684" s="19">
        <v>1</v>
      </c>
      <c r="Y9684" s="19"/>
      <c r="Z9684" s="19"/>
      <c r="AA9684" s="19"/>
    </row>
    <row r="9685" spans="1:27" s="1" customFormat="1" ht="14.1" customHeight="1" outlineLevel="1" x14ac:dyDescent="0.2">
      <c r="A9685" s="17"/>
      <c r="B9685" s="17"/>
      <c r="C9685" s="17"/>
      <c r="D9685" s="18"/>
      <c r="E9685" s="18"/>
      <c r="F9685" s="18"/>
      <c r="G9685" s="18"/>
      <c r="H9685" s="18"/>
      <c r="I9685" s="18"/>
      <c r="J9685" s="18"/>
      <c r="K9685" s="18"/>
      <c r="L9685" s="18"/>
      <c r="M9685" s="18"/>
      <c r="N9685" s="18"/>
      <c r="O9685" s="18"/>
      <c r="P9685" s="19"/>
      <c r="Q9685" s="19"/>
      <c r="R9685" s="19"/>
      <c r="S9685" s="19"/>
      <c r="T9685" s="19"/>
      <c r="U9685" s="19"/>
      <c r="V9685" s="19"/>
      <c r="W9685" s="19"/>
      <c r="X9685" s="19"/>
      <c r="Y9685" s="19"/>
      <c r="Z9685" s="19"/>
      <c r="AA9685" s="19"/>
    </row>
    <row r="9686" spans="1:27" s="1" customFormat="1" ht="14.1" customHeight="1" outlineLevel="1" x14ac:dyDescent="0.2">
      <c r="A9686" s="17">
        <v>13495</v>
      </c>
      <c r="B9686" s="17"/>
      <c r="C9686" s="17"/>
      <c r="D9686" s="18" t="s">
        <v>4801</v>
      </c>
      <c r="E9686" s="18"/>
      <c r="F9686" s="18"/>
      <c r="G9686" s="18"/>
      <c r="H9686" s="18"/>
      <c r="I9686" s="18"/>
      <c r="J9686" s="18"/>
      <c r="K9686" s="18"/>
      <c r="L9686" s="18"/>
      <c r="M9686" s="18"/>
      <c r="N9686" s="18"/>
      <c r="O9686" s="18"/>
      <c r="P9686" s="19">
        <v>350</v>
      </c>
      <c r="Q9686" s="19"/>
      <c r="R9686" s="19"/>
      <c r="S9686" s="19"/>
      <c r="T9686" s="19">
        <v>290</v>
      </c>
      <c r="U9686" s="19"/>
      <c r="V9686" s="19"/>
      <c r="W9686" s="19"/>
      <c r="X9686" s="19">
        <v>1</v>
      </c>
      <c r="Y9686" s="19"/>
      <c r="Z9686" s="19"/>
      <c r="AA9686" s="19"/>
    </row>
    <row r="9687" spans="1:27" s="1" customFormat="1" ht="14.1" customHeight="1" outlineLevel="1" x14ac:dyDescent="0.2">
      <c r="A9687" s="17"/>
      <c r="B9687" s="17"/>
      <c r="C9687" s="17"/>
      <c r="D9687" s="18"/>
      <c r="E9687" s="18"/>
      <c r="F9687" s="18"/>
      <c r="G9687" s="18"/>
      <c r="H9687" s="18"/>
      <c r="I9687" s="18"/>
      <c r="J9687" s="18"/>
      <c r="K9687" s="18"/>
      <c r="L9687" s="18"/>
      <c r="M9687" s="18"/>
      <c r="N9687" s="18"/>
      <c r="O9687" s="18"/>
      <c r="P9687" s="19"/>
      <c r="Q9687" s="19"/>
      <c r="R9687" s="19"/>
      <c r="S9687" s="19"/>
      <c r="T9687" s="19"/>
      <c r="U9687" s="19"/>
      <c r="V9687" s="19"/>
      <c r="W9687" s="19"/>
      <c r="X9687" s="19"/>
      <c r="Y9687" s="19"/>
      <c r="Z9687" s="19"/>
      <c r="AA9687" s="19"/>
    </row>
    <row r="9688" spans="1:27" s="1" customFormat="1" ht="14.1" customHeight="1" outlineLevel="1" x14ac:dyDescent="0.2">
      <c r="A9688" s="17">
        <v>13352</v>
      </c>
      <c r="B9688" s="17"/>
      <c r="C9688" s="17"/>
      <c r="D9688" s="18" t="s">
        <v>4802</v>
      </c>
      <c r="E9688" s="18"/>
      <c r="F9688" s="18"/>
      <c r="G9688" s="18"/>
      <c r="H9688" s="18"/>
      <c r="I9688" s="18"/>
      <c r="J9688" s="18"/>
      <c r="K9688" s="18"/>
      <c r="L9688" s="18"/>
      <c r="M9688" s="18"/>
      <c r="N9688" s="18"/>
      <c r="O9688" s="18"/>
      <c r="P9688" s="19">
        <v>460</v>
      </c>
      <c r="Q9688" s="19"/>
      <c r="R9688" s="19"/>
      <c r="S9688" s="19"/>
      <c r="T9688" s="19">
        <v>390</v>
      </c>
      <c r="U9688" s="19"/>
      <c r="V9688" s="19"/>
      <c r="W9688" s="19"/>
      <c r="X9688" s="19">
        <v>4</v>
      </c>
      <c r="Y9688" s="19"/>
      <c r="Z9688" s="19"/>
      <c r="AA9688" s="19"/>
    </row>
    <row r="9689" spans="1:27" s="1" customFormat="1" ht="14.1" customHeight="1" outlineLevel="1" x14ac:dyDescent="0.2">
      <c r="A9689" s="17"/>
      <c r="B9689" s="17"/>
      <c r="C9689" s="17"/>
      <c r="D9689" s="18"/>
      <c r="E9689" s="18"/>
      <c r="F9689" s="18"/>
      <c r="G9689" s="18"/>
      <c r="H9689" s="18"/>
      <c r="I9689" s="18"/>
      <c r="J9689" s="18"/>
      <c r="K9689" s="18"/>
      <c r="L9689" s="18"/>
      <c r="M9689" s="18"/>
      <c r="N9689" s="18"/>
      <c r="O9689" s="18"/>
      <c r="P9689" s="19"/>
      <c r="Q9689" s="19"/>
      <c r="R9689" s="19"/>
      <c r="S9689" s="19"/>
      <c r="T9689" s="19"/>
      <c r="U9689" s="19"/>
      <c r="V9689" s="19"/>
      <c r="W9689" s="19"/>
      <c r="X9689" s="19"/>
      <c r="Y9689" s="19"/>
      <c r="Z9689" s="19"/>
      <c r="AA9689" s="19"/>
    </row>
    <row r="9690" spans="1:27" s="1" customFormat="1" ht="14.1" customHeight="1" outlineLevel="1" x14ac:dyDescent="0.2">
      <c r="A9690" s="17">
        <v>12816</v>
      </c>
      <c r="B9690" s="17"/>
      <c r="C9690" s="17"/>
      <c r="D9690" s="18" t="s">
        <v>4803</v>
      </c>
      <c r="E9690" s="18"/>
      <c r="F9690" s="18"/>
      <c r="G9690" s="18"/>
      <c r="H9690" s="18"/>
      <c r="I9690" s="18"/>
      <c r="J9690" s="18"/>
      <c r="K9690" s="18"/>
      <c r="L9690" s="18"/>
      <c r="M9690" s="18"/>
      <c r="N9690" s="18"/>
      <c r="O9690" s="18"/>
      <c r="P9690" s="19">
        <v>360</v>
      </c>
      <c r="Q9690" s="19"/>
      <c r="R9690" s="19"/>
      <c r="S9690" s="19"/>
      <c r="T9690" s="19">
        <v>300</v>
      </c>
      <c r="U9690" s="19"/>
      <c r="V9690" s="19"/>
      <c r="W9690" s="19"/>
      <c r="X9690" s="19">
        <v>1</v>
      </c>
      <c r="Y9690" s="19"/>
      <c r="Z9690" s="19"/>
      <c r="AA9690" s="19"/>
    </row>
    <row r="9691" spans="1:27" s="1" customFormat="1" ht="14.1" customHeight="1" outlineLevel="1" x14ac:dyDescent="0.2">
      <c r="A9691" s="17"/>
      <c r="B9691" s="17"/>
      <c r="C9691" s="17"/>
      <c r="D9691" s="18"/>
      <c r="E9691" s="18"/>
      <c r="F9691" s="18"/>
      <c r="G9691" s="18"/>
      <c r="H9691" s="18"/>
      <c r="I9691" s="18"/>
      <c r="J9691" s="18"/>
      <c r="K9691" s="18"/>
      <c r="L9691" s="18"/>
      <c r="M9691" s="18"/>
      <c r="N9691" s="18"/>
      <c r="O9691" s="18"/>
      <c r="P9691" s="19"/>
      <c r="Q9691" s="19"/>
      <c r="R9691" s="19"/>
      <c r="S9691" s="19"/>
      <c r="T9691" s="19"/>
      <c r="U9691" s="19"/>
      <c r="V9691" s="19"/>
      <c r="W9691" s="19"/>
      <c r="X9691" s="19"/>
      <c r="Y9691" s="19"/>
      <c r="Z9691" s="19"/>
      <c r="AA9691" s="19"/>
    </row>
    <row r="9692" spans="1:27" s="1" customFormat="1" ht="14.1" customHeight="1" outlineLevel="1" x14ac:dyDescent="0.2">
      <c r="A9692" s="17">
        <v>13369</v>
      </c>
      <c r="B9692" s="17"/>
      <c r="C9692" s="17"/>
      <c r="D9692" s="18" t="s">
        <v>4804</v>
      </c>
      <c r="E9692" s="18"/>
      <c r="F9692" s="18"/>
      <c r="G9692" s="18"/>
      <c r="H9692" s="18"/>
      <c r="I9692" s="18"/>
      <c r="J9692" s="18"/>
      <c r="K9692" s="18"/>
      <c r="L9692" s="18"/>
      <c r="M9692" s="18"/>
      <c r="N9692" s="18"/>
      <c r="O9692" s="18"/>
      <c r="P9692" s="19">
        <v>310</v>
      </c>
      <c r="Q9692" s="19"/>
      <c r="R9692" s="19"/>
      <c r="S9692" s="19"/>
      <c r="T9692" s="19">
        <v>250</v>
      </c>
      <c r="U9692" s="19"/>
      <c r="V9692" s="19"/>
      <c r="W9692" s="19"/>
      <c r="X9692" s="19">
        <v>1</v>
      </c>
      <c r="Y9692" s="19"/>
      <c r="Z9692" s="19"/>
      <c r="AA9692" s="19"/>
    </row>
    <row r="9693" spans="1:27" s="1" customFormat="1" ht="14.1" customHeight="1" outlineLevel="1" x14ac:dyDescent="0.2">
      <c r="A9693" s="17"/>
      <c r="B9693" s="17"/>
      <c r="C9693" s="17"/>
      <c r="D9693" s="18"/>
      <c r="E9693" s="18"/>
      <c r="F9693" s="18"/>
      <c r="G9693" s="18"/>
      <c r="H9693" s="18"/>
      <c r="I9693" s="18"/>
      <c r="J9693" s="18"/>
      <c r="K9693" s="18"/>
      <c r="L9693" s="18"/>
      <c r="M9693" s="18"/>
      <c r="N9693" s="18"/>
      <c r="O9693" s="18"/>
      <c r="P9693" s="19"/>
      <c r="Q9693" s="19"/>
      <c r="R9693" s="19"/>
      <c r="S9693" s="19"/>
      <c r="T9693" s="19"/>
      <c r="U9693" s="19"/>
      <c r="V9693" s="19"/>
      <c r="W9693" s="19"/>
      <c r="X9693" s="19"/>
      <c r="Y9693" s="19"/>
      <c r="Z9693" s="19"/>
      <c r="AA9693" s="19"/>
    </row>
    <row r="9694" spans="1:27" s="1" customFormat="1" ht="14.1" customHeight="1" outlineLevel="1" x14ac:dyDescent="0.2">
      <c r="A9694" s="17">
        <v>17857</v>
      </c>
      <c r="B9694" s="17"/>
      <c r="C9694" s="17"/>
      <c r="D9694" s="18" t="s">
        <v>4805</v>
      </c>
      <c r="E9694" s="18"/>
      <c r="F9694" s="18"/>
      <c r="G9694" s="18"/>
      <c r="H9694" s="18"/>
      <c r="I9694" s="18"/>
      <c r="J9694" s="18"/>
      <c r="K9694" s="18"/>
      <c r="L9694" s="18"/>
      <c r="M9694" s="18"/>
      <c r="N9694" s="18"/>
      <c r="O9694" s="18"/>
      <c r="P9694" s="19">
        <v>300</v>
      </c>
      <c r="Q9694" s="19"/>
      <c r="R9694" s="19"/>
      <c r="S9694" s="19"/>
      <c r="T9694" s="19">
        <v>200</v>
      </c>
      <c r="U9694" s="19"/>
      <c r="V9694" s="19"/>
      <c r="W9694" s="19"/>
      <c r="X9694" s="19">
        <v>2</v>
      </c>
      <c r="Y9694" s="19"/>
      <c r="Z9694" s="19"/>
      <c r="AA9694" s="19"/>
    </row>
    <row r="9695" spans="1:27" s="1" customFormat="1" ht="14.1" customHeight="1" outlineLevel="1" x14ac:dyDescent="0.2">
      <c r="A9695" s="17"/>
      <c r="B9695" s="17"/>
      <c r="C9695" s="17"/>
      <c r="D9695" s="18"/>
      <c r="E9695" s="18"/>
      <c r="F9695" s="18"/>
      <c r="G9695" s="18"/>
      <c r="H9695" s="18"/>
      <c r="I9695" s="18"/>
      <c r="J9695" s="18"/>
      <c r="K9695" s="18"/>
      <c r="L9695" s="18"/>
      <c r="M9695" s="18"/>
      <c r="N9695" s="18"/>
      <c r="O9695" s="18"/>
      <c r="P9695" s="19"/>
      <c r="Q9695" s="19"/>
      <c r="R9695" s="19"/>
      <c r="S9695" s="19"/>
      <c r="T9695" s="19"/>
      <c r="U9695" s="19"/>
      <c r="V9695" s="19"/>
      <c r="W9695" s="19"/>
      <c r="X9695" s="19"/>
      <c r="Y9695" s="19"/>
      <c r="Z9695" s="19"/>
      <c r="AA9695" s="19"/>
    </row>
    <row r="9696" spans="1:27" s="1" customFormat="1" ht="14.1" customHeight="1" outlineLevel="1" x14ac:dyDescent="0.2">
      <c r="A9696" s="17">
        <v>18184</v>
      </c>
      <c r="B9696" s="17"/>
      <c r="C9696" s="17"/>
      <c r="D9696" s="18" t="s">
        <v>4806</v>
      </c>
      <c r="E9696" s="18"/>
      <c r="F9696" s="18"/>
      <c r="G9696" s="18"/>
      <c r="H9696" s="18"/>
      <c r="I9696" s="18"/>
      <c r="J9696" s="18"/>
      <c r="K9696" s="18"/>
      <c r="L9696" s="18"/>
      <c r="M9696" s="18"/>
      <c r="N9696" s="18"/>
      <c r="O9696" s="18"/>
      <c r="P9696" s="19">
        <v>300</v>
      </c>
      <c r="Q9696" s="19"/>
      <c r="R9696" s="19"/>
      <c r="S9696" s="19"/>
      <c r="T9696" s="19">
        <v>200</v>
      </c>
      <c r="U9696" s="19"/>
      <c r="V9696" s="19"/>
      <c r="W9696" s="19"/>
      <c r="X9696" s="19">
        <v>1</v>
      </c>
      <c r="Y9696" s="19"/>
      <c r="Z9696" s="19"/>
      <c r="AA9696" s="19"/>
    </row>
    <row r="9697" spans="1:27" s="1" customFormat="1" ht="14.1" customHeight="1" outlineLevel="1" x14ac:dyDescent="0.2">
      <c r="A9697" s="17"/>
      <c r="B9697" s="17"/>
      <c r="C9697" s="17"/>
      <c r="D9697" s="18"/>
      <c r="E9697" s="18"/>
      <c r="F9697" s="18"/>
      <c r="G9697" s="18"/>
      <c r="H9697" s="18"/>
      <c r="I9697" s="18"/>
      <c r="J9697" s="18"/>
      <c r="K9697" s="18"/>
      <c r="L9697" s="18"/>
      <c r="M9697" s="18"/>
      <c r="N9697" s="18"/>
      <c r="O9697" s="18"/>
      <c r="P9697" s="19"/>
      <c r="Q9697" s="19"/>
      <c r="R9697" s="19"/>
      <c r="S9697" s="19"/>
      <c r="T9697" s="19"/>
      <c r="U9697" s="19"/>
      <c r="V9697" s="19"/>
      <c r="W9697" s="19"/>
      <c r="X9697" s="19"/>
      <c r="Y9697" s="19"/>
      <c r="Z9697" s="19"/>
      <c r="AA9697" s="19"/>
    </row>
    <row r="9698" spans="1:27" s="1" customFormat="1" ht="14.1" customHeight="1" outlineLevel="1" x14ac:dyDescent="0.2">
      <c r="A9698" s="17">
        <v>13327</v>
      </c>
      <c r="B9698" s="17"/>
      <c r="C9698" s="17"/>
      <c r="D9698" s="18" t="s">
        <v>4807</v>
      </c>
      <c r="E9698" s="18"/>
      <c r="F9698" s="18"/>
      <c r="G9698" s="18"/>
      <c r="H9698" s="18"/>
      <c r="I9698" s="18"/>
      <c r="J9698" s="18"/>
      <c r="K9698" s="18"/>
      <c r="L9698" s="18"/>
      <c r="M9698" s="18"/>
      <c r="N9698" s="18"/>
      <c r="O9698" s="18"/>
      <c r="P9698" s="19">
        <v>430</v>
      </c>
      <c r="Q9698" s="19"/>
      <c r="R9698" s="19"/>
      <c r="S9698" s="19"/>
      <c r="T9698" s="19">
        <v>350</v>
      </c>
      <c r="U9698" s="19"/>
      <c r="V9698" s="19"/>
      <c r="W9698" s="19"/>
      <c r="X9698" s="19">
        <v>1</v>
      </c>
      <c r="Y9698" s="19"/>
      <c r="Z9698" s="19"/>
      <c r="AA9698" s="19"/>
    </row>
    <row r="9699" spans="1:27" s="1" customFormat="1" ht="14.1" customHeight="1" outlineLevel="1" x14ac:dyDescent="0.2">
      <c r="A9699" s="17"/>
      <c r="B9699" s="17"/>
      <c r="C9699" s="17"/>
      <c r="D9699" s="18"/>
      <c r="E9699" s="18"/>
      <c r="F9699" s="18"/>
      <c r="G9699" s="18"/>
      <c r="H9699" s="18"/>
      <c r="I9699" s="18"/>
      <c r="J9699" s="18"/>
      <c r="K9699" s="18"/>
      <c r="L9699" s="18"/>
      <c r="M9699" s="18"/>
      <c r="N9699" s="18"/>
      <c r="O9699" s="18"/>
      <c r="P9699" s="19"/>
      <c r="Q9699" s="19"/>
      <c r="R9699" s="19"/>
      <c r="S9699" s="19"/>
      <c r="T9699" s="19"/>
      <c r="U9699" s="19"/>
      <c r="V9699" s="19"/>
      <c r="W9699" s="19"/>
      <c r="X9699" s="19"/>
      <c r="Y9699" s="19"/>
      <c r="Z9699" s="19"/>
      <c r="AA9699" s="19"/>
    </row>
    <row r="9700" spans="1:27" s="1" customFormat="1" ht="14.1" customHeight="1" outlineLevel="1" x14ac:dyDescent="0.2">
      <c r="A9700" s="17">
        <v>13326</v>
      </c>
      <c r="B9700" s="17"/>
      <c r="C9700" s="17"/>
      <c r="D9700" s="18" t="s">
        <v>4808</v>
      </c>
      <c r="E9700" s="18"/>
      <c r="F9700" s="18"/>
      <c r="G9700" s="18"/>
      <c r="H9700" s="18"/>
      <c r="I9700" s="18"/>
      <c r="J9700" s="18"/>
      <c r="K9700" s="18"/>
      <c r="L9700" s="18"/>
      <c r="M9700" s="18"/>
      <c r="N9700" s="18"/>
      <c r="O9700" s="18"/>
      <c r="P9700" s="19">
        <v>300</v>
      </c>
      <c r="Q9700" s="19"/>
      <c r="R9700" s="19"/>
      <c r="S9700" s="19"/>
      <c r="T9700" s="19">
        <v>200</v>
      </c>
      <c r="U9700" s="19"/>
      <c r="V9700" s="19"/>
      <c r="W9700" s="19"/>
      <c r="X9700" s="19">
        <v>1</v>
      </c>
      <c r="Y9700" s="19"/>
      <c r="Z9700" s="19"/>
      <c r="AA9700" s="19"/>
    </row>
    <row r="9701" spans="1:27" s="1" customFormat="1" ht="14.1" customHeight="1" outlineLevel="1" x14ac:dyDescent="0.2">
      <c r="A9701" s="17"/>
      <c r="B9701" s="17"/>
      <c r="C9701" s="17"/>
      <c r="D9701" s="18"/>
      <c r="E9701" s="18"/>
      <c r="F9701" s="18"/>
      <c r="G9701" s="18"/>
      <c r="H9701" s="18"/>
      <c r="I9701" s="18"/>
      <c r="J9701" s="18"/>
      <c r="K9701" s="18"/>
      <c r="L9701" s="18"/>
      <c r="M9701" s="18"/>
      <c r="N9701" s="18"/>
      <c r="O9701" s="18"/>
      <c r="P9701" s="19"/>
      <c r="Q9701" s="19"/>
      <c r="R9701" s="19"/>
      <c r="S9701" s="19"/>
      <c r="T9701" s="19"/>
      <c r="U9701" s="19"/>
      <c r="V9701" s="19"/>
      <c r="W9701" s="19"/>
      <c r="X9701" s="19"/>
      <c r="Y9701" s="19"/>
      <c r="Z9701" s="19"/>
      <c r="AA9701" s="19"/>
    </row>
    <row r="9702" spans="1:27" s="1" customFormat="1" ht="14.1" customHeight="1" outlineLevel="1" x14ac:dyDescent="0.2">
      <c r="A9702" s="17">
        <v>13305</v>
      </c>
      <c r="B9702" s="17"/>
      <c r="C9702" s="17"/>
      <c r="D9702" s="18" t="s">
        <v>4809</v>
      </c>
      <c r="E9702" s="18"/>
      <c r="F9702" s="18"/>
      <c r="G9702" s="18"/>
      <c r="H9702" s="18"/>
      <c r="I9702" s="18"/>
      <c r="J9702" s="18"/>
      <c r="K9702" s="18"/>
      <c r="L9702" s="18"/>
      <c r="M9702" s="18"/>
      <c r="N9702" s="18"/>
      <c r="O9702" s="18"/>
      <c r="P9702" s="19">
        <v>380</v>
      </c>
      <c r="Q9702" s="19"/>
      <c r="R9702" s="19"/>
      <c r="S9702" s="19"/>
      <c r="T9702" s="19">
        <v>300</v>
      </c>
      <c r="U9702" s="19"/>
      <c r="V9702" s="19"/>
      <c r="W9702" s="19"/>
      <c r="X9702" s="19">
        <v>1</v>
      </c>
      <c r="Y9702" s="19"/>
      <c r="Z9702" s="19"/>
      <c r="AA9702" s="19"/>
    </row>
    <row r="9703" spans="1:27" s="1" customFormat="1" ht="14.1" customHeight="1" outlineLevel="1" x14ac:dyDescent="0.2">
      <c r="A9703" s="17"/>
      <c r="B9703" s="17"/>
      <c r="C9703" s="17"/>
      <c r="D9703" s="18"/>
      <c r="E9703" s="18"/>
      <c r="F9703" s="18"/>
      <c r="G9703" s="18"/>
      <c r="H9703" s="18"/>
      <c r="I9703" s="18"/>
      <c r="J9703" s="18"/>
      <c r="K9703" s="18"/>
      <c r="L9703" s="18"/>
      <c r="M9703" s="18"/>
      <c r="N9703" s="18"/>
      <c r="O9703" s="18"/>
      <c r="P9703" s="19"/>
      <c r="Q9703" s="19"/>
      <c r="R9703" s="19"/>
      <c r="S9703" s="19"/>
      <c r="T9703" s="19"/>
      <c r="U9703" s="19"/>
      <c r="V9703" s="19"/>
      <c r="W9703" s="19"/>
      <c r="X9703" s="19"/>
      <c r="Y9703" s="19"/>
      <c r="Z9703" s="19"/>
      <c r="AA9703" s="19"/>
    </row>
    <row r="9704" spans="1:27" s="1" customFormat="1" ht="14.1" customHeight="1" outlineLevel="1" x14ac:dyDescent="0.2">
      <c r="A9704" s="17">
        <v>13307</v>
      </c>
      <c r="B9704" s="17"/>
      <c r="C9704" s="17"/>
      <c r="D9704" s="18" t="s">
        <v>4810</v>
      </c>
      <c r="E9704" s="18"/>
      <c r="F9704" s="18"/>
      <c r="G9704" s="18"/>
      <c r="H9704" s="18"/>
      <c r="I9704" s="18"/>
      <c r="J9704" s="18"/>
      <c r="K9704" s="18"/>
      <c r="L9704" s="18"/>
      <c r="M9704" s="18"/>
      <c r="N9704" s="18"/>
      <c r="O9704" s="18"/>
      <c r="P9704" s="19">
        <v>380</v>
      </c>
      <c r="Q9704" s="19"/>
      <c r="R9704" s="19"/>
      <c r="S9704" s="19"/>
      <c r="T9704" s="19">
        <v>300</v>
      </c>
      <c r="U9704" s="19"/>
      <c r="V9704" s="19"/>
      <c r="W9704" s="19"/>
      <c r="X9704" s="19">
        <v>3</v>
      </c>
      <c r="Y9704" s="19"/>
      <c r="Z9704" s="19"/>
      <c r="AA9704" s="19"/>
    </row>
    <row r="9705" spans="1:27" s="1" customFormat="1" ht="14.1" customHeight="1" outlineLevel="1" x14ac:dyDescent="0.2">
      <c r="A9705" s="17"/>
      <c r="B9705" s="17"/>
      <c r="C9705" s="17"/>
      <c r="D9705" s="18"/>
      <c r="E9705" s="18"/>
      <c r="F9705" s="18"/>
      <c r="G9705" s="18"/>
      <c r="H9705" s="18"/>
      <c r="I9705" s="18"/>
      <c r="J9705" s="18"/>
      <c r="K9705" s="18"/>
      <c r="L9705" s="18"/>
      <c r="M9705" s="18"/>
      <c r="N9705" s="18"/>
      <c r="O9705" s="18"/>
      <c r="P9705" s="19"/>
      <c r="Q9705" s="19"/>
      <c r="R9705" s="19"/>
      <c r="S9705" s="19"/>
      <c r="T9705" s="19"/>
      <c r="U9705" s="19"/>
      <c r="V9705" s="19"/>
      <c r="W9705" s="19"/>
      <c r="X9705" s="19"/>
      <c r="Y9705" s="19"/>
      <c r="Z9705" s="19"/>
      <c r="AA9705" s="19"/>
    </row>
    <row r="9706" spans="1:27" s="1" customFormat="1" ht="14.1" customHeight="1" outlineLevel="1" x14ac:dyDescent="0.2">
      <c r="A9706" s="17">
        <v>15776</v>
      </c>
      <c r="B9706" s="17"/>
      <c r="C9706" s="17"/>
      <c r="D9706" s="18" t="s">
        <v>4811</v>
      </c>
      <c r="E9706" s="18"/>
      <c r="F9706" s="18"/>
      <c r="G9706" s="18"/>
      <c r="H9706" s="18"/>
      <c r="I9706" s="18"/>
      <c r="J9706" s="18"/>
      <c r="K9706" s="18"/>
      <c r="L9706" s="18"/>
      <c r="M9706" s="18"/>
      <c r="N9706" s="18"/>
      <c r="O9706" s="18"/>
      <c r="P9706" s="19">
        <v>250</v>
      </c>
      <c r="Q9706" s="19"/>
      <c r="R9706" s="19"/>
      <c r="S9706" s="19"/>
      <c r="T9706" s="19">
        <v>150</v>
      </c>
      <c r="U9706" s="19"/>
      <c r="V9706" s="19"/>
      <c r="W9706" s="19"/>
      <c r="X9706" s="19">
        <v>2</v>
      </c>
      <c r="Y9706" s="19"/>
      <c r="Z9706" s="19"/>
      <c r="AA9706" s="19"/>
    </row>
    <row r="9707" spans="1:27" s="1" customFormat="1" ht="14.1" customHeight="1" outlineLevel="1" x14ac:dyDescent="0.2">
      <c r="A9707" s="17"/>
      <c r="B9707" s="17"/>
      <c r="C9707" s="17"/>
      <c r="D9707" s="18"/>
      <c r="E9707" s="18"/>
      <c r="F9707" s="18"/>
      <c r="G9707" s="18"/>
      <c r="H9707" s="18"/>
      <c r="I9707" s="18"/>
      <c r="J9707" s="18"/>
      <c r="K9707" s="18"/>
      <c r="L9707" s="18"/>
      <c r="M9707" s="18"/>
      <c r="N9707" s="18"/>
      <c r="O9707" s="18"/>
      <c r="P9707" s="19"/>
      <c r="Q9707" s="19"/>
      <c r="R9707" s="19"/>
      <c r="S9707" s="19"/>
      <c r="T9707" s="19"/>
      <c r="U9707" s="19"/>
      <c r="V9707" s="19"/>
      <c r="W9707" s="19"/>
      <c r="X9707" s="19"/>
      <c r="Y9707" s="19"/>
      <c r="Z9707" s="19"/>
      <c r="AA9707" s="19"/>
    </row>
    <row r="9708" spans="1:27" s="1" customFormat="1" ht="14.1" customHeight="1" outlineLevel="1" x14ac:dyDescent="0.2">
      <c r="A9708" s="17">
        <v>12903</v>
      </c>
      <c r="B9708" s="17"/>
      <c r="C9708" s="17"/>
      <c r="D9708" s="18" t="s">
        <v>4812</v>
      </c>
      <c r="E9708" s="18"/>
      <c r="F9708" s="18"/>
      <c r="G9708" s="18"/>
      <c r="H9708" s="18"/>
      <c r="I9708" s="18"/>
      <c r="J9708" s="18"/>
      <c r="K9708" s="18"/>
      <c r="L9708" s="18"/>
      <c r="M9708" s="18"/>
      <c r="N9708" s="18"/>
      <c r="O9708" s="18"/>
      <c r="P9708" s="19">
        <v>190</v>
      </c>
      <c r="Q9708" s="19"/>
      <c r="R9708" s="19"/>
      <c r="S9708" s="19"/>
      <c r="T9708" s="19">
        <v>150</v>
      </c>
      <c r="U9708" s="19"/>
      <c r="V9708" s="19"/>
      <c r="W9708" s="19"/>
      <c r="X9708" s="19">
        <v>1</v>
      </c>
      <c r="Y9708" s="19"/>
      <c r="Z9708" s="19"/>
      <c r="AA9708" s="19"/>
    </row>
    <row r="9709" spans="1:27" s="1" customFormat="1" ht="14.1" customHeight="1" outlineLevel="1" x14ac:dyDescent="0.2">
      <c r="A9709" s="17"/>
      <c r="B9709" s="17"/>
      <c r="C9709" s="17"/>
      <c r="D9709" s="18"/>
      <c r="E9709" s="18"/>
      <c r="F9709" s="18"/>
      <c r="G9709" s="18"/>
      <c r="H9709" s="18"/>
      <c r="I9709" s="18"/>
      <c r="J9709" s="18"/>
      <c r="K9709" s="18"/>
      <c r="L9709" s="18"/>
      <c r="M9709" s="18"/>
      <c r="N9709" s="18"/>
      <c r="O9709" s="18"/>
      <c r="P9709" s="19"/>
      <c r="Q9709" s="19"/>
      <c r="R9709" s="19"/>
      <c r="S9709" s="19"/>
      <c r="T9709" s="19"/>
      <c r="U9709" s="19"/>
      <c r="V9709" s="19"/>
      <c r="W9709" s="19"/>
      <c r="X9709" s="19"/>
      <c r="Y9709" s="19"/>
      <c r="Z9709" s="19"/>
      <c r="AA9709" s="19"/>
    </row>
    <row r="9710" spans="1:27" s="1" customFormat="1" ht="14.1" customHeight="1" outlineLevel="1" x14ac:dyDescent="0.2">
      <c r="A9710" s="17">
        <v>17082</v>
      </c>
      <c r="B9710" s="17"/>
      <c r="C9710" s="17"/>
      <c r="D9710" s="18" t="s">
        <v>4813</v>
      </c>
      <c r="E9710" s="18"/>
      <c r="F9710" s="18"/>
      <c r="G9710" s="18"/>
      <c r="H9710" s="18"/>
      <c r="I9710" s="18"/>
      <c r="J9710" s="18"/>
      <c r="K9710" s="18"/>
      <c r="L9710" s="18"/>
      <c r="M9710" s="18"/>
      <c r="N9710" s="18"/>
      <c r="O9710" s="18"/>
      <c r="P9710" s="20">
        <v>1400</v>
      </c>
      <c r="Q9710" s="20"/>
      <c r="R9710" s="20"/>
      <c r="S9710" s="20"/>
      <c r="T9710" s="20">
        <v>1000</v>
      </c>
      <c r="U9710" s="20"/>
      <c r="V9710" s="20"/>
      <c r="W9710" s="20"/>
      <c r="X9710" s="19">
        <v>1</v>
      </c>
      <c r="Y9710" s="19"/>
      <c r="Z9710" s="19"/>
      <c r="AA9710" s="19"/>
    </row>
    <row r="9711" spans="1:27" s="1" customFormat="1" ht="14.1" customHeight="1" outlineLevel="1" x14ac:dyDescent="0.2">
      <c r="A9711" s="17"/>
      <c r="B9711" s="17"/>
      <c r="C9711" s="17"/>
      <c r="D9711" s="18"/>
      <c r="E9711" s="18"/>
      <c r="F9711" s="18"/>
      <c r="G9711" s="18"/>
      <c r="H9711" s="18"/>
      <c r="I9711" s="18"/>
      <c r="J9711" s="18"/>
      <c r="K9711" s="18"/>
      <c r="L9711" s="18"/>
      <c r="M9711" s="18"/>
      <c r="N9711" s="18"/>
      <c r="O9711" s="18"/>
      <c r="P9711" s="20"/>
      <c r="Q9711" s="20"/>
      <c r="R9711" s="20"/>
      <c r="S9711" s="20"/>
      <c r="T9711" s="20"/>
      <c r="U9711" s="20"/>
      <c r="V9711" s="20"/>
      <c r="W9711" s="20"/>
      <c r="X9711" s="19"/>
      <c r="Y9711" s="19"/>
      <c r="Z9711" s="19"/>
      <c r="AA9711" s="19"/>
    </row>
    <row r="9712" spans="1:27" s="1" customFormat="1" ht="14.1" customHeight="1" outlineLevel="1" x14ac:dyDescent="0.2">
      <c r="A9712" s="17">
        <v>17081</v>
      </c>
      <c r="B9712" s="17"/>
      <c r="C9712" s="17"/>
      <c r="D9712" s="18" t="s">
        <v>4814</v>
      </c>
      <c r="E9712" s="18"/>
      <c r="F9712" s="18"/>
      <c r="G9712" s="18"/>
      <c r="H9712" s="18"/>
      <c r="I9712" s="18"/>
      <c r="J9712" s="18"/>
      <c r="K9712" s="18"/>
      <c r="L9712" s="18"/>
      <c r="M9712" s="18"/>
      <c r="N9712" s="18"/>
      <c r="O9712" s="18"/>
      <c r="P9712" s="20">
        <v>1400</v>
      </c>
      <c r="Q9712" s="20"/>
      <c r="R9712" s="20"/>
      <c r="S9712" s="20"/>
      <c r="T9712" s="20">
        <v>1000</v>
      </c>
      <c r="U9712" s="20"/>
      <c r="V9712" s="20"/>
      <c r="W9712" s="20"/>
      <c r="X9712" s="19">
        <v>1</v>
      </c>
      <c r="Y9712" s="19"/>
      <c r="Z9712" s="19"/>
      <c r="AA9712" s="19"/>
    </row>
    <row r="9713" spans="1:27" s="1" customFormat="1" ht="14.1" customHeight="1" outlineLevel="1" x14ac:dyDescent="0.2">
      <c r="A9713" s="17"/>
      <c r="B9713" s="17"/>
      <c r="C9713" s="17"/>
      <c r="D9713" s="18"/>
      <c r="E9713" s="18"/>
      <c r="F9713" s="18"/>
      <c r="G9713" s="18"/>
      <c r="H9713" s="18"/>
      <c r="I9713" s="18"/>
      <c r="J9713" s="18"/>
      <c r="K9713" s="18"/>
      <c r="L9713" s="18"/>
      <c r="M9713" s="18"/>
      <c r="N9713" s="18"/>
      <c r="O9713" s="18"/>
      <c r="P9713" s="20"/>
      <c r="Q9713" s="20"/>
      <c r="R9713" s="20"/>
      <c r="S9713" s="20"/>
      <c r="T9713" s="20"/>
      <c r="U9713" s="20"/>
      <c r="V9713" s="20"/>
      <c r="W9713" s="20"/>
      <c r="X9713" s="19"/>
      <c r="Y9713" s="19"/>
      <c r="Z9713" s="19"/>
      <c r="AA9713" s="19"/>
    </row>
    <row r="9714" spans="1:27" s="1" customFormat="1" ht="14.1" customHeight="1" outlineLevel="1" x14ac:dyDescent="0.2">
      <c r="A9714" s="17">
        <v>8857</v>
      </c>
      <c r="B9714" s="17"/>
      <c r="C9714" s="17"/>
      <c r="D9714" s="18" t="s">
        <v>4815</v>
      </c>
      <c r="E9714" s="18"/>
      <c r="F9714" s="18"/>
      <c r="G9714" s="18"/>
      <c r="H9714" s="18"/>
      <c r="I9714" s="18"/>
      <c r="J9714" s="18"/>
      <c r="K9714" s="18"/>
      <c r="L9714" s="18"/>
      <c r="M9714" s="18"/>
      <c r="N9714" s="18"/>
      <c r="O9714" s="18"/>
      <c r="P9714" s="19">
        <v>450</v>
      </c>
      <c r="Q9714" s="19"/>
      <c r="R9714" s="19"/>
      <c r="S9714" s="19"/>
      <c r="T9714" s="19">
        <v>350</v>
      </c>
      <c r="U9714" s="19"/>
      <c r="V9714" s="19"/>
      <c r="W9714" s="19"/>
      <c r="X9714" s="19">
        <v>1</v>
      </c>
      <c r="Y9714" s="19"/>
      <c r="Z9714" s="19"/>
      <c r="AA9714" s="19"/>
    </row>
    <row r="9715" spans="1:27" s="1" customFormat="1" ht="14.1" customHeight="1" outlineLevel="1" x14ac:dyDescent="0.2">
      <c r="A9715" s="17"/>
      <c r="B9715" s="17"/>
      <c r="C9715" s="17"/>
      <c r="D9715" s="18"/>
      <c r="E9715" s="18"/>
      <c r="F9715" s="18"/>
      <c r="G9715" s="18"/>
      <c r="H9715" s="18"/>
      <c r="I9715" s="18"/>
      <c r="J9715" s="18"/>
      <c r="K9715" s="18"/>
      <c r="L9715" s="18"/>
      <c r="M9715" s="18"/>
      <c r="N9715" s="18"/>
      <c r="O9715" s="18"/>
      <c r="P9715" s="19"/>
      <c r="Q9715" s="19"/>
      <c r="R9715" s="19"/>
      <c r="S9715" s="19"/>
      <c r="T9715" s="19"/>
      <c r="U9715" s="19"/>
      <c r="V9715" s="19"/>
      <c r="W9715" s="19"/>
      <c r="X9715" s="19"/>
      <c r="Y9715" s="19"/>
      <c r="Z9715" s="19"/>
      <c r="AA9715" s="19"/>
    </row>
    <row r="9716" spans="1:27" s="1" customFormat="1" ht="14.1" customHeight="1" outlineLevel="1" x14ac:dyDescent="0.2">
      <c r="A9716" s="17">
        <v>12650</v>
      </c>
      <c r="B9716" s="17"/>
      <c r="C9716" s="17"/>
      <c r="D9716" s="18" t="s">
        <v>4816</v>
      </c>
      <c r="E9716" s="18"/>
      <c r="F9716" s="18"/>
      <c r="G9716" s="18"/>
      <c r="H9716" s="18"/>
      <c r="I9716" s="18"/>
      <c r="J9716" s="18"/>
      <c r="K9716" s="18"/>
      <c r="L9716" s="18"/>
      <c r="M9716" s="18"/>
      <c r="N9716" s="18"/>
      <c r="O9716" s="18"/>
      <c r="P9716" s="19">
        <v>250</v>
      </c>
      <c r="Q9716" s="19"/>
      <c r="R9716" s="19"/>
      <c r="S9716" s="19"/>
      <c r="T9716" s="19">
        <v>200</v>
      </c>
      <c r="U9716" s="19"/>
      <c r="V9716" s="19"/>
      <c r="W9716" s="19"/>
      <c r="X9716" s="19">
        <v>1</v>
      </c>
      <c r="Y9716" s="19"/>
      <c r="Z9716" s="19"/>
      <c r="AA9716" s="19"/>
    </row>
    <row r="9717" spans="1:27" s="1" customFormat="1" ht="14.1" customHeight="1" outlineLevel="1" x14ac:dyDescent="0.2">
      <c r="A9717" s="17"/>
      <c r="B9717" s="17"/>
      <c r="C9717" s="17"/>
      <c r="D9717" s="18"/>
      <c r="E9717" s="18"/>
      <c r="F9717" s="18"/>
      <c r="G9717" s="18"/>
      <c r="H9717" s="18"/>
      <c r="I9717" s="18"/>
      <c r="J9717" s="18"/>
      <c r="K9717" s="18"/>
      <c r="L9717" s="18"/>
      <c r="M9717" s="18"/>
      <c r="N9717" s="18"/>
      <c r="O9717" s="18"/>
      <c r="P9717" s="19"/>
      <c r="Q9717" s="19"/>
      <c r="R9717" s="19"/>
      <c r="S9717" s="19"/>
      <c r="T9717" s="19"/>
      <c r="U9717" s="19"/>
      <c r="V9717" s="19"/>
      <c r="W9717" s="19"/>
      <c r="X9717" s="19"/>
      <c r="Y9717" s="19"/>
      <c r="Z9717" s="19"/>
      <c r="AA9717" s="19"/>
    </row>
    <row r="9718" spans="1:27" s="1" customFormat="1" ht="14.1" customHeight="1" outlineLevel="1" x14ac:dyDescent="0.2">
      <c r="A9718" s="17">
        <v>16862</v>
      </c>
      <c r="B9718" s="17"/>
      <c r="C9718" s="17"/>
      <c r="D9718" s="18" t="s">
        <v>4817</v>
      </c>
      <c r="E9718" s="18"/>
      <c r="F9718" s="18"/>
      <c r="G9718" s="18"/>
      <c r="H9718" s="18"/>
      <c r="I9718" s="18"/>
      <c r="J9718" s="18"/>
      <c r="K9718" s="18"/>
      <c r="L9718" s="18"/>
      <c r="M9718" s="18"/>
      <c r="N9718" s="18"/>
      <c r="O9718" s="18"/>
      <c r="P9718" s="20">
        <v>1200</v>
      </c>
      <c r="Q9718" s="20"/>
      <c r="R9718" s="20"/>
      <c r="S9718" s="20"/>
      <c r="T9718" s="20">
        <v>1000</v>
      </c>
      <c r="U9718" s="20"/>
      <c r="V9718" s="20"/>
      <c r="W9718" s="20"/>
      <c r="X9718" s="19">
        <v>1</v>
      </c>
      <c r="Y9718" s="19"/>
      <c r="Z9718" s="19"/>
      <c r="AA9718" s="19"/>
    </row>
    <row r="9719" spans="1:27" s="1" customFormat="1" ht="14.1" customHeight="1" outlineLevel="1" x14ac:dyDescent="0.2">
      <c r="A9719" s="17"/>
      <c r="B9719" s="17"/>
      <c r="C9719" s="17"/>
      <c r="D9719" s="18"/>
      <c r="E9719" s="18"/>
      <c r="F9719" s="18"/>
      <c r="G9719" s="18"/>
      <c r="H9719" s="18"/>
      <c r="I9719" s="18"/>
      <c r="J9719" s="18"/>
      <c r="K9719" s="18"/>
      <c r="L9719" s="18"/>
      <c r="M9719" s="18"/>
      <c r="N9719" s="18"/>
      <c r="O9719" s="18"/>
      <c r="P9719" s="20"/>
      <c r="Q9719" s="20"/>
      <c r="R9719" s="20"/>
      <c r="S9719" s="20"/>
      <c r="T9719" s="20"/>
      <c r="U9719" s="20"/>
      <c r="V9719" s="20"/>
      <c r="W9719" s="20"/>
      <c r="X9719" s="19"/>
      <c r="Y9719" s="19"/>
      <c r="Z9719" s="19"/>
      <c r="AA9719" s="19"/>
    </row>
    <row r="9720" spans="1:27" s="1" customFormat="1" ht="11.1" customHeight="1" x14ac:dyDescent="0.2">
      <c r="A9720" s="16" t="s">
        <v>4818</v>
      </c>
      <c r="B9720" s="16"/>
      <c r="C9720" s="16"/>
      <c r="D9720" s="16"/>
      <c r="E9720" s="16"/>
      <c r="F9720" s="16"/>
      <c r="G9720" s="16"/>
      <c r="H9720" s="16"/>
      <c r="I9720" s="16"/>
      <c r="J9720" s="16"/>
      <c r="K9720" s="16"/>
      <c r="L9720" s="16"/>
      <c r="M9720" s="16"/>
      <c r="N9720" s="16"/>
      <c r="O9720" s="16"/>
      <c r="P9720" s="16"/>
      <c r="Q9720" s="16"/>
      <c r="R9720" s="16"/>
      <c r="S9720" s="16"/>
      <c r="T9720" s="16"/>
      <c r="U9720" s="16"/>
      <c r="V9720" s="16"/>
      <c r="W9720" s="16"/>
      <c r="X9720" s="16"/>
      <c r="Y9720" s="16"/>
      <c r="Z9720" s="16"/>
      <c r="AA9720" s="16"/>
    </row>
    <row r="9721" spans="1:27" s="1" customFormat="1" ht="11.1" customHeight="1" x14ac:dyDescent="0.2">
      <c r="A9721" s="16"/>
      <c r="B9721" s="16"/>
      <c r="C9721" s="16"/>
      <c r="D9721" s="16"/>
      <c r="E9721" s="16"/>
      <c r="F9721" s="16"/>
      <c r="G9721" s="16"/>
      <c r="H9721" s="16"/>
      <c r="I9721" s="16"/>
      <c r="J9721" s="16"/>
      <c r="K9721" s="16"/>
      <c r="L9721" s="16"/>
      <c r="M9721" s="16"/>
      <c r="N9721" s="16"/>
      <c r="O9721" s="16"/>
      <c r="P9721" s="16"/>
      <c r="Q9721" s="16"/>
      <c r="R9721" s="16"/>
      <c r="S9721" s="16"/>
      <c r="T9721" s="16"/>
      <c r="U9721" s="16"/>
      <c r="V9721" s="16"/>
      <c r="W9721" s="16"/>
      <c r="X9721" s="16"/>
      <c r="Y9721" s="16"/>
      <c r="Z9721" s="16"/>
      <c r="AA9721" s="16"/>
    </row>
    <row r="9722" spans="1:27" s="1" customFormat="1" ht="11.1" customHeight="1" outlineLevel="1" x14ac:dyDescent="0.2">
      <c r="A9722" s="17">
        <v>13984</v>
      </c>
      <c r="B9722" s="17"/>
      <c r="C9722" s="17"/>
      <c r="D9722" s="18" t="s">
        <v>4819</v>
      </c>
      <c r="E9722" s="18"/>
      <c r="F9722" s="18"/>
      <c r="G9722" s="18"/>
      <c r="H9722" s="18"/>
      <c r="I9722" s="18"/>
      <c r="J9722" s="18"/>
      <c r="K9722" s="18"/>
      <c r="L9722" s="18"/>
      <c r="M9722" s="18"/>
      <c r="N9722" s="18"/>
      <c r="O9722" s="18"/>
      <c r="P9722" s="19">
        <v>260</v>
      </c>
      <c r="Q9722" s="19"/>
      <c r="R9722" s="19"/>
      <c r="S9722" s="19"/>
      <c r="T9722" s="19">
        <v>200</v>
      </c>
      <c r="U9722" s="19"/>
      <c r="V9722" s="19"/>
      <c r="W9722" s="19"/>
      <c r="X9722" s="19">
        <v>1</v>
      </c>
      <c r="Y9722" s="19"/>
      <c r="Z9722" s="19"/>
      <c r="AA9722" s="19"/>
    </row>
    <row r="9723" spans="1:27" s="1" customFormat="1" ht="11.1" customHeight="1" outlineLevel="1" x14ac:dyDescent="0.2">
      <c r="A9723" s="17"/>
      <c r="B9723" s="17"/>
      <c r="C9723" s="17"/>
      <c r="D9723" s="18"/>
      <c r="E9723" s="18"/>
      <c r="F9723" s="18"/>
      <c r="G9723" s="18"/>
      <c r="H9723" s="18"/>
      <c r="I9723" s="18"/>
      <c r="J9723" s="18"/>
      <c r="K9723" s="18"/>
      <c r="L9723" s="18"/>
      <c r="M9723" s="18"/>
      <c r="N9723" s="18"/>
      <c r="O9723" s="18"/>
      <c r="P9723" s="19"/>
      <c r="Q9723" s="19"/>
      <c r="R9723" s="19"/>
      <c r="S9723" s="19"/>
      <c r="T9723" s="19"/>
      <c r="U9723" s="19"/>
      <c r="V9723" s="19"/>
      <c r="W9723" s="19"/>
      <c r="X9723" s="19"/>
      <c r="Y9723" s="19"/>
      <c r="Z9723" s="19"/>
      <c r="AA9723" s="19"/>
    </row>
    <row r="9724" spans="1:27" s="1" customFormat="1" ht="14.1" customHeight="1" outlineLevel="1" x14ac:dyDescent="0.2">
      <c r="A9724" s="17">
        <v>12932</v>
      </c>
      <c r="B9724" s="17"/>
      <c r="C9724" s="17"/>
      <c r="D9724" s="18" t="s">
        <v>4820</v>
      </c>
      <c r="E9724" s="18"/>
      <c r="F9724" s="18"/>
      <c r="G9724" s="18"/>
      <c r="H9724" s="18"/>
      <c r="I9724" s="18"/>
      <c r="J9724" s="18"/>
      <c r="K9724" s="18"/>
      <c r="L9724" s="18"/>
      <c r="M9724" s="18"/>
      <c r="N9724" s="18"/>
      <c r="O9724" s="18"/>
      <c r="P9724" s="19">
        <v>200</v>
      </c>
      <c r="Q9724" s="19"/>
      <c r="R9724" s="19"/>
      <c r="S9724" s="19"/>
      <c r="T9724" s="19">
        <v>150</v>
      </c>
      <c r="U9724" s="19"/>
      <c r="V9724" s="19"/>
      <c r="W9724" s="19"/>
      <c r="X9724" s="19">
        <v>1</v>
      </c>
      <c r="Y9724" s="19"/>
      <c r="Z9724" s="19"/>
      <c r="AA9724" s="19"/>
    </row>
    <row r="9725" spans="1:27" s="1" customFormat="1" ht="14.1" customHeight="1" outlineLevel="1" x14ac:dyDescent="0.2">
      <c r="A9725" s="17"/>
      <c r="B9725" s="17"/>
      <c r="C9725" s="17"/>
      <c r="D9725" s="18"/>
      <c r="E9725" s="18"/>
      <c r="F9725" s="18"/>
      <c r="G9725" s="18"/>
      <c r="H9725" s="18"/>
      <c r="I9725" s="18"/>
      <c r="J9725" s="18"/>
      <c r="K9725" s="18"/>
      <c r="L9725" s="18"/>
      <c r="M9725" s="18"/>
      <c r="N9725" s="18"/>
      <c r="O9725" s="18"/>
      <c r="P9725" s="19"/>
      <c r="Q9725" s="19"/>
      <c r="R9725" s="19"/>
      <c r="S9725" s="19"/>
      <c r="T9725" s="19"/>
      <c r="U9725" s="19"/>
      <c r="V9725" s="19"/>
      <c r="W9725" s="19"/>
      <c r="X9725" s="19"/>
      <c r="Y9725" s="19"/>
      <c r="Z9725" s="19"/>
      <c r="AA9725" s="19"/>
    </row>
    <row r="9726" spans="1:27" s="1" customFormat="1" ht="11.1" customHeight="1" outlineLevel="1" x14ac:dyDescent="0.2">
      <c r="A9726" s="17">
        <v>7865</v>
      </c>
      <c r="B9726" s="17"/>
      <c r="C9726" s="17"/>
      <c r="D9726" s="18" t="s">
        <v>4821</v>
      </c>
      <c r="E9726" s="18"/>
      <c r="F9726" s="18"/>
      <c r="G9726" s="18"/>
      <c r="H9726" s="18"/>
      <c r="I9726" s="18"/>
      <c r="J9726" s="18"/>
      <c r="K9726" s="18"/>
      <c r="L9726" s="18"/>
      <c r="M9726" s="18"/>
      <c r="N9726" s="18"/>
      <c r="O9726" s="18"/>
      <c r="P9726" s="19">
        <v>200</v>
      </c>
      <c r="Q9726" s="19"/>
      <c r="R9726" s="19"/>
      <c r="S9726" s="19"/>
      <c r="T9726" s="19">
        <v>170</v>
      </c>
      <c r="U9726" s="19"/>
      <c r="V9726" s="19"/>
      <c r="W9726" s="19"/>
      <c r="X9726" s="19">
        <v>1</v>
      </c>
      <c r="Y9726" s="19"/>
      <c r="Z9726" s="19"/>
      <c r="AA9726" s="19"/>
    </row>
    <row r="9727" spans="1:27" s="1" customFormat="1" ht="11.1" customHeight="1" outlineLevel="1" x14ac:dyDescent="0.2">
      <c r="A9727" s="17"/>
      <c r="B9727" s="17"/>
      <c r="C9727" s="17"/>
      <c r="D9727" s="18"/>
      <c r="E9727" s="18"/>
      <c r="F9727" s="18"/>
      <c r="G9727" s="18"/>
      <c r="H9727" s="18"/>
      <c r="I9727" s="18"/>
      <c r="J9727" s="18"/>
      <c r="K9727" s="18"/>
      <c r="L9727" s="18"/>
      <c r="M9727" s="18"/>
      <c r="N9727" s="18"/>
      <c r="O9727" s="18"/>
      <c r="P9727" s="19"/>
      <c r="Q9727" s="19"/>
      <c r="R9727" s="19"/>
      <c r="S9727" s="19"/>
      <c r="T9727" s="19"/>
      <c r="U9727" s="19"/>
      <c r="V9727" s="19"/>
      <c r="W9727" s="19"/>
      <c r="X9727" s="19"/>
      <c r="Y9727" s="19"/>
      <c r="Z9727" s="19"/>
      <c r="AA9727" s="19"/>
    </row>
    <row r="9728" spans="1:27" s="1" customFormat="1" ht="14.1" customHeight="1" outlineLevel="1" x14ac:dyDescent="0.2">
      <c r="A9728" s="17">
        <v>6209</v>
      </c>
      <c r="B9728" s="17"/>
      <c r="C9728" s="17"/>
      <c r="D9728" s="18" t="s">
        <v>4822</v>
      </c>
      <c r="E9728" s="18"/>
      <c r="F9728" s="18"/>
      <c r="G9728" s="18"/>
      <c r="H9728" s="18"/>
      <c r="I9728" s="18"/>
      <c r="J9728" s="18"/>
      <c r="K9728" s="18"/>
      <c r="L9728" s="18"/>
      <c r="M9728" s="18"/>
      <c r="N9728" s="18"/>
      <c r="O9728" s="18"/>
      <c r="P9728" s="19">
        <v>300</v>
      </c>
      <c r="Q9728" s="19"/>
      <c r="R9728" s="19"/>
      <c r="S9728" s="19"/>
      <c r="T9728" s="19">
        <v>250</v>
      </c>
      <c r="U9728" s="19"/>
      <c r="V9728" s="19"/>
      <c r="W9728" s="19"/>
      <c r="X9728" s="19">
        <v>1</v>
      </c>
      <c r="Y9728" s="19"/>
      <c r="Z9728" s="19"/>
      <c r="AA9728" s="19"/>
    </row>
    <row r="9729" spans="1:27" s="1" customFormat="1" ht="14.1" customHeight="1" outlineLevel="1" x14ac:dyDescent="0.2">
      <c r="A9729" s="17"/>
      <c r="B9729" s="17"/>
      <c r="C9729" s="17"/>
      <c r="D9729" s="18"/>
      <c r="E9729" s="18"/>
      <c r="F9729" s="18"/>
      <c r="G9729" s="18"/>
      <c r="H9729" s="18"/>
      <c r="I9729" s="18"/>
      <c r="J9729" s="18"/>
      <c r="K9729" s="18"/>
      <c r="L9729" s="18"/>
      <c r="M9729" s="18"/>
      <c r="N9729" s="18"/>
      <c r="O9729" s="18"/>
      <c r="P9729" s="19"/>
      <c r="Q9729" s="19"/>
      <c r="R9729" s="19"/>
      <c r="S9729" s="19"/>
      <c r="T9729" s="19"/>
      <c r="U9729" s="19"/>
      <c r="V9729" s="19"/>
      <c r="W9729" s="19"/>
      <c r="X9729" s="19"/>
      <c r="Y9729" s="19"/>
      <c r="Z9729" s="19"/>
      <c r="AA9729" s="19"/>
    </row>
    <row r="9730" spans="1:27" s="1" customFormat="1" ht="11.1" customHeight="1" outlineLevel="1" x14ac:dyDescent="0.2">
      <c r="A9730" s="17">
        <v>4660</v>
      </c>
      <c r="B9730" s="17"/>
      <c r="C9730" s="17"/>
      <c r="D9730" s="18" t="s">
        <v>4823</v>
      </c>
      <c r="E9730" s="18"/>
      <c r="F9730" s="18"/>
      <c r="G9730" s="18"/>
      <c r="H9730" s="18"/>
      <c r="I9730" s="18"/>
      <c r="J9730" s="18"/>
      <c r="K9730" s="18"/>
      <c r="L9730" s="18"/>
      <c r="M9730" s="18"/>
      <c r="N9730" s="18"/>
      <c r="O9730" s="18"/>
      <c r="P9730" s="19">
        <v>300</v>
      </c>
      <c r="Q9730" s="19"/>
      <c r="R9730" s="19"/>
      <c r="S9730" s="19"/>
      <c r="T9730" s="19">
        <v>250</v>
      </c>
      <c r="U9730" s="19"/>
      <c r="V9730" s="19"/>
      <c r="W9730" s="19"/>
      <c r="X9730" s="19">
        <v>1</v>
      </c>
      <c r="Y9730" s="19"/>
      <c r="Z9730" s="19"/>
      <c r="AA9730" s="19"/>
    </row>
    <row r="9731" spans="1:27" s="1" customFormat="1" ht="11.1" customHeight="1" outlineLevel="1" x14ac:dyDescent="0.2">
      <c r="A9731" s="17"/>
      <c r="B9731" s="17"/>
      <c r="C9731" s="17"/>
      <c r="D9731" s="18"/>
      <c r="E9731" s="18"/>
      <c r="F9731" s="18"/>
      <c r="G9731" s="18"/>
      <c r="H9731" s="18"/>
      <c r="I9731" s="18"/>
      <c r="J9731" s="18"/>
      <c r="K9731" s="18"/>
      <c r="L9731" s="18"/>
      <c r="M9731" s="18"/>
      <c r="N9731" s="18"/>
      <c r="O9731" s="18"/>
      <c r="P9731" s="19"/>
      <c r="Q9731" s="19"/>
      <c r="R9731" s="19"/>
      <c r="S9731" s="19"/>
      <c r="T9731" s="19"/>
      <c r="U9731" s="19"/>
      <c r="V9731" s="19"/>
      <c r="W9731" s="19"/>
      <c r="X9731" s="19"/>
      <c r="Y9731" s="19"/>
      <c r="Z9731" s="19"/>
      <c r="AA9731" s="19"/>
    </row>
    <row r="9732" spans="1:27" s="1" customFormat="1" ht="11.1" customHeight="1" outlineLevel="1" x14ac:dyDescent="0.2">
      <c r="A9732" s="17">
        <v>13988</v>
      </c>
      <c r="B9732" s="17"/>
      <c r="C9732" s="17"/>
      <c r="D9732" s="18" t="s">
        <v>4824</v>
      </c>
      <c r="E9732" s="18"/>
      <c r="F9732" s="18"/>
      <c r="G9732" s="18"/>
      <c r="H9732" s="18"/>
      <c r="I9732" s="18"/>
      <c r="J9732" s="18"/>
      <c r="K9732" s="18"/>
      <c r="L9732" s="18"/>
      <c r="M9732" s="18"/>
      <c r="N9732" s="18"/>
      <c r="O9732" s="18"/>
      <c r="P9732" s="19">
        <v>440</v>
      </c>
      <c r="Q9732" s="19"/>
      <c r="R9732" s="19"/>
      <c r="S9732" s="19"/>
      <c r="T9732" s="19">
        <v>350</v>
      </c>
      <c r="U9732" s="19"/>
      <c r="V9732" s="19"/>
      <c r="W9732" s="19"/>
      <c r="X9732" s="19">
        <v>1</v>
      </c>
      <c r="Y9732" s="19"/>
      <c r="Z9732" s="19"/>
      <c r="AA9732" s="19"/>
    </row>
    <row r="9733" spans="1:27" s="1" customFormat="1" ht="11.1" customHeight="1" outlineLevel="1" x14ac:dyDescent="0.2">
      <c r="A9733" s="17"/>
      <c r="B9733" s="17"/>
      <c r="C9733" s="17"/>
      <c r="D9733" s="18"/>
      <c r="E9733" s="18"/>
      <c r="F9733" s="18"/>
      <c r="G9733" s="18"/>
      <c r="H9733" s="18"/>
      <c r="I9733" s="18"/>
      <c r="J9733" s="18"/>
      <c r="K9733" s="18"/>
      <c r="L9733" s="18"/>
      <c r="M9733" s="18"/>
      <c r="N9733" s="18"/>
      <c r="O9733" s="18"/>
      <c r="P9733" s="19"/>
      <c r="Q9733" s="19"/>
      <c r="R9733" s="19"/>
      <c r="S9733" s="19"/>
      <c r="T9733" s="19"/>
      <c r="U9733" s="19"/>
      <c r="V9733" s="19"/>
      <c r="W9733" s="19"/>
      <c r="X9733" s="19"/>
      <c r="Y9733" s="19"/>
      <c r="Z9733" s="19"/>
      <c r="AA9733" s="19"/>
    </row>
    <row r="9734" spans="1:27" s="1" customFormat="1" ht="14.1" customHeight="1" outlineLevel="1" x14ac:dyDescent="0.2">
      <c r="A9734" s="17">
        <v>12933</v>
      </c>
      <c r="B9734" s="17"/>
      <c r="C9734" s="17"/>
      <c r="D9734" s="18" t="s">
        <v>4825</v>
      </c>
      <c r="E9734" s="18"/>
      <c r="F9734" s="18"/>
      <c r="G9734" s="18"/>
      <c r="H9734" s="18"/>
      <c r="I9734" s="18"/>
      <c r="J9734" s="18"/>
      <c r="K9734" s="18"/>
      <c r="L9734" s="18"/>
      <c r="M9734" s="18"/>
      <c r="N9734" s="18"/>
      <c r="O9734" s="18"/>
      <c r="P9734" s="19">
        <v>650</v>
      </c>
      <c r="Q9734" s="19"/>
      <c r="R9734" s="19"/>
      <c r="S9734" s="19"/>
      <c r="T9734" s="19">
        <v>550</v>
      </c>
      <c r="U9734" s="19"/>
      <c r="V9734" s="19"/>
      <c r="W9734" s="19"/>
      <c r="X9734" s="19">
        <v>1</v>
      </c>
      <c r="Y9734" s="19"/>
      <c r="Z9734" s="19"/>
      <c r="AA9734" s="19"/>
    </row>
    <row r="9735" spans="1:27" s="1" customFormat="1" ht="14.1" customHeight="1" outlineLevel="1" x14ac:dyDescent="0.2">
      <c r="A9735" s="17"/>
      <c r="B9735" s="17"/>
      <c r="C9735" s="17"/>
      <c r="D9735" s="18"/>
      <c r="E9735" s="18"/>
      <c r="F9735" s="18"/>
      <c r="G9735" s="18"/>
      <c r="H9735" s="18"/>
      <c r="I9735" s="18"/>
      <c r="J9735" s="18"/>
      <c r="K9735" s="18"/>
      <c r="L9735" s="18"/>
      <c r="M9735" s="18"/>
      <c r="N9735" s="18"/>
      <c r="O9735" s="18"/>
      <c r="P9735" s="19"/>
      <c r="Q9735" s="19"/>
      <c r="R9735" s="19"/>
      <c r="S9735" s="19"/>
      <c r="T9735" s="19"/>
      <c r="U9735" s="19"/>
      <c r="V9735" s="19"/>
      <c r="W9735" s="19"/>
      <c r="X9735" s="19"/>
      <c r="Y9735" s="19"/>
      <c r="Z9735" s="19"/>
      <c r="AA9735" s="19"/>
    </row>
    <row r="9736" spans="1:27" s="1" customFormat="1" ht="14.1" customHeight="1" outlineLevel="1" x14ac:dyDescent="0.2">
      <c r="A9736" s="17">
        <v>13986</v>
      </c>
      <c r="B9736" s="17"/>
      <c r="C9736" s="17"/>
      <c r="D9736" s="18" t="s">
        <v>4826</v>
      </c>
      <c r="E9736" s="18"/>
      <c r="F9736" s="18"/>
      <c r="G9736" s="18"/>
      <c r="H9736" s="18"/>
      <c r="I9736" s="18"/>
      <c r="J9736" s="18"/>
      <c r="K9736" s="18"/>
      <c r="L9736" s="18"/>
      <c r="M9736" s="18"/>
      <c r="N9736" s="18"/>
      <c r="O9736" s="18"/>
      <c r="P9736" s="19">
        <v>80</v>
      </c>
      <c r="Q9736" s="19"/>
      <c r="R9736" s="19"/>
      <c r="S9736" s="19"/>
      <c r="T9736" s="19">
        <v>50</v>
      </c>
      <c r="U9736" s="19"/>
      <c r="V9736" s="19"/>
      <c r="W9736" s="19"/>
      <c r="X9736" s="19">
        <v>1</v>
      </c>
      <c r="Y9736" s="19"/>
      <c r="Z9736" s="19"/>
      <c r="AA9736" s="19"/>
    </row>
    <row r="9737" spans="1:27" s="1" customFormat="1" ht="14.1" customHeight="1" outlineLevel="1" x14ac:dyDescent="0.2">
      <c r="A9737" s="17"/>
      <c r="B9737" s="17"/>
      <c r="C9737" s="17"/>
      <c r="D9737" s="18"/>
      <c r="E9737" s="18"/>
      <c r="F9737" s="18"/>
      <c r="G9737" s="18"/>
      <c r="H9737" s="18"/>
      <c r="I9737" s="18"/>
      <c r="J9737" s="18"/>
      <c r="K9737" s="18"/>
      <c r="L9737" s="18"/>
      <c r="M9737" s="18"/>
      <c r="N9737" s="18"/>
      <c r="O9737" s="18"/>
      <c r="P9737" s="19"/>
      <c r="Q9737" s="19"/>
      <c r="R9737" s="19"/>
      <c r="S9737" s="19"/>
      <c r="T9737" s="19"/>
      <c r="U9737" s="19"/>
      <c r="V9737" s="19"/>
      <c r="W9737" s="19"/>
      <c r="X9737" s="19"/>
      <c r="Y9737" s="19"/>
      <c r="Z9737" s="19"/>
      <c r="AA9737" s="19"/>
    </row>
    <row r="9738" spans="1:27" s="1" customFormat="1" ht="14.1" customHeight="1" outlineLevel="1" x14ac:dyDescent="0.2">
      <c r="A9738" s="17">
        <v>12935</v>
      </c>
      <c r="B9738" s="17"/>
      <c r="C9738" s="17"/>
      <c r="D9738" s="18" t="s">
        <v>4827</v>
      </c>
      <c r="E9738" s="18"/>
      <c r="F9738" s="18"/>
      <c r="G9738" s="18"/>
      <c r="H9738" s="18"/>
      <c r="I9738" s="18"/>
      <c r="J9738" s="18"/>
      <c r="K9738" s="18"/>
      <c r="L9738" s="18"/>
      <c r="M9738" s="18"/>
      <c r="N9738" s="18"/>
      <c r="O9738" s="18"/>
      <c r="P9738" s="19">
        <v>100</v>
      </c>
      <c r="Q9738" s="19"/>
      <c r="R9738" s="19"/>
      <c r="S9738" s="19"/>
      <c r="T9738" s="19">
        <v>70</v>
      </c>
      <c r="U9738" s="19"/>
      <c r="V9738" s="19"/>
      <c r="W9738" s="19"/>
      <c r="X9738" s="19">
        <v>1</v>
      </c>
      <c r="Y9738" s="19"/>
      <c r="Z9738" s="19"/>
      <c r="AA9738" s="19"/>
    </row>
    <row r="9739" spans="1:27" s="1" customFormat="1" ht="14.1" customHeight="1" outlineLevel="1" x14ac:dyDescent="0.2">
      <c r="A9739" s="17"/>
      <c r="B9739" s="17"/>
      <c r="C9739" s="17"/>
      <c r="D9739" s="18"/>
      <c r="E9739" s="18"/>
      <c r="F9739" s="18"/>
      <c r="G9739" s="18"/>
      <c r="H9739" s="18"/>
      <c r="I9739" s="18"/>
      <c r="J9739" s="18"/>
      <c r="K9739" s="18"/>
      <c r="L9739" s="18"/>
      <c r="M9739" s="18"/>
      <c r="N9739" s="18"/>
      <c r="O9739" s="18"/>
      <c r="P9739" s="19"/>
      <c r="Q9739" s="19"/>
      <c r="R9739" s="19"/>
      <c r="S9739" s="19"/>
      <c r="T9739" s="19"/>
      <c r="U9739" s="19"/>
      <c r="V9739" s="19"/>
      <c r="W9739" s="19"/>
      <c r="X9739" s="19"/>
      <c r="Y9739" s="19"/>
      <c r="Z9739" s="19"/>
      <c r="AA9739" s="19"/>
    </row>
    <row r="9740" spans="1:27" s="1" customFormat="1" ht="14.1" customHeight="1" outlineLevel="1" x14ac:dyDescent="0.2">
      <c r="A9740" s="17">
        <v>12139</v>
      </c>
      <c r="B9740" s="17"/>
      <c r="C9740" s="17"/>
      <c r="D9740" s="18" t="s">
        <v>4828</v>
      </c>
      <c r="E9740" s="18"/>
      <c r="F9740" s="18"/>
      <c r="G9740" s="18"/>
      <c r="H9740" s="18"/>
      <c r="I9740" s="18"/>
      <c r="J9740" s="18"/>
      <c r="K9740" s="18"/>
      <c r="L9740" s="18"/>
      <c r="M9740" s="18"/>
      <c r="N9740" s="18"/>
      <c r="O9740" s="18"/>
      <c r="P9740" s="19">
        <v>80</v>
      </c>
      <c r="Q9740" s="19"/>
      <c r="R9740" s="19"/>
      <c r="S9740" s="19"/>
      <c r="T9740" s="19">
        <v>50</v>
      </c>
      <c r="U9740" s="19"/>
      <c r="V9740" s="19"/>
      <c r="W9740" s="19"/>
      <c r="X9740" s="19">
        <v>1</v>
      </c>
      <c r="Y9740" s="19"/>
      <c r="Z9740" s="19"/>
      <c r="AA9740" s="19"/>
    </row>
    <row r="9741" spans="1:27" s="1" customFormat="1" ht="14.1" customHeight="1" outlineLevel="1" x14ac:dyDescent="0.2">
      <c r="A9741" s="17"/>
      <c r="B9741" s="17"/>
      <c r="C9741" s="17"/>
      <c r="D9741" s="18"/>
      <c r="E9741" s="18"/>
      <c r="F9741" s="18"/>
      <c r="G9741" s="18"/>
      <c r="H9741" s="18"/>
      <c r="I9741" s="18"/>
      <c r="J9741" s="18"/>
      <c r="K9741" s="18"/>
      <c r="L9741" s="18"/>
      <c r="M9741" s="18"/>
      <c r="N9741" s="18"/>
      <c r="O9741" s="18"/>
      <c r="P9741" s="19"/>
      <c r="Q9741" s="19"/>
      <c r="R9741" s="19"/>
      <c r="S9741" s="19"/>
      <c r="T9741" s="19"/>
      <c r="U9741" s="19"/>
      <c r="V9741" s="19"/>
      <c r="W9741" s="19"/>
      <c r="X9741" s="19"/>
      <c r="Y9741" s="19"/>
      <c r="Z9741" s="19"/>
      <c r="AA9741" s="19"/>
    </row>
    <row r="9742" spans="1:27" s="1" customFormat="1" ht="14.1" customHeight="1" outlineLevel="1" x14ac:dyDescent="0.2">
      <c r="A9742" s="17">
        <v>9342</v>
      </c>
      <c r="B9742" s="17"/>
      <c r="C9742" s="17"/>
      <c r="D9742" s="18" t="s">
        <v>4829</v>
      </c>
      <c r="E9742" s="18"/>
      <c r="F9742" s="18"/>
      <c r="G9742" s="18"/>
      <c r="H9742" s="18"/>
      <c r="I9742" s="18"/>
      <c r="J9742" s="18"/>
      <c r="K9742" s="18"/>
      <c r="L9742" s="18"/>
      <c r="M9742" s="18"/>
      <c r="N9742" s="18"/>
      <c r="O9742" s="18"/>
      <c r="P9742" s="19">
        <v>170</v>
      </c>
      <c r="Q9742" s="19"/>
      <c r="R9742" s="19"/>
      <c r="S9742" s="19"/>
      <c r="T9742" s="19">
        <v>110</v>
      </c>
      <c r="U9742" s="19"/>
      <c r="V9742" s="19"/>
      <c r="W9742" s="19"/>
      <c r="X9742" s="19">
        <v>1</v>
      </c>
      <c r="Y9742" s="19"/>
      <c r="Z9742" s="19"/>
      <c r="AA9742" s="19"/>
    </row>
    <row r="9743" spans="1:27" s="1" customFormat="1" ht="14.1" customHeight="1" outlineLevel="1" x14ac:dyDescent="0.2">
      <c r="A9743" s="17"/>
      <c r="B9743" s="17"/>
      <c r="C9743" s="17"/>
      <c r="D9743" s="18"/>
      <c r="E9743" s="18"/>
      <c r="F9743" s="18"/>
      <c r="G9743" s="18"/>
      <c r="H9743" s="18"/>
      <c r="I9743" s="18"/>
      <c r="J9743" s="18"/>
      <c r="K9743" s="18"/>
      <c r="L9743" s="18"/>
      <c r="M9743" s="18"/>
      <c r="N9743" s="18"/>
      <c r="O9743" s="18"/>
      <c r="P9743" s="19"/>
      <c r="Q9743" s="19"/>
      <c r="R9743" s="19"/>
      <c r="S9743" s="19"/>
      <c r="T9743" s="19"/>
      <c r="U9743" s="19"/>
      <c r="V9743" s="19"/>
      <c r="W9743" s="19"/>
      <c r="X9743" s="19"/>
      <c r="Y9743" s="19"/>
      <c r="Z9743" s="19"/>
      <c r="AA9743" s="19"/>
    </row>
    <row r="9744" spans="1:27" s="1" customFormat="1" ht="11.1" customHeight="1" outlineLevel="1" x14ac:dyDescent="0.2">
      <c r="A9744" s="17">
        <v>6681</v>
      </c>
      <c r="B9744" s="17"/>
      <c r="C9744" s="17"/>
      <c r="D9744" s="18" t="s">
        <v>4830</v>
      </c>
      <c r="E9744" s="18"/>
      <c r="F9744" s="18"/>
      <c r="G9744" s="18"/>
      <c r="H9744" s="18"/>
      <c r="I9744" s="18"/>
      <c r="J9744" s="18"/>
      <c r="K9744" s="18"/>
      <c r="L9744" s="18"/>
      <c r="M9744" s="18"/>
      <c r="N9744" s="18"/>
      <c r="O9744" s="18"/>
      <c r="P9744" s="20">
        <v>1000</v>
      </c>
      <c r="Q9744" s="20"/>
      <c r="R9744" s="20"/>
      <c r="S9744" s="20"/>
      <c r="T9744" s="19">
        <v>940</v>
      </c>
      <c r="U9744" s="19"/>
      <c r="V9744" s="19"/>
      <c r="W9744" s="19"/>
      <c r="X9744" s="19">
        <v>1</v>
      </c>
      <c r="Y9744" s="19"/>
      <c r="Z9744" s="19"/>
      <c r="AA9744" s="19"/>
    </row>
    <row r="9745" spans="1:27" s="1" customFormat="1" ht="11.1" customHeight="1" outlineLevel="1" x14ac:dyDescent="0.2">
      <c r="A9745" s="17"/>
      <c r="B9745" s="17"/>
      <c r="C9745" s="17"/>
      <c r="D9745" s="18"/>
      <c r="E9745" s="18"/>
      <c r="F9745" s="18"/>
      <c r="G9745" s="18"/>
      <c r="H9745" s="18"/>
      <c r="I9745" s="18"/>
      <c r="J9745" s="18"/>
      <c r="K9745" s="18"/>
      <c r="L9745" s="18"/>
      <c r="M9745" s="18"/>
      <c r="N9745" s="18"/>
      <c r="O9745" s="18"/>
      <c r="P9745" s="20"/>
      <c r="Q9745" s="20"/>
      <c r="R9745" s="20"/>
      <c r="S9745" s="20"/>
      <c r="T9745" s="19"/>
      <c r="U9745" s="19"/>
      <c r="V9745" s="19"/>
      <c r="W9745" s="19"/>
      <c r="X9745" s="19"/>
      <c r="Y9745" s="19"/>
      <c r="Z9745" s="19"/>
      <c r="AA9745" s="19"/>
    </row>
    <row r="9746" spans="1:27" s="1" customFormat="1" ht="14.1" customHeight="1" outlineLevel="1" x14ac:dyDescent="0.2">
      <c r="A9746" s="17">
        <v>13985</v>
      </c>
      <c r="B9746" s="17"/>
      <c r="C9746" s="17"/>
      <c r="D9746" s="18" t="s">
        <v>4831</v>
      </c>
      <c r="E9746" s="18"/>
      <c r="F9746" s="18"/>
      <c r="G9746" s="18"/>
      <c r="H9746" s="18"/>
      <c r="I9746" s="18"/>
      <c r="J9746" s="18"/>
      <c r="K9746" s="18"/>
      <c r="L9746" s="18"/>
      <c r="M9746" s="18"/>
      <c r="N9746" s="18"/>
      <c r="O9746" s="18"/>
      <c r="P9746" s="19">
        <v>160</v>
      </c>
      <c r="Q9746" s="19"/>
      <c r="R9746" s="19"/>
      <c r="S9746" s="19"/>
      <c r="T9746" s="19">
        <v>120</v>
      </c>
      <c r="U9746" s="19"/>
      <c r="V9746" s="19"/>
      <c r="W9746" s="19"/>
      <c r="X9746" s="19">
        <v>1</v>
      </c>
      <c r="Y9746" s="19"/>
      <c r="Z9746" s="19"/>
      <c r="AA9746" s="19"/>
    </row>
    <row r="9747" spans="1:27" s="1" customFormat="1" ht="14.1" customHeight="1" outlineLevel="1" x14ac:dyDescent="0.2">
      <c r="A9747" s="17"/>
      <c r="B9747" s="17"/>
      <c r="C9747" s="17"/>
      <c r="D9747" s="18"/>
      <c r="E9747" s="18"/>
      <c r="F9747" s="18"/>
      <c r="G9747" s="18"/>
      <c r="H9747" s="18"/>
      <c r="I9747" s="18"/>
      <c r="J9747" s="18"/>
      <c r="K9747" s="18"/>
      <c r="L9747" s="18"/>
      <c r="M9747" s="18"/>
      <c r="N9747" s="18"/>
      <c r="O9747" s="18"/>
      <c r="P9747" s="19"/>
      <c r="Q9747" s="19"/>
      <c r="R9747" s="19"/>
      <c r="S9747" s="19"/>
      <c r="T9747" s="19"/>
      <c r="U9747" s="19"/>
      <c r="V9747" s="19"/>
      <c r="W9747" s="19"/>
      <c r="X9747" s="19"/>
      <c r="Y9747" s="19"/>
      <c r="Z9747" s="19"/>
      <c r="AA9747" s="19"/>
    </row>
    <row r="9748" spans="1:27" s="1" customFormat="1" ht="11.1" customHeight="1" outlineLevel="1" x14ac:dyDescent="0.2">
      <c r="A9748" s="17">
        <v>4724</v>
      </c>
      <c r="B9748" s="17"/>
      <c r="C9748" s="17"/>
      <c r="D9748" s="18" t="s">
        <v>4832</v>
      </c>
      <c r="E9748" s="18"/>
      <c r="F9748" s="18"/>
      <c r="G9748" s="18"/>
      <c r="H9748" s="18"/>
      <c r="I9748" s="18"/>
      <c r="J9748" s="18"/>
      <c r="K9748" s="18"/>
      <c r="L9748" s="18"/>
      <c r="M9748" s="18"/>
      <c r="N9748" s="18"/>
      <c r="O9748" s="18"/>
      <c r="P9748" s="19">
        <v>450</v>
      </c>
      <c r="Q9748" s="19"/>
      <c r="R9748" s="19"/>
      <c r="S9748" s="19"/>
      <c r="T9748" s="19">
        <v>390</v>
      </c>
      <c r="U9748" s="19"/>
      <c r="V9748" s="19"/>
      <c r="W9748" s="19"/>
      <c r="X9748" s="19">
        <v>1</v>
      </c>
      <c r="Y9748" s="19"/>
      <c r="Z9748" s="19"/>
      <c r="AA9748" s="19"/>
    </row>
    <row r="9749" spans="1:27" s="1" customFormat="1" ht="11.1" customHeight="1" outlineLevel="1" x14ac:dyDescent="0.2">
      <c r="A9749" s="17"/>
      <c r="B9749" s="17"/>
      <c r="C9749" s="17"/>
      <c r="D9749" s="18"/>
      <c r="E9749" s="18"/>
      <c r="F9749" s="18"/>
      <c r="G9749" s="18"/>
      <c r="H9749" s="18"/>
      <c r="I9749" s="18"/>
      <c r="J9749" s="18"/>
      <c r="K9749" s="18"/>
      <c r="L9749" s="18"/>
      <c r="M9749" s="18"/>
      <c r="N9749" s="18"/>
      <c r="O9749" s="18"/>
      <c r="P9749" s="19"/>
      <c r="Q9749" s="19"/>
      <c r="R9749" s="19"/>
      <c r="S9749" s="19"/>
      <c r="T9749" s="19"/>
      <c r="U9749" s="19"/>
      <c r="V9749" s="19"/>
      <c r="W9749" s="19"/>
      <c r="X9749" s="19"/>
      <c r="Y9749" s="19"/>
      <c r="Z9749" s="19"/>
      <c r="AA9749" s="19"/>
    </row>
    <row r="9750" spans="1:27" s="1" customFormat="1" ht="14.1" customHeight="1" outlineLevel="1" x14ac:dyDescent="0.2">
      <c r="A9750" s="17">
        <v>13987</v>
      </c>
      <c r="B9750" s="17"/>
      <c r="C9750" s="17"/>
      <c r="D9750" s="18" t="s">
        <v>4833</v>
      </c>
      <c r="E9750" s="18"/>
      <c r="F9750" s="18"/>
      <c r="G9750" s="18"/>
      <c r="H9750" s="18"/>
      <c r="I9750" s="18"/>
      <c r="J9750" s="18"/>
      <c r="K9750" s="18"/>
      <c r="L9750" s="18"/>
      <c r="M9750" s="18"/>
      <c r="N9750" s="18"/>
      <c r="O9750" s="18"/>
      <c r="P9750" s="19">
        <v>330</v>
      </c>
      <c r="Q9750" s="19"/>
      <c r="R9750" s="19"/>
      <c r="S9750" s="19"/>
      <c r="T9750" s="19">
        <v>250</v>
      </c>
      <c r="U9750" s="19"/>
      <c r="V9750" s="19"/>
      <c r="W9750" s="19"/>
      <c r="X9750" s="19">
        <v>1</v>
      </c>
      <c r="Y9750" s="19"/>
      <c r="Z9750" s="19"/>
      <c r="AA9750" s="19"/>
    </row>
    <row r="9751" spans="1:27" s="1" customFormat="1" ht="14.1" customHeight="1" outlineLevel="1" x14ac:dyDescent="0.2">
      <c r="A9751" s="17"/>
      <c r="B9751" s="17"/>
      <c r="C9751" s="17"/>
      <c r="D9751" s="18"/>
      <c r="E9751" s="18"/>
      <c r="F9751" s="18"/>
      <c r="G9751" s="18"/>
      <c r="H9751" s="18"/>
      <c r="I9751" s="18"/>
      <c r="J9751" s="18"/>
      <c r="K9751" s="18"/>
      <c r="L9751" s="18"/>
      <c r="M9751" s="18"/>
      <c r="N9751" s="18"/>
      <c r="O9751" s="18"/>
      <c r="P9751" s="19"/>
      <c r="Q9751" s="19"/>
      <c r="R9751" s="19"/>
      <c r="S9751" s="19"/>
      <c r="T9751" s="19"/>
      <c r="U9751" s="19"/>
      <c r="V9751" s="19"/>
      <c r="W9751" s="19"/>
      <c r="X9751" s="19"/>
      <c r="Y9751" s="19"/>
      <c r="Z9751" s="19"/>
      <c r="AA9751" s="19"/>
    </row>
    <row r="9752" spans="1:27" s="1" customFormat="1" ht="14.1" customHeight="1" outlineLevel="1" x14ac:dyDescent="0.2">
      <c r="A9752" s="17">
        <v>12934</v>
      </c>
      <c r="B9752" s="17"/>
      <c r="C9752" s="17"/>
      <c r="D9752" s="18" t="s">
        <v>4834</v>
      </c>
      <c r="E9752" s="18"/>
      <c r="F9752" s="18"/>
      <c r="G9752" s="18"/>
      <c r="H9752" s="18"/>
      <c r="I9752" s="18"/>
      <c r="J9752" s="18"/>
      <c r="K9752" s="18"/>
      <c r="L9752" s="18"/>
      <c r="M9752" s="18"/>
      <c r="N9752" s="18"/>
      <c r="O9752" s="18"/>
      <c r="P9752" s="19">
        <v>540</v>
      </c>
      <c r="Q9752" s="19"/>
      <c r="R9752" s="19"/>
      <c r="S9752" s="19"/>
      <c r="T9752" s="19">
        <v>450</v>
      </c>
      <c r="U9752" s="19"/>
      <c r="V9752" s="19"/>
      <c r="W9752" s="19"/>
      <c r="X9752" s="19">
        <v>1</v>
      </c>
      <c r="Y9752" s="19"/>
      <c r="Z9752" s="19"/>
      <c r="AA9752" s="19"/>
    </row>
    <row r="9753" spans="1:27" s="1" customFormat="1" ht="14.1" customHeight="1" outlineLevel="1" x14ac:dyDescent="0.2">
      <c r="A9753" s="17"/>
      <c r="B9753" s="17"/>
      <c r="C9753" s="17"/>
      <c r="D9753" s="18"/>
      <c r="E9753" s="18"/>
      <c r="F9753" s="18"/>
      <c r="G9753" s="18"/>
      <c r="H9753" s="18"/>
      <c r="I9753" s="18"/>
      <c r="J9753" s="18"/>
      <c r="K9753" s="18"/>
      <c r="L9753" s="18"/>
      <c r="M9753" s="18"/>
      <c r="N9753" s="18"/>
      <c r="O9753" s="18"/>
      <c r="P9753" s="19"/>
      <c r="Q9753" s="19"/>
      <c r="R9753" s="19"/>
      <c r="S9753" s="19"/>
      <c r="T9753" s="19"/>
      <c r="U9753" s="19"/>
      <c r="V9753" s="19"/>
      <c r="W9753" s="19"/>
      <c r="X9753" s="19"/>
      <c r="Y9753" s="19"/>
      <c r="Z9753" s="19"/>
      <c r="AA9753" s="19"/>
    </row>
    <row r="9754" spans="1:27" s="1" customFormat="1" ht="14.1" customHeight="1" outlineLevel="1" x14ac:dyDescent="0.2">
      <c r="A9754" s="17">
        <v>12136</v>
      </c>
      <c r="B9754" s="17"/>
      <c r="C9754" s="17"/>
      <c r="D9754" s="18" t="s">
        <v>4835</v>
      </c>
      <c r="E9754" s="18"/>
      <c r="F9754" s="18"/>
      <c r="G9754" s="18"/>
      <c r="H9754" s="18"/>
      <c r="I9754" s="18"/>
      <c r="J9754" s="18"/>
      <c r="K9754" s="18"/>
      <c r="L9754" s="18"/>
      <c r="M9754" s="18"/>
      <c r="N9754" s="18"/>
      <c r="O9754" s="18"/>
      <c r="P9754" s="19">
        <v>260</v>
      </c>
      <c r="Q9754" s="19"/>
      <c r="R9754" s="19"/>
      <c r="S9754" s="19"/>
      <c r="T9754" s="19">
        <v>200</v>
      </c>
      <c r="U9754" s="19"/>
      <c r="V9754" s="19"/>
      <c r="W9754" s="19"/>
      <c r="X9754" s="19">
        <v>1</v>
      </c>
      <c r="Y9754" s="19"/>
      <c r="Z9754" s="19"/>
      <c r="AA9754" s="19"/>
    </row>
    <row r="9755" spans="1:27" s="1" customFormat="1" ht="14.1" customHeight="1" outlineLevel="1" x14ac:dyDescent="0.2">
      <c r="A9755" s="17"/>
      <c r="B9755" s="17"/>
      <c r="C9755" s="17"/>
      <c r="D9755" s="18"/>
      <c r="E9755" s="18"/>
      <c r="F9755" s="18"/>
      <c r="G9755" s="18"/>
      <c r="H9755" s="18"/>
      <c r="I9755" s="18"/>
      <c r="J9755" s="18"/>
      <c r="K9755" s="18"/>
      <c r="L9755" s="18"/>
      <c r="M9755" s="18"/>
      <c r="N9755" s="18"/>
      <c r="O9755" s="18"/>
      <c r="P9755" s="19"/>
      <c r="Q9755" s="19"/>
      <c r="R9755" s="19"/>
      <c r="S9755" s="19"/>
      <c r="T9755" s="19"/>
      <c r="U9755" s="19"/>
      <c r="V9755" s="19"/>
      <c r="W9755" s="19"/>
      <c r="X9755" s="19"/>
      <c r="Y9755" s="19"/>
      <c r="Z9755" s="19"/>
      <c r="AA9755" s="19"/>
    </row>
    <row r="9756" spans="1:27" s="1" customFormat="1" ht="11.1" customHeight="1" outlineLevel="1" x14ac:dyDescent="0.2">
      <c r="A9756" s="17">
        <v>6201</v>
      </c>
      <c r="B9756" s="17"/>
      <c r="C9756" s="17"/>
      <c r="D9756" s="18" t="s">
        <v>4836</v>
      </c>
      <c r="E9756" s="18"/>
      <c r="F9756" s="18"/>
      <c r="G9756" s="18"/>
      <c r="H9756" s="18"/>
      <c r="I9756" s="18"/>
      <c r="J9756" s="18"/>
      <c r="K9756" s="18"/>
      <c r="L9756" s="18"/>
      <c r="M9756" s="18"/>
      <c r="N9756" s="18"/>
      <c r="O9756" s="18"/>
      <c r="P9756" s="19">
        <v>700</v>
      </c>
      <c r="Q9756" s="19"/>
      <c r="R9756" s="19"/>
      <c r="S9756" s="19"/>
      <c r="T9756" s="19">
        <v>640</v>
      </c>
      <c r="U9756" s="19"/>
      <c r="V9756" s="19"/>
      <c r="W9756" s="19"/>
      <c r="X9756" s="19">
        <v>1</v>
      </c>
      <c r="Y9756" s="19"/>
      <c r="Z9756" s="19"/>
      <c r="AA9756" s="19"/>
    </row>
    <row r="9757" spans="1:27" s="1" customFormat="1" ht="11.1" customHeight="1" outlineLevel="1" x14ac:dyDescent="0.2">
      <c r="A9757" s="17"/>
      <c r="B9757" s="17"/>
      <c r="C9757" s="17"/>
      <c r="D9757" s="18"/>
      <c r="E9757" s="18"/>
      <c r="F9757" s="18"/>
      <c r="G9757" s="18"/>
      <c r="H9757" s="18"/>
      <c r="I9757" s="18"/>
      <c r="J9757" s="18"/>
      <c r="K9757" s="18"/>
      <c r="L9757" s="18"/>
      <c r="M9757" s="18"/>
      <c r="N9757" s="18"/>
      <c r="O9757" s="18"/>
      <c r="P9757" s="19"/>
      <c r="Q9757" s="19"/>
      <c r="R9757" s="19"/>
      <c r="S9757" s="19"/>
      <c r="T9757" s="19"/>
      <c r="U9757" s="19"/>
      <c r="V9757" s="19"/>
      <c r="W9757" s="19"/>
      <c r="X9757" s="19"/>
      <c r="Y9757" s="19"/>
      <c r="Z9757" s="19"/>
      <c r="AA9757" s="19"/>
    </row>
    <row r="9758" spans="1:27" s="1" customFormat="1" ht="14.1" customHeight="1" outlineLevel="1" x14ac:dyDescent="0.2">
      <c r="A9758" s="17">
        <v>5112</v>
      </c>
      <c r="B9758" s="17"/>
      <c r="C9758" s="17"/>
      <c r="D9758" s="18" t="s">
        <v>4837</v>
      </c>
      <c r="E9758" s="18"/>
      <c r="F9758" s="18"/>
      <c r="G9758" s="18"/>
      <c r="H9758" s="18"/>
      <c r="I9758" s="18"/>
      <c r="J9758" s="18"/>
      <c r="K9758" s="18"/>
      <c r="L9758" s="18"/>
      <c r="M9758" s="18"/>
      <c r="N9758" s="18"/>
      <c r="O9758" s="18"/>
      <c r="P9758" s="19">
        <v>350</v>
      </c>
      <c r="Q9758" s="19"/>
      <c r="R9758" s="19"/>
      <c r="S9758" s="19"/>
      <c r="T9758" s="19">
        <v>300</v>
      </c>
      <c r="U9758" s="19"/>
      <c r="V9758" s="19"/>
      <c r="W9758" s="19"/>
      <c r="X9758" s="19">
        <v>2</v>
      </c>
      <c r="Y9758" s="19"/>
      <c r="Z9758" s="19"/>
      <c r="AA9758" s="19"/>
    </row>
    <row r="9759" spans="1:27" s="1" customFormat="1" ht="14.1" customHeight="1" outlineLevel="1" x14ac:dyDescent="0.2">
      <c r="A9759" s="17"/>
      <c r="B9759" s="17"/>
      <c r="C9759" s="17"/>
      <c r="D9759" s="18"/>
      <c r="E9759" s="18"/>
      <c r="F9759" s="18"/>
      <c r="G9759" s="18"/>
      <c r="H9759" s="18"/>
      <c r="I9759" s="18"/>
      <c r="J9759" s="18"/>
      <c r="K9759" s="18"/>
      <c r="L9759" s="18"/>
      <c r="M9759" s="18"/>
      <c r="N9759" s="18"/>
      <c r="O9759" s="18"/>
      <c r="P9759" s="19"/>
      <c r="Q9759" s="19"/>
      <c r="R9759" s="19"/>
      <c r="S9759" s="19"/>
      <c r="T9759" s="19"/>
      <c r="U9759" s="19"/>
      <c r="V9759" s="19"/>
      <c r="W9759" s="19"/>
      <c r="X9759" s="19"/>
      <c r="Y9759" s="19"/>
      <c r="Z9759" s="19"/>
      <c r="AA9759" s="19"/>
    </row>
    <row r="9760" spans="1:27" s="1" customFormat="1" ht="14.1" customHeight="1" outlineLevel="1" x14ac:dyDescent="0.2">
      <c r="A9760" s="17">
        <v>8680</v>
      </c>
      <c r="B9760" s="17"/>
      <c r="C9760" s="17"/>
      <c r="D9760" s="18" t="s">
        <v>4838</v>
      </c>
      <c r="E9760" s="18"/>
      <c r="F9760" s="18"/>
      <c r="G9760" s="18"/>
      <c r="H9760" s="18"/>
      <c r="I9760" s="18"/>
      <c r="J9760" s="18"/>
      <c r="K9760" s="18"/>
      <c r="L9760" s="18"/>
      <c r="M9760" s="18"/>
      <c r="N9760" s="18"/>
      <c r="O9760" s="18"/>
      <c r="P9760" s="19">
        <v>310</v>
      </c>
      <c r="Q9760" s="19"/>
      <c r="R9760" s="19"/>
      <c r="S9760" s="19"/>
      <c r="T9760" s="19">
        <v>250</v>
      </c>
      <c r="U9760" s="19"/>
      <c r="V9760" s="19"/>
      <c r="W9760" s="19"/>
      <c r="X9760" s="19">
        <v>2</v>
      </c>
      <c r="Y9760" s="19"/>
      <c r="Z9760" s="19"/>
      <c r="AA9760" s="19"/>
    </row>
    <row r="9761" spans="1:27" s="1" customFormat="1" ht="14.1" customHeight="1" outlineLevel="1" x14ac:dyDescent="0.2">
      <c r="A9761" s="17"/>
      <c r="B9761" s="17"/>
      <c r="C9761" s="17"/>
      <c r="D9761" s="18"/>
      <c r="E9761" s="18"/>
      <c r="F9761" s="18"/>
      <c r="G9761" s="18"/>
      <c r="H9761" s="18"/>
      <c r="I9761" s="18"/>
      <c r="J9761" s="18"/>
      <c r="K9761" s="18"/>
      <c r="L9761" s="18"/>
      <c r="M9761" s="18"/>
      <c r="N9761" s="18"/>
      <c r="O9761" s="18"/>
      <c r="P9761" s="19"/>
      <c r="Q9761" s="19"/>
      <c r="R9761" s="19"/>
      <c r="S9761" s="19"/>
      <c r="T9761" s="19"/>
      <c r="U9761" s="19"/>
      <c r="V9761" s="19"/>
      <c r="W9761" s="19"/>
      <c r="X9761" s="19"/>
      <c r="Y9761" s="19"/>
      <c r="Z9761" s="19"/>
      <c r="AA9761" s="19"/>
    </row>
    <row r="9762" spans="1:27" s="1" customFormat="1" ht="14.1" customHeight="1" outlineLevel="1" x14ac:dyDescent="0.2">
      <c r="A9762" s="17">
        <v>1534</v>
      </c>
      <c r="B9762" s="17"/>
      <c r="C9762" s="17"/>
      <c r="D9762" s="18" t="s">
        <v>4839</v>
      </c>
      <c r="E9762" s="18"/>
      <c r="F9762" s="18"/>
      <c r="G9762" s="18"/>
      <c r="H9762" s="18"/>
      <c r="I9762" s="18"/>
      <c r="J9762" s="18"/>
      <c r="K9762" s="18"/>
      <c r="L9762" s="18"/>
      <c r="M9762" s="18"/>
      <c r="N9762" s="18"/>
      <c r="O9762" s="18"/>
      <c r="P9762" s="19">
        <v>400</v>
      </c>
      <c r="Q9762" s="19"/>
      <c r="R9762" s="19"/>
      <c r="S9762" s="19"/>
      <c r="T9762" s="19">
        <v>350</v>
      </c>
      <c r="U9762" s="19"/>
      <c r="V9762" s="19"/>
      <c r="W9762" s="19"/>
      <c r="X9762" s="19">
        <v>1</v>
      </c>
      <c r="Y9762" s="19"/>
      <c r="Z9762" s="19"/>
      <c r="AA9762" s="19"/>
    </row>
    <row r="9763" spans="1:27" s="1" customFormat="1" ht="14.1" customHeight="1" outlineLevel="1" x14ac:dyDescent="0.2">
      <c r="A9763" s="17"/>
      <c r="B9763" s="17"/>
      <c r="C9763" s="17"/>
      <c r="D9763" s="18"/>
      <c r="E9763" s="18"/>
      <c r="F9763" s="18"/>
      <c r="G9763" s="18"/>
      <c r="H9763" s="18"/>
      <c r="I9763" s="18"/>
      <c r="J9763" s="18"/>
      <c r="K9763" s="18"/>
      <c r="L9763" s="18"/>
      <c r="M9763" s="18"/>
      <c r="N9763" s="18"/>
      <c r="O9763" s="18"/>
      <c r="P9763" s="19"/>
      <c r="Q9763" s="19"/>
      <c r="R9763" s="19"/>
      <c r="S9763" s="19"/>
      <c r="T9763" s="19"/>
      <c r="U9763" s="19"/>
      <c r="V9763" s="19"/>
      <c r="W9763" s="19"/>
      <c r="X9763" s="19"/>
      <c r="Y9763" s="19"/>
      <c r="Z9763" s="19"/>
      <c r="AA9763" s="19"/>
    </row>
    <row r="9764" spans="1:27" s="1" customFormat="1" ht="11.1" customHeight="1" outlineLevel="1" x14ac:dyDescent="0.2">
      <c r="A9764" s="17">
        <v>1539</v>
      </c>
      <c r="B9764" s="17"/>
      <c r="C9764" s="17"/>
      <c r="D9764" s="18" t="s">
        <v>4840</v>
      </c>
      <c r="E9764" s="18"/>
      <c r="F9764" s="18"/>
      <c r="G9764" s="18"/>
      <c r="H9764" s="18"/>
      <c r="I9764" s="18"/>
      <c r="J9764" s="18"/>
      <c r="K9764" s="18"/>
      <c r="L9764" s="18"/>
      <c r="M9764" s="18"/>
      <c r="N9764" s="18"/>
      <c r="O9764" s="18"/>
      <c r="P9764" s="19">
        <v>80</v>
      </c>
      <c r="Q9764" s="19"/>
      <c r="R9764" s="19"/>
      <c r="S9764" s="19"/>
      <c r="T9764" s="19">
        <v>55</v>
      </c>
      <c r="U9764" s="19"/>
      <c r="V9764" s="19"/>
      <c r="W9764" s="19"/>
      <c r="X9764" s="19">
        <v>2</v>
      </c>
      <c r="Y9764" s="19"/>
      <c r="Z9764" s="19"/>
      <c r="AA9764" s="19"/>
    </row>
    <row r="9765" spans="1:27" s="1" customFormat="1" ht="11.1" customHeight="1" outlineLevel="1" x14ac:dyDescent="0.2">
      <c r="A9765" s="17"/>
      <c r="B9765" s="17"/>
      <c r="C9765" s="17"/>
      <c r="D9765" s="18"/>
      <c r="E9765" s="18"/>
      <c r="F9765" s="18"/>
      <c r="G9765" s="18"/>
      <c r="H9765" s="18"/>
      <c r="I9765" s="18"/>
      <c r="J9765" s="18"/>
      <c r="K9765" s="18"/>
      <c r="L9765" s="18"/>
      <c r="M9765" s="18"/>
      <c r="N9765" s="18"/>
      <c r="O9765" s="18"/>
      <c r="P9765" s="19"/>
      <c r="Q9765" s="19"/>
      <c r="R9765" s="19"/>
      <c r="S9765" s="19"/>
      <c r="T9765" s="19"/>
      <c r="U9765" s="19"/>
      <c r="V9765" s="19"/>
      <c r="W9765" s="19"/>
      <c r="X9765" s="19"/>
      <c r="Y9765" s="19"/>
      <c r="Z9765" s="19"/>
      <c r="AA9765" s="19"/>
    </row>
    <row r="9766" spans="1:27" s="1" customFormat="1" ht="11.1" customHeight="1" outlineLevel="1" x14ac:dyDescent="0.2">
      <c r="A9766" s="17">
        <v>1527</v>
      </c>
      <c r="B9766" s="17"/>
      <c r="C9766" s="17"/>
      <c r="D9766" s="18" t="s">
        <v>4841</v>
      </c>
      <c r="E9766" s="18"/>
      <c r="F9766" s="18"/>
      <c r="G9766" s="18"/>
      <c r="H9766" s="18"/>
      <c r="I9766" s="18"/>
      <c r="J9766" s="18"/>
      <c r="K9766" s="18"/>
      <c r="L9766" s="18"/>
      <c r="M9766" s="18"/>
      <c r="N9766" s="18"/>
      <c r="O9766" s="18"/>
      <c r="P9766" s="19">
        <v>168</v>
      </c>
      <c r="Q9766" s="19"/>
      <c r="R9766" s="19"/>
      <c r="S9766" s="19"/>
      <c r="T9766" s="19">
        <v>132</v>
      </c>
      <c r="U9766" s="19"/>
      <c r="V9766" s="19"/>
      <c r="W9766" s="19"/>
      <c r="X9766" s="19">
        <v>1</v>
      </c>
      <c r="Y9766" s="19"/>
      <c r="Z9766" s="19"/>
      <c r="AA9766" s="19"/>
    </row>
    <row r="9767" spans="1:27" s="1" customFormat="1" ht="11.1" customHeight="1" outlineLevel="1" x14ac:dyDescent="0.2">
      <c r="A9767" s="17"/>
      <c r="B9767" s="17"/>
      <c r="C9767" s="17"/>
      <c r="D9767" s="18"/>
      <c r="E9767" s="18"/>
      <c r="F9767" s="18"/>
      <c r="G9767" s="18"/>
      <c r="H9767" s="18"/>
      <c r="I9767" s="18"/>
      <c r="J9767" s="18"/>
      <c r="K9767" s="18"/>
      <c r="L9767" s="18"/>
      <c r="M9767" s="18"/>
      <c r="N9767" s="18"/>
      <c r="O9767" s="18"/>
      <c r="P9767" s="19"/>
      <c r="Q9767" s="19"/>
      <c r="R9767" s="19"/>
      <c r="S9767" s="19"/>
      <c r="T9767" s="19"/>
      <c r="U9767" s="19"/>
      <c r="V9767" s="19"/>
      <c r="W9767" s="19"/>
      <c r="X9767" s="19"/>
      <c r="Y9767" s="19"/>
      <c r="Z9767" s="19"/>
      <c r="AA9767" s="19"/>
    </row>
    <row r="9768" spans="1:27" s="1" customFormat="1" ht="11.1" customHeight="1" outlineLevel="1" x14ac:dyDescent="0.2">
      <c r="A9768" s="17">
        <v>1525</v>
      </c>
      <c r="B9768" s="17"/>
      <c r="C9768" s="17"/>
      <c r="D9768" s="18" t="s">
        <v>4842</v>
      </c>
      <c r="E9768" s="18"/>
      <c r="F9768" s="18"/>
      <c r="G9768" s="18"/>
      <c r="H9768" s="18"/>
      <c r="I9768" s="18"/>
      <c r="J9768" s="18"/>
      <c r="K9768" s="18"/>
      <c r="L9768" s="18"/>
      <c r="M9768" s="18"/>
      <c r="N9768" s="18"/>
      <c r="O9768" s="18"/>
      <c r="P9768" s="19">
        <v>80</v>
      </c>
      <c r="Q9768" s="19"/>
      <c r="R9768" s="19"/>
      <c r="S9768" s="19"/>
      <c r="T9768" s="19">
        <v>60</v>
      </c>
      <c r="U9768" s="19"/>
      <c r="V9768" s="19"/>
      <c r="W9768" s="19"/>
      <c r="X9768" s="19">
        <v>2</v>
      </c>
      <c r="Y9768" s="19"/>
      <c r="Z9768" s="19"/>
      <c r="AA9768" s="19"/>
    </row>
    <row r="9769" spans="1:27" s="1" customFormat="1" ht="11.1" customHeight="1" outlineLevel="1" x14ac:dyDescent="0.2">
      <c r="A9769" s="17"/>
      <c r="B9769" s="17"/>
      <c r="C9769" s="17"/>
      <c r="D9769" s="18"/>
      <c r="E9769" s="18"/>
      <c r="F9769" s="18"/>
      <c r="G9769" s="18"/>
      <c r="H9769" s="18"/>
      <c r="I9769" s="18"/>
      <c r="J9769" s="18"/>
      <c r="K9769" s="18"/>
      <c r="L9769" s="18"/>
      <c r="M9769" s="18"/>
      <c r="N9769" s="18"/>
      <c r="O9769" s="18"/>
      <c r="P9769" s="19"/>
      <c r="Q9769" s="19"/>
      <c r="R9769" s="19"/>
      <c r="S9769" s="19"/>
      <c r="T9769" s="19"/>
      <c r="U9769" s="19"/>
      <c r="V9769" s="19"/>
      <c r="W9769" s="19"/>
      <c r="X9769" s="19"/>
      <c r="Y9769" s="19"/>
      <c r="Z9769" s="19"/>
      <c r="AA9769" s="19"/>
    </row>
    <row r="9770" spans="1:27" s="1" customFormat="1" ht="11.1" customHeight="1" outlineLevel="1" x14ac:dyDescent="0.2">
      <c r="A9770" s="17">
        <v>1526</v>
      </c>
      <c r="B9770" s="17"/>
      <c r="C9770" s="17"/>
      <c r="D9770" s="18" t="s">
        <v>4843</v>
      </c>
      <c r="E9770" s="18"/>
      <c r="F9770" s="18"/>
      <c r="G9770" s="18"/>
      <c r="H9770" s="18"/>
      <c r="I9770" s="18"/>
      <c r="J9770" s="18"/>
      <c r="K9770" s="18"/>
      <c r="L9770" s="18"/>
      <c r="M9770" s="18"/>
      <c r="N9770" s="18"/>
      <c r="O9770" s="18"/>
      <c r="P9770" s="19">
        <v>170</v>
      </c>
      <c r="Q9770" s="19"/>
      <c r="R9770" s="19"/>
      <c r="S9770" s="19"/>
      <c r="T9770" s="19">
        <v>135</v>
      </c>
      <c r="U9770" s="19"/>
      <c r="V9770" s="19"/>
      <c r="W9770" s="19"/>
      <c r="X9770" s="19">
        <v>1</v>
      </c>
      <c r="Y9770" s="19"/>
      <c r="Z9770" s="19"/>
      <c r="AA9770" s="19"/>
    </row>
    <row r="9771" spans="1:27" s="1" customFormat="1" ht="11.1" customHeight="1" outlineLevel="1" x14ac:dyDescent="0.2">
      <c r="A9771" s="17"/>
      <c r="B9771" s="17"/>
      <c r="C9771" s="17"/>
      <c r="D9771" s="18"/>
      <c r="E9771" s="18"/>
      <c r="F9771" s="18"/>
      <c r="G9771" s="18"/>
      <c r="H9771" s="18"/>
      <c r="I9771" s="18"/>
      <c r="J9771" s="18"/>
      <c r="K9771" s="18"/>
      <c r="L9771" s="18"/>
      <c r="M9771" s="18"/>
      <c r="N9771" s="18"/>
      <c r="O9771" s="18"/>
      <c r="P9771" s="19"/>
      <c r="Q9771" s="19"/>
      <c r="R9771" s="19"/>
      <c r="S9771" s="19"/>
      <c r="T9771" s="19"/>
      <c r="U9771" s="19"/>
      <c r="V9771" s="19"/>
      <c r="W9771" s="19"/>
      <c r="X9771" s="19"/>
      <c r="Y9771" s="19"/>
      <c r="Z9771" s="19"/>
      <c r="AA9771" s="19"/>
    </row>
    <row r="9772" spans="1:27" s="1" customFormat="1" ht="21" customHeight="1" outlineLevel="1" x14ac:dyDescent="0.2">
      <c r="A9772" s="17">
        <v>8453</v>
      </c>
      <c r="B9772" s="17"/>
      <c r="C9772" s="17"/>
      <c r="D9772" s="18" t="s">
        <v>4844</v>
      </c>
      <c r="E9772" s="18"/>
      <c r="F9772" s="18"/>
      <c r="G9772" s="18"/>
      <c r="H9772" s="18"/>
      <c r="I9772" s="18"/>
      <c r="J9772" s="18"/>
      <c r="K9772" s="18"/>
      <c r="L9772" s="18"/>
      <c r="M9772" s="18"/>
      <c r="N9772" s="18"/>
      <c r="O9772" s="18"/>
      <c r="P9772" s="19">
        <v>100</v>
      </c>
      <c r="Q9772" s="19"/>
      <c r="R9772" s="19"/>
      <c r="S9772" s="19"/>
      <c r="T9772" s="19">
        <v>80</v>
      </c>
      <c r="U9772" s="19"/>
      <c r="V9772" s="19"/>
      <c r="W9772" s="19"/>
      <c r="X9772" s="19">
        <v>1</v>
      </c>
      <c r="Y9772" s="19"/>
      <c r="Z9772" s="19"/>
      <c r="AA9772" s="19"/>
    </row>
    <row r="9773" spans="1:27" s="1" customFormat="1" ht="21" customHeight="1" outlineLevel="1" x14ac:dyDescent="0.2">
      <c r="A9773" s="17"/>
      <c r="B9773" s="17"/>
      <c r="C9773" s="17"/>
      <c r="D9773" s="18"/>
      <c r="E9773" s="18"/>
      <c r="F9773" s="18"/>
      <c r="G9773" s="18"/>
      <c r="H9773" s="18"/>
      <c r="I9773" s="18"/>
      <c r="J9773" s="18"/>
      <c r="K9773" s="18"/>
      <c r="L9773" s="18"/>
      <c r="M9773" s="18"/>
      <c r="N9773" s="18"/>
      <c r="O9773" s="18"/>
      <c r="P9773" s="19"/>
      <c r="Q9773" s="19"/>
      <c r="R9773" s="19"/>
      <c r="S9773" s="19"/>
      <c r="T9773" s="19"/>
      <c r="U9773" s="19"/>
      <c r="V9773" s="19"/>
      <c r="W9773" s="19"/>
      <c r="X9773" s="19"/>
      <c r="Y9773" s="19"/>
      <c r="Z9773" s="19"/>
      <c r="AA9773" s="19"/>
    </row>
    <row r="9774" spans="1:27" s="1" customFormat="1" ht="14.1" customHeight="1" outlineLevel="1" x14ac:dyDescent="0.2">
      <c r="A9774" s="17">
        <v>1537</v>
      </c>
      <c r="B9774" s="17"/>
      <c r="C9774" s="17"/>
      <c r="D9774" s="18" t="s">
        <v>4845</v>
      </c>
      <c r="E9774" s="18"/>
      <c r="F9774" s="18"/>
      <c r="G9774" s="18"/>
      <c r="H9774" s="18"/>
      <c r="I9774" s="18"/>
      <c r="J9774" s="18"/>
      <c r="K9774" s="18"/>
      <c r="L9774" s="18"/>
      <c r="M9774" s="18"/>
      <c r="N9774" s="18"/>
      <c r="O9774" s="18"/>
      <c r="P9774" s="19">
        <v>550</v>
      </c>
      <c r="Q9774" s="19"/>
      <c r="R9774" s="19"/>
      <c r="S9774" s="19"/>
      <c r="T9774" s="19">
        <v>500</v>
      </c>
      <c r="U9774" s="19"/>
      <c r="V9774" s="19"/>
      <c r="W9774" s="19"/>
      <c r="X9774" s="19">
        <v>1</v>
      </c>
      <c r="Y9774" s="19"/>
      <c r="Z9774" s="19"/>
      <c r="AA9774" s="19"/>
    </row>
    <row r="9775" spans="1:27" s="1" customFormat="1" ht="14.1" customHeight="1" outlineLevel="1" x14ac:dyDescent="0.2">
      <c r="A9775" s="17"/>
      <c r="B9775" s="17"/>
      <c r="C9775" s="17"/>
      <c r="D9775" s="18"/>
      <c r="E9775" s="18"/>
      <c r="F9775" s="18"/>
      <c r="G9775" s="18"/>
      <c r="H9775" s="18"/>
      <c r="I9775" s="18"/>
      <c r="J9775" s="18"/>
      <c r="K9775" s="18"/>
      <c r="L9775" s="18"/>
      <c r="M9775" s="18"/>
      <c r="N9775" s="18"/>
      <c r="O9775" s="18"/>
      <c r="P9775" s="19"/>
      <c r="Q9775" s="19"/>
      <c r="R9775" s="19"/>
      <c r="S9775" s="19"/>
      <c r="T9775" s="19"/>
      <c r="U9775" s="19"/>
      <c r="V9775" s="19"/>
      <c r="W9775" s="19"/>
      <c r="X9775" s="19"/>
      <c r="Y9775" s="19"/>
      <c r="Z9775" s="19"/>
      <c r="AA9775" s="19"/>
    </row>
    <row r="9776" spans="1:27" s="1" customFormat="1" ht="14.1" customHeight="1" outlineLevel="1" x14ac:dyDescent="0.2">
      <c r="A9776" s="17">
        <v>9400</v>
      </c>
      <c r="B9776" s="17"/>
      <c r="C9776" s="17"/>
      <c r="D9776" s="18" t="s">
        <v>4846</v>
      </c>
      <c r="E9776" s="18"/>
      <c r="F9776" s="18"/>
      <c r="G9776" s="18"/>
      <c r="H9776" s="18"/>
      <c r="I9776" s="18"/>
      <c r="J9776" s="18"/>
      <c r="K9776" s="18"/>
      <c r="L9776" s="18"/>
      <c r="M9776" s="18"/>
      <c r="N9776" s="18"/>
      <c r="O9776" s="18"/>
      <c r="P9776" s="19">
        <v>100</v>
      </c>
      <c r="Q9776" s="19"/>
      <c r="R9776" s="19"/>
      <c r="S9776" s="19"/>
      <c r="T9776" s="19">
        <v>100</v>
      </c>
      <c r="U9776" s="19"/>
      <c r="V9776" s="19"/>
      <c r="W9776" s="19"/>
      <c r="X9776" s="19">
        <v>1</v>
      </c>
      <c r="Y9776" s="19"/>
      <c r="Z9776" s="19"/>
      <c r="AA9776" s="19"/>
    </row>
    <row r="9777" spans="1:27" s="1" customFormat="1" ht="14.1" customHeight="1" outlineLevel="1" x14ac:dyDescent="0.2">
      <c r="A9777" s="17"/>
      <c r="B9777" s="17"/>
      <c r="C9777" s="17"/>
      <c r="D9777" s="18"/>
      <c r="E9777" s="18"/>
      <c r="F9777" s="18"/>
      <c r="G9777" s="18"/>
      <c r="H9777" s="18"/>
      <c r="I9777" s="18"/>
      <c r="J9777" s="18"/>
      <c r="K9777" s="18"/>
      <c r="L9777" s="18"/>
      <c r="M9777" s="18"/>
      <c r="N9777" s="18"/>
      <c r="O9777" s="18"/>
      <c r="P9777" s="19"/>
      <c r="Q9777" s="19"/>
      <c r="R9777" s="19"/>
      <c r="S9777" s="19"/>
      <c r="T9777" s="19"/>
      <c r="U9777" s="19"/>
      <c r="V9777" s="19"/>
      <c r="W9777" s="19"/>
      <c r="X9777" s="19"/>
      <c r="Y9777" s="19"/>
      <c r="Z9777" s="19"/>
      <c r="AA9777" s="19"/>
    </row>
    <row r="9778" spans="1:27" s="1" customFormat="1" ht="11.1" customHeight="1" outlineLevel="1" x14ac:dyDescent="0.2">
      <c r="A9778" s="17">
        <v>1538</v>
      </c>
      <c r="B9778" s="17"/>
      <c r="C9778" s="17"/>
      <c r="D9778" s="18" t="s">
        <v>4847</v>
      </c>
      <c r="E9778" s="18"/>
      <c r="F9778" s="18"/>
      <c r="G9778" s="18"/>
      <c r="H9778" s="18"/>
      <c r="I9778" s="18"/>
      <c r="J9778" s="18"/>
      <c r="K9778" s="18"/>
      <c r="L9778" s="18"/>
      <c r="M9778" s="18"/>
      <c r="N9778" s="18"/>
      <c r="O9778" s="18"/>
      <c r="P9778" s="19">
        <v>590</v>
      </c>
      <c r="Q9778" s="19"/>
      <c r="R9778" s="19"/>
      <c r="S9778" s="19"/>
      <c r="T9778" s="19">
        <v>540</v>
      </c>
      <c r="U9778" s="19"/>
      <c r="V9778" s="19"/>
      <c r="W9778" s="19"/>
      <c r="X9778" s="19">
        <v>1</v>
      </c>
      <c r="Y9778" s="19"/>
      <c r="Z9778" s="19"/>
      <c r="AA9778" s="19"/>
    </row>
    <row r="9779" spans="1:27" s="1" customFormat="1" ht="11.1" customHeight="1" outlineLevel="1" x14ac:dyDescent="0.2">
      <c r="A9779" s="17"/>
      <c r="B9779" s="17"/>
      <c r="C9779" s="17"/>
      <c r="D9779" s="18"/>
      <c r="E9779" s="18"/>
      <c r="F9779" s="18"/>
      <c r="G9779" s="18"/>
      <c r="H9779" s="18"/>
      <c r="I9779" s="18"/>
      <c r="J9779" s="18"/>
      <c r="K9779" s="18"/>
      <c r="L9779" s="18"/>
      <c r="M9779" s="18"/>
      <c r="N9779" s="18"/>
      <c r="O9779" s="18"/>
      <c r="P9779" s="19"/>
      <c r="Q9779" s="19"/>
      <c r="R9779" s="19"/>
      <c r="S9779" s="19"/>
      <c r="T9779" s="19"/>
      <c r="U9779" s="19"/>
      <c r="V9779" s="19"/>
      <c r="W9779" s="19"/>
      <c r="X9779" s="19"/>
      <c r="Y9779" s="19"/>
      <c r="Z9779" s="19"/>
      <c r="AA9779" s="19"/>
    </row>
    <row r="9780" spans="1:27" s="1" customFormat="1" ht="11.1" customHeight="1" outlineLevel="1" x14ac:dyDescent="0.2">
      <c r="A9780" s="17">
        <v>4686</v>
      </c>
      <c r="B9780" s="17"/>
      <c r="C9780" s="17"/>
      <c r="D9780" s="18" t="s">
        <v>4848</v>
      </c>
      <c r="E9780" s="18"/>
      <c r="F9780" s="18"/>
      <c r="G9780" s="18"/>
      <c r="H9780" s="18"/>
      <c r="I9780" s="18"/>
      <c r="J9780" s="18"/>
      <c r="K9780" s="18"/>
      <c r="L9780" s="18"/>
      <c r="M9780" s="18"/>
      <c r="N9780" s="18"/>
      <c r="O9780" s="18"/>
      <c r="P9780" s="19">
        <v>290</v>
      </c>
      <c r="Q9780" s="19"/>
      <c r="R9780" s="19"/>
      <c r="S9780" s="19"/>
      <c r="T9780" s="19">
        <v>250</v>
      </c>
      <c r="U9780" s="19"/>
      <c r="V9780" s="19"/>
      <c r="W9780" s="19"/>
      <c r="X9780" s="19">
        <v>1</v>
      </c>
      <c r="Y9780" s="19"/>
      <c r="Z9780" s="19"/>
      <c r="AA9780" s="19"/>
    </row>
    <row r="9781" spans="1:27" s="1" customFormat="1" ht="11.1" customHeight="1" outlineLevel="1" x14ac:dyDescent="0.2">
      <c r="A9781" s="17"/>
      <c r="B9781" s="17"/>
      <c r="C9781" s="17"/>
      <c r="D9781" s="18"/>
      <c r="E9781" s="18"/>
      <c r="F9781" s="18"/>
      <c r="G9781" s="18"/>
      <c r="H9781" s="18"/>
      <c r="I9781" s="18"/>
      <c r="J9781" s="18"/>
      <c r="K9781" s="18"/>
      <c r="L9781" s="18"/>
      <c r="M9781" s="18"/>
      <c r="N9781" s="18"/>
      <c r="O9781" s="18"/>
      <c r="P9781" s="19"/>
      <c r="Q9781" s="19"/>
      <c r="R9781" s="19"/>
      <c r="S9781" s="19"/>
      <c r="T9781" s="19"/>
      <c r="U9781" s="19"/>
      <c r="V9781" s="19"/>
      <c r="W9781" s="19"/>
      <c r="X9781" s="19"/>
      <c r="Y9781" s="19"/>
      <c r="Z9781" s="19"/>
      <c r="AA9781" s="19"/>
    </row>
    <row r="9782" spans="1:27" s="1" customFormat="1" ht="14.1" customHeight="1" outlineLevel="1" x14ac:dyDescent="0.2">
      <c r="A9782" s="17">
        <v>12140</v>
      </c>
      <c r="B9782" s="17"/>
      <c r="C9782" s="17"/>
      <c r="D9782" s="18" t="s">
        <v>4849</v>
      </c>
      <c r="E9782" s="18"/>
      <c r="F9782" s="18"/>
      <c r="G9782" s="18"/>
      <c r="H9782" s="18"/>
      <c r="I9782" s="18"/>
      <c r="J9782" s="18"/>
      <c r="K9782" s="18"/>
      <c r="L9782" s="18"/>
      <c r="M9782" s="18"/>
      <c r="N9782" s="18"/>
      <c r="O9782" s="18"/>
      <c r="P9782" s="19">
        <v>200</v>
      </c>
      <c r="Q9782" s="19"/>
      <c r="R9782" s="19"/>
      <c r="S9782" s="19"/>
      <c r="T9782" s="19">
        <v>150</v>
      </c>
      <c r="U9782" s="19"/>
      <c r="V9782" s="19"/>
      <c r="W9782" s="19"/>
      <c r="X9782" s="19">
        <v>1</v>
      </c>
      <c r="Y9782" s="19"/>
      <c r="Z9782" s="19"/>
      <c r="AA9782" s="19"/>
    </row>
    <row r="9783" spans="1:27" s="1" customFormat="1" ht="14.1" customHeight="1" outlineLevel="1" x14ac:dyDescent="0.2">
      <c r="A9783" s="17"/>
      <c r="B9783" s="17"/>
      <c r="C9783" s="17"/>
      <c r="D9783" s="18"/>
      <c r="E9783" s="18"/>
      <c r="F9783" s="18"/>
      <c r="G9783" s="18"/>
      <c r="H9783" s="18"/>
      <c r="I9783" s="18"/>
      <c r="J9783" s="18"/>
      <c r="K9783" s="18"/>
      <c r="L9783" s="18"/>
      <c r="M9783" s="18"/>
      <c r="N9783" s="18"/>
      <c r="O9783" s="18"/>
      <c r="P9783" s="19"/>
      <c r="Q9783" s="19"/>
      <c r="R9783" s="19"/>
      <c r="S9783" s="19"/>
      <c r="T9783" s="19"/>
      <c r="U9783" s="19"/>
      <c r="V9783" s="19"/>
      <c r="W9783" s="19"/>
      <c r="X9783" s="19"/>
      <c r="Y9783" s="19"/>
      <c r="Z9783" s="19"/>
      <c r="AA9783" s="19"/>
    </row>
    <row r="9784" spans="1:27" s="1" customFormat="1" ht="14.1" customHeight="1" outlineLevel="1" x14ac:dyDescent="0.2">
      <c r="A9784" s="17">
        <v>12937</v>
      </c>
      <c r="B9784" s="17"/>
      <c r="C9784" s="17"/>
      <c r="D9784" s="18" t="s">
        <v>4850</v>
      </c>
      <c r="E9784" s="18"/>
      <c r="F9784" s="18"/>
      <c r="G9784" s="18"/>
      <c r="H9784" s="18"/>
      <c r="I9784" s="18"/>
      <c r="J9784" s="18"/>
      <c r="K9784" s="18"/>
      <c r="L9784" s="18"/>
      <c r="M9784" s="18"/>
      <c r="N9784" s="18"/>
      <c r="O9784" s="18"/>
      <c r="P9784" s="19">
        <v>260</v>
      </c>
      <c r="Q9784" s="19"/>
      <c r="R9784" s="19"/>
      <c r="S9784" s="19"/>
      <c r="T9784" s="19">
        <v>200</v>
      </c>
      <c r="U9784" s="19"/>
      <c r="V9784" s="19"/>
      <c r="W9784" s="19"/>
      <c r="X9784" s="19">
        <v>1</v>
      </c>
      <c r="Y9784" s="19"/>
      <c r="Z9784" s="19"/>
      <c r="AA9784" s="19"/>
    </row>
    <row r="9785" spans="1:27" s="1" customFormat="1" ht="14.1" customHeight="1" outlineLevel="1" x14ac:dyDescent="0.2">
      <c r="A9785" s="17"/>
      <c r="B9785" s="17"/>
      <c r="C9785" s="17"/>
      <c r="D9785" s="18"/>
      <c r="E9785" s="18"/>
      <c r="F9785" s="18"/>
      <c r="G9785" s="18"/>
      <c r="H9785" s="18"/>
      <c r="I9785" s="18"/>
      <c r="J9785" s="18"/>
      <c r="K9785" s="18"/>
      <c r="L9785" s="18"/>
      <c r="M9785" s="18"/>
      <c r="N9785" s="18"/>
      <c r="O9785" s="18"/>
      <c r="P9785" s="19"/>
      <c r="Q9785" s="19"/>
      <c r="R9785" s="19"/>
      <c r="S9785" s="19"/>
      <c r="T9785" s="19"/>
      <c r="U9785" s="19"/>
      <c r="V9785" s="19"/>
      <c r="W9785" s="19"/>
      <c r="X9785" s="19"/>
      <c r="Y9785" s="19"/>
      <c r="Z9785" s="19"/>
      <c r="AA9785" s="19"/>
    </row>
    <row r="9786" spans="1:27" s="1" customFormat="1" ht="11.1" customHeight="1" x14ac:dyDescent="0.2">
      <c r="A9786" s="16" t="s">
        <v>4851</v>
      </c>
      <c r="B9786" s="16"/>
      <c r="C9786" s="16"/>
      <c r="D9786" s="16"/>
      <c r="E9786" s="16"/>
      <c r="F9786" s="16"/>
      <c r="G9786" s="16"/>
      <c r="H9786" s="16"/>
      <c r="I9786" s="16"/>
      <c r="J9786" s="16"/>
      <c r="K9786" s="16"/>
      <c r="L9786" s="16"/>
      <c r="M9786" s="16"/>
      <c r="N9786" s="16"/>
      <c r="O9786" s="16"/>
      <c r="P9786" s="16"/>
      <c r="Q9786" s="16"/>
      <c r="R9786" s="16"/>
      <c r="S9786" s="16"/>
      <c r="T9786" s="16"/>
      <c r="U9786" s="16"/>
      <c r="V9786" s="16"/>
      <c r="W9786" s="16"/>
      <c r="X9786" s="16"/>
      <c r="Y9786" s="16"/>
      <c r="Z9786" s="16"/>
      <c r="AA9786" s="16"/>
    </row>
    <row r="9787" spans="1:27" s="1" customFormat="1" ht="11.1" customHeight="1" x14ac:dyDescent="0.2">
      <c r="A9787" s="16"/>
      <c r="B9787" s="16"/>
      <c r="C9787" s="16"/>
      <c r="D9787" s="16"/>
      <c r="E9787" s="16"/>
      <c r="F9787" s="16"/>
      <c r="G9787" s="16"/>
      <c r="H9787" s="16"/>
      <c r="I9787" s="16"/>
      <c r="J9787" s="16"/>
      <c r="K9787" s="16"/>
      <c r="L9787" s="16"/>
      <c r="M9787" s="16"/>
      <c r="N9787" s="16"/>
      <c r="O9787" s="16"/>
      <c r="P9787" s="16"/>
      <c r="Q9787" s="16"/>
      <c r="R9787" s="16"/>
      <c r="S9787" s="16"/>
      <c r="T9787" s="16"/>
      <c r="U9787" s="16"/>
      <c r="V9787" s="16"/>
      <c r="W9787" s="16"/>
      <c r="X9787" s="16"/>
      <c r="Y9787" s="16"/>
      <c r="Z9787" s="16"/>
      <c r="AA9787" s="16"/>
    </row>
    <row r="9788" spans="1:27" s="1" customFormat="1" ht="14.1" customHeight="1" outlineLevel="1" x14ac:dyDescent="0.2">
      <c r="A9788" s="17">
        <v>18120</v>
      </c>
      <c r="B9788" s="17"/>
      <c r="C9788" s="17"/>
      <c r="D9788" s="18" t="s">
        <v>4852</v>
      </c>
      <c r="E9788" s="18"/>
      <c r="F9788" s="18"/>
      <c r="G9788" s="18"/>
      <c r="H9788" s="18"/>
      <c r="I9788" s="18"/>
      <c r="J9788" s="18"/>
      <c r="K9788" s="18"/>
      <c r="L9788" s="18"/>
      <c r="M9788" s="18"/>
      <c r="N9788" s="18"/>
      <c r="O9788" s="18"/>
      <c r="P9788" s="20">
        <v>1000</v>
      </c>
      <c r="Q9788" s="20"/>
      <c r="R9788" s="20"/>
      <c r="S9788" s="20"/>
      <c r="T9788" s="19">
        <v>900</v>
      </c>
      <c r="U9788" s="19"/>
      <c r="V9788" s="19"/>
      <c r="W9788" s="19"/>
      <c r="X9788" s="19">
        <v>1</v>
      </c>
      <c r="Y9788" s="19"/>
      <c r="Z9788" s="19"/>
      <c r="AA9788" s="19"/>
    </row>
    <row r="9789" spans="1:27" s="1" customFormat="1" ht="14.1" customHeight="1" outlineLevel="1" x14ac:dyDescent="0.2">
      <c r="A9789" s="17"/>
      <c r="B9789" s="17"/>
      <c r="C9789" s="17"/>
      <c r="D9789" s="18"/>
      <c r="E9789" s="18"/>
      <c r="F9789" s="18"/>
      <c r="G9789" s="18"/>
      <c r="H9789" s="18"/>
      <c r="I9789" s="18"/>
      <c r="J9789" s="18"/>
      <c r="K9789" s="18"/>
      <c r="L9789" s="18"/>
      <c r="M9789" s="18"/>
      <c r="N9789" s="18"/>
      <c r="O9789" s="18"/>
      <c r="P9789" s="20"/>
      <c r="Q9789" s="20"/>
      <c r="R9789" s="20"/>
      <c r="S9789" s="20"/>
      <c r="T9789" s="19"/>
      <c r="U9789" s="19"/>
      <c r="V9789" s="19"/>
      <c r="W9789" s="19"/>
      <c r="X9789" s="19"/>
      <c r="Y9789" s="19"/>
      <c r="Z9789" s="19"/>
      <c r="AA9789" s="19"/>
    </row>
    <row r="9790" spans="1:27" s="1" customFormat="1" ht="14.1" customHeight="1" outlineLevel="1" x14ac:dyDescent="0.2">
      <c r="A9790" s="17">
        <v>17613</v>
      </c>
      <c r="B9790" s="17"/>
      <c r="C9790" s="17"/>
      <c r="D9790" s="18" t="s">
        <v>4853</v>
      </c>
      <c r="E9790" s="18"/>
      <c r="F9790" s="18"/>
      <c r="G9790" s="18"/>
      <c r="H9790" s="18"/>
      <c r="I9790" s="18"/>
      <c r="J9790" s="18"/>
      <c r="K9790" s="18"/>
      <c r="L9790" s="18"/>
      <c r="M9790" s="18"/>
      <c r="N9790" s="18"/>
      <c r="O9790" s="18"/>
      <c r="P9790" s="20">
        <v>1200</v>
      </c>
      <c r="Q9790" s="20"/>
      <c r="R9790" s="20"/>
      <c r="S9790" s="20"/>
      <c r="T9790" s="20">
        <v>1000</v>
      </c>
      <c r="U9790" s="20"/>
      <c r="V9790" s="20"/>
      <c r="W9790" s="20"/>
      <c r="X9790" s="19">
        <v>1</v>
      </c>
      <c r="Y9790" s="19"/>
      <c r="Z9790" s="19"/>
      <c r="AA9790" s="19"/>
    </row>
    <row r="9791" spans="1:27" s="1" customFormat="1" ht="14.1" customHeight="1" outlineLevel="1" x14ac:dyDescent="0.2">
      <c r="A9791" s="17"/>
      <c r="B9791" s="17"/>
      <c r="C9791" s="17"/>
      <c r="D9791" s="18"/>
      <c r="E9791" s="18"/>
      <c r="F9791" s="18"/>
      <c r="G9791" s="18"/>
      <c r="H9791" s="18"/>
      <c r="I9791" s="18"/>
      <c r="J9791" s="18"/>
      <c r="K9791" s="18"/>
      <c r="L9791" s="18"/>
      <c r="M9791" s="18"/>
      <c r="N9791" s="18"/>
      <c r="O9791" s="18"/>
      <c r="P9791" s="20"/>
      <c r="Q9791" s="20"/>
      <c r="R9791" s="20"/>
      <c r="S9791" s="20"/>
      <c r="T9791" s="20"/>
      <c r="U9791" s="20"/>
      <c r="V9791" s="20"/>
      <c r="W9791" s="20"/>
      <c r="X9791" s="19"/>
      <c r="Y9791" s="19"/>
      <c r="Z9791" s="19"/>
      <c r="AA9791" s="19"/>
    </row>
    <row r="9792" spans="1:27" s="1" customFormat="1" ht="14.1" customHeight="1" outlineLevel="1" x14ac:dyDescent="0.2">
      <c r="A9792" s="17">
        <v>18122</v>
      </c>
      <c r="B9792" s="17"/>
      <c r="C9792" s="17"/>
      <c r="D9792" s="18" t="s">
        <v>4854</v>
      </c>
      <c r="E9792" s="18"/>
      <c r="F9792" s="18"/>
      <c r="G9792" s="18"/>
      <c r="H9792" s="18"/>
      <c r="I9792" s="18"/>
      <c r="J9792" s="18"/>
      <c r="K9792" s="18"/>
      <c r="L9792" s="18"/>
      <c r="M9792" s="18"/>
      <c r="N9792" s="18"/>
      <c r="O9792" s="18"/>
      <c r="P9792" s="19">
        <v>150</v>
      </c>
      <c r="Q9792" s="19"/>
      <c r="R9792" s="19"/>
      <c r="S9792" s="19"/>
      <c r="T9792" s="19">
        <v>90</v>
      </c>
      <c r="U9792" s="19"/>
      <c r="V9792" s="19"/>
      <c r="W9792" s="19"/>
      <c r="X9792" s="19">
        <v>1</v>
      </c>
      <c r="Y9792" s="19"/>
      <c r="Z9792" s="19"/>
      <c r="AA9792" s="19"/>
    </row>
    <row r="9793" spans="1:27" s="1" customFormat="1" ht="14.1" customHeight="1" outlineLevel="1" x14ac:dyDescent="0.2">
      <c r="A9793" s="17"/>
      <c r="B9793" s="17"/>
      <c r="C9793" s="17"/>
      <c r="D9793" s="18"/>
      <c r="E9793" s="18"/>
      <c r="F9793" s="18"/>
      <c r="G9793" s="18"/>
      <c r="H9793" s="18"/>
      <c r="I9793" s="18"/>
      <c r="J9793" s="18"/>
      <c r="K9793" s="18"/>
      <c r="L9793" s="18"/>
      <c r="M9793" s="18"/>
      <c r="N9793" s="18"/>
      <c r="O9793" s="18"/>
      <c r="P9793" s="19"/>
      <c r="Q9793" s="19"/>
      <c r="R9793" s="19"/>
      <c r="S9793" s="19"/>
      <c r="T9793" s="19"/>
      <c r="U9793" s="19"/>
      <c r="V9793" s="19"/>
      <c r="W9793" s="19"/>
      <c r="X9793" s="19"/>
      <c r="Y9793" s="19"/>
      <c r="Z9793" s="19"/>
      <c r="AA9793" s="19"/>
    </row>
    <row r="9794" spans="1:27" s="1" customFormat="1" ht="11.1" customHeight="1" outlineLevel="1" x14ac:dyDescent="0.2">
      <c r="A9794" s="17">
        <v>17920</v>
      </c>
      <c r="B9794" s="17"/>
      <c r="C9794" s="17"/>
      <c r="D9794" s="18" t="s">
        <v>4855</v>
      </c>
      <c r="E9794" s="18"/>
      <c r="F9794" s="18"/>
      <c r="G9794" s="18"/>
      <c r="H9794" s="18"/>
      <c r="I9794" s="18"/>
      <c r="J9794" s="18"/>
      <c r="K9794" s="18"/>
      <c r="L9794" s="18"/>
      <c r="M9794" s="18"/>
      <c r="N9794" s="18"/>
      <c r="O9794" s="18"/>
      <c r="P9794" s="20">
        <v>2300</v>
      </c>
      <c r="Q9794" s="20"/>
      <c r="R9794" s="20"/>
      <c r="S9794" s="20"/>
      <c r="T9794" s="20">
        <v>2000</v>
      </c>
      <c r="U9794" s="20"/>
      <c r="V9794" s="20"/>
      <c r="W9794" s="20"/>
      <c r="X9794" s="19">
        <v>1</v>
      </c>
      <c r="Y9794" s="19"/>
      <c r="Z9794" s="19"/>
      <c r="AA9794" s="19"/>
    </row>
    <row r="9795" spans="1:27" s="1" customFormat="1" ht="11.1" customHeight="1" outlineLevel="1" x14ac:dyDescent="0.2">
      <c r="A9795" s="17"/>
      <c r="B9795" s="17"/>
      <c r="C9795" s="17"/>
      <c r="D9795" s="18"/>
      <c r="E9795" s="18"/>
      <c r="F9795" s="18"/>
      <c r="G9795" s="18"/>
      <c r="H9795" s="18"/>
      <c r="I9795" s="18"/>
      <c r="J9795" s="18"/>
      <c r="K9795" s="18"/>
      <c r="L9795" s="18"/>
      <c r="M9795" s="18"/>
      <c r="N9795" s="18"/>
      <c r="O9795" s="18"/>
      <c r="P9795" s="20"/>
      <c r="Q9795" s="20"/>
      <c r="R9795" s="20"/>
      <c r="S9795" s="20"/>
      <c r="T9795" s="20"/>
      <c r="U9795" s="20"/>
      <c r="V9795" s="20"/>
      <c r="W9795" s="20"/>
      <c r="X9795" s="19"/>
      <c r="Y9795" s="19"/>
      <c r="Z9795" s="19"/>
      <c r="AA9795" s="19"/>
    </row>
    <row r="9796" spans="1:27" s="1" customFormat="1" ht="14.1" customHeight="1" outlineLevel="1" x14ac:dyDescent="0.2">
      <c r="A9796" s="17">
        <v>17611</v>
      </c>
      <c r="B9796" s="17"/>
      <c r="C9796" s="17"/>
      <c r="D9796" s="18" t="s">
        <v>4856</v>
      </c>
      <c r="E9796" s="18"/>
      <c r="F9796" s="18"/>
      <c r="G9796" s="18"/>
      <c r="H9796" s="18"/>
      <c r="I9796" s="18"/>
      <c r="J9796" s="18"/>
      <c r="K9796" s="18"/>
      <c r="L9796" s="18"/>
      <c r="M9796" s="18"/>
      <c r="N9796" s="18"/>
      <c r="O9796" s="18"/>
      <c r="P9796" s="19">
        <v>300</v>
      </c>
      <c r="Q9796" s="19"/>
      <c r="R9796" s="19"/>
      <c r="S9796" s="19"/>
      <c r="T9796" s="19">
        <v>200</v>
      </c>
      <c r="U9796" s="19"/>
      <c r="V9796" s="19"/>
      <c r="W9796" s="19"/>
      <c r="X9796" s="19">
        <v>1</v>
      </c>
      <c r="Y9796" s="19"/>
      <c r="Z9796" s="19"/>
      <c r="AA9796" s="19"/>
    </row>
    <row r="9797" spans="1:27" s="1" customFormat="1" ht="14.1" customHeight="1" outlineLevel="1" x14ac:dyDescent="0.2">
      <c r="A9797" s="17"/>
      <c r="B9797" s="17"/>
      <c r="C9797" s="17"/>
      <c r="D9797" s="18"/>
      <c r="E9797" s="18"/>
      <c r="F9797" s="18"/>
      <c r="G9797" s="18"/>
      <c r="H9797" s="18"/>
      <c r="I9797" s="18"/>
      <c r="J9797" s="18"/>
      <c r="K9797" s="18"/>
      <c r="L9797" s="18"/>
      <c r="M9797" s="18"/>
      <c r="N9797" s="18"/>
      <c r="O9797" s="18"/>
      <c r="P9797" s="19"/>
      <c r="Q9797" s="19"/>
      <c r="R9797" s="19"/>
      <c r="S9797" s="19"/>
      <c r="T9797" s="19"/>
      <c r="U9797" s="19"/>
      <c r="V9797" s="19"/>
      <c r="W9797" s="19"/>
      <c r="X9797" s="19"/>
      <c r="Y9797" s="19"/>
      <c r="Z9797" s="19"/>
      <c r="AA9797" s="19"/>
    </row>
    <row r="9798" spans="1:27" s="1" customFormat="1" ht="14.1" customHeight="1" outlineLevel="1" x14ac:dyDescent="0.2">
      <c r="A9798" s="17">
        <v>17614</v>
      </c>
      <c r="B9798" s="17"/>
      <c r="C9798" s="17"/>
      <c r="D9798" s="18" t="s">
        <v>4857</v>
      </c>
      <c r="E9798" s="18"/>
      <c r="F9798" s="18"/>
      <c r="G9798" s="18"/>
      <c r="H9798" s="18"/>
      <c r="I9798" s="18"/>
      <c r="J9798" s="18"/>
      <c r="K9798" s="18"/>
      <c r="L9798" s="18"/>
      <c r="M9798" s="18"/>
      <c r="N9798" s="18"/>
      <c r="O9798" s="18"/>
      <c r="P9798" s="19">
        <v>700</v>
      </c>
      <c r="Q9798" s="19"/>
      <c r="R9798" s="19"/>
      <c r="S9798" s="19"/>
      <c r="T9798" s="19">
        <v>500</v>
      </c>
      <c r="U9798" s="19"/>
      <c r="V9798" s="19"/>
      <c r="W9798" s="19"/>
      <c r="X9798" s="19">
        <v>1</v>
      </c>
      <c r="Y9798" s="19"/>
      <c r="Z9798" s="19"/>
      <c r="AA9798" s="19"/>
    </row>
    <row r="9799" spans="1:27" s="1" customFormat="1" ht="14.1" customHeight="1" outlineLevel="1" x14ac:dyDescent="0.2">
      <c r="A9799" s="17"/>
      <c r="B9799" s="17"/>
      <c r="C9799" s="17"/>
      <c r="D9799" s="18"/>
      <c r="E9799" s="18"/>
      <c r="F9799" s="18"/>
      <c r="G9799" s="18"/>
      <c r="H9799" s="18"/>
      <c r="I9799" s="18"/>
      <c r="J9799" s="18"/>
      <c r="K9799" s="18"/>
      <c r="L9799" s="18"/>
      <c r="M9799" s="18"/>
      <c r="N9799" s="18"/>
      <c r="O9799" s="18"/>
      <c r="P9799" s="19"/>
      <c r="Q9799" s="19"/>
      <c r="R9799" s="19"/>
      <c r="S9799" s="19"/>
      <c r="T9799" s="19"/>
      <c r="U9799" s="19"/>
      <c r="V9799" s="19"/>
      <c r="W9799" s="19"/>
      <c r="X9799" s="19"/>
      <c r="Y9799" s="19"/>
      <c r="Z9799" s="19"/>
      <c r="AA9799" s="19"/>
    </row>
    <row r="9800" spans="1:27" s="1" customFormat="1" ht="14.1" customHeight="1" outlineLevel="1" x14ac:dyDescent="0.2">
      <c r="A9800" s="17">
        <v>18121</v>
      </c>
      <c r="B9800" s="17"/>
      <c r="C9800" s="17"/>
      <c r="D9800" s="18" t="s">
        <v>4858</v>
      </c>
      <c r="E9800" s="18"/>
      <c r="F9800" s="18"/>
      <c r="G9800" s="18"/>
      <c r="H9800" s="18"/>
      <c r="I9800" s="18"/>
      <c r="J9800" s="18"/>
      <c r="K9800" s="18"/>
      <c r="L9800" s="18"/>
      <c r="M9800" s="18"/>
      <c r="N9800" s="18"/>
      <c r="O9800" s="18"/>
      <c r="P9800" s="19">
        <v>700</v>
      </c>
      <c r="Q9800" s="19"/>
      <c r="R9800" s="19"/>
      <c r="S9800" s="19"/>
      <c r="T9800" s="19">
        <v>600</v>
      </c>
      <c r="U9800" s="19"/>
      <c r="V9800" s="19"/>
      <c r="W9800" s="19"/>
      <c r="X9800" s="19">
        <v>1</v>
      </c>
      <c r="Y9800" s="19"/>
      <c r="Z9800" s="19"/>
      <c r="AA9800" s="19"/>
    </row>
    <row r="9801" spans="1:27" s="1" customFormat="1" ht="14.1" customHeight="1" outlineLevel="1" x14ac:dyDescent="0.2">
      <c r="A9801" s="17"/>
      <c r="B9801" s="17"/>
      <c r="C9801" s="17"/>
      <c r="D9801" s="18"/>
      <c r="E9801" s="18"/>
      <c r="F9801" s="18"/>
      <c r="G9801" s="18"/>
      <c r="H9801" s="18"/>
      <c r="I9801" s="18"/>
      <c r="J9801" s="18"/>
      <c r="K9801" s="18"/>
      <c r="L9801" s="18"/>
      <c r="M9801" s="18"/>
      <c r="N9801" s="18"/>
      <c r="O9801" s="18"/>
      <c r="P9801" s="19"/>
      <c r="Q9801" s="19"/>
      <c r="R9801" s="19"/>
      <c r="S9801" s="19"/>
      <c r="T9801" s="19"/>
      <c r="U9801" s="19"/>
      <c r="V9801" s="19"/>
      <c r="W9801" s="19"/>
      <c r="X9801" s="19"/>
      <c r="Y9801" s="19"/>
      <c r="Z9801" s="19"/>
      <c r="AA9801" s="19"/>
    </row>
    <row r="9802" spans="1:27" s="1" customFormat="1" ht="14.1" customHeight="1" outlineLevel="1" x14ac:dyDescent="0.2">
      <c r="A9802" s="17">
        <v>17922</v>
      </c>
      <c r="B9802" s="17"/>
      <c r="C9802" s="17"/>
      <c r="D9802" s="18" t="s">
        <v>4859</v>
      </c>
      <c r="E9802" s="18"/>
      <c r="F9802" s="18"/>
      <c r="G9802" s="18"/>
      <c r="H9802" s="18"/>
      <c r="I9802" s="18"/>
      <c r="J9802" s="18"/>
      <c r="K9802" s="18"/>
      <c r="L9802" s="18"/>
      <c r="M9802" s="18"/>
      <c r="N9802" s="18"/>
      <c r="O9802" s="18"/>
      <c r="P9802" s="19">
        <v>500</v>
      </c>
      <c r="Q9802" s="19"/>
      <c r="R9802" s="19"/>
      <c r="S9802" s="19"/>
      <c r="T9802" s="19">
        <v>400</v>
      </c>
      <c r="U9802" s="19"/>
      <c r="V9802" s="19"/>
      <c r="W9802" s="19"/>
      <c r="X9802" s="19">
        <v>1</v>
      </c>
      <c r="Y9802" s="19"/>
      <c r="Z9802" s="19"/>
      <c r="AA9802" s="19"/>
    </row>
    <row r="9803" spans="1:27" s="1" customFormat="1" ht="14.1" customHeight="1" outlineLevel="1" x14ac:dyDescent="0.2">
      <c r="A9803" s="17"/>
      <c r="B9803" s="17"/>
      <c r="C9803" s="17"/>
      <c r="D9803" s="18"/>
      <c r="E9803" s="18"/>
      <c r="F9803" s="18"/>
      <c r="G9803" s="18"/>
      <c r="H9803" s="18"/>
      <c r="I9803" s="18"/>
      <c r="J9803" s="18"/>
      <c r="K9803" s="18"/>
      <c r="L9803" s="18"/>
      <c r="M9803" s="18"/>
      <c r="N9803" s="18"/>
      <c r="O9803" s="18"/>
      <c r="P9803" s="19"/>
      <c r="Q9803" s="19"/>
      <c r="R9803" s="19"/>
      <c r="S9803" s="19"/>
      <c r="T9803" s="19"/>
      <c r="U9803" s="19"/>
      <c r="V9803" s="19"/>
      <c r="W9803" s="19"/>
      <c r="X9803" s="19"/>
      <c r="Y9803" s="19"/>
      <c r="Z9803" s="19"/>
      <c r="AA9803" s="19"/>
    </row>
    <row r="9804" spans="1:27" s="1" customFormat="1" ht="14.1" customHeight="1" outlineLevel="1" x14ac:dyDescent="0.2">
      <c r="A9804" s="17">
        <v>17618</v>
      </c>
      <c r="B9804" s="17"/>
      <c r="C9804" s="17"/>
      <c r="D9804" s="18" t="s">
        <v>4860</v>
      </c>
      <c r="E9804" s="18"/>
      <c r="F9804" s="18"/>
      <c r="G9804" s="18"/>
      <c r="H9804" s="18"/>
      <c r="I9804" s="18"/>
      <c r="J9804" s="18"/>
      <c r="K9804" s="18"/>
      <c r="L9804" s="18"/>
      <c r="M9804" s="18"/>
      <c r="N9804" s="18"/>
      <c r="O9804" s="18"/>
      <c r="P9804" s="19">
        <v>700</v>
      </c>
      <c r="Q9804" s="19"/>
      <c r="R9804" s="19"/>
      <c r="S9804" s="19"/>
      <c r="T9804" s="19">
        <v>500</v>
      </c>
      <c r="U9804" s="19"/>
      <c r="V9804" s="19"/>
      <c r="W9804" s="19"/>
      <c r="X9804" s="19">
        <v>1</v>
      </c>
      <c r="Y9804" s="19"/>
      <c r="Z9804" s="19"/>
      <c r="AA9804" s="19"/>
    </row>
    <row r="9805" spans="1:27" s="1" customFormat="1" ht="14.1" customHeight="1" outlineLevel="1" x14ac:dyDescent="0.2">
      <c r="A9805" s="17"/>
      <c r="B9805" s="17"/>
      <c r="C9805" s="17"/>
      <c r="D9805" s="18"/>
      <c r="E9805" s="18"/>
      <c r="F9805" s="18"/>
      <c r="G9805" s="18"/>
      <c r="H9805" s="18"/>
      <c r="I9805" s="18"/>
      <c r="J9805" s="18"/>
      <c r="K9805" s="18"/>
      <c r="L9805" s="18"/>
      <c r="M9805" s="18"/>
      <c r="N9805" s="18"/>
      <c r="O9805" s="18"/>
      <c r="P9805" s="19"/>
      <c r="Q9805" s="19"/>
      <c r="R9805" s="19"/>
      <c r="S9805" s="19"/>
      <c r="T9805" s="19"/>
      <c r="U9805" s="19"/>
      <c r="V9805" s="19"/>
      <c r="W9805" s="19"/>
      <c r="X9805" s="19"/>
      <c r="Y9805" s="19"/>
      <c r="Z9805" s="19"/>
      <c r="AA9805" s="19"/>
    </row>
    <row r="9806" spans="1:27" s="1" customFormat="1" ht="14.1" customHeight="1" outlineLevel="1" x14ac:dyDescent="0.2">
      <c r="A9806" s="17">
        <v>18119</v>
      </c>
      <c r="B9806" s="17"/>
      <c r="C9806" s="17"/>
      <c r="D9806" s="18" t="s">
        <v>4861</v>
      </c>
      <c r="E9806" s="18"/>
      <c r="F9806" s="18"/>
      <c r="G9806" s="18"/>
      <c r="H9806" s="18"/>
      <c r="I9806" s="18"/>
      <c r="J9806" s="18"/>
      <c r="K9806" s="18"/>
      <c r="L9806" s="18"/>
      <c r="M9806" s="18"/>
      <c r="N9806" s="18"/>
      <c r="O9806" s="18"/>
      <c r="P9806" s="19">
        <v>700</v>
      </c>
      <c r="Q9806" s="19"/>
      <c r="R9806" s="19"/>
      <c r="S9806" s="19"/>
      <c r="T9806" s="19">
        <v>600</v>
      </c>
      <c r="U9806" s="19"/>
      <c r="V9806" s="19"/>
      <c r="W9806" s="19"/>
      <c r="X9806" s="19">
        <v>1</v>
      </c>
      <c r="Y9806" s="19"/>
      <c r="Z9806" s="19"/>
      <c r="AA9806" s="19"/>
    </row>
    <row r="9807" spans="1:27" s="1" customFormat="1" ht="14.1" customHeight="1" outlineLevel="1" x14ac:dyDescent="0.2">
      <c r="A9807" s="17"/>
      <c r="B9807" s="17"/>
      <c r="C9807" s="17"/>
      <c r="D9807" s="18"/>
      <c r="E9807" s="18"/>
      <c r="F9807" s="18"/>
      <c r="G9807" s="18"/>
      <c r="H9807" s="18"/>
      <c r="I9807" s="18"/>
      <c r="J9807" s="18"/>
      <c r="K9807" s="18"/>
      <c r="L9807" s="18"/>
      <c r="M9807" s="18"/>
      <c r="N9807" s="18"/>
      <c r="O9807" s="18"/>
      <c r="P9807" s="19"/>
      <c r="Q9807" s="19"/>
      <c r="R9807" s="19"/>
      <c r="S9807" s="19"/>
      <c r="T9807" s="19"/>
      <c r="U9807" s="19"/>
      <c r="V9807" s="19"/>
      <c r="W9807" s="19"/>
      <c r="X9807" s="19"/>
      <c r="Y9807" s="19"/>
      <c r="Z9807" s="19"/>
      <c r="AA9807" s="19"/>
    </row>
    <row r="9808" spans="1:27" s="1" customFormat="1" ht="14.1" customHeight="1" outlineLevel="1" x14ac:dyDescent="0.2">
      <c r="A9808" s="17">
        <v>17923</v>
      </c>
      <c r="B9808" s="17"/>
      <c r="C9808" s="17"/>
      <c r="D9808" s="18" t="s">
        <v>4862</v>
      </c>
      <c r="E9808" s="18"/>
      <c r="F9808" s="18"/>
      <c r="G9808" s="18"/>
      <c r="H9808" s="18"/>
      <c r="I9808" s="18"/>
      <c r="J9808" s="18"/>
      <c r="K9808" s="18"/>
      <c r="L9808" s="18"/>
      <c r="M9808" s="18"/>
      <c r="N9808" s="18"/>
      <c r="O9808" s="18"/>
      <c r="P9808" s="19">
        <v>600</v>
      </c>
      <c r="Q9808" s="19"/>
      <c r="R9808" s="19"/>
      <c r="S9808" s="19"/>
      <c r="T9808" s="19">
        <v>500</v>
      </c>
      <c r="U9808" s="19"/>
      <c r="V9808" s="19"/>
      <c r="W9808" s="19"/>
      <c r="X9808" s="19">
        <v>1</v>
      </c>
      <c r="Y9808" s="19"/>
      <c r="Z9808" s="19"/>
      <c r="AA9808" s="19"/>
    </row>
    <row r="9809" spans="1:27" s="1" customFormat="1" ht="14.1" customHeight="1" outlineLevel="1" x14ac:dyDescent="0.2">
      <c r="A9809" s="17"/>
      <c r="B9809" s="17"/>
      <c r="C9809" s="17"/>
      <c r="D9809" s="18"/>
      <c r="E9809" s="18"/>
      <c r="F9809" s="18"/>
      <c r="G9809" s="18"/>
      <c r="H9809" s="18"/>
      <c r="I9809" s="18"/>
      <c r="J9809" s="18"/>
      <c r="K9809" s="18"/>
      <c r="L9809" s="18"/>
      <c r="M9809" s="18"/>
      <c r="N9809" s="18"/>
      <c r="O9809" s="18"/>
      <c r="P9809" s="19"/>
      <c r="Q9809" s="19"/>
      <c r="R9809" s="19"/>
      <c r="S9809" s="19"/>
      <c r="T9809" s="19"/>
      <c r="U9809" s="19"/>
      <c r="V9809" s="19"/>
      <c r="W9809" s="19"/>
      <c r="X9809" s="19"/>
      <c r="Y9809" s="19"/>
      <c r="Z9809" s="19"/>
      <c r="AA9809" s="19"/>
    </row>
    <row r="9810" spans="1:27" s="1" customFormat="1" ht="14.1" customHeight="1" outlineLevel="1" x14ac:dyDescent="0.2">
      <c r="A9810" s="17">
        <v>17621</v>
      </c>
      <c r="B9810" s="17"/>
      <c r="C9810" s="17"/>
      <c r="D9810" s="18" t="s">
        <v>4863</v>
      </c>
      <c r="E9810" s="18"/>
      <c r="F9810" s="18"/>
      <c r="G9810" s="18"/>
      <c r="H9810" s="18"/>
      <c r="I9810" s="18"/>
      <c r="J9810" s="18"/>
      <c r="K9810" s="18"/>
      <c r="L9810" s="18"/>
      <c r="M9810" s="18"/>
      <c r="N9810" s="18"/>
      <c r="O9810" s="18"/>
      <c r="P9810" s="19">
        <v>70</v>
      </c>
      <c r="Q9810" s="19"/>
      <c r="R9810" s="19"/>
      <c r="S9810" s="19"/>
      <c r="T9810" s="19">
        <v>50</v>
      </c>
      <c r="U9810" s="19"/>
      <c r="V9810" s="19"/>
      <c r="W9810" s="19"/>
      <c r="X9810" s="19">
        <v>1</v>
      </c>
      <c r="Y9810" s="19"/>
      <c r="Z9810" s="19"/>
      <c r="AA9810" s="19"/>
    </row>
    <row r="9811" spans="1:27" s="1" customFormat="1" ht="14.1" customHeight="1" outlineLevel="1" x14ac:dyDescent="0.2">
      <c r="A9811" s="17"/>
      <c r="B9811" s="17"/>
      <c r="C9811" s="17"/>
      <c r="D9811" s="18"/>
      <c r="E9811" s="18"/>
      <c r="F9811" s="18"/>
      <c r="G9811" s="18"/>
      <c r="H9811" s="18"/>
      <c r="I9811" s="18"/>
      <c r="J9811" s="18"/>
      <c r="K9811" s="18"/>
      <c r="L9811" s="18"/>
      <c r="M9811" s="18"/>
      <c r="N9811" s="18"/>
      <c r="O9811" s="18"/>
      <c r="P9811" s="19"/>
      <c r="Q9811" s="19"/>
      <c r="R9811" s="19"/>
      <c r="S9811" s="19"/>
      <c r="T9811" s="19"/>
      <c r="U9811" s="19"/>
      <c r="V9811" s="19"/>
      <c r="W9811" s="19"/>
      <c r="X9811" s="19"/>
      <c r="Y9811" s="19"/>
      <c r="Z9811" s="19"/>
      <c r="AA9811" s="19"/>
    </row>
    <row r="9812" spans="1:27" s="1" customFormat="1" ht="14.1" customHeight="1" outlineLevel="1" x14ac:dyDescent="0.2">
      <c r="A9812" s="17">
        <v>17620</v>
      </c>
      <c r="B9812" s="17"/>
      <c r="C9812" s="17"/>
      <c r="D9812" s="18" t="s">
        <v>4864</v>
      </c>
      <c r="E9812" s="18"/>
      <c r="F9812" s="18"/>
      <c r="G9812" s="18"/>
      <c r="H9812" s="18"/>
      <c r="I9812" s="18"/>
      <c r="J9812" s="18"/>
      <c r="K9812" s="18"/>
      <c r="L9812" s="18"/>
      <c r="M9812" s="18"/>
      <c r="N9812" s="18"/>
      <c r="O9812" s="18"/>
      <c r="P9812" s="19">
        <v>200</v>
      </c>
      <c r="Q9812" s="19"/>
      <c r="R9812" s="19"/>
      <c r="S9812" s="19"/>
      <c r="T9812" s="19">
        <v>150</v>
      </c>
      <c r="U9812" s="19"/>
      <c r="V9812" s="19"/>
      <c r="W9812" s="19"/>
      <c r="X9812" s="19">
        <v>1</v>
      </c>
      <c r="Y9812" s="19"/>
      <c r="Z9812" s="19"/>
      <c r="AA9812" s="19"/>
    </row>
    <row r="9813" spans="1:27" s="1" customFormat="1" ht="14.1" customHeight="1" outlineLevel="1" x14ac:dyDescent="0.2">
      <c r="A9813" s="17"/>
      <c r="B9813" s="17"/>
      <c r="C9813" s="17"/>
      <c r="D9813" s="18"/>
      <c r="E9813" s="18"/>
      <c r="F9813" s="18"/>
      <c r="G9813" s="18"/>
      <c r="H9813" s="18"/>
      <c r="I9813" s="18"/>
      <c r="J9813" s="18"/>
      <c r="K9813" s="18"/>
      <c r="L9813" s="18"/>
      <c r="M9813" s="18"/>
      <c r="N9813" s="18"/>
      <c r="O9813" s="18"/>
      <c r="P9813" s="19"/>
      <c r="Q9813" s="19"/>
      <c r="R9813" s="19"/>
      <c r="S9813" s="19"/>
      <c r="T9813" s="19"/>
      <c r="U9813" s="19"/>
      <c r="V9813" s="19"/>
      <c r="W9813" s="19"/>
      <c r="X9813" s="19"/>
      <c r="Y9813" s="19"/>
      <c r="Z9813" s="19"/>
      <c r="AA9813" s="19"/>
    </row>
    <row r="9814" spans="1:27" s="1" customFormat="1" ht="14.1" customHeight="1" outlineLevel="1" x14ac:dyDescent="0.2">
      <c r="A9814" s="17">
        <v>18123</v>
      </c>
      <c r="B9814" s="17"/>
      <c r="C9814" s="17"/>
      <c r="D9814" s="18" t="s">
        <v>4865</v>
      </c>
      <c r="E9814" s="18"/>
      <c r="F9814" s="18"/>
      <c r="G9814" s="18"/>
      <c r="H9814" s="18"/>
      <c r="I9814" s="18"/>
      <c r="J9814" s="18"/>
      <c r="K9814" s="18"/>
      <c r="L9814" s="18"/>
      <c r="M9814" s="18"/>
      <c r="N9814" s="18"/>
      <c r="O9814" s="18"/>
      <c r="P9814" s="19">
        <v>600</v>
      </c>
      <c r="Q9814" s="19"/>
      <c r="R9814" s="19"/>
      <c r="S9814" s="19"/>
      <c r="T9814" s="19">
        <v>500</v>
      </c>
      <c r="U9814" s="19"/>
      <c r="V9814" s="19"/>
      <c r="W9814" s="19"/>
      <c r="X9814" s="19">
        <v>1</v>
      </c>
      <c r="Y9814" s="19"/>
      <c r="Z9814" s="19"/>
      <c r="AA9814" s="19"/>
    </row>
    <row r="9815" spans="1:27" s="1" customFormat="1" ht="14.1" customHeight="1" outlineLevel="1" x14ac:dyDescent="0.2">
      <c r="A9815" s="17"/>
      <c r="B9815" s="17"/>
      <c r="C9815" s="17"/>
      <c r="D9815" s="18"/>
      <c r="E9815" s="18"/>
      <c r="F9815" s="18"/>
      <c r="G9815" s="18"/>
      <c r="H9815" s="18"/>
      <c r="I9815" s="18"/>
      <c r="J9815" s="18"/>
      <c r="K9815" s="18"/>
      <c r="L9815" s="18"/>
      <c r="M9815" s="18"/>
      <c r="N9815" s="18"/>
      <c r="O9815" s="18"/>
      <c r="P9815" s="19"/>
      <c r="Q9815" s="19"/>
      <c r="R9815" s="19"/>
      <c r="S9815" s="19"/>
      <c r="T9815" s="19"/>
      <c r="U9815" s="19"/>
      <c r="V9815" s="19"/>
      <c r="W9815" s="19"/>
      <c r="X9815" s="19"/>
      <c r="Y9815" s="19"/>
      <c r="Z9815" s="19"/>
      <c r="AA9815" s="19"/>
    </row>
    <row r="9816" spans="1:27" s="1" customFormat="1" ht="14.1" customHeight="1" outlineLevel="1" x14ac:dyDescent="0.2">
      <c r="A9816" s="17">
        <v>17619</v>
      </c>
      <c r="B9816" s="17"/>
      <c r="C9816" s="17"/>
      <c r="D9816" s="18" t="s">
        <v>4866</v>
      </c>
      <c r="E9816" s="18"/>
      <c r="F9816" s="18"/>
      <c r="G9816" s="18"/>
      <c r="H9816" s="18"/>
      <c r="I9816" s="18"/>
      <c r="J9816" s="18"/>
      <c r="K9816" s="18"/>
      <c r="L9816" s="18"/>
      <c r="M9816" s="18"/>
      <c r="N9816" s="18"/>
      <c r="O9816" s="18"/>
      <c r="P9816" s="19">
        <v>700</v>
      </c>
      <c r="Q9816" s="19"/>
      <c r="R9816" s="19"/>
      <c r="S9816" s="19"/>
      <c r="T9816" s="19">
        <v>500</v>
      </c>
      <c r="U9816" s="19"/>
      <c r="V9816" s="19"/>
      <c r="W9816" s="19"/>
      <c r="X9816" s="19">
        <v>1</v>
      </c>
      <c r="Y9816" s="19"/>
      <c r="Z9816" s="19"/>
      <c r="AA9816" s="19"/>
    </row>
    <row r="9817" spans="1:27" s="1" customFormat="1" ht="14.1" customHeight="1" outlineLevel="1" x14ac:dyDescent="0.2">
      <c r="A9817" s="17"/>
      <c r="B9817" s="17"/>
      <c r="C9817" s="17"/>
      <c r="D9817" s="18"/>
      <c r="E9817" s="18"/>
      <c r="F9817" s="18"/>
      <c r="G9817" s="18"/>
      <c r="H9817" s="18"/>
      <c r="I9817" s="18"/>
      <c r="J9817" s="18"/>
      <c r="K9817" s="18"/>
      <c r="L9817" s="18"/>
      <c r="M9817" s="18"/>
      <c r="N9817" s="18"/>
      <c r="O9817" s="18"/>
      <c r="P9817" s="19"/>
      <c r="Q9817" s="19"/>
      <c r="R9817" s="19"/>
      <c r="S9817" s="19"/>
      <c r="T9817" s="19"/>
      <c r="U9817" s="19"/>
      <c r="V9817" s="19"/>
      <c r="W9817" s="19"/>
      <c r="X9817" s="19"/>
      <c r="Y9817" s="19"/>
      <c r="Z9817" s="19"/>
      <c r="AA9817" s="19"/>
    </row>
    <row r="9818" spans="1:27" s="1" customFormat="1" ht="11.1" customHeight="1" x14ac:dyDescent="0.2">
      <c r="A9818" s="16" t="s">
        <v>4867</v>
      </c>
      <c r="B9818" s="16"/>
      <c r="C9818" s="16"/>
      <c r="D9818" s="16"/>
      <c r="E9818" s="16"/>
      <c r="F9818" s="16"/>
      <c r="G9818" s="16"/>
      <c r="H9818" s="16"/>
      <c r="I9818" s="16"/>
      <c r="J9818" s="16"/>
      <c r="K9818" s="16"/>
      <c r="L9818" s="16"/>
      <c r="M9818" s="16"/>
      <c r="N9818" s="16"/>
      <c r="O9818" s="16"/>
      <c r="P9818" s="16"/>
      <c r="Q9818" s="16"/>
      <c r="R9818" s="16"/>
      <c r="S9818" s="16"/>
      <c r="T9818" s="16"/>
      <c r="U9818" s="16"/>
      <c r="V9818" s="16"/>
      <c r="W9818" s="16"/>
      <c r="X9818" s="16"/>
      <c r="Y9818" s="16"/>
      <c r="Z9818" s="16"/>
      <c r="AA9818" s="16"/>
    </row>
    <row r="9819" spans="1:27" s="1" customFormat="1" ht="11.1" customHeight="1" x14ac:dyDescent="0.2">
      <c r="A9819" s="16"/>
      <c r="B9819" s="16"/>
      <c r="C9819" s="16"/>
      <c r="D9819" s="16"/>
      <c r="E9819" s="16"/>
      <c r="F9819" s="16"/>
      <c r="G9819" s="16"/>
      <c r="H9819" s="16"/>
      <c r="I9819" s="16"/>
      <c r="J9819" s="16"/>
      <c r="K9819" s="16"/>
      <c r="L9819" s="16"/>
      <c r="M9819" s="16"/>
      <c r="N9819" s="16"/>
      <c r="O9819" s="16"/>
      <c r="P9819" s="16"/>
      <c r="Q9819" s="16"/>
      <c r="R9819" s="16"/>
      <c r="S9819" s="16"/>
      <c r="T9819" s="16"/>
      <c r="U9819" s="16"/>
      <c r="V9819" s="16"/>
      <c r="W9819" s="16"/>
      <c r="X9819" s="16"/>
      <c r="Y9819" s="16"/>
      <c r="Z9819" s="16"/>
      <c r="AA9819" s="16"/>
    </row>
    <row r="9820" spans="1:27" s="1" customFormat="1" ht="14.1" customHeight="1" outlineLevel="1" x14ac:dyDescent="0.2">
      <c r="A9820" s="17">
        <v>8457</v>
      </c>
      <c r="B9820" s="17"/>
      <c r="C9820" s="17"/>
      <c r="D9820" s="18" t="s">
        <v>4868</v>
      </c>
      <c r="E9820" s="18"/>
      <c r="F9820" s="18"/>
      <c r="G9820" s="18"/>
      <c r="H9820" s="18"/>
      <c r="I9820" s="18"/>
      <c r="J9820" s="18"/>
      <c r="K9820" s="18"/>
      <c r="L9820" s="18"/>
      <c r="M9820" s="18"/>
      <c r="N9820" s="18"/>
      <c r="O9820" s="18"/>
      <c r="P9820" s="19">
        <v>170</v>
      </c>
      <c r="Q9820" s="19"/>
      <c r="R9820" s="19"/>
      <c r="S9820" s="19"/>
      <c r="T9820" s="19">
        <v>150</v>
      </c>
      <c r="U9820" s="19"/>
      <c r="V9820" s="19"/>
      <c r="W9820" s="19"/>
      <c r="X9820" s="19">
        <v>1</v>
      </c>
      <c r="Y9820" s="19"/>
      <c r="Z9820" s="19"/>
      <c r="AA9820" s="19"/>
    </row>
    <row r="9821" spans="1:27" s="1" customFormat="1" ht="14.1" customHeight="1" outlineLevel="1" x14ac:dyDescent="0.2">
      <c r="A9821" s="17"/>
      <c r="B9821" s="17"/>
      <c r="C9821" s="17"/>
      <c r="D9821" s="18"/>
      <c r="E9821" s="18"/>
      <c r="F9821" s="18"/>
      <c r="G9821" s="18"/>
      <c r="H9821" s="18"/>
      <c r="I9821" s="18"/>
      <c r="J9821" s="18"/>
      <c r="K9821" s="18"/>
      <c r="L9821" s="18"/>
      <c r="M9821" s="18"/>
      <c r="N9821" s="18"/>
      <c r="O9821" s="18"/>
      <c r="P9821" s="19"/>
      <c r="Q9821" s="19"/>
      <c r="R9821" s="19"/>
      <c r="S9821" s="19"/>
      <c r="T9821" s="19"/>
      <c r="U9821" s="19"/>
      <c r="V9821" s="19"/>
      <c r="W9821" s="19"/>
      <c r="X9821" s="19"/>
      <c r="Y9821" s="19"/>
      <c r="Z9821" s="19"/>
      <c r="AA9821" s="19"/>
    </row>
    <row r="9822" spans="1:27" s="1" customFormat="1" ht="14.1" customHeight="1" outlineLevel="1" x14ac:dyDescent="0.2">
      <c r="A9822" s="17">
        <v>8458</v>
      </c>
      <c r="B9822" s="17"/>
      <c r="C9822" s="17"/>
      <c r="D9822" s="18" t="s">
        <v>4869</v>
      </c>
      <c r="E9822" s="18"/>
      <c r="F9822" s="18"/>
      <c r="G9822" s="18"/>
      <c r="H9822" s="18"/>
      <c r="I9822" s="18"/>
      <c r="J9822" s="18"/>
      <c r="K9822" s="18"/>
      <c r="L9822" s="18"/>
      <c r="M9822" s="18"/>
      <c r="N9822" s="18"/>
      <c r="O9822" s="18"/>
      <c r="P9822" s="19">
        <v>150</v>
      </c>
      <c r="Q9822" s="19"/>
      <c r="R9822" s="19"/>
      <c r="S9822" s="19"/>
      <c r="T9822" s="19">
        <v>130</v>
      </c>
      <c r="U9822" s="19"/>
      <c r="V9822" s="19"/>
      <c r="W9822" s="19"/>
      <c r="X9822" s="19">
        <v>1</v>
      </c>
      <c r="Y9822" s="19"/>
      <c r="Z9822" s="19"/>
      <c r="AA9822" s="19"/>
    </row>
    <row r="9823" spans="1:27" s="1" customFormat="1" ht="14.1" customHeight="1" outlineLevel="1" x14ac:dyDescent="0.2">
      <c r="A9823" s="17"/>
      <c r="B9823" s="17"/>
      <c r="C9823" s="17"/>
      <c r="D9823" s="18"/>
      <c r="E9823" s="18"/>
      <c r="F9823" s="18"/>
      <c r="G9823" s="18"/>
      <c r="H9823" s="18"/>
      <c r="I9823" s="18"/>
      <c r="J9823" s="18"/>
      <c r="K9823" s="18"/>
      <c r="L9823" s="18"/>
      <c r="M9823" s="18"/>
      <c r="N9823" s="18"/>
      <c r="O9823" s="18"/>
      <c r="P9823" s="19"/>
      <c r="Q9823" s="19"/>
      <c r="R9823" s="19"/>
      <c r="S9823" s="19"/>
      <c r="T9823" s="19"/>
      <c r="U9823" s="19"/>
      <c r="V9823" s="19"/>
      <c r="W9823" s="19"/>
      <c r="X9823" s="19"/>
      <c r="Y9823" s="19"/>
      <c r="Z9823" s="19"/>
      <c r="AA9823" s="19"/>
    </row>
    <row r="9824" spans="1:27" s="1" customFormat="1" ht="14.1" customHeight="1" outlineLevel="1" x14ac:dyDescent="0.2">
      <c r="A9824" s="17">
        <v>8455</v>
      </c>
      <c r="B9824" s="17"/>
      <c r="C9824" s="17"/>
      <c r="D9824" s="18" t="s">
        <v>4870</v>
      </c>
      <c r="E9824" s="18"/>
      <c r="F9824" s="18"/>
      <c r="G9824" s="18"/>
      <c r="H9824" s="18"/>
      <c r="I9824" s="18"/>
      <c r="J9824" s="18"/>
      <c r="K9824" s="18"/>
      <c r="L9824" s="18"/>
      <c r="M9824" s="18"/>
      <c r="N9824" s="18"/>
      <c r="O9824" s="18"/>
      <c r="P9824" s="19">
        <v>150</v>
      </c>
      <c r="Q9824" s="19"/>
      <c r="R9824" s="19"/>
      <c r="S9824" s="19"/>
      <c r="T9824" s="19">
        <v>130</v>
      </c>
      <c r="U9824" s="19"/>
      <c r="V9824" s="19"/>
      <c r="W9824" s="19"/>
      <c r="X9824" s="19">
        <v>1</v>
      </c>
      <c r="Y9824" s="19"/>
      <c r="Z9824" s="19"/>
      <c r="AA9824" s="19"/>
    </row>
    <row r="9825" spans="1:27" s="1" customFormat="1" ht="14.1" customHeight="1" outlineLevel="1" x14ac:dyDescent="0.2">
      <c r="A9825" s="17"/>
      <c r="B9825" s="17"/>
      <c r="C9825" s="17"/>
      <c r="D9825" s="18"/>
      <c r="E9825" s="18"/>
      <c r="F9825" s="18"/>
      <c r="G9825" s="18"/>
      <c r="H9825" s="18"/>
      <c r="I9825" s="18"/>
      <c r="J9825" s="18"/>
      <c r="K9825" s="18"/>
      <c r="L9825" s="18"/>
      <c r="M9825" s="18"/>
      <c r="N9825" s="18"/>
      <c r="O9825" s="18"/>
      <c r="P9825" s="19"/>
      <c r="Q9825" s="19"/>
      <c r="R9825" s="19"/>
      <c r="S9825" s="19"/>
      <c r="T9825" s="19"/>
      <c r="U9825" s="19"/>
      <c r="V9825" s="19"/>
      <c r="W9825" s="19"/>
      <c r="X9825" s="19"/>
      <c r="Y9825" s="19"/>
      <c r="Z9825" s="19"/>
      <c r="AA9825" s="19"/>
    </row>
    <row r="9826" spans="1:27" s="1" customFormat="1" ht="14.1" customHeight="1" outlineLevel="1" x14ac:dyDescent="0.2">
      <c r="A9826" s="17">
        <v>8456</v>
      </c>
      <c r="B9826" s="17"/>
      <c r="C9826" s="17"/>
      <c r="D9826" s="18" t="s">
        <v>4871</v>
      </c>
      <c r="E9826" s="18"/>
      <c r="F9826" s="18"/>
      <c r="G9826" s="18"/>
      <c r="H9826" s="18"/>
      <c r="I9826" s="18"/>
      <c r="J9826" s="18"/>
      <c r="K9826" s="18"/>
      <c r="L9826" s="18"/>
      <c r="M9826" s="18"/>
      <c r="N9826" s="18"/>
      <c r="O9826" s="18"/>
      <c r="P9826" s="19">
        <v>150</v>
      </c>
      <c r="Q9826" s="19"/>
      <c r="R9826" s="19"/>
      <c r="S9826" s="19"/>
      <c r="T9826" s="19">
        <v>130</v>
      </c>
      <c r="U9826" s="19"/>
      <c r="V9826" s="19"/>
      <c r="W9826" s="19"/>
      <c r="X9826" s="19">
        <v>1</v>
      </c>
      <c r="Y9826" s="19"/>
      <c r="Z9826" s="19"/>
      <c r="AA9826" s="19"/>
    </row>
    <row r="9827" spans="1:27" s="1" customFormat="1" ht="14.1" customHeight="1" outlineLevel="1" x14ac:dyDescent="0.2">
      <c r="A9827" s="17"/>
      <c r="B9827" s="17"/>
      <c r="C9827" s="17"/>
      <c r="D9827" s="18"/>
      <c r="E9827" s="18"/>
      <c r="F9827" s="18"/>
      <c r="G9827" s="18"/>
      <c r="H9827" s="18"/>
      <c r="I9827" s="18"/>
      <c r="J9827" s="18"/>
      <c r="K9827" s="18"/>
      <c r="L9827" s="18"/>
      <c r="M9827" s="18"/>
      <c r="N9827" s="18"/>
      <c r="O9827" s="18"/>
      <c r="P9827" s="19"/>
      <c r="Q9827" s="19"/>
      <c r="R9827" s="19"/>
      <c r="S9827" s="19"/>
      <c r="T9827" s="19"/>
      <c r="U9827" s="19"/>
      <c r="V9827" s="19"/>
      <c r="W9827" s="19"/>
      <c r="X9827" s="19"/>
      <c r="Y9827" s="19"/>
      <c r="Z9827" s="19"/>
      <c r="AA9827" s="19"/>
    </row>
    <row r="9828" spans="1:27" s="1" customFormat="1" ht="11.1" customHeight="1" x14ac:dyDescent="0.2">
      <c r="A9828" s="16" t="s">
        <v>4872</v>
      </c>
      <c r="B9828" s="16"/>
      <c r="C9828" s="16"/>
      <c r="D9828" s="16"/>
      <c r="E9828" s="16"/>
      <c r="F9828" s="16"/>
      <c r="G9828" s="16"/>
      <c r="H9828" s="16"/>
      <c r="I9828" s="16"/>
      <c r="J9828" s="16"/>
      <c r="K9828" s="16"/>
      <c r="L9828" s="16"/>
      <c r="M9828" s="16"/>
      <c r="N9828" s="16"/>
      <c r="O9828" s="16"/>
      <c r="P9828" s="16"/>
      <c r="Q9828" s="16"/>
      <c r="R9828" s="16"/>
      <c r="S9828" s="16"/>
      <c r="T9828" s="16"/>
      <c r="U9828" s="16"/>
      <c r="V9828" s="16"/>
      <c r="W9828" s="16"/>
      <c r="X9828" s="16"/>
      <c r="Y9828" s="16"/>
      <c r="Z9828" s="16"/>
      <c r="AA9828" s="16"/>
    </row>
    <row r="9829" spans="1:27" s="1" customFormat="1" ht="11.1" customHeight="1" x14ac:dyDescent="0.2">
      <c r="A9829" s="16"/>
      <c r="B9829" s="16"/>
      <c r="C9829" s="16"/>
      <c r="D9829" s="16"/>
      <c r="E9829" s="16"/>
      <c r="F9829" s="16"/>
      <c r="G9829" s="16"/>
      <c r="H9829" s="16"/>
      <c r="I9829" s="16"/>
      <c r="J9829" s="16"/>
      <c r="K9829" s="16"/>
      <c r="L9829" s="16"/>
      <c r="M9829" s="16"/>
      <c r="N9829" s="16"/>
      <c r="O9829" s="16"/>
      <c r="P9829" s="16"/>
      <c r="Q9829" s="16"/>
      <c r="R9829" s="16"/>
      <c r="S9829" s="16"/>
      <c r="T9829" s="16"/>
      <c r="U9829" s="16"/>
      <c r="V9829" s="16"/>
      <c r="W9829" s="16"/>
      <c r="X9829" s="16"/>
      <c r="Y9829" s="16"/>
      <c r="Z9829" s="16"/>
      <c r="AA9829" s="16"/>
    </row>
    <row r="9830" spans="1:27" s="1" customFormat="1" ht="11.1" customHeight="1" outlineLevel="1" x14ac:dyDescent="0.2">
      <c r="A9830" s="17">
        <v>12156</v>
      </c>
      <c r="B9830" s="17"/>
      <c r="C9830" s="17"/>
      <c r="D9830" s="18" t="s">
        <v>4873</v>
      </c>
      <c r="E9830" s="18"/>
      <c r="F9830" s="18"/>
      <c r="G9830" s="18"/>
      <c r="H9830" s="18"/>
      <c r="I9830" s="18"/>
      <c r="J9830" s="18"/>
      <c r="K9830" s="18"/>
      <c r="L9830" s="18"/>
      <c r="M9830" s="18"/>
      <c r="N9830" s="18"/>
      <c r="O9830" s="18"/>
      <c r="P9830" s="19">
        <v>450</v>
      </c>
      <c r="Q9830" s="19"/>
      <c r="R9830" s="19"/>
      <c r="S9830" s="19"/>
      <c r="T9830" s="19">
        <v>350</v>
      </c>
      <c r="U9830" s="19"/>
      <c r="V9830" s="19"/>
      <c r="W9830" s="19"/>
      <c r="X9830" s="19">
        <v>1</v>
      </c>
      <c r="Y9830" s="19"/>
      <c r="Z9830" s="19"/>
      <c r="AA9830" s="19"/>
    </row>
    <row r="9831" spans="1:27" s="1" customFormat="1" ht="11.1" customHeight="1" outlineLevel="1" x14ac:dyDescent="0.2">
      <c r="A9831" s="17"/>
      <c r="B9831" s="17"/>
      <c r="C9831" s="17"/>
      <c r="D9831" s="18"/>
      <c r="E9831" s="18"/>
      <c r="F9831" s="18"/>
      <c r="G9831" s="18"/>
      <c r="H9831" s="18"/>
      <c r="I9831" s="18"/>
      <c r="J9831" s="18"/>
      <c r="K9831" s="18"/>
      <c r="L9831" s="18"/>
      <c r="M9831" s="18"/>
      <c r="N9831" s="18"/>
      <c r="O9831" s="18"/>
      <c r="P9831" s="19"/>
      <c r="Q9831" s="19"/>
      <c r="R9831" s="19"/>
      <c r="S9831" s="19"/>
      <c r="T9831" s="19"/>
      <c r="U9831" s="19"/>
      <c r="V9831" s="19"/>
      <c r="W9831" s="19"/>
      <c r="X9831" s="19"/>
      <c r="Y9831" s="19"/>
      <c r="Z9831" s="19"/>
      <c r="AA9831" s="19"/>
    </row>
    <row r="9832" spans="1:27" s="1" customFormat="1" ht="11.1" customHeight="1" outlineLevel="1" x14ac:dyDescent="0.2">
      <c r="A9832" s="17">
        <v>12159</v>
      </c>
      <c r="B9832" s="17"/>
      <c r="C9832" s="17"/>
      <c r="D9832" s="18" t="s">
        <v>4874</v>
      </c>
      <c r="E9832" s="18"/>
      <c r="F9832" s="18"/>
      <c r="G9832" s="18"/>
      <c r="H9832" s="18"/>
      <c r="I9832" s="18"/>
      <c r="J9832" s="18"/>
      <c r="K9832" s="18"/>
      <c r="L9832" s="18"/>
      <c r="M9832" s="18"/>
      <c r="N9832" s="18"/>
      <c r="O9832" s="18"/>
      <c r="P9832" s="19">
        <v>80</v>
      </c>
      <c r="Q9832" s="19"/>
      <c r="R9832" s="19"/>
      <c r="S9832" s="19"/>
      <c r="T9832" s="19">
        <v>50</v>
      </c>
      <c r="U9832" s="19"/>
      <c r="V9832" s="19"/>
      <c r="W9832" s="19"/>
      <c r="X9832" s="19">
        <v>1</v>
      </c>
      <c r="Y9832" s="19"/>
      <c r="Z9832" s="19"/>
      <c r="AA9832" s="19"/>
    </row>
    <row r="9833" spans="1:27" s="1" customFormat="1" ht="11.1" customHeight="1" outlineLevel="1" x14ac:dyDescent="0.2">
      <c r="A9833" s="17"/>
      <c r="B9833" s="17"/>
      <c r="C9833" s="17"/>
      <c r="D9833" s="18"/>
      <c r="E9833" s="18"/>
      <c r="F9833" s="18"/>
      <c r="G9833" s="18"/>
      <c r="H9833" s="18"/>
      <c r="I9833" s="18"/>
      <c r="J9833" s="18"/>
      <c r="K9833" s="18"/>
      <c r="L9833" s="18"/>
      <c r="M9833" s="18"/>
      <c r="N9833" s="18"/>
      <c r="O9833" s="18"/>
      <c r="P9833" s="19"/>
      <c r="Q9833" s="19"/>
      <c r="R9833" s="19"/>
      <c r="S9833" s="19"/>
      <c r="T9833" s="19"/>
      <c r="U9833" s="19"/>
      <c r="V9833" s="19"/>
      <c r="W9833" s="19"/>
      <c r="X9833" s="19"/>
      <c r="Y9833" s="19"/>
      <c r="Z9833" s="19"/>
      <c r="AA9833" s="19"/>
    </row>
    <row r="9834" spans="1:27" s="1" customFormat="1" ht="11.1" customHeight="1" outlineLevel="1" x14ac:dyDescent="0.2">
      <c r="A9834" s="17">
        <v>12152</v>
      </c>
      <c r="B9834" s="17"/>
      <c r="C9834" s="17"/>
      <c r="D9834" s="18" t="s">
        <v>4875</v>
      </c>
      <c r="E9834" s="18"/>
      <c r="F9834" s="18"/>
      <c r="G9834" s="18"/>
      <c r="H9834" s="18"/>
      <c r="I9834" s="18"/>
      <c r="J9834" s="18"/>
      <c r="K9834" s="18"/>
      <c r="L9834" s="18"/>
      <c r="M9834" s="18"/>
      <c r="N9834" s="18"/>
      <c r="O9834" s="18"/>
      <c r="P9834" s="19">
        <v>200</v>
      </c>
      <c r="Q9834" s="19"/>
      <c r="R9834" s="19"/>
      <c r="S9834" s="19"/>
      <c r="T9834" s="19">
        <v>150</v>
      </c>
      <c r="U9834" s="19"/>
      <c r="V9834" s="19"/>
      <c r="W9834" s="19"/>
      <c r="X9834" s="19">
        <v>1</v>
      </c>
      <c r="Y9834" s="19"/>
      <c r="Z9834" s="19"/>
      <c r="AA9834" s="19"/>
    </row>
    <row r="9835" spans="1:27" s="1" customFormat="1" ht="11.1" customHeight="1" outlineLevel="1" x14ac:dyDescent="0.2">
      <c r="A9835" s="17"/>
      <c r="B9835" s="17"/>
      <c r="C9835" s="17"/>
      <c r="D9835" s="18"/>
      <c r="E9835" s="18"/>
      <c r="F9835" s="18"/>
      <c r="G9835" s="18"/>
      <c r="H9835" s="18"/>
      <c r="I9835" s="18"/>
      <c r="J9835" s="18"/>
      <c r="K9835" s="18"/>
      <c r="L9835" s="18"/>
      <c r="M9835" s="18"/>
      <c r="N9835" s="18"/>
      <c r="O9835" s="18"/>
      <c r="P9835" s="19"/>
      <c r="Q9835" s="19"/>
      <c r="R9835" s="19"/>
      <c r="S9835" s="19"/>
      <c r="T9835" s="19"/>
      <c r="U9835" s="19"/>
      <c r="V9835" s="19"/>
      <c r="W9835" s="19"/>
      <c r="X9835" s="19"/>
      <c r="Y9835" s="19"/>
      <c r="Z9835" s="19"/>
      <c r="AA9835" s="19"/>
    </row>
    <row r="9836" spans="1:27" s="1" customFormat="1" ht="11.1" customHeight="1" outlineLevel="1" x14ac:dyDescent="0.2">
      <c r="A9836" s="17">
        <v>12155</v>
      </c>
      <c r="B9836" s="17"/>
      <c r="C9836" s="17"/>
      <c r="D9836" s="18" t="s">
        <v>4876</v>
      </c>
      <c r="E9836" s="18"/>
      <c r="F9836" s="18"/>
      <c r="G9836" s="18"/>
      <c r="H9836" s="18"/>
      <c r="I9836" s="18"/>
      <c r="J9836" s="18"/>
      <c r="K9836" s="18"/>
      <c r="L9836" s="18"/>
      <c r="M9836" s="18"/>
      <c r="N9836" s="18"/>
      <c r="O9836" s="18"/>
      <c r="P9836" s="19">
        <v>400</v>
      </c>
      <c r="Q9836" s="19"/>
      <c r="R9836" s="19"/>
      <c r="S9836" s="19"/>
      <c r="T9836" s="19">
        <v>300</v>
      </c>
      <c r="U9836" s="19"/>
      <c r="V9836" s="19"/>
      <c r="W9836" s="19"/>
      <c r="X9836" s="19">
        <v>1</v>
      </c>
      <c r="Y9836" s="19"/>
      <c r="Z9836" s="19"/>
      <c r="AA9836" s="19"/>
    </row>
    <row r="9837" spans="1:27" s="1" customFormat="1" ht="11.1" customHeight="1" outlineLevel="1" x14ac:dyDescent="0.2">
      <c r="A9837" s="17"/>
      <c r="B9837" s="17"/>
      <c r="C9837" s="17"/>
      <c r="D9837" s="18"/>
      <c r="E9837" s="18"/>
      <c r="F9837" s="18"/>
      <c r="G9837" s="18"/>
      <c r="H9837" s="18"/>
      <c r="I9837" s="18"/>
      <c r="J9837" s="18"/>
      <c r="K9837" s="18"/>
      <c r="L9837" s="18"/>
      <c r="M9837" s="18"/>
      <c r="N9837" s="18"/>
      <c r="O9837" s="18"/>
      <c r="P9837" s="19"/>
      <c r="Q9837" s="19"/>
      <c r="R9837" s="19"/>
      <c r="S9837" s="19"/>
      <c r="T9837" s="19"/>
      <c r="U9837" s="19"/>
      <c r="V9837" s="19"/>
      <c r="W9837" s="19"/>
      <c r="X9837" s="19"/>
      <c r="Y9837" s="19"/>
      <c r="Z9837" s="19"/>
      <c r="AA9837" s="19"/>
    </row>
    <row r="9838" spans="1:27" s="1" customFormat="1" ht="14.1" customHeight="1" outlineLevel="1" x14ac:dyDescent="0.2">
      <c r="A9838" s="17">
        <v>12154</v>
      </c>
      <c r="B9838" s="17"/>
      <c r="C9838" s="17"/>
      <c r="D9838" s="18" t="s">
        <v>4877</v>
      </c>
      <c r="E9838" s="18"/>
      <c r="F9838" s="18"/>
      <c r="G9838" s="18"/>
      <c r="H9838" s="18"/>
      <c r="I9838" s="18"/>
      <c r="J9838" s="18"/>
      <c r="K9838" s="18"/>
      <c r="L9838" s="18"/>
      <c r="M9838" s="18"/>
      <c r="N9838" s="18"/>
      <c r="O9838" s="18"/>
      <c r="P9838" s="19">
        <v>330</v>
      </c>
      <c r="Q9838" s="19"/>
      <c r="R9838" s="19"/>
      <c r="S9838" s="19"/>
      <c r="T9838" s="19">
        <v>250</v>
      </c>
      <c r="U9838" s="19"/>
      <c r="V9838" s="19"/>
      <c r="W9838" s="19"/>
      <c r="X9838" s="19">
        <v>1</v>
      </c>
      <c r="Y9838" s="19"/>
      <c r="Z9838" s="19"/>
      <c r="AA9838" s="19"/>
    </row>
    <row r="9839" spans="1:27" s="1" customFormat="1" ht="14.1" customHeight="1" outlineLevel="1" x14ac:dyDescent="0.2">
      <c r="A9839" s="17"/>
      <c r="B9839" s="17"/>
      <c r="C9839" s="17"/>
      <c r="D9839" s="18"/>
      <c r="E9839" s="18"/>
      <c r="F9839" s="18"/>
      <c r="G9839" s="18"/>
      <c r="H9839" s="18"/>
      <c r="I9839" s="18"/>
      <c r="J9839" s="18"/>
      <c r="K9839" s="18"/>
      <c r="L9839" s="18"/>
      <c r="M9839" s="18"/>
      <c r="N9839" s="18"/>
      <c r="O9839" s="18"/>
      <c r="P9839" s="19"/>
      <c r="Q9839" s="19"/>
      <c r="R9839" s="19"/>
      <c r="S9839" s="19"/>
      <c r="T9839" s="19"/>
      <c r="U9839" s="19"/>
      <c r="V9839" s="19"/>
      <c r="W9839" s="19"/>
      <c r="X9839" s="19"/>
      <c r="Y9839" s="19"/>
      <c r="Z9839" s="19"/>
      <c r="AA9839" s="19"/>
    </row>
    <row r="9840" spans="1:27" s="1" customFormat="1" ht="11.1" customHeight="1" x14ac:dyDescent="0.2">
      <c r="A9840" s="16" t="s">
        <v>4878</v>
      </c>
      <c r="B9840" s="16"/>
      <c r="C9840" s="16"/>
      <c r="D9840" s="16"/>
      <c r="E9840" s="16"/>
      <c r="F9840" s="16"/>
      <c r="G9840" s="16"/>
      <c r="H9840" s="16"/>
      <c r="I9840" s="16"/>
      <c r="J9840" s="16"/>
      <c r="K9840" s="16"/>
      <c r="L9840" s="16"/>
      <c r="M9840" s="16"/>
      <c r="N9840" s="16"/>
      <c r="O9840" s="16"/>
      <c r="P9840" s="16"/>
      <c r="Q9840" s="16"/>
      <c r="R9840" s="16"/>
      <c r="S9840" s="16"/>
      <c r="T9840" s="16"/>
      <c r="U9840" s="16"/>
      <c r="V9840" s="16"/>
      <c r="W9840" s="16"/>
      <c r="X9840" s="16"/>
      <c r="Y9840" s="16"/>
      <c r="Z9840" s="16"/>
      <c r="AA9840" s="16"/>
    </row>
    <row r="9841" spans="1:27" s="1" customFormat="1" ht="11.1" customHeight="1" x14ac:dyDescent="0.2">
      <c r="A9841" s="16"/>
      <c r="B9841" s="16"/>
      <c r="C9841" s="16"/>
      <c r="D9841" s="16"/>
      <c r="E9841" s="16"/>
      <c r="F9841" s="16"/>
      <c r="G9841" s="16"/>
      <c r="H9841" s="16"/>
      <c r="I9841" s="16"/>
      <c r="J9841" s="16"/>
      <c r="K9841" s="16"/>
      <c r="L9841" s="16"/>
      <c r="M9841" s="16"/>
      <c r="N9841" s="16"/>
      <c r="O9841" s="16"/>
      <c r="P9841" s="16"/>
      <c r="Q9841" s="16"/>
      <c r="R9841" s="16"/>
      <c r="S9841" s="16"/>
      <c r="T9841" s="16"/>
      <c r="U9841" s="16"/>
      <c r="V9841" s="16"/>
      <c r="W9841" s="16"/>
      <c r="X9841" s="16"/>
      <c r="Y9841" s="16"/>
      <c r="Z9841" s="16"/>
      <c r="AA9841" s="16"/>
    </row>
    <row r="9842" spans="1:27" s="1" customFormat="1" ht="11.1" customHeight="1" outlineLevel="1" x14ac:dyDescent="0.2">
      <c r="A9842" s="17">
        <v>16636</v>
      </c>
      <c r="B9842" s="17"/>
      <c r="C9842" s="17"/>
      <c r="D9842" s="18" t="s">
        <v>4879</v>
      </c>
      <c r="E9842" s="18"/>
      <c r="F9842" s="18"/>
      <c r="G9842" s="18"/>
      <c r="H9842" s="18"/>
      <c r="I9842" s="18"/>
      <c r="J9842" s="18"/>
      <c r="K9842" s="18"/>
      <c r="L9842" s="18"/>
      <c r="M9842" s="18"/>
      <c r="N9842" s="18"/>
      <c r="O9842" s="18"/>
      <c r="P9842" s="19">
        <v>900</v>
      </c>
      <c r="Q9842" s="19"/>
      <c r="R9842" s="19"/>
      <c r="S9842" s="19"/>
      <c r="T9842" s="19">
        <v>800</v>
      </c>
      <c r="U9842" s="19"/>
      <c r="V9842" s="19"/>
      <c r="W9842" s="19"/>
      <c r="X9842" s="19">
        <v>2</v>
      </c>
      <c r="Y9842" s="19"/>
      <c r="Z9842" s="19"/>
      <c r="AA9842" s="19"/>
    </row>
    <row r="9843" spans="1:27" s="1" customFormat="1" ht="11.1" customHeight="1" outlineLevel="1" x14ac:dyDescent="0.2">
      <c r="A9843" s="17"/>
      <c r="B9843" s="17"/>
      <c r="C9843" s="17"/>
      <c r="D9843" s="18"/>
      <c r="E9843" s="18"/>
      <c r="F9843" s="18"/>
      <c r="G9843" s="18"/>
      <c r="H9843" s="18"/>
      <c r="I9843" s="18"/>
      <c r="J9843" s="18"/>
      <c r="K9843" s="18"/>
      <c r="L9843" s="18"/>
      <c r="M9843" s="18"/>
      <c r="N9843" s="18"/>
      <c r="O9843" s="18"/>
      <c r="P9843" s="19"/>
      <c r="Q9843" s="19"/>
      <c r="R9843" s="19"/>
      <c r="S9843" s="19"/>
      <c r="T9843" s="19"/>
      <c r="U9843" s="19"/>
      <c r="V9843" s="19"/>
      <c r="W9843" s="19"/>
      <c r="X9843" s="19"/>
      <c r="Y9843" s="19"/>
      <c r="Z9843" s="19"/>
      <c r="AA9843" s="19"/>
    </row>
    <row r="9844" spans="1:27" s="1" customFormat="1" ht="11.1" customHeight="1" outlineLevel="1" x14ac:dyDescent="0.2">
      <c r="A9844" s="17">
        <v>16641</v>
      </c>
      <c r="B9844" s="17"/>
      <c r="C9844" s="17"/>
      <c r="D9844" s="18" t="s">
        <v>4880</v>
      </c>
      <c r="E9844" s="18"/>
      <c r="F9844" s="18"/>
      <c r="G9844" s="18"/>
      <c r="H9844" s="18"/>
      <c r="I9844" s="18"/>
      <c r="J9844" s="18"/>
      <c r="K9844" s="18"/>
      <c r="L9844" s="18"/>
      <c r="M9844" s="18"/>
      <c r="N9844" s="18"/>
      <c r="O9844" s="18"/>
      <c r="P9844" s="19">
        <v>150</v>
      </c>
      <c r="Q9844" s="19"/>
      <c r="R9844" s="19"/>
      <c r="S9844" s="19"/>
      <c r="T9844" s="19">
        <v>90</v>
      </c>
      <c r="U9844" s="19"/>
      <c r="V9844" s="19"/>
      <c r="W9844" s="19"/>
      <c r="X9844" s="19">
        <v>2</v>
      </c>
      <c r="Y9844" s="19"/>
      <c r="Z9844" s="19"/>
      <c r="AA9844" s="19"/>
    </row>
    <row r="9845" spans="1:27" s="1" customFormat="1" ht="11.1" customHeight="1" outlineLevel="1" x14ac:dyDescent="0.2">
      <c r="A9845" s="17"/>
      <c r="B9845" s="17"/>
      <c r="C9845" s="17"/>
      <c r="D9845" s="18"/>
      <c r="E9845" s="18"/>
      <c r="F9845" s="18"/>
      <c r="G9845" s="18"/>
      <c r="H9845" s="18"/>
      <c r="I9845" s="18"/>
      <c r="J9845" s="18"/>
      <c r="K9845" s="18"/>
      <c r="L9845" s="18"/>
      <c r="M9845" s="18"/>
      <c r="N9845" s="18"/>
      <c r="O9845" s="18"/>
      <c r="P9845" s="19"/>
      <c r="Q9845" s="19"/>
      <c r="R9845" s="19"/>
      <c r="S9845" s="19"/>
      <c r="T9845" s="19"/>
      <c r="U9845" s="19"/>
      <c r="V9845" s="19"/>
      <c r="W9845" s="19"/>
      <c r="X9845" s="19"/>
      <c r="Y9845" s="19"/>
      <c r="Z9845" s="19"/>
      <c r="AA9845" s="19"/>
    </row>
    <row r="9846" spans="1:27" s="1" customFormat="1" ht="11.1" customHeight="1" outlineLevel="1" x14ac:dyDescent="0.2">
      <c r="A9846" s="17">
        <v>15309</v>
      </c>
      <c r="B9846" s="17"/>
      <c r="C9846" s="17"/>
      <c r="D9846" s="18" t="s">
        <v>4881</v>
      </c>
      <c r="E9846" s="18"/>
      <c r="F9846" s="18"/>
      <c r="G9846" s="18"/>
      <c r="H9846" s="18"/>
      <c r="I9846" s="18"/>
      <c r="J9846" s="18"/>
      <c r="K9846" s="18"/>
      <c r="L9846" s="18"/>
      <c r="M9846" s="18"/>
      <c r="N9846" s="18"/>
      <c r="O9846" s="18"/>
      <c r="P9846" s="19">
        <v>220</v>
      </c>
      <c r="Q9846" s="19"/>
      <c r="R9846" s="19"/>
      <c r="S9846" s="19"/>
      <c r="T9846" s="19">
        <v>170</v>
      </c>
      <c r="U9846" s="19"/>
      <c r="V9846" s="19"/>
      <c r="W9846" s="19"/>
      <c r="X9846" s="19">
        <v>10</v>
      </c>
      <c r="Y9846" s="19"/>
      <c r="Z9846" s="19"/>
      <c r="AA9846" s="19"/>
    </row>
    <row r="9847" spans="1:27" s="1" customFormat="1" ht="11.1" customHeight="1" outlineLevel="1" x14ac:dyDescent="0.2">
      <c r="A9847" s="17"/>
      <c r="B9847" s="17"/>
      <c r="C9847" s="17"/>
      <c r="D9847" s="18"/>
      <c r="E9847" s="18"/>
      <c r="F9847" s="18"/>
      <c r="G9847" s="18"/>
      <c r="H9847" s="18"/>
      <c r="I9847" s="18"/>
      <c r="J9847" s="18"/>
      <c r="K9847" s="18"/>
      <c r="L9847" s="18"/>
      <c r="M9847" s="18"/>
      <c r="N9847" s="18"/>
      <c r="O9847" s="18"/>
      <c r="P9847" s="19"/>
      <c r="Q9847" s="19"/>
      <c r="R9847" s="19"/>
      <c r="S9847" s="19"/>
      <c r="T9847" s="19"/>
      <c r="U9847" s="19"/>
      <c r="V9847" s="19"/>
      <c r="W9847" s="19"/>
      <c r="X9847" s="19"/>
      <c r="Y9847" s="19"/>
      <c r="Z9847" s="19"/>
      <c r="AA9847" s="19"/>
    </row>
    <row r="9848" spans="1:27" s="1" customFormat="1" ht="11.1" customHeight="1" outlineLevel="1" x14ac:dyDescent="0.2">
      <c r="A9848" s="17">
        <v>15310</v>
      </c>
      <c r="B9848" s="17"/>
      <c r="C9848" s="17"/>
      <c r="D9848" s="18" t="s">
        <v>4882</v>
      </c>
      <c r="E9848" s="18"/>
      <c r="F9848" s="18"/>
      <c r="G9848" s="18"/>
      <c r="H9848" s="18"/>
      <c r="I9848" s="18"/>
      <c r="J9848" s="18"/>
      <c r="K9848" s="18"/>
      <c r="L9848" s="18"/>
      <c r="M9848" s="18"/>
      <c r="N9848" s="18"/>
      <c r="O9848" s="18"/>
      <c r="P9848" s="19">
        <v>180</v>
      </c>
      <c r="Q9848" s="19"/>
      <c r="R9848" s="19"/>
      <c r="S9848" s="19"/>
      <c r="T9848" s="19">
        <v>140</v>
      </c>
      <c r="U9848" s="19"/>
      <c r="V9848" s="19"/>
      <c r="W9848" s="19"/>
      <c r="X9848" s="19">
        <v>10</v>
      </c>
      <c r="Y9848" s="19"/>
      <c r="Z9848" s="19"/>
      <c r="AA9848" s="19"/>
    </row>
    <row r="9849" spans="1:27" s="1" customFormat="1" ht="11.1" customHeight="1" outlineLevel="1" x14ac:dyDescent="0.2">
      <c r="A9849" s="17"/>
      <c r="B9849" s="17"/>
      <c r="C9849" s="17"/>
      <c r="D9849" s="18"/>
      <c r="E9849" s="18"/>
      <c r="F9849" s="18"/>
      <c r="G9849" s="18"/>
      <c r="H9849" s="18"/>
      <c r="I9849" s="18"/>
      <c r="J9849" s="18"/>
      <c r="K9849" s="18"/>
      <c r="L9849" s="18"/>
      <c r="M9849" s="18"/>
      <c r="N9849" s="18"/>
      <c r="O9849" s="18"/>
      <c r="P9849" s="19"/>
      <c r="Q9849" s="19"/>
      <c r="R9849" s="19"/>
      <c r="S9849" s="19"/>
      <c r="T9849" s="19"/>
      <c r="U9849" s="19"/>
      <c r="V9849" s="19"/>
      <c r="W9849" s="19"/>
      <c r="X9849" s="19"/>
      <c r="Y9849" s="19"/>
      <c r="Z9849" s="19"/>
      <c r="AA9849" s="19"/>
    </row>
    <row r="9850" spans="1:27" s="1" customFormat="1" ht="11.1" customHeight="1" outlineLevel="1" x14ac:dyDescent="0.2">
      <c r="A9850" s="17">
        <v>16632</v>
      </c>
      <c r="B9850" s="17"/>
      <c r="C9850" s="17"/>
      <c r="D9850" s="18" t="s">
        <v>4883</v>
      </c>
      <c r="E9850" s="18"/>
      <c r="F9850" s="18"/>
      <c r="G9850" s="18"/>
      <c r="H9850" s="18"/>
      <c r="I9850" s="18"/>
      <c r="J9850" s="18"/>
      <c r="K9850" s="18"/>
      <c r="L9850" s="18"/>
      <c r="M9850" s="18"/>
      <c r="N9850" s="18"/>
      <c r="O9850" s="18"/>
      <c r="P9850" s="19">
        <v>250</v>
      </c>
      <c r="Q9850" s="19"/>
      <c r="R9850" s="19"/>
      <c r="S9850" s="19"/>
      <c r="T9850" s="19">
        <v>150</v>
      </c>
      <c r="U9850" s="19"/>
      <c r="V9850" s="19"/>
      <c r="W9850" s="19"/>
      <c r="X9850" s="19">
        <v>2</v>
      </c>
      <c r="Y9850" s="19"/>
      <c r="Z9850" s="19"/>
      <c r="AA9850" s="19"/>
    </row>
    <row r="9851" spans="1:27" s="1" customFormat="1" ht="11.1" customHeight="1" outlineLevel="1" x14ac:dyDescent="0.2">
      <c r="A9851" s="17"/>
      <c r="B9851" s="17"/>
      <c r="C9851" s="17"/>
      <c r="D9851" s="18"/>
      <c r="E9851" s="18"/>
      <c r="F9851" s="18"/>
      <c r="G9851" s="18"/>
      <c r="H9851" s="18"/>
      <c r="I9851" s="18"/>
      <c r="J9851" s="18"/>
      <c r="K9851" s="18"/>
      <c r="L9851" s="18"/>
      <c r="M9851" s="18"/>
      <c r="N9851" s="18"/>
      <c r="O9851" s="18"/>
      <c r="P9851" s="19"/>
      <c r="Q9851" s="19"/>
      <c r="R9851" s="19"/>
      <c r="S9851" s="19"/>
      <c r="T9851" s="19"/>
      <c r="U9851" s="19"/>
      <c r="V9851" s="19"/>
      <c r="W9851" s="19"/>
      <c r="X9851" s="19"/>
      <c r="Y9851" s="19"/>
      <c r="Z9851" s="19"/>
      <c r="AA9851" s="19"/>
    </row>
    <row r="9852" spans="1:27" s="1" customFormat="1" ht="11.1" customHeight="1" outlineLevel="1" x14ac:dyDescent="0.2">
      <c r="A9852" s="17">
        <v>16635</v>
      </c>
      <c r="B9852" s="17"/>
      <c r="C9852" s="17"/>
      <c r="D9852" s="18" t="s">
        <v>4884</v>
      </c>
      <c r="E9852" s="18"/>
      <c r="F9852" s="18"/>
      <c r="G9852" s="18"/>
      <c r="H9852" s="18"/>
      <c r="I9852" s="18"/>
      <c r="J9852" s="18"/>
      <c r="K9852" s="18"/>
      <c r="L9852" s="18"/>
      <c r="M9852" s="18"/>
      <c r="N9852" s="18"/>
      <c r="O9852" s="18"/>
      <c r="P9852" s="19">
        <v>500</v>
      </c>
      <c r="Q9852" s="19"/>
      <c r="R9852" s="19"/>
      <c r="S9852" s="19"/>
      <c r="T9852" s="19">
        <v>400</v>
      </c>
      <c r="U9852" s="19"/>
      <c r="V9852" s="19"/>
      <c r="W9852" s="19"/>
      <c r="X9852" s="19">
        <v>2</v>
      </c>
      <c r="Y9852" s="19"/>
      <c r="Z9852" s="19"/>
      <c r="AA9852" s="19"/>
    </row>
    <row r="9853" spans="1:27" s="1" customFormat="1" ht="11.1" customHeight="1" outlineLevel="1" x14ac:dyDescent="0.2">
      <c r="A9853" s="17"/>
      <c r="B9853" s="17"/>
      <c r="C9853" s="17"/>
      <c r="D9853" s="18"/>
      <c r="E9853" s="18"/>
      <c r="F9853" s="18"/>
      <c r="G9853" s="18"/>
      <c r="H9853" s="18"/>
      <c r="I9853" s="18"/>
      <c r="J9853" s="18"/>
      <c r="K9853" s="18"/>
      <c r="L9853" s="18"/>
      <c r="M9853" s="18"/>
      <c r="N9853" s="18"/>
      <c r="O9853" s="18"/>
      <c r="P9853" s="19"/>
      <c r="Q9853" s="19"/>
      <c r="R9853" s="19"/>
      <c r="S9853" s="19"/>
      <c r="T9853" s="19"/>
      <c r="U9853" s="19"/>
      <c r="V9853" s="19"/>
      <c r="W9853" s="19"/>
      <c r="X9853" s="19"/>
      <c r="Y9853" s="19"/>
      <c r="Z9853" s="19"/>
      <c r="AA9853" s="19"/>
    </row>
    <row r="9854" spans="1:27" s="1" customFormat="1" ht="11.1" customHeight="1" outlineLevel="1" x14ac:dyDescent="0.2">
      <c r="A9854" s="17">
        <v>14313</v>
      </c>
      <c r="B9854" s="17"/>
      <c r="C9854" s="17"/>
      <c r="D9854" s="18" t="s">
        <v>4885</v>
      </c>
      <c r="E9854" s="18"/>
      <c r="F9854" s="18"/>
      <c r="G9854" s="18"/>
      <c r="H9854" s="18"/>
      <c r="I9854" s="18"/>
      <c r="J9854" s="18"/>
      <c r="K9854" s="18"/>
      <c r="L9854" s="18"/>
      <c r="M9854" s="18"/>
      <c r="N9854" s="18"/>
      <c r="O9854" s="18"/>
      <c r="P9854" s="19">
        <v>60</v>
      </c>
      <c r="Q9854" s="19"/>
      <c r="R9854" s="19"/>
      <c r="S9854" s="19"/>
      <c r="T9854" s="19">
        <v>35</v>
      </c>
      <c r="U9854" s="19"/>
      <c r="V9854" s="19"/>
      <c r="W9854" s="19"/>
      <c r="X9854" s="19">
        <v>10</v>
      </c>
      <c r="Y9854" s="19"/>
      <c r="Z9854" s="19"/>
      <c r="AA9854" s="19"/>
    </row>
    <row r="9855" spans="1:27" s="1" customFormat="1" ht="11.1" customHeight="1" outlineLevel="1" x14ac:dyDescent="0.2">
      <c r="A9855" s="17"/>
      <c r="B9855" s="17"/>
      <c r="C9855" s="17"/>
      <c r="D9855" s="18"/>
      <c r="E9855" s="18"/>
      <c r="F9855" s="18"/>
      <c r="G9855" s="18"/>
      <c r="H9855" s="18"/>
      <c r="I9855" s="18"/>
      <c r="J9855" s="18"/>
      <c r="K9855" s="18"/>
      <c r="L9855" s="18"/>
      <c r="M9855" s="18"/>
      <c r="N9855" s="18"/>
      <c r="O9855" s="18"/>
      <c r="P9855" s="19"/>
      <c r="Q9855" s="19"/>
      <c r="R9855" s="19"/>
      <c r="S9855" s="19"/>
      <c r="T9855" s="19"/>
      <c r="U9855" s="19"/>
      <c r="V9855" s="19"/>
      <c r="W9855" s="19"/>
      <c r="X9855" s="19"/>
      <c r="Y9855" s="19"/>
      <c r="Z9855" s="19"/>
      <c r="AA9855" s="19"/>
    </row>
    <row r="9856" spans="1:27" s="1" customFormat="1" ht="14.1" customHeight="1" outlineLevel="1" x14ac:dyDescent="0.2">
      <c r="A9856" s="17">
        <v>14301</v>
      </c>
      <c r="B9856" s="17"/>
      <c r="C9856" s="17"/>
      <c r="D9856" s="18" t="s">
        <v>4886</v>
      </c>
      <c r="E9856" s="18"/>
      <c r="F9856" s="18"/>
      <c r="G9856" s="18"/>
      <c r="H9856" s="18"/>
      <c r="I9856" s="18"/>
      <c r="J9856" s="18"/>
      <c r="K9856" s="18"/>
      <c r="L9856" s="18"/>
      <c r="M9856" s="18"/>
      <c r="N9856" s="18"/>
      <c r="O9856" s="18"/>
      <c r="P9856" s="19">
        <v>400</v>
      </c>
      <c r="Q9856" s="19"/>
      <c r="R9856" s="19"/>
      <c r="S9856" s="19"/>
      <c r="T9856" s="19">
        <v>340</v>
      </c>
      <c r="U9856" s="19"/>
      <c r="V9856" s="19"/>
      <c r="W9856" s="19"/>
      <c r="X9856" s="19">
        <v>20</v>
      </c>
      <c r="Y9856" s="19"/>
      <c r="Z9856" s="19"/>
      <c r="AA9856" s="19"/>
    </row>
    <row r="9857" spans="1:27" s="1" customFormat="1" ht="14.1" customHeight="1" outlineLevel="1" x14ac:dyDescent="0.2">
      <c r="A9857" s="17"/>
      <c r="B9857" s="17"/>
      <c r="C9857" s="17"/>
      <c r="D9857" s="18"/>
      <c r="E9857" s="18"/>
      <c r="F9857" s="18"/>
      <c r="G9857" s="18"/>
      <c r="H9857" s="18"/>
      <c r="I9857" s="18"/>
      <c r="J9857" s="18"/>
      <c r="K9857" s="18"/>
      <c r="L9857" s="18"/>
      <c r="M9857" s="18"/>
      <c r="N9857" s="18"/>
      <c r="O9857" s="18"/>
      <c r="P9857" s="19"/>
      <c r="Q9857" s="19"/>
      <c r="R9857" s="19"/>
      <c r="S9857" s="19"/>
      <c r="T9857" s="19"/>
      <c r="U9857" s="19"/>
      <c r="V9857" s="19"/>
      <c r="W9857" s="19"/>
      <c r="X9857" s="19"/>
      <c r="Y9857" s="19"/>
      <c r="Z9857" s="19"/>
      <c r="AA9857" s="19"/>
    </row>
    <row r="9858" spans="1:27" s="1" customFormat="1" ht="14.1" customHeight="1" outlineLevel="1" x14ac:dyDescent="0.2">
      <c r="A9858" s="17">
        <v>16631</v>
      </c>
      <c r="B9858" s="17"/>
      <c r="C9858" s="17"/>
      <c r="D9858" s="18" t="s">
        <v>4887</v>
      </c>
      <c r="E9858" s="18"/>
      <c r="F9858" s="18"/>
      <c r="G9858" s="18"/>
      <c r="H9858" s="18"/>
      <c r="I9858" s="18"/>
      <c r="J9858" s="18"/>
      <c r="K9858" s="18"/>
      <c r="L9858" s="18"/>
      <c r="M9858" s="18"/>
      <c r="N9858" s="18"/>
      <c r="O9858" s="18"/>
      <c r="P9858" s="19">
        <v>600</v>
      </c>
      <c r="Q9858" s="19"/>
      <c r="R9858" s="19"/>
      <c r="S9858" s="19"/>
      <c r="T9858" s="19">
        <v>500</v>
      </c>
      <c r="U9858" s="19"/>
      <c r="V9858" s="19"/>
      <c r="W9858" s="19"/>
      <c r="X9858" s="19">
        <v>1</v>
      </c>
      <c r="Y9858" s="19"/>
      <c r="Z9858" s="19"/>
      <c r="AA9858" s="19"/>
    </row>
    <row r="9859" spans="1:27" s="1" customFormat="1" ht="14.1" customHeight="1" outlineLevel="1" x14ac:dyDescent="0.2">
      <c r="A9859" s="17"/>
      <c r="B9859" s="17"/>
      <c r="C9859" s="17"/>
      <c r="D9859" s="18"/>
      <c r="E9859" s="18"/>
      <c r="F9859" s="18"/>
      <c r="G9859" s="18"/>
      <c r="H9859" s="18"/>
      <c r="I9859" s="18"/>
      <c r="J9859" s="18"/>
      <c r="K9859" s="18"/>
      <c r="L9859" s="18"/>
      <c r="M9859" s="18"/>
      <c r="N9859" s="18"/>
      <c r="O9859" s="18"/>
      <c r="P9859" s="19"/>
      <c r="Q9859" s="19"/>
      <c r="R9859" s="19"/>
      <c r="S9859" s="19"/>
      <c r="T9859" s="19"/>
      <c r="U9859" s="19"/>
      <c r="V9859" s="19"/>
      <c r="W9859" s="19"/>
      <c r="X9859" s="19"/>
      <c r="Y9859" s="19"/>
      <c r="Z9859" s="19"/>
      <c r="AA9859" s="19"/>
    </row>
    <row r="9860" spans="1:27" s="1" customFormat="1" ht="14.1" customHeight="1" outlineLevel="1" x14ac:dyDescent="0.2">
      <c r="A9860" s="17">
        <v>16637</v>
      </c>
      <c r="B9860" s="17"/>
      <c r="C9860" s="17"/>
      <c r="D9860" s="18" t="s">
        <v>4888</v>
      </c>
      <c r="E9860" s="18"/>
      <c r="F9860" s="18"/>
      <c r="G9860" s="18"/>
      <c r="H9860" s="18"/>
      <c r="I9860" s="18"/>
      <c r="J9860" s="18"/>
      <c r="K9860" s="18"/>
      <c r="L9860" s="18"/>
      <c r="M9860" s="18"/>
      <c r="N9860" s="18"/>
      <c r="O9860" s="18"/>
      <c r="P9860" s="19">
        <v>600</v>
      </c>
      <c r="Q9860" s="19"/>
      <c r="R9860" s="19"/>
      <c r="S9860" s="19"/>
      <c r="T9860" s="19">
        <v>500</v>
      </c>
      <c r="U9860" s="19"/>
      <c r="V9860" s="19"/>
      <c r="W9860" s="19"/>
      <c r="X9860" s="19">
        <v>1</v>
      </c>
      <c r="Y9860" s="19"/>
      <c r="Z9860" s="19"/>
      <c r="AA9860" s="19"/>
    </row>
    <row r="9861" spans="1:27" s="1" customFormat="1" ht="14.1" customHeight="1" outlineLevel="1" x14ac:dyDescent="0.2">
      <c r="A9861" s="17"/>
      <c r="B9861" s="17"/>
      <c r="C9861" s="17"/>
      <c r="D9861" s="18"/>
      <c r="E9861" s="18"/>
      <c r="F9861" s="18"/>
      <c r="G9861" s="18"/>
      <c r="H9861" s="18"/>
      <c r="I9861" s="18"/>
      <c r="J9861" s="18"/>
      <c r="K9861" s="18"/>
      <c r="L9861" s="18"/>
      <c r="M9861" s="18"/>
      <c r="N9861" s="18"/>
      <c r="O9861" s="18"/>
      <c r="P9861" s="19"/>
      <c r="Q9861" s="19"/>
      <c r="R9861" s="19"/>
      <c r="S9861" s="19"/>
      <c r="T9861" s="19"/>
      <c r="U9861" s="19"/>
      <c r="V9861" s="19"/>
      <c r="W9861" s="19"/>
      <c r="X9861" s="19"/>
      <c r="Y9861" s="19"/>
      <c r="Z9861" s="19"/>
      <c r="AA9861" s="19"/>
    </row>
    <row r="9862" spans="1:27" s="1" customFormat="1" ht="11.1" customHeight="1" x14ac:dyDescent="0.2">
      <c r="A9862" s="16" t="s">
        <v>4889</v>
      </c>
      <c r="B9862" s="16"/>
      <c r="C9862" s="16"/>
      <c r="D9862" s="16"/>
      <c r="E9862" s="16"/>
      <c r="F9862" s="16"/>
      <c r="G9862" s="16"/>
      <c r="H9862" s="16"/>
      <c r="I9862" s="16"/>
      <c r="J9862" s="16"/>
      <c r="K9862" s="16"/>
      <c r="L9862" s="16"/>
      <c r="M9862" s="16"/>
      <c r="N9862" s="16"/>
      <c r="O9862" s="16"/>
      <c r="P9862" s="16"/>
      <c r="Q9862" s="16"/>
      <c r="R9862" s="16"/>
      <c r="S9862" s="16"/>
      <c r="T9862" s="16"/>
      <c r="U9862" s="16"/>
      <c r="V9862" s="16"/>
      <c r="W9862" s="16"/>
      <c r="X9862" s="16"/>
      <c r="Y9862" s="16"/>
      <c r="Z9862" s="16"/>
      <c r="AA9862" s="16"/>
    </row>
    <row r="9863" spans="1:27" s="1" customFormat="1" ht="11.1" customHeight="1" x14ac:dyDescent="0.2">
      <c r="A9863" s="16"/>
      <c r="B9863" s="16"/>
      <c r="C9863" s="16"/>
      <c r="D9863" s="16"/>
      <c r="E9863" s="16"/>
      <c r="F9863" s="16"/>
      <c r="G9863" s="16"/>
      <c r="H9863" s="16"/>
      <c r="I9863" s="16"/>
      <c r="J9863" s="16"/>
      <c r="K9863" s="16"/>
      <c r="L9863" s="16"/>
      <c r="M9863" s="16"/>
      <c r="N9863" s="16"/>
      <c r="O9863" s="16"/>
      <c r="P9863" s="16"/>
      <c r="Q9863" s="16"/>
      <c r="R9863" s="16"/>
      <c r="S9863" s="16"/>
      <c r="T9863" s="16"/>
      <c r="U9863" s="16"/>
      <c r="V9863" s="16"/>
      <c r="W9863" s="16"/>
      <c r="X9863" s="16"/>
      <c r="Y9863" s="16"/>
      <c r="Z9863" s="16"/>
      <c r="AA9863" s="16"/>
    </row>
    <row r="9864" spans="1:27" s="1" customFormat="1" ht="11.1" customHeight="1" outlineLevel="1" x14ac:dyDescent="0.2">
      <c r="A9864" s="17">
        <v>16696</v>
      </c>
      <c r="B9864" s="17"/>
      <c r="C9864" s="17"/>
      <c r="D9864" s="18" t="s">
        <v>4890</v>
      </c>
      <c r="E9864" s="18"/>
      <c r="F9864" s="18"/>
      <c r="G9864" s="18"/>
      <c r="H9864" s="18"/>
      <c r="I9864" s="18"/>
      <c r="J9864" s="18"/>
      <c r="K9864" s="18"/>
      <c r="L9864" s="18"/>
      <c r="M9864" s="18"/>
      <c r="N9864" s="18"/>
      <c r="O9864" s="18"/>
      <c r="P9864" s="19">
        <v>100</v>
      </c>
      <c r="Q9864" s="19"/>
      <c r="R9864" s="19"/>
      <c r="S9864" s="19"/>
      <c r="T9864" s="19">
        <v>50</v>
      </c>
      <c r="U9864" s="19"/>
      <c r="V9864" s="19"/>
      <c r="W9864" s="19"/>
      <c r="X9864" s="19">
        <v>1</v>
      </c>
      <c r="Y9864" s="19"/>
      <c r="Z9864" s="19"/>
      <c r="AA9864" s="19"/>
    </row>
    <row r="9865" spans="1:27" s="1" customFormat="1" ht="11.1" customHeight="1" outlineLevel="1" x14ac:dyDescent="0.2">
      <c r="A9865" s="17"/>
      <c r="B9865" s="17"/>
      <c r="C9865" s="17"/>
      <c r="D9865" s="18"/>
      <c r="E9865" s="18"/>
      <c r="F9865" s="18"/>
      <c r="G9865" s="18"/>
      <c r="H9865" s="18"/>
      <c r="I9865" s="18"/>
      <c r="J9865" s="18"/>
      <c r="K9865" s="18"/>
      <c r="L9865" s="18"/>
      <c r="M9865" s="18"/>
      <c r="N9865" s="18"/>
      <c r="O9865" s="18"/>
      <c r="P9865" s="19"/>
      <c r="Q9865" s="19"/>
      <c r="R9865" s="19"/>
      <c r="S9865" s="19"/>
      <c r="T9865" s="19"/>
      <c r="U9865" s="19"/>
      <c r="V9865" s="19"/>
      <c r="W9865" s="19"/>
      <c r="X9865" s="19"/>
      <c r="Y9865" s="19"/>
      <c r="Z9865" s="19"/>
      <c r="AA9865" s="19"/>
    </row>
    <row r="9866" spans="1:27" s="1" customFormat="1" ht="14.1" customHeight="1" outlineLevel="1" x14ac:dyDescent="0.2">
      <c r="A9866" s="17">
        <v>17051</v>
      </c>
      <c r="B9866" s="17"/>
      <c r="C9866" s="17"/>
      <c r="D9866" s="18" t="s">
        <v>4891</v>
      </c>
      <c r="E9866" s="18"/>
      <c r="F9866" s="18"/>
      <c r="G9866" s="18"/>
      <c r="H9866" s="18"/>
      <c r="I9866" s="18"/>
      <c r="J9866" s="18"/>
      <c r="K9866" s="18"/>
      <c r="L9866" s="18"/>
      <c r="M9866" s="18"/>
      <c r="N9866" s="18"/>
      <c r="O9866" s="18"/>
      <c r="P9866" s="19">
        <v>250</v>
      </c>
      <c r="Q9866" s="19"/>
      <c r="R9866" s="19"/>
      <c r="S9866" s="19"/>
      <c r="T9866" s="19">
        <v>150</v>
      </c>
      <c r="U9866" s="19"/>
      <c r="V9866" s="19"/>
      <c r="W9866" s="19"/>
      <c r="X9866" s="19">
        <v>1</v>
      </c>
      <c r="Y9866" s="19"/>
      <c r="Z9866" s="19"/>
      <c r="AA9866" s="19"/>
    </row>
    <row r="9867" spans="1:27" s="1" customFormat="1" ht="14.1" customHeight="1" outlineLevel="1" x14ac:dyDescent="0.2">
      <c r="A9867" s="17"/>
      <c r="B9867" s="17"/>
      <c r="C9867" s="17"/>
      <c r="D9867" s="18"/>
      <c r="E9867" s="18"/>
      <c r="F9867" s="18"/>
      <c r="G9867" s="18"/>
      <c r="H9867" s="18"/>
      <c r="I9867" s="18"/>
      <c r="J9867" s="18"/>
      <c r="K9867" s="18"/>
      <c r="L9867" s="18"/>
      <c r="M9867" s="18"/>
      <c r="N9867" s="18"/>
      <c r="O9867" s="18"/>
      <c r="P9867" s="19"/>
      <c r="Q9867" s="19"/>
      <c r="R9867" s="19"/>
      <c r="S9867" s="19"/>
      <c r="T9867" s="19"/>
      <c r="U9867" s="19"/>
      <c r="V9867" s="19"/>
      <c r="W9867" s="19"/>
      <c r="X9867" s="19"/>
      <c r="Y9867" s="19"/>
      <c r="Z9867" s="19"/>
      <c r="AA9867" s="19"/>
    </row>
    <row r="9868" spans="1:27" s="1" customFormat="1" ht="14.1" customHeight="1" outlineLevel="1" x14ac:dyDescent="0.2">
      <c r="A9868" s="17">
        <v>16728</v>
      </c>
      <c r="B9868" s="17"/>
      <c r="C9868" s="17"/>
      <c r="D9868" s="18" t="s">
        <v>4892</v>
      </c>
      <c r="E9868" s="18"/>
      <c r="F9868" s="18"/>
      <c r="G9868" s="18"/>
      <c r="H9868" s="18"/>
      <c r="I9868" s="18"/>
      <c r="J9868" s="18"/>
      <c r="K9868" s="18"/>
      <c r="L9868" s="18"/>
      <c r="M9868" s="18"/>
      <c r="N9868" s="18"/>
      <c r="O9868" s="18"/>
      <c r="P9868" s="19">
        <v>150</v>
      </c>
      <c r="Q9868" s="19"/>
      <c r="R9868" s="19"/>
      <c r="S9868" s="19"/>
      <c r="T9868" s="19">
        <v>100</v>
      </c>
      <c r="U9868" s="19"/>
      <c r="V9868" s="19"/>
      <c r="W9868" s="19"/>
      <c r="X9868" s="19">
        <v>1</v>
      </c>
      <c r="Y9868" s="19"/>
      <c r="Z9868" s="19"/>
      <c r="AA9868" s="19"/>
    </row>
    <row r="9869" spans="1:27" s="1" customFormat="1" ht="14.1" customHeight="1" outlineLevel="1" x14ac:dyDescent="0.2">
      <c r="A9869" s="17"/>
      <c r="B9869" s="17"/>
      <c r="C9869" s="17"/>
      <c r="D9869" s="18"/>
      <c r="E9869" s="18"/>
      <c r="F9869" s="18"/>
      <c r="G9869" s="18"/>
      <c r="H9869" s="18"/>
      <c r="I9869" s="18"/>
      <c r="J9869" s="18"/>
      <c r="K9869" s="18"/>
      <c r="L9869" s="18"/>
      <c r="M9869" s="18"/>
      <c r="N9869" s="18"/>
      <c r="O9869" s="18"/>
      <c r="P9869" s="19"/>
      <c r="Q9869" s="19"/>
      <c r="R9869" s="19"/>
      <c r="S9869" s="19"/>
      <c r="T9869" s="19"/>
      <c r="U9869" s="19"/>
      <c r="V9869" s="19"/>
      <c r="W9869" s="19"/>
      <c r="X9869" s="19"/>
      <c r="Y9869" s="19"/>
      <c r="Z9869" s="19"/>
      <c r="AA9869" s="19"/>
    </row>
    <row r="9870" spans="1:27" s="1" customFormat="1" ht="14.1" customHeight="1" outlineLevel="1" x14ac:dyDescent="0.2">
      <c r="A9870" s="17">
        <v>16617</v>
      </c>
      <c r="B9870" s="17"/>
      <c r="C9870" s="17"/>
      <c r="D9870" s="18" t="s">
        <v>4893</v>
      </c>
      <c r="E9870" s="18"/>
      <c r="F9870" s="18"/>
      <c r="G9870" s="18"/>
      <c r="H9870" s="18"/>
      <c r="I9870" s="18"/>
      <c r="J9870" s="18"/>
      <c r="K9870" s="18"/>
      <c r="L9870" s="18"/>
      <c r="M9870" s="18"/>
      <c r="N9870" s="18"/>
      <c r="O9870" s="18"/>
      <c r="P9870" s="19">
        <v>900</v>
      </c>
      <c r="Q9870" s="19"/>
      <c r="R9870" s="19"/>
      <c r="S9870" s="19"/>
      <c r="T9870" s="19">
        <v>800</v>
      </c>
      <c r="U9870" s="19"/>
      <c r="V9870" s="19"/>
      <c r="W9870" s="19"/>
      <c r="X9870" s="19">
        <v>3</v>
      </c>
      <c r="Y9870" s="19"/>
      <c r="Z9870" s="19"/>
      <c r="AA9870" s="19"/>
    </row>
    <row r="9871" spans="1:27" s="1" customFormat="1" ht="14.1" customHeight="1" outlineLevel="1" x14ac:dyDescent="0.2">
      <c r="A9871" s="17"/>
      <c r="B9871" s="17"/>
      <c r="C9871" s="17"/>
      <c r="D9871" s="18"/>
      <c r="E9871" s="18"/>
      <c r="F9871" s="18"/>
      <c r="G9871" s="18"/>
      <c r="H9871" s="18"/>
      <c r="I9871" s="18"/>
      <c r="J9871" s="18"/>
      <c r="K9871" s="18"/>
      <c r="L9871" s="18"/>
      <c r="M9871" s="18"/>
      <c r="N9871" s="18"/>
      <c r="O9871" s="18"/>
      <c r="P9871" s="19"/>
      <c r="Q9871" s="19"/>
      <c r="R9871" s="19"/>
      <c r="S9871" s="19"/>
      <c r="T9871" s="19"/>
      <c r="U9871" s="19"/>
      <c r="V9871" s="19"/>
      <c r="W9871" s="19"/>
      <c r="X9871" s="19"/>
      <c r="Y9871" s="19"/>
      <c r="Z9871" s="19"/>
      <c r="AA9871" s="19"/>
    </row>
    <row r="9872" spans="1:27" s="1" customFormat="1" ht="14.1" customHeight="1" outlineLevel="1" x14ac:dyDescent="0.2">
      <c r="A9872" s="17">
        <v>8724</v>
      </c>
      <c r="B9872" s="17"/>
      <c r="C9872" s="17"/>
      <c r="D9872" s="18" t="s">
        <v>4894</v>
      </c>
      <c r="E9872" s="18"/>
      <c r="F9872" s="18"/>
      <c r="G9872" s="18"/>
      <c r="H9872" s="18"/>
      <c r="I9872" s="18"/>
      <c r="J9872" s="18"/>
      <c r="K9872" s="18"/>
      <c r="L9872" s="18"/>
      <c r="M9872" s="18"/>
      <c r="N9872" s="18"/>
      <c r="O9872" s="18"/>
      <c r="P9872" s="19">
        <v>680</v>
      </c>
      <c r="Q9872" s="19"/>
      <c r="R9872" s="19"/>
      <c r="S9872" s="19"/>
      <c r="T9872" s="19">
        <v>600</v>
      </c>
      <c r="U9872" s="19"/>
      <c r="V9872" s="19"/>
      <c r="W9872" s="19"/>
      <c r="X9872" s="19">
        <v>1</v>
      </c>
      <c r="Y9872" s="19"/>
      <c r="Z9872" s="19"/>
      <c r="AA9872" s="19"/>
    </row>
    <row r="9873" spans="1:27" s="1" customFormat="1" ht="14.1" customHeight="1" outlineLevel="1" x14ac:dyDescent="0.2">
      <c r="A9873" s="17"/>
      <c r="B9873" s="17"/>
      <c r="C9873" s="17"/>
      <c r="D9873" s="18"/>
      <c r="E9873" s="18"/>
      <c r="F9873" s="18"/>
      <c r="G9873" s="18"/>
      <c r="H9873" s="18"/>
      <c r="I9873" s="18"/>
      <c r="J9873" s="18"/>
      <c r="K9873" s="18"/>
      <c r="L9873" s="18"/>
      <c r="M9873" s="18"/>
      <c r="N9873" s="18"/>
      <c r="O9873" s="18"/>
      <c r="P9873" s="19"/>
      <c r="Q9873" s="19"/>
      <c r="R9873" s="19"/>
      <c r="S9873" s="19"/>
      <c r="T9873" s="19"/>
      <c r="U9873" s="19"/>
      <c r="V9873" s="19"/>
      <c r="W9873" s="19"/>
      <c r="X9873" s="19"/>
      <c r="Y9873" s="19"/>
      <c r="Z9873" s="19"/>
      <c r="AA9873" s="19"/>
    </row>
    <row r="9874" spans="1:27" s="1" customFormat="1" ht="14.1" customHeight="1" outlineLevel="1" x14ac:dyDescent="0.2">
      <c r="A9874" s="17">
        <v>12872</v>
      </c>
      <c r="B9874" s="17"/>
      <c r="C9874" s="17"/>
      <c r="D9874" s="18" t="s">
        <v>4895</v>
      </c>
      <c r="E9874" s="18"/>
      <c r="F9874" s="18"/>
      <c r="G9874" s="18"/>
      <c r="H9874" s="18"/>
      <c r="I9874" s="18"/>
      <c r="J9874" s="18"/>
      <c r="K9874" s="18"/>
      <c r="L9874" s="18"/>
      <c r="M9874" s="18"/>
      <c r="N9874" s="18"/>
      <c r="O9874" s="18"/>
      <c r="P9874" s="19">
        <v>650</v>
      </c>
      <c r="Q9874" s="19"/>
      <c r="R9874" s="19"/>
      <c r="S9874" s="19"/>
      <c r="T9874" s="19">
        <v>550</v>
      </c>
      <c r="U9874" s="19"/>
      <c r="V9874" s="19"/>
      <c r="W9874" s="19"/>
      <c r="X9874" s="19">
        <v>3</v>
      </c>
      <c r="Y9874" s="19"/>
      <c r="Z9874" s="19"/>
      <c r="AA9874" s="19"/>
    </row>
    <row r="9875" spans="1:27" s="1" customFormat="1" ht="14.1" customHeight="1" outlineLevel="1" x14ac:dyDescent="0.2">
      <c r="A9875" s="17"/>
      <c r="B9875" s="17"/>
      <c r="C9875" s="17"/>
      <c r="D9875" s="18"/>
      <c r="E9875" s="18"/>
      <c r="F9875" s="18"/>
      <c r="G9875" s="18"/>
      <c r="H9875" s="18"/>
      <c r="I9875" s="18"/>
      <c r="J9875" s="18"/>
      <c r="K9875" s="18"/>
      <c r="L9875" s="18"/>
      <c r="M9875" s="18"/>
      <c r="N9875" s="18"/>
      <c r="O9875" s="18"/>
      <c r="P9875" s="19"/>
      <c r="Q9875" s="19"/>
      <c r="R9875" s="19"/>
      <c r="S9875" s="19"/>
      <c r="T9875" s="19"/>
      <c r="U9875" s="19"/>
      <c r="V9875" s="19"/>
      <c r="W9875" s="19"/>
      <c r="X9875" s="19"/>
      <c r="Y9875" s="19"/>
      <c r="Z9875" s="19"/>
      <c r="AA9875" s="19"/>
    </row>
    <row r="9876" spans="1:27" s="1" customFormat="1" ht="14.1" customHeight="1" outlineLevel="1" x14ac:dyDescent="0.2">
      <c r="A9876" s="17">
        <v>17825</v>
      </c>
      <c r="B9876" s="17"/>
      <c r="C9876" s="17"/>
      <c r="D9876" s="18" t="s">
        <v>4896</v>
      </c>
      <c r="E9876" s="18"/>
      <c r="F9876" s="18"/>
      <c r="G9876" s="18"/>
      <c r="H9876" s="18"/>
      <c r="I9876" s="18"/>
      <c r="J9876" s="18"/>
      <c r="K9876" s="18"/>
      <c r="L9876" s="18"/>
      <c r="M9876" s="18"/>
      <c r="N9876" s="18"/>
      <c r="O9876" s="18"/>
      <c r="P9876" s="20">
        <v>1000</v>
      </c>
      <c r="Q9876" s="20"/>
      <c r="R9876" s="20"/>
      <c r="S9876" s="20"/>
      <c r="T9876" s="19">
        <v>800</v>
      </c>
      <c r="U9876" s="19"/>
      <c r="V9876" s="19"/>
      <c r="W9876" s="19"/>
      <c r="X9876" s="19">
        <v>1</v>
      </c>
      <c r="Y9876" s="19"/>
      <c r="Z9876" s="19"/>
      <c r="AA9876" s="19"/>
    </row>
    <row r="9877" spans="1:27" s="1" customFormat="1" ht="14.1" customHeight="1" outlineLevel="1" x14ac:dyDescent="0.2">
      <c r="A9877" s="17"/>
      <c r="B9877" s="17"/>
      <c r="C9877" s="17"/>
      <c r="D9877" s="18"/>
      <c r="E9877" s="18"/>
      <c r="F9877" s="18"/>
      <c r="G9877" s="18"/>
      <c r="H9877" s="18"/>
      <c r="I9877" s="18"/>
      <c r="J9877" s="18"/>
      <c r="K9877" s="18"/>
      <c r="L9877" s="18"/>
      <c r="M9877" s="18"/>
      <c r="N9877" s="18"/>
      <c r="O9877" s="18"/>
      <c r="P9877" s="20"/>
      <c r="Q9877" s="20"/>
      <c r="R9877" s="20"/>
      <c r="S9877" s="20"/>
      <c r="T9877" s="19"/>
      <c r="U9877" s="19"/>
      <c r="V9877" s="19"/>
      <c r="W9877" s="19"/>
      <c r="X9877" s="19"/>
      <c r="Y9877" s="19"/>
      <c r="Z9877" s="19"/>
      <c r="AA9877" s="19"/>
    </row>
    <row r="9878" spans="1:27" s="1" customFormat="1" ht="14.1" customHeight="1" outlineLevel="1" x14ac:dyDescent="0.2">
      <c r="A9878" s="17">
        <v>15109</v>
      </c>
      <c r="B9878" s="17"/>
      <c r="C9878" s="17"/>
      <c r="D9878" s="18" t="s">
        <v>4897</v>
      </c>
      <c r="E9878" s="18"/>
      <c r="F9878" s="18"/>
      <c r="G9878" s="18"/>
      <c r="H9878" s="18"/>
      <c r="I9878" s="18"/>
      <c r="J9878" s="18"/>
      <c r="K9878" s="18"/>
      <c r="L9878" s="18"/>
      <c r="M9878" s="18"/>
      <c r="N9878" s="18"/>
      <c r="O9878" s="18"/>
      <c r="P9878" s="19">
        <v>800</v>
      </c>
      <c r="Q9878" s="19"/>
      <c r="R9878" s="19"/>
      <c r="S9878" s="19"/>
      <c r="T9878" s="19">
        <v>700</v>
      </c>
      <c r="U9878" s="19"/>
      <c r="V9878" s="19"/>
      <c r="W9878" s="19"/>
      <c r="X9878" s="19">
        <v>2</v>
      </c>
      <c r="Y9878" s="19"/>
      <c r="Z9878" s="19"/>
      <c r="AA9878" s="19"/>
    </row>
    <row r="9879" spans="1:27" s="1" customFormat="1" ht="14.1" customHeight="1" outlineLevel="1" x14ac:dyDescent="0.2">
      <c r="A9879" s="17"/>
      <c r="B9879" s="17"/>
      <c r="C9879" s="17"/>
      <c r="D9879" s="18"/>
      <c r="E9879" s="18"/>
      <c r="F9879" s="18"/>
      <c r="G9879" s="18"/>
      <c r="H9879" s="18"/>
      <c r="I9879" s="18"/>
      <c r="J9879" s="18"/>
      <c r="K9879" s="18"/>
      <c r="L9879" s="18"/>
      <c r="M9879" s="18"/>
      <c r="N9879" s="18"/>
      <c r="O9879" s="18"/>
      <c r="P9879" s="19"/>
      <c r="Q9879" s="19"/>
      <c r="R9879" s="19"/>
      <c r="S9879" s="19"/>
      <c r="T9879" s="19"/>
      <c r="U9879" s="19"/>
      <c r="V9879" s="19"/>
      <c r="W9879" s="19"/>
      <c r="X9879" s="19"/>
      <c r="Y9879" s="19"/>
      <c r="Z9879" s="19"/>
      <c r="AA9879" s="19"/>
    </row>
    <row r="9880" spans="1:27" s="1" customFormat="1" ht="14.1" customHeight="1" outlineLevel="1" x14ac:dyDescent="0.2">
      <c r="A9880" s="17">
        <v>12822</v>
      </c>
      <c r="B9880" s="17"/>
      <c r="C9880" s="17"/>
      <c r="D9880" s="18" t="s">
        <v>4898</v>
      </c>
      <c r="E9880" s="18"/>
      <c r="F9880" s="18"/>
      <c r="G9880" s="18"/>
      <c r="H9880" s="18"/>
      <c r="I9880" s="18"/>
      <c r="J9880" s="18"/>
      <c r="K9880" s="18"/>
      <c r="L9880" s="18"/>
      <c r="M9880" s="18"/>
      <c r="N9880" s="18"/>
      <c r="O9880" s="18"/>
      <c r="P9880" s="19">
        <v>700</v>
      </c>
      <c r="Q9880" s="19"/>
      <c r="R9880" s="19"/>
      <c r="S9880" s="19"/>
      <c r="T9880" s="19">
        <v>500</v>
      </c>
      <c r="U9880" s="19"/>
      <c r="V9880" s="19"/>
      <c r="W9880" s="19"/>
      <c r="X9880" s="19">
        <v>2</v>
      </c>
      <c r="Y9880" s="19"/>
      <c r="Z9880" s="19"/>
      <c r="AA9880" s="19"/>
    </row>
    <row r="9881" spans="1:27" s="1" customFormat="1" ht="14.1" customHeight="1" outlineLevel="1" x14ac:dyDescent="0.2">
      <c r="A9881" s="17"/>
      <c r="B9881" s="17"/>
      <c r="C9881" s="17"/>
      <c r="D9881" s="18"/>
      <c r="E9881" s="18"/>
      <c r="F9881" s="18"/>
      <c r="G9881" s="18"/>
      <c r="H9881" s="18"/>
      <c r="I9881" s="18"/>
      <c r="J9881" s="18"/>
      <c r="K9881" s="18"/>
      <c r="L9881" s="18"/>
      <c r="M9881" s="18"/>
      <c r="N9881" s="18"/>
      <c r="O9881" s="18"/>
      <c r="P9881" s="19"/>
      <c r="Q9881" s="19"/>
      <c r="R9881" s="19"/>
      <c r="S9881" s="19"/>
      <c r="T9881" s="19"/>
      <c r="U9881" s="19"/>
      <c r="V9881" s="19"/>
      <c r="W9881" s="19"/>
      <c r="X9881" s="19"/>
      <c r="Y9881" s="19"/>
      <c r="Z9881" s="19"/>
      <c r="AA9881" s="19"/>
    </row>
    <row r="9882" spans="1:27" s="1" customFormat="1" ht="14.1" customHeight="1" outlineLevel="1" x14ac:dyDescent="0.2">
      <c r="A9882" s="17">
        <v>12861</v>
      </c>
      <c r="B9882" s="17"/>
      <c r="C9882" s="17"/>
      <c r="D9882" s="18" t="s">
        <v>4899</v>
      </c>
      <c r="E9882" s="18"/>
      <c r="F9882" s="18"/>
      <c r="G9882" s="18"/>
      <c r="H9882" s="18"/>
      <c r="I9882" s="18"/>
      <c r="J9882" s="18"/>
      <c r="K9882" s="18"/>
      <c r="L9882" s="18"/>
      <c r="M9882" s="18"/>
      <c r="N9882" s="18"/>
      <c r="O9882" s="18"/>
      <c r="P9882" s="19">
        <v>530</v>
      </c>
      <c r="Q9882" s="19"/>
      <c r="R9882" s="19"/>
      <c r="S9882" s="19"/>
      <c r="T9882" s="19">
        <v>450</v>
      </c>
      <c r="U9882" s="19"/>
      <c r="V9882" s="19"/>
      <c r="W9882" s="19"/>
      <c r="X9882" s="19">
        <v>1</v>
      </c>
      <c r="Y9882" s="19"/>
      <c r="Z9882" s="19"/>
      <c r="AA9882" s="19"/>
    </row>
    <row r="9883" spans="1:27" s="1" customFormat="1" ht="14.1" customHeight="1" outlineLevel="1" x14ac:dyDescent="0.2">
      <c r="A9883" s="17"/>
      <c r="B9883" s="17"/>
      <c r="C9883" s="17"/>
      <c r="D9883" s="18"/>
      <c r="E9883" s="18"/>
      <c r="F9883" s="18"/>
      <c r="G9883" s="18"/>
      <c r="H9883" s="18"/>
      <c r="I9883" s="18"/>
      <c r="J9883" s="18"/>
      <c r="K9883" s="18"/>
      <c r="L9883" s="18"/>
      <c r="M9883" s="18"/>
      <c r="N9883" s="18"/>
      <c r="O9883" s="18"/>
      <c r="P9883" s="19"/>
      <c r="Q9883" s="19"/>
      <c r="R9883" s="19"/>
      <c r="S9883" s="19"/>
      <c r="T9883" s="19"/>
      <c r="U9883" s="19"/>
      <c r="V9883" s="19"/>
      <c r="W9883" s="19"/>
      <c r="X9883" s="19"/>
      <c r="Y9883" s="19"/>
      <c r="Z9883" s="19"/>
      <c r="AA9883" s="19"/>
    </row>
    <row r="9884" spans="1:27" s="1" customFormat="1" ht="14.1" customHeight="1" outlineLevel="1" x14ac:dyDescent="0.2">
      <c r="A9884" s="17">
        <v>16202</v>
      </c>
      <c r="B9884" s="17"/>
      <c r="C9884" s="17"/>
      <c r="D9884" s="18" t="s">
        <v>4900</v>
      </c>
      <c r="E9884" s="18"/>
      <c r="F9884" s="18"/>
      <c r="G9884" s="18"/>
      <c r="H9884" s="18"/>
      <c r="I9884" s="18"/>
      <c r="J9884" s="18"/>
      <c r="K9884" s="18"/>
      <c r="L9884" s="18"/>
      <c r="M9884" s="18"/>
      <c r="N9884" s="18"/>
      <c r="O9884" s="18"/>
      <c r="P9884" s="19">
        <v>790</v>
      </c>
      <c r="Q9884" s="19"/>
      <c r="R9884" s="19"/>
      <c r="S9884" s="19"/>
      <c r="T9884" s="19">
        <v>650</v>
      </c>
      <c r="U9884" s="19"/>
      <c r="V9884" s="19"/>
      <c r="W9884" s="19"/>
      <c r="X9884" s="19">
        <v>1</v>
      </c>
      <c r="Y9884" s="19"/>
      <c r="Z9884" s="19"/>
      <c r="AA9884" s="19"/>
    </row>
    <row r="9885" spans="1:27" s="1" customFormat="1" ht="14.1" customHeight="1" outlineLevel="1" x14ac:dyDescent="0.2">
      <c r="A9885" s="17"/>
      <c r="B9885" s="17"/>
      <c r="C9885" s="17"/>
      <c r="D9885" s="18"/>
      <c r="E9885" s="18"/>
      <c r="F9885" s="18"/>
      <c r="G9885" s="18"/>
      <c r="H9885" s="18"/>
      <c r="I9885" s="18"/>
      <c r="J9885" s="18"/>
      <c r="K9885" s="18"/>
      <c r="L9885" s="18"/>
      <c r="M9885" s="18"/>
      <c r="N9885" s="18"/>
      <c r="O9885" s="18"/>
      <c r="P9885" s="19"/>
      <c r="Q9885" s="19"/>
      <c r="R9885" s="19"/>
      <c r="S9885" s="19"/>
      <c r="T9885" s="19"/>
      <c r="U9885" s="19"/>
      <c r="V9885" s="19"/>
      <c r="W9885" s="19"/>
      <c r="X9885" s="19"/>
      <c r="Y9885" s="19"/>
      <c r="Z9885" s="19"/>
      <c r="AA9885" s="19"/>
    </row>
    <row r="9886" spans="1:27" s="1" customFormat="1" ht="14.1" customHeight="1" outlineLevel="1" x14ac:dyDescent="0.2">
      <c r="A9886" s="17">
        <v>15561</v>
      </c>
      <c r="B9886" s="17"/>
      <c r="C9886" s="17"/>
      <c r="D9886" s="18" t="s">
        <v>4901</v>
      </c>
      <c r="E9886" s="18"/>
      <c r="F9886" s="18"/>
      <c r="G9886" s="18"/>
      <c r="H9886" s="18"/>
      <c r="I9886" s="18"/>
      <c r="J9886" s="18"/>
      <c r="K9886" s="18"/>
      <c r="L9886" s="18"/>
      <c r="M9886" s="18"/>
      <c r="N9886" s="18"/>
      <c r="O9886" s="18"/>
      <c r="P9886" s="20">
        <v>1300</v>
      </c>
      <c r="Q9886" s="20"/>
      <c r="R9886" s="20"/>
      <c r="S9886" s="20"/>
      <c r="T9886" s="20">
        <v>1000</v>
      </c>
      <c r="U9886" s="20"/>
      <c r="V9886" s="20"/>
      <c r="W9886" s="20"/>
      <c r="X9886" s="19">
        <v>1</v>
      </c>
      <c r="Y9886" s="19"/>
      <c r="Z9886" s="19"/>
      <c r="AA9886" s="19"/>
    </row>
    <row r="9887" spans="1:27" s="1" customFormat="1" ht="14.1" customHeight="1" outlineLevel="1" x14ac:dyDescent="0.2">
      <c r="A9887" s="17"/>
      <c r="B9887" s="17"/>
      <c r="C9887" s="17"/>
      <c r="D9887" s="18"/>
      <c r="E9887" s="18"/>
      <c r="F9887" s="18"/>
      <c r="G9887" s="18"/>
      <c r="H9887" s="18"/>
      <c r="I9887" s="18"/>
      <c r="J9887" s="18"/>
      <c r="K9887" s="18"/>
      <c r="L9887" s="18"/>
      <c r="M9887" s="18"/>
      <c r="N9887" s="18"/>
      <c r="O9887" s="18"/>
      <c r="P9887" s="20"/>
      <c r="Q9887" s="20"/>
      <c r="R9887" s="20"/>
      <c r="S9887" s="20"/>
      <c r="T9887" s="20"/>
      <c r="U9887" s="20"/>
      <c r="V9887" s="20"/>
      <c r="W9887" s="20"/>
      <c r="X9887" s="19"/>
      <c r="Y9887" s="19"/>
      <c r="Z9887" s="19"/>
      <c r="AA9887" s="19"/>
    </row>
    <row r="9888" spans="1:27" s="1" customFormat="1" ht="14.1" customHeight="1" outlineLevel="1" x14ac:dyDescent="0.2">
      <c r="A9888" s="17">
        <v>16882</v>
      </c>
      <c r="B9888" s="17"/>
      <c r="C9888" s="17"/>
      <c r="D9888" s="18" t="s">
        <v>4902</v>
      </c>
      <c r="E9888" s="18"/>
      <c r="F9888" s="18"/>
      <c r="G9888" s="18"/>
      <c r="H9888" s="18"/>
      <c r="I9888" s="18"/>
      <c r="J9888" s="18"/>
      <c r="K9888" s="18"/>
      <c r="L9888" s="18"/>
      <c r="M9888" s="18"/>
      <c r="N9888" s="18"/>
      <c r="O9888" s="18"/>
      <c r="P9888" s="20">
        <v>2500</v>
      </c>
      <c r="Q9888" s="20"/>
      <c r="R9888" s="20"/>
      <c r="S9888" s="20"/>
      <c r="T9888" s="20">
        <v>2300</v>
      </c>
      <c r="U9888" s="20"/>
      <c r="V9888" s="20"/>
      <c r="W9888" s="20"/>
      <c r="X9888" s="19">
        <v>1</v>
      </c>
      <c r="Y9888" s="19"/>
      <c r="Z9888" s="19"/>
      <c r="AA9888" s="19"/>
    </row>
    <row r="9889" spans="1:27" s="1" customFormat="1" ht="14.1" customHeight="1" outlineLevel="1" x14ac:dyDescent="0.2">
      <c r="A9889" s="17"/>
      <c r="B9889" s="17"/>
      <c r="C9889" s="17"/>
      <c r="D9889" s="18"/>
      <c r="E9889" s="18"/>
      <c r="F9889" s="18"/>
      <c r="G9889" s="18"/>
      <c r="H9889" s="18"/>
      <c r="I9889" s="18"/>
      <c r="J9889" s="18"/>
      <c r="K9889" s="18"/>
      <c r="L9889" s="18"/>
      <c r="M9889" s="18"/>
      <c r="N9889" s="18"/>
      <c r="O9889" s="18"/>
      <c r="P9889" s="20"/>
      <c r="Q9889" s="20"/>
      <c r="R9889" s="20"/>
      <c r="S9889" s="20"/>
      <c r="T9889" s="20"/>
      <c r="U9889" s="20"/>
      <c r="V9889" s="20"/>
      <c r="W9889" s="20"/>
      <c r="X9889" s="19"/>
      <c r="Y9889" s="19"/>
      <c r="Z9889" s="19"/>
      <c r="AA9889" s="19"/>
    </row>
    <row r="9890" spans="1:27" s="1" customFormat="1" ht="14.1" customHeight="1" outlineLevel="1" x14ac:dyDescent="0.2">
      <c r="A9890" s="17">
        <v>18052</v>
      </c>
      <c r="B9890" s="17"/>
      <c r="C9890" s="17"/>
      <c r="D9890" s="18" t="s">
        <v>4903</v>
      </c>
      <c r="E9890" s="18"/>
      <c r="F9890" s="18"/>
      <c r="G9890" s="18"/>
      <c r="H9890" s="18"/>
      <c r="I9890" s="18"/>
      <c r="J9890" s="18"/>
      <c r="K9890" s="18"/>
      <c r="L9890" s="18"/>
      <c r="M9890" s="18"/>
      <c r="N9890" s="18"/>
      <c r="O9890" s="18"/>
      <c r="P9890" s="20">
        <v>1800</v>
      </c>
      <c r="Q9890" s="20"/>
      <c r="R9890" s="20"/>
      <c r="S9890" s="20"/>
      <c r="T9890" s="20">
        <v>1500</v>
      </c>
      <c r="U9890" s="20"/>
      <c r="V9890" s="20"/>
      <c r="W9890" s="20"/>
      <c r="X9890" s="19">
        <v>1</v>
      </c>
      <c r="Y9890" s="19"/>
      <c r="Z9890" s="19"/>
      <c r="AA9890" s="19"/>
    </row>
    <row r="9891" spans="1:27" s="1" customFormat="1" ht="14.1" customHeight="1" outlineLevel="1" x14ac:dyDescent="0.2">
      <c r="A9891" s="17"/>
      <c r="B9891" s="17"/>
      <c r="C9891" s="17"/>
      <c r="D9891" s="18"/>
      <c r="E9891" s="18"/>
      <c r="F9891" s="18"/>
      <c r="G9891" s="18"/>
      <c r="H9891" s="18"/>
      <c r="I9891" s="18"/>
      <c r="J9891" s="18"/>
      <c r="K9891" s="18"/>
      <c r="L9891" s="18"/>
      <c r="M9891" s="18"/>
      <c r="N9891" s="18"/>
      <c r="O9891" s="18"/>
      <c r="P9891" s="20"/>
      <c r="Q9891" s="20"/>
      <c r="R9891" s="20"/>
      <c r="S9891" s="20"/>
      <c r="T9891" s="20"/>
      <c r="U9891" s="20"/>
      <c r="V9891" s="20"/>
      <c r="W9891" s="20"/>
      <c r="X9891" s="19"/>
      <c r="Y9891" s="19"/>
      <c r="Z9891" s="19"/>
      <c r="AA9891" s="19"/>
    </row>
    <row r="9892" spans="1:27" s="1" customFormat="1" ht="14.1" customHeight="1" outlineLevel="1" x14ac:dyDescent="0.2">
      <c r="A9892" s="17">
        <v>12071</v>
      </c>
      <c r="B9892" s="17"/>
      <c r="C9892" s="17"/>
      <c r="D9892" s="18" t="s">
        <v>4904</v>
      </c>
      <c r="E9892" s="18"/>
      <c r="F9892" s="18"/>
      <c r="G9892" s="18"/>
      <c r="H9892" s="18"/>
      <c r="I9892" s="18"/>
      <c r="J9892" s="18"/>
      <c r="K9892" s="18"/>
      <c r="L9892" s="18"/>
      <c r="M9892" s="18"/>
      <c r="N9892" s="18"/>
      <c r="O9892" s="18"/>
      <c r="P9892" s="19">
        <v>900</v>
      </c>
      <c r="Q9892" s="19"/>
      <c r="R9892" s="19"/>
      <c r="S9892" s="19"/>
      <c r="T9892" s="19">
        <v>700</v>
      </c>
      <c r="U9892" s="19"/>
      <c r="V9892" s="19"/>
      <c r="W9892" s="19"/>
      <c r="X9892" s="19">
        <v>2</v>
      </c>
      <c r="Y9892" s="19"/>
      <c r="Z9892" s="19"/>
      <c r="AA9892" s="19"/>
    </row>
    <row r="9893" spans="1:27" s="1" customFormat="1" ht="14.1" customHeight="1" outlineLevel="1" x14ac:dyDescent="0.2">
      <c r="A9893" s="17"/>
      <c r="B9893" s="17"/>
      <c r="C9893" s="17"/>
      <c r="D9893" s="18"/>
      <c r="E9893" s="18"/>
      <c r="F9893" s="18"/>
      <c r="G9893" s="18"/>
      <c r="H9893" s="18"/>
      <c r="I9893" s="18"/>
      <c r="J9893" s="18"/>
      <c r="K9893" s="18"/>
      <c r="L9893" s="18"/>
      <c r="M9893" s="18"/>
      <c r="N9893" s="18"/>
      <c r="O9893" s="18"/>
      <c r="P9893" s="19"/>
      <c r="Q9893" s="19"/>
      <c r="R9893" s="19"/>
      <c r="S9893" s="19"/>
      <c r="T9893" s="19"/>
      <c r="U9893" s="19"/>
      <c r="V9893" s="19"/>
      <c r="W9893" s="19"/>
      <c r="X9893" s="19"/>
      <c r="Y9893" s="19"/>
      <c r="Z9893" s="19"/>
      <c r="AA9893" s="19"/>
    </row>
    <row r="9894" spans="1:27" s="1" customFormat="1" ht="14.1" customHeight="1" outlineLevel="1" x14ac:dyDescent="0.2">
      <c r="A9894" s="17">
        <v>10331</v>
      </c>
      <c r="B9894" s="17"/>
      <c r="C9894" s="17"/>
      <c r="D9894" s="18" t="s">
        <v>4905</v>
      </c>
      <c r="E9894" s="18"/>
      <c r="F9894" s="18"/>
      <c r="G9894" s="18"/>
      <c r="H9894" s="18"/>
      <c r="I9894" s="18"/>
      <c r="J9894" s="18"/>
      <c r="K9894" s="18"/>
      <c r="L9894" s="18"/>
      <c r="M9894" s="18"/>
      <c r="N9894" s="18"/>
      <c r="O9894" s="18"/>
      <c r="P9894" s="19">
        <v>800</v>
      </c>
      <c r="Q9894" s="19"/>
      <c r="R9894" s="19"/>
      <c r="S9894" s="19"/>
      <c r="T9894" s="19">
        <v>700</v>
      </c>
      <c r="U9894" s="19"/>
      <c r="V9894" s="19"/>
      <c r="W9894" s="19"/>
      <c r="X9894" s="19">
        <v>2</v>
      </c>
      <c r="Y9894" s="19"/>
      <c r="Z9894" s="19"/>
      <c r="AA9894" s="19"/>
    </row>
    <row r="9895" spans="1:27" s="1" customFormat="1" ht="14.1" customHeight="1" outlineLevel="1" x14ac:dyDescent="0.2">
      <c r="A9895" s="17"/>
      <c r="B9895" s="17"/>
      <c r="C9895" s="17"/>
      <c r="D9895" s="18"/>
      <c r="E9895" s="18"/>
      <c r="F9895" s="18"/>
      <c r="G9895" s="18"/>
      <c r="H9895" s="18"/>
      <c r="I9895" s="18"/>
      <c r="J9895" s="18"/>
      <c r="K9895" s="18"/>
      <c r="L9895" s="18"/>
      <c r="M9895" s="18"/>
      <c r="N9895" s="18"/>
      <c r="O9895" s="18"/>
      <c r="P9895" s="19"/>
      <c r="Q9895" s="19"/>
      <c r="R9895" s="19"/>
      <c r="S9895" s="19"/>
      <c r="T9895" s="19"/>
      <c r="U9895" s="19"/>
      <c r="V9895" s="19"/>
      <c r="W9895" s="19"/>
      <c r="X9895" s="19"/>
      <c r="Y9895" s="19"/>
      <c r="Z9895" s="19"/>
      <c r="AA9895" s="19"/>
    </row>
    <row r="9896" spans="1:27" s="1" customFormat="1" ht="14.1" customHeight="1" outlineLevel="1" x14ac:dyDescent="0.2">
      <c r="A9896" s="17">
        <v>17388</v>
      </c>
      <c r="B9896" s="17"/>
      <c r="C9896" s="17"/>
      <c r="D9896" s="18" t="s">
        <v>4906</v>
      </c>
      <c r="E9896" s="18"/>
      <c r="F9896" s="18"/>
      <c r="G9896" s="18"/>
      <c r="H9896" s="18"/>
      <c r="I9896" s="18"/>
      <c r="J9896" s="18"/>
      <c r="K9896" s="18"/>
      <c r="L9896" s="18"/>
      <c r="M9896" s="18"/>
      <c r="N9896" s="18"/>
      <c r="O9896" s="18"/>
      <c r="P9896" s="19">
        <v>800</v>
      </c>
      <c r="Q9896" s="19"/>
      <c r="R9896" s="19"/>
      <c r="S9896" s="19"/>
      <c r="T9896" s="19">
        <v>600</v>
      </c>
      <c r="U9896" s="19"/>
      <c r="V9896" s="19"/>
      <c r="W9896" s="19"/>
      <c r="X9896" s="19">
        <v>3</v>
      </c>
      <c r="Y9896" s="19"/>
      <c r="Z9896" s="19"/>
      <c r="AA9896" s="19"/>
    </row>
    <row r="9897" spans="1:27" s="1" customFormat="1" ht="14.1" customHeight="1" outlineLevel="1" x14ac:dyDescent="0.2">
      <c r="A9897" s="17"/>
      <c r="B9897" s="17"/>
      <c r="C9897" s="17"/>
      <c r="D9897" s="18"/>
      <c r="E9897" s="18"/>
      <c r="F9897" s="18"/>
      <c r="G9897" s="18"/>
      <c r="H9897" s="18"/>
      <c r="I9897" s="18"/>
      <c r="J9897" s="18"/>
      <c r="K9897" s="18"/>
      <c r="L9897" s="18"/>
      <c r="M9897" s="18"/>
      <c r="N9897" s="18"/>
      <c r="O9897" s="18"/>
      <c r="P9897" s="19"/>
      <c r="Q9897" s="19"/>
      <c r="R9897" s="19"/>
      <c r="S9897" s="19"/>
      <c r="T9897" s="19"/>
      <c r="U9897" s="19"/>
      <c r="V9897" s="19"/>
      <c r="W9897" s="19"/>
      <c r="X9897" s="19"/>
      <c r="Y9897" s="19"/>
      <c r="Z9897" s="19"/>
      <c r="AA9897" s="19"/>
    </row>
    <row r="9898" spans="1:27" s="1" customFormat="1" ht="14.1" customHeight="1" outlineLevel="1" x14ac:dyDescent="0.2">
      <c r="A9898" s="17">
        <v>16725</v>
      </c>
      <c r="B9898" s="17"/>
      <c r="C9898" s="17"/>
      <c r="D9898" s="18" t="s">
        <v>4907</v>
      </c>
      <c r="E9898" s="18"/>
      <c r="F9898" s="18"/>
      <c r="G9898" s="18"/>
      <c r="H9898" s="18"/>
      <c r="I9898" s="18"/>
      <c r="J9898" s="18"/>
      <c r="K9898" s="18"/>
      <c r="L9898" s="18"/>
      <c r="M9898" s="18"/>
      <c r="N9898" s="18"/>
      <c r="O9898" s="18"/>
      <c r="P9898" s="19">
        <v>600</v>
      </c>
      <c r="Q9898" s="19"/>
      <c r="R9898" s="19"/>
      <c r="S9898" s="19"/>
      <c r="T9898" s="19">
        <v>500</v>
      </c>
      <c r="U9898" s="19"/>
      <c r="V9898" s="19"/>
      <c r="W9898" s="19"/>
      <c r="X9898" s="19">
        <v>1</v>
      </c>
      <c r="Y9898" s="19"/>
      <c r="Z9898" s="19"/>
      <c r="AA9898" s="19"/>
    </row>
    <row r="9899" spans="1:27" s="1" customFormat="1" ht="14.1" customHeight="1" outlineLevel="1" x14ac:dyDescent="0.2">
      <c r="A9899" s="17"/>
      <c r="B9899" s="17"/>
      <c r="C9899" s="17"/>
      <c r="D9899" s="18"/>
      <c r="E9899" s="18"/>
      <c r="F9899" s="18"/>
      <c r="G9899" s="18"/>
      <c r="H9899" s="18"/>
      <c r="I9899" s="18"/>
      <c r="J9899" s="18"/>
      <c r="K9899" s="18"/>
      <c r="L9899" s="18"/>
      <c r="M9899" s="18"/>
      <c r="N9899" s="18"/>
      <c r="O9899" s="18"/>
      <c r="P9899" s="19"/>
      <c r="Q9899" s="19"/>
      <c r="R9899" s="19"/>
      <c r="S9899" s="19"/>
      <c r="T9899" s="19"/>
      <c r="U9899" s="19"/>
      <c r="V9899" s="19"/>
      <c r="W9899" s="19"/>
      <c r="X9899" s="19"/>
      <c r="Y9899" s="19"/>
      <c r="Z9899" s="19"/>
      <c r="AA9899" s="19"/>
    </row>
    <row r="9900" spans="1:27" s="1" customFormat="1" ht="14.1" customHeight="1" outlineLevel="1" x14ac:dyDescent="0.2">
      <c r="A9900" s="17">
        <v>18067</v>
      </c>
      <c r="B9900" s="17"/>
      <c r="C9900" s="17"/>
      <c r="D9900" s="18" t="s">
        <v>4908</v>
      </c>
      <c r="E9900" s="18"/>
      <c r="F9900" s="18"/>
      <c r="G9900" s="18"/>
      <c r="H9900" s="18"/>
      <c r="I9900" s="18"/>
      <c r="J9900" s="18"/>
      <c r="K9900" s="18"/>
      <c r="L9900" s="18"/>
      <c r="M9900" s="18"/>
      <c r="N9900" s="18"/>
      <c r="O9900" s="18"/>
      <c r="P9900" s="20">
        <v>1100</v>
      </c>
      <c r="Q9900" s="20"/>
      <c r="R9900" s="20"/>
      <c r="S9900" s="20"/>
      <c r="T9900" s="20">
        <v>1000</v>
      </c>
      <c r="U9900" s="20"/>
      <c r="V9900" s="20"/>
      <c r="W9900" s="20"/>
      <c r="X9900" s="19">
        <v>1</v>
      </c>
      <c r="Y9900" s="19"/>
      <c r="Z9900" s="19"/>
      <c r="AA9900" s="19"/>
    </row>
    <row r="9901" spans="1:27" s="1" customFormat="1" ht="14.1" customHeight="1" outlineLevel="1" x14ac:dyDescent="0.2">
      <c r="A9901" s="17"/>
      <c r="B9901" s="17"/>
      <c r="C9901" s="17"/>
      <c r="D9901" s="18"/>
      <c r="E9901" s="18"/>
      <c r="F9901" s="18"/>
      <c r="G9901" s="18"/>
      <c r="H9901" s="18"/>
      <c r="I9901" s="18"/>
      <c r="J9901" s="18"/>
      <c r="K9901" s="18"/>
      <c r="L9901" s="18"/>
      <c r="M9901" s="18"/>
      <c r="N9901" s="18"/>
      <c r="O9901" s="18"/>
      <c r="P9901" s="20"/>
      <c r="Q9901" s="20"/>
      <c r="R9901" s="20"/>
      <c r="S9901" s="20"/>
      <c r="T9901" s="20"/>
      <c r="U9901" s="20"/>
      <c r="V9901" s="20"/>
      <c r="W9901" s="20"/>
      <c r="X9901" s="19"/>
      <c r="Y9901" s="19"/>
      <c r="Z9901" s="19"/>
      <c r="AA9901" s="19"/>
    </row>
    <row r="9902" spans="1:27" s="1" customFormat="1" ht="11.1" customHeight="1" outlineLevel="1" x14ac:dyDescent="0.2">
      <c r="A9902" s="17">
        <v>13668</v>
      </c>
      <c r="B9902" s="17"/>
      <c r="C9902" s="17"/>
      <c r="D9902" s="18" t="s">
        <v>4909</v>
      </c>
      <c r="E9902" s="18"/>
      <c r="F9902" s="18"/>
      <c r="G9902" s="18"/>
      <c r="H9902" s="18"/>
      <c r="I9902" s="18"/>
      <c r="J9902" s="18"/>
      <c r="K9902" s="18"/>
      <c r="L9902" s="18"/>
      <c r="M9902" s="18"/>
      <c r="N9902" s="18"/>
      <c r="O9902" s="18"/>
      <c r="P9902" s="19">
        <v>320</v>
      </c>
      <c r="Q9902" s="19"/>
      <c r="R9902" s="19"/>
      <c r="S9902" s="19"/>
      <c r="T9902" s="19">
        <v>280</v>
      </c>
      <c r="U9902" s="19"/>
      <c r="V9902" s="19"/>
      <c r="W9902" s="19"/>
      <c r="X9902" s="19">
        <v>1</v>
      </c>
      <c r="Y9902" s="19"/>
      <c r="Z9902" s="19"/>
      <c r="AA9902" s="19"/>
    </row>
    <row r="9903" spans="1:27" s="1" customFormat="1" ht="11.1" customHeight="1" outlineLevel="1" x14ac:dyDescent="0.2">
      <c r="A9903" s="17"/>
      <c r="B9903" s="17"/>
      <c r="C9903" s="17"/>
      <c r="D9903" s="18"/>
      <c r="E9903" s="18"/>
      <c r="F9903" s="18"/>
      <c r="G9903" s="18"/>
      <c r="H9903" s="18"/>
      <c r="I9903" s="18"/>
      <c r="J9903" s="18"/>
      <c r="K9903" s="18"/>
      <c r="L9903" s="18"/>
      <c r="M9903" s="18"/>
      <c r="N9903" s="18"/>
      <c r="O9903" s="18"/>
      <c r="P9903" s="19"/>
      <c r="Q9903" s="19"/>
      <c r="R9903" s="19"/>
      <c r="S9903" s="19"/>
      <c r="T9903" s="19"/>
      <c r="U9903" s="19"/>
      <c r="V9903" s="19"/>
      <c r="W9903" s="19"/>
      <c r="X9903" s="19"/>
      <c r="Y9903" s="19"/>
      <c r="Z9903" s="19"/>
      <c r="AA9903" s="19"/>
    </row>
    <row r="9904" spans="1:27" s="1" customFormat="1" ht="14.1" customHeight="1" outlineLevel="1" x14ac:dyDescent="0.2">
      <c r="A9904" s="17">
        <v>18130</v>
      </c>
      <c r="B9904" s="17"/>
      <c r="C9904" s="17"/>
      <c r="D9904" s="18" t="s">
        <v>4910</v>
      </c>
      <c r="E9904" s="18"/>
      <c r="F9904" s="18"/>
      <c r="G9904" s="18"/>
      <c r="H9904" s="18"/>
      <c r="I9904" s="18"/>
      <c r="J9904" s="18"/>
      <c r="K9904" s="18"/>
      <c r="L9904" s="18"/>
      <c r="M9904" s="18"/>
      <c r="N9904" s="18"/>
      <c r="O9904" s="18"/>
      <c r="P9904" s="19">
        <v>400</v>
      </c>
      <c r="Q9904" s="19"/>
      <c r="R9904" s="19"/>
      <c r="S9904" s="19"/>
      <c r="T9904" s="19">
        <v>300</v>
      </c>
      <c r="U9904" s="19"/>
      <c r="V9904" s="19"/>
      <c r="W9904" s="19"/>
      <c r="X9904" s="19">
        <v>2</v>
      </c>
      <c r="Y9904" s="19"/>
      <c r="Z9904" s="19"/>
      <c r="AA9904" s="19"/>
    </row>
    <row r="9905" spans="1:27" s="1" customFormat="1" ht="14.1" customHeight="1" outlineLevel="1" x14ac:dyDescent="0.2">
      <c r="A9905" s="17"/>
      <c r="B9905" s="17"/>
      <c r="C9905" s="17"/>
      <c r="D9905" s="18"/>
      <c r="E9905" s="18"/>
      <c r="F9905" s="18"/>
      <c r="G9905" s="18"/>
      <c r="H9905" s="18"/>
      <c r="I9905" s="18"/>
      <c r="J9905" s="18"/>
      <c r="K9905" s="18"/>
      <c r="L9905" s="18"/>
      <c r="M9905" s="18"/>
      <c r="N9905" s="18"/>
      <c r="O9905" s="18"/>
      <c r="P9905" s="19"/>
      <c r="Q9905" s="19"/>
      <c r="R9905" s="19"/>
      <c r="S9905" s="19"/>
      <c r="T9905" s="19"/>
      <c r="U9905" s="19"/>
      <c r="V9905" s="19"/>
      <c r="W9905" s="19"/>
      <c r="X9905" s="19"/>
      <c r="Y9905" s="19"/>
      <c r="Z9905" s="19"/>
      <c r="AA9905" s="19"/>
    </row>
    <row r="9906" spans="1:27" s="1" customFormat="1" ht="14.1" customHeight="1" outlineLevel="1" x14ac:dyDescent="0.2">
      <c r="A9906" s="17">
        <v>18201</v>
      </c>
      <c r="B9906" s="17"/>
      <c r="C9906" s="17"/>
      <c r="D9906" s="18" t="s">
        <v>4911</v>
      </c>
      <c r="E9906" s="18"/>
      <c r="F9906" s="18"/>
      <c r="G9906" s="18"/>
      <c r="H9906" s="18"/>
      <c r="I9906" s="18"/>
      <c r="J9906" s="18"/>
      <c r="K9906" s="18"/>
      <c r="L9906" s="18"/>
      <c r="M9906" s="18"/>
      <c r="N9906" s="18"/>
      <c r="O9906" s="18"/>
      <c r="P9906" s="19">
        <v>150</v>
      </c>
      <c r="Q9906" s="19"/>
      <c r="R9906" s="19"/>
      <c r="S9906" s="19"/>
      <c r="T9906" s="19">
        <v>100</v>
      </c>
      <c r="U9906" s="19"/>
      <c r="V9906" s="19"/>
      <c r="W9906" s="19"/>
      <c r="X9906" s="19">
        <v>1</v>
      </c>
      <c r="Y9906" s="19"/>
      <c r="Z9906" s="19"/>
      <c r="AA9906" s="19"/>
    </row>
    <row r="9907" spans="1:27" s="1" customFormat="1" ht="14.1" customHeight="1" outlineLevel="1" x14ac:dyDescent="0.2">
      <c r="A9907" s="17"/>
      <c r="B9907" s="17"/>
      <c r="C9907" s="17"/>
      <c r="D9907" s="18"/>
      <c r="E9907" s="18"/>
      <c r="F9907" s="18"/>
      <c r="G9907" s="18"/>
      <c r="H9907" s="18"/>
      <c r="I9907" s="18"/>
      <c r="J9907" s="18"/>
      <c r="K9907" s="18"/>
      <c r="L9907" s="18"/>
      <c r="M9907" s="18"/>
      <c r="N9907" s="18"/>
      <c r="O9907" s="18"/>
      <c r="P9907" s="19"/>
      <c r="Q9907" s="19"/>
      <c r="R9907" s="19"/>
      <c r="S9907" s="19"/>
      <c r="T9907" s="19"/>
      <c r="U9907" s="19"/>
      <c r="V9907" s="19"/>
      <c r="W9907" s="19"/>
      <c r="X9907" s="19"/>
      <c r="Y9907" s="19"/>
      <c r="Z9907" s="19"/>
      <c r="AA9907" s="19"/>
    </row>
    <row r="9908" spans="1:27" s="1" customFormat="1" ht="11.1" customHeight="1" outlineLevel="1" x14ac:dyDescent="0.2">
      <c r="A9908" s="17">
        <v>17370</v>
      </c>
      <c r="B9908" s="17"/>
      <c r="C9908" s="17"/>
      <c r="D9908" s="18" t="s">
        <v>4912</v>
      </c>
      <c r="E9908" s="18"/>
      <c r="F9908" s="18"/>
      <c r="G9908" s="18"/>
      <c r="H9908" s="18"/>
      <c r="I9908" s="18"/>
      <c r="J9908" s="18"/>
      <c r="K9908" s="18"/>
      <c r="L9908" s="18"/>
      <c r="M9908" s="18"/>
      <c r="N9908" s="18"/>
      <c r="O9908" s="18"/>
      <c r="P9908" s="19">
        <v>590</v>
      </c>
      <c r="Q9908" s="19"/>
      <c r="R9908" s="19"/>
      <c r="S9908" s="19"/>
      <c r="T9908" s="19">
        <v>490</v>
      </c>
      <c r="U9908" s="19"/>
      <c r="V9908" s="19"/>
      <c r="W9908" s="19"/>
      <c r="X9908" s="19">
        <v>1</v>
      </c>
      <c r="Y9908" s="19"/>
      <c r="Z9908" s="19"/>
      <c r="AA9908" s="19"/>
    </row>
    <row r="9909" spans="1:27" s="1" customFormat="1" ht="11.1" customHeight="1" outlineLevel="1" x14ac:dyDescent="0.2">
      <c r="A9909" s="17"/>
      <c r="B9909" s="17"/>
      <c r="C9909" s="17"/>
      <c r="D9909" s="18"/>
      <c r="E9909" s="18"/>
      <c r="F9909" s="18"/>
      <c r="G9909" s="18"/>
      <c r="H9909" s="18"/>
      <c r="I9909" s="18"/>
      <c r="J9909" s="18"/>
      <c r="K9909" s="18"/>
      <c r="L9909" s="18"/>
      <c r="M9909" s="18"/>
      <c r="N9909" s="18"/>
      <c r="O9909" s="18"/>
      <c r="P9909" s="19"/>
      <c r="Q9909" s="19"/>
      <c r="R9909" s="19"/>
      <c r="S9909" s="19"/>
      <c r="T9909" s="19"/>
      <c r="U9909" s="19"/>
      <c r="V9909" s="19"/>
      <c r="W9909" s="19"/>
      <c r="X9909" s="19"/>
      <c r="Y9909" s="19"/>
      <c r="Z9909" s="19"/>
      <c r="AA9909" s="19"/>
    </row>
    <row r="9910" spans="1:27" s="1" customFormat="1" ht="14.1" customHeight="1" outlineLevel="1" x14ac:dyDescent="0.2">
      <c r="A9910" s="17">
        <v>12740</v>
      </c>
      <c r="B9910" s="17"/>
      <c r="C9910" s="17"/>
      <c r="D9910" s="18" t="s">
        <v>4913</v>
      </c>
      <c r="E9910" s="18"/>
      <c r="F9910" s="18"/>
      <c r="G9910" s="18"/>
      <c r="H9910" s="18"/>
      <c r="I9910" s="18"/>
      <c r="J9910" s="18"/>
      <c r="K9910" s="18"/>
      <c r="L9910" s="18"/>
      <c r="M9910" s="18"/>
      <c r="N9910" s="18"/>
      <c r="O9910" s="18"/>
      <c r="P9910" s="19">
        <v>350</v>
      </c>
      <c r="Q9910" s="19"/>
      <c r="R9910" s="19"/>
      <c r="S9910" s="19"/>
      <c r="T9910" s="19">
        <v>300</v>
      </c>
      <c r="U9910" s="19"/>
      <c r="V9910" s="19"/>
      <c r="W9910" s="19"/>
      <c r="X9910" s="19">
        <v>1</v>
      </c>
      <c r="Y9910" s="19"/>
      <c r="Z9910" s="19"/>
      <c r="AA9910" s="19"/>
    </row>
    <row r="9911" spans="1:27" s="1" customFormat="1" ht="14.1" customHeight="1" outlineLevel="1" x14ac:dyDescent="0.2">
      <c r="A9911" s="17"/>
      <c r="B9911" s="17"/>
      <c r="C9911" s="17"/>
      <c r="D9911" s="18"/>
      <c r="E9911" s="18"/>
      <c r="F9911" s="18"/>
      <c r="G9911" s="18"/>
      <c r="H9911" s="18"/>
      <c r="I9911" s="18"/>
      <c r="J9911" s="18"/>
      <c r="K9911" s="18"/>
      <c r="L9911" s="18"/>
      <c r="M9911" s="18"/>
      <c r="N9911" s="18"/>
      <c r="O9911" s="18"/>
      <c r="P9911" s="19"/>
      <c r="Q9911" s="19"/>
      <c r="R9911" s="19"/>
      <c r="S9911" s="19"/>
      <c r="T9911" s="19"/>
      <c r="U9911" s="19"/>
      <c r="V9911" s="19"/>
      <c r="W9911" s="19"/>
      <c r="X9911" s="19"/>
      <c r="Y9911" s="19"/>
      <c r="Z9911" s="19"/>
      <c r="AA9911" s="19"/>
    </row>
    <row r="9912" spans="1:27" s="1" customFormat="1" ht="14.1" customHeight="1" outlineLevel="1" x14ac:dyDescent="0.2">
      <c r="A9912" s="17">
        <v>12841</v>
      </c>
      <c r="B9912" s="17"/>
      <c r="C9912" s="17"/>
      <c r="D9912" s="18" t="s">
        <v>4914</v>
      </c>
      <c r="E9912" s="18"/>
      <c r="F9912" s="18"/>
      <c r="G9912" s="18"/>
      <c r="H9912" s="18"/>
      <c r="I9912" s="18"/>
      <c r="J9912" s="18"/>
      <c r="K9912" s="18"/>
      <c r="L9912" s="18"/>
      <c r="M9912" s="18"/>
      <c r="N9912" s="18"/>
      <c r="O9912" s="18"/>
      <c r="P9912" s="19">
        <v>450</v>
      </c>
      <c r="Q9912" s="19"/>
      <c r="R9912" s="19"/>
      <c r="S9912" s="19"/>
      <c r="T9912" s="19">
        <v>390</v>
      </c>
      <c r="U9912" s="19"/>
      <c r="V9912" s="19"/>
      <c r="W9912" s="19"/>
      <c r="X9912" s="19">
        <v>1</v>
      </c>
      <c r="Y9912" s="19"/>
      <c r="Z9912" s="19"/>
      <c r="AA9912" s="19"/>
    </row>
    <row r="9913" spans="1:27" s="1" customFormat="1" ht="14.1" customHeight="1" outlineLevel="1" x14ac:dyDescent="0.2">
      <c r="A9913" s="17"/>
      <c r="B9913" s="17"/>
      <c r="C9913" s="17"/>
      <c r="D9913" s="18"/>
      <c r="E9913" s="18"/>
      <c r="F9913" s="18"/>
      <c r="G9913" s="18"/>
      <c r="H9913" s="18"/>
      <c r="I9913" s="18"/>
      <c r="J9913" s="18"/>
      <c r="K9913" s="18"/>
      <c r="L9913" s="18"/>
      <c r="M9913" s="18"/>
      <c r="N9913" s="18"/>
      <c r="O9913" s="18"/>
      <c r="P9913" s="19"/>
      <c r="Q9913" s="19"/>
      <c r="R9913" s="19"/>
      <c r="S9913" s="19"/>
      <c r="T9913" s="19"/>
      <c r="U9913" s="19"/>
      <c r="V9913" s="19"/>
      <c r="W9913" s="19"/>
      <c r="X9913" s="19"/>
      <c r="Y9913" s="19"/>
      <c r="Z9913" s="19"/>
      <c r="AA9913" s="19"/>
    </row>
    <row r="9914" spans="1:27" s="1" customFormat="1" ht="14.1" customHeight="1" outlineLevel="1" x14ac:dyDescent="0.2">
      <c r="A9914" s="17">
        <v>12853</v>
      </c>
      <c r="B9914" s="17"/>
      <c r="C9914" s="17"/>
      <c r="D9914" s="18" t="s">
        <v>4915</v>
      </c>
      <c r="E9914" s="18"/>
      <c r="F9914" s="18"/>
      <c r="G9914" s="18"/>
      <c r="H9914" s="18"/>
      <c r="I9914" s="18"/>
      <c r="J9914" s="18"/>
      <c r="K9914" s="18"/>
      <c r="L9914" s="18"/>
      <c r="M9914" s="18"/>
      <c r="N9914" s="18"/>
      <c r="O9914" s="18"/>
      <c r="P9914" s="19">
        <v>490</v>
      </c>
      <c r="Q9914" s="19"/>
      <c r="R9914" s="19"/>
      <c r="S9914" s="19"/>
      <c r="T9914" s="19">
        <v>400</v>
      </c>
      <c r="U9914" s="19"/>
      <c r="V9914" s="19"/>
      <c r="W9914" s="19"/>
      <c r="X9914" s="19">
        <v>4</v>
      </c>
      <c r="Y9914" s="19"/>
      <c r="Z9914" s="19"/>
      <c r="AA9914" s="19"/>
    </row>
    <row r="9915" spans="1:27" s="1" customFormat="1" ht="14.1" customHeight="1" outlineLevel="1" x14ac:dyDescent="0.2">
      <c r="A9915" s="17"/>
      <c r="B9915" s="17"/>
      <c r="C9915" s="17"/>
      <c r="D9915" s="18"/>
      <c r="E9915" s="18"/>
      <c r="F9915" s="18"/>
      <c r="G9915" s="18"/>
      <c r="H9915" s="18"/>
      <c r="I9915" s="18"/>
      <c r="J9915" s="18"/>
      <c r="K9915" s="18"/>
      <c r="L9915" s="18"/>
      <c r="M9915" s="18"/>
      <c r="N9915" s="18"/>
      <c r="O9915" s="18"/>
      <c r="P9915" s="19"/>
      <c r="Q9915" s="19"/>
      <c r="R9915" s="19"/>
      <c r="S9915" s="19"/>
      <c r="T9915" s="19"/>
      <c r="U9915" s="19"/>
      <c r="V9915" s="19"/>
      <c r="W9915" s="19"/>
      <c r="X9915" s="19"/>
      <c r="Y9915" s="19"/>
      <c r="Z9915" s="19"/>
      <c r="AA9915" s="19"/>
    </row>
    <row r="9916" spans="1:27" s="1" customFormat="1" ht="11.1" customHeight="1" outlineLevel="1" x14ac:dyDescent="0.2">
      <c r="A9916" s="17">
        <v>13663</v>
      </c>
      <c r="B9916" s="17"/>
      <c r="C9916" s="17"/>
      <c r="D9916" s="18" t="s">
        <v>4916</v>
      </c>
      <c r="E9916" s="18"/>
      <c r="F9916" s="18"/>
      <c r="G9916" s="18"/>
      <c r="H9916" s="18"/>
      <c r="I9916" s="18"/>
      <c r="J9916" s="18"/>
      <c r="K9916" s="18"/>
      <c r="L9916" s="18"/>
      <c r="M9916" s="18"/>
      <c r="N9916" s="18"/>
      <c r="O9916" s="18"/>
      <c r="P9916" s="19">
        <v>250</v>
      </c>
      <c r="Q9916" s="19"/>
      <c r="R9916" s="19"/>
      <c r="S9916" s="19"/>
      <c r="T9916" s="19">
        <v>200</v>
      </c>
      <c r="U9916" s="19"/>
      <c r="V9916" s="19"/>
      <c r="W9916" s="19"/>
      <c r="X9916" s="19">
        <v>1</v>
      </c>
      <c r="Y9916" s="19"/>
      <c r="Z9916" s="19"/>
      <c r="AA9916" s="19"/>
    </row>
    <row r="9917" spans="1:27" s="1" customFormat="1" ht="11.1" customHeight="1" outlineLevel="1" x14ac:dyDescent="0.2">
      <c r="A9917" s="17"/>
      <c r="B9917" s="17"/>
      <c r="C9917" s="17"/>
      <c r="D9917" s="18"/>
      <c r="E9917" s="18"/>
      <c r="F9917" s="18"/>
      <c r="G9917" s="18"/>
      <c r="H9917" s="18"/>
      <c r="I9917" s="18"/>
      <c r="J9917" s="18"/>
      <c r="K9917" s="18"/>
      <c r="L9917" s="18"/>
      <c r="M9917" s="18"/>
      <c r="N9917" s="18"/>
      <c r="O9917" s="18"/>
      <c r="P9917" s="19"/>
      <c r="Q9917" s="19"/>
      <c r="R9917" s="19"/>
      <c r="S9917" s="19"/>
      <c r="T9917" s="19"/>
      <c r="U9917" s="19"/>
      <c r="V9917" s="19"/>
      <c r="W9917" s="19"/>
      <c r="X9917" s="19"/>
      <c r="Y9917" s="19"/>
      <c r="Z9917" s="19"/>
      <c r="AA9917" s="19"/>
    </row>
    <row r="9918" spans="1:27" s="1" customFormat="1" ht="14.1" customHeight="1" outlineLevel="1" x14ac:dyDescent="0.2">
      <c r="A9918" s="17">
        <v>16718</v>
      </c>
      <c r="B9918" s="17"/>
      <c r="C9918" s="17"/>
      <c r="D9918" s="18" t="s">
        <v>4917</v>
      </c>
      <c r="E9918" s="18"/>
      <c r="F9918" s="18"/>
      <c r="G9918" s="18"/>
      <c r="H9918" s="18"/>
      <c r="I9918" s="18"/>
      <c r="J9918" s="18"/>
      <c r="K9918" s="18"/>
      <c r="L9918" s="18"/>
      <c r="M9918" s="18"/>
      <c r="N9918" s="18"/>
      <c r="O9918" s="18"/>
      <c r="P9918" s="19">
        <v>250</v>
      </c>
      <c r="Q9918" s="19"/>
      <c r="R9918" s="19"/>
      <c r="S9918" s="19"/>
      <c r="T9918" s="19">
        <v>200</v>
      </c>
      <c r="U9918" s="19"/>
      <c r="V9918" s="19"/>
      <c r="W9918" s="19"/>
      <c r="X9918" s="19">
        <v>2</v>
      </c>
      <c r="Y9918" s="19"/>
      <c r="Z9918" s="19"/>
      <c r="AA9918" s="19"/>
    </row>
    <row r="9919" spans="1:27" s="1" customFormat="1" ht="14.1" customHeight="1" outlineLevel="1" x14ac:dyDescent="0.2">
      <c r="A9919" s="17"/>
      <c r="B9919" s="17"/>
      <c r="C9919" s="17"/>
      <c r="D9919" s="18"/>
      <c r="E9919" s="18"/>
      <c r="F9919" s="18"/>
      <c r="G9919" s="18"/>
      <c r="H9919" s="18"/>
      <c r="I9919" s="18"/>
      <c r="J9919" s="18"/>
      <c r="K9919" s="18"/>
      <c r="L9919" s="18"/>
      <c r="M9919" s="18"/>
      <c r="N9919" s="18"/>
      <c r="O9919" s="18"/>
      <c r="P9919" s="19"/>
      <c r="Q9919" s="19"/>
      <c r="R9919" s="19"/>
      <c r="S9919" s="19"/>
      <c r="T9919" s="19"/>
      <c r="U9919" s="19"/>
      <c r="V9919" s="19"/>
      <c r="W9919" s="19"/>
      <c r="X9919" s="19"/>
      <c r="Y9919" s="19"/>
      <c r="Z9919" s="19"/>
      <c r="AA9919" s="19"/>
    </row>
    <row r="9920" spans="1:27" s="1" customFormat="1" ht="14.1" customHeight="1" outlineLevel="1" x14ac:dyDescent="0.2">
      <c r="A9920" s="17">
        <v>12709</v>
      </c>
      <c r="B9920" s="17"/>
      <c r="C9920" s="17"/>
      <c r="D9920" s="18" t="s">
        <v>4918</v>
      </c>
      <c r="E9920" s="18"/>
      <c r="F9920" s="18"/>
      <c r="G9920" s="18"/>
      <c r="H9920" s="18"/>
      <c r="I9920" s="18"/>
      <c r="J9920" s="18"/>
      <c r="K9920" s="18"/>
      <c r="L9920" s="18"/>
      <c r="M9920" s="18"/>
      <c r="N9920" s="18"/>
      <c r="O9920" s="18"/>
      <c r="P9920" s="19">
        <v>670</v>
      </c>
      <c r="Q9920" s="19"/>
      <c r="R9920" s="19"/>
      <c r="S9920" s="19"/>
      <c r="T9920" s="19">
        <v>550</v>
      </c>
      <c r="U9920" s="19"/>
      <c r="V9920" s="19"/>
      <c r="W9920" s="19"/>
      <c r="X9920" s="19">
        <v>1</v>
      </c>
      <c r="Y9920" s="19"/>
      <c r="Z9920" s="19"/>
      <c r="AA9920" s="19"/>
    </row>
    <row r="9921" spans="1:27" s="1" customFormat="1" ht="14.1" customHeight="1" outlineLevel="1" x14ac:dyDescent="0.2">
      <c r="A9921" s="17"/>
      <c r="B9921" s="17"/>
      <c r="C9921" s="17"/>
      <c r="D9921" s="18"/>
      <c r="E9921" s="18"/>
      <c r="F9921" s="18"/>
      <c r="G9921" s="18"/>
      <c r="H9921" s="18"/>
      <c r="I9921" s="18"/>
      <c r="J9921" s="18"/>
      <c r="K9921" s="18"/>
      <c r="L9921" s="18"/>
      <c r="M9921" s="18"/>
      <c r="N9921" s="18"/>
      <c r="O9921" s="18"/>
      <c r="P9921" s="19"/>
      <c r="Q9921" s="19"/>
      <c r="R9921" s="19"/>
      <c r="S9921" s="19"/>
      <c r="T9921" s="19"/>
      <c r="U9921" s="19"/>
      <c r="V9921" s="19"/>
      <c r="W9921" s="19"/>
      <c r="X9921" s="19"/>
      <c r="Y9921" s="19"/>
      <c r="Z9921" s="19"/>
      <c r="AA9921" s="19"/>
    </row>
    <row r="9922" spans="1:27" s="1" customFormat="1" ht="14.1" customHeight="1" outlineLevel="1" x14ac:dyDescent="0.2">
      <c r="A9922" s="17">
        <v>16619</v>
      </c>
      <c r="B9922" s="17"/>
      <c r="C9922" s="17"/>
      <c r="D9922" s="18" t="s">
        <v>4919</v>
      </c>
      <c r="E9922" s="18"/>
      <c r="F9922" s="18"/>
      <c r="G9922" s="18"/>
      <c r="H9922" s="18"/>
      <c r="I9922" s="18"/>
      <c r="J9922" s="18"/>
      <c r="K9922" s="18"/>
      <c r="L9922" s="18"/>
      <c r="M9922" s="18"/>
      <c r="N9922" s="18"/>
      <c r="O9922" s="18"/>
      <c r="P9922" s="19">
        <v>150</v>
      </c>
      <c r="Q9922" s="19"/>
      <c r="R9922" s="19"/>
      <c r="S9922" s="19"/>
      <c r="T9922" s="19">
        <v>100</v>
      </c>
      <c r="U9922" s="19"/>
      <c r="V9922" s="19"/>
      <c r="W9922" s="19"/>
      <c r="X9922" s="19">
        <v>4</v>
      </c>
      <c r="Y9922" s="19"/>
      <c r="Z9922" s="19"/>
      <c r="AA9922" s="19"/>
    </row>
    <row r="9923" spans="1:27" s="1" customFormat="1" ht="14.1" customHeight="1" outlineLevel="1" x14ac:dyDescent="0.2">
      <c r="A9923" s="17"/>
      <c r="B9923" s="17"/>
      <c r="C9923" s="17"/>
      <c r="D9923" s="18"/>
      <c r="E9923" s="18"/>
      <c r="F9923" s="18"/>
      <c r="G9923" s="18"/>
      <c r="H9923" s="18"/>
      <c r="I9923" s="18"/>
      <c r="J9923" s="18"/>
      <c r="K9923" s="18"/>
      <c r="L9923" s="18"/>
      <c r="M9923" s="18"/>
      <c r="N9923" s="18"/>
      <c r="O9923" s="18"/>
      <c r="P9923" s="19"/>
      <c r="Q9923" s="19"/>
      <c r="R9923" s="19"/>
      <c r="S9923" s="19"/>
      <c r="T9923" s="19"/>
      <c r="U9923" s="19"/>
      <c r="V9923" s="19"/>
      <c r="W9923" s="19"/>
      <c r="X9923" s="19"/>
      <c r="Y9923" s="19"/>
      <c r="Z9923" s="19"/>
      <c r="AA9923" s="19"/>
    </row>
    <row r="9924" spans="1:27" s="1" customFormat="1" ht="14.1" customHeight="1" outlineLevel="1" x14ac:dyDescent="0.2">
      <c r="A9924" s="17">
        <v>12789</v>
      </c>
      <c r="B9924" s="17"/>
      <c r="C9924" s="17"/>
      <c r="D9924" s="18" t="s">
        <v>4920</v>
      </c>
      <c r="E9924" s="18"/>
      <c r="F9924" s="18"/>
      <c r="G9924" s="18"/>
      <c r="H9924" s="18"/>
      <c r="I9924" s="18"/>
      <c r="J9924" s="18"/>
      <c r="K9924" s="18"/>
      <c r="L9924" s="18"/>
      <c r="M9924" s="18"/>
      <c r="N9924" s="18"/>
      <c r="O9924" s="18"/>
      <c r="P9924" s="19">
        <v>70</v>
      </c>
      <c r="Q9924" s="19"/>
      <c r="R9924" s="19"/>
      <c r="S9924" s="19"/>
      <c r="T9924" s="19">
        <v>50</v>
      </c>
      <c r="U9924" s="19"/>
      <c r="V9924" s="19"/>
      <c r="W9924" s="19"/>
      <c r="X9924" s="19">
        <v>2</v>
      </c>
      <c r="Y9924" s="19"/>
      <c r="Z9924" s="19"/>
      <c r="AA9924" s="19"/>
    </row>
    <row r="9925" spans="1:27" s="1" customFormat="1" ht="14.1" customHeight="1" outlineLevel="1" x14ac:dyDescent="0.2">
      <c r="A9925" s="17"/>
      <c r="B9925" s="17"/>
      <c r="C9925" s="17"/>
      <c r="D9925" s="18"/>
      <c r="E9925" s="18"/>
      <c r="F9925" s="18"/>
      <c r="G9925" s="18"/>
      <c r="H9925" s="18"/>
      <c r="I9925" s="18"/>
      <c r="J9925" s="18"/>
      <c r="K9925" s="18"/>
      <c r="L9925" s="18"/>
      <c r="M9925" s="18"/>
      <c r="N9925" s="18"/>
      <c r="O9925" s="18"/>
      <c r="P9925" s="19"/>
      <c r="Q9925" s="19"/>
      <c r="R9925" s="19"/>
      <c r="S9925" s="19"/>
      <c r="T9925" s="19"/>
      <c r="U9925" s="19"/>
      <c r="V9925" s="19"/>
      <c r="W9925" s="19"/>
      <c r="X9925" s="19"/>
      <c r="Y9925" s="19"/>
      <c r="Z9925" s="19"/>
      <c r="AA9925" s="19"/>
    </row>
    <row r="9926" spans="1:27" s="1" customFormat="1" ht="14.1" customHeight="1" outlineLevel="1" x14ac:dyDescent="0.2">
      <c r="A9926" s="17">
        <v>15816</v>
      </c>
      <c r="B9926" s="17"/>
      <c r="C9926" s="17"/>
      <c r="D9926" s="18" t="s">
        <v>4921</v>
      </c>
      <c r="E9926" s="18"/>
      <c r="F9926" s="18"/>
      <c r="G9926" s="18"/>
      <c r="H9926" s="18"/>
      <c r="I9926" s="18"/>
      <c r="J9926" s="18"/>
      <c r="K9926" s="18"/>
      <c r="L9926" s="18"/>
      <c r="M9926" s="18"/>
      <c r="N9926" s="18"/>
      <c r="O9926" s="18"/>
      <c r="P9926" s="19">
        <v>150</v>
      </c>
      <c r="Q9926" s="19"/>
      <c r="R9926" s="19"/>
      <c r="S9926" s="19"/>
      <c r="T9926" s="19">
        <v>90</v>
      </c>
      <c r="U9926" s="19"/>
      <c r="V9926" s="19"/>
      <c r="W9926" s="19"/>
      <c r="X9926" s="19">
        <v>1</v>
      </c>
      <c r="Y9926" s="19"/>
      <c r="Z9926" s="19"/>
      <c r="AA9926" s="19"/>
    </row>
    <row r="9927" spans="1:27" s="1" customFormat="1" ht="14.1" customHeight="1" outlineLevel="1" x14ac:dyDescent="0.2">
      <c r="A9927" s="17"/>
      <c r="B9927" s="17"/>
      <c r="C9927" s="17"/>
      <c r="D9927" s="18"/>
      <c r="E9927" s="18"/>
      <c r="F9927" s="18"/>
      <c r="G9927" s="18"/>
      <c r="H9927" s="18"/>
      <c r="I9927" s="18"/>
      <c r="J9927" s="18"/>
      <c r="K9927" s="18"/>
      <c r="L9927" s="18"/>
      <c r="M9927" s="18"/>
      <c r="N9927" s="18"/>
      <c r="O9927" s="18"/>
      <c r="P9927" s="19"/>
      <c r="Q9927" s="19"/>
      <c r="R9927" s="19"/>
      <c r="S9927" s="19"/>
      <c r="T9927" s="19"/>
      <c r="U9927" s="19"/>
      <c r="V9927" s="19"/>
      <c r="W9927" s="19"/>
      <c r="X9927" s="19"/>
      <c r="Y9927" s="19"/>
      <c r="Z9927" s="19"/>
      <c r="AA9927" s="19"/>
    </row>
    <row r="9928" spans="1:27" s="1" customFormat="1" ht="11.1" customHeight="1" outlineLevel="1" x14ac:dyDescent="0.2">
      <c r="A9928" s="17">
        <v>15211</v>
      </c>
      <c r="B9928" s="17"/>
      <c r="C9928" s="17"/>
      <c r="D9928" s="18" t="s">
        <v>4922</v>
      </c>
      <c r="E9928" s="18"/>
      <c r="F9928" s="18"/>
      <c r="G9928" s="18"/>
      <c r="H9928" s="18"/>
      <c r="I9928" s="18"/>
      <c r="J9928" s="18"/>
      <c r="K9928" s="18"/>
      <c r="L9928" s="18"/>
      <c r="M9928" s="18"/>
      <c r="N9928" s="18"/>
      <c r="O9928" s="18"/>
      <c r="P9928" s="19">
        <v>120</v>
      </c>
      <c r="Q9928" s="19"/>
      <c r="R9928" s="19"/>
      <c r="S9928" s="19"/>
      <c r="T9928" s="19">
        <v>80</v>
      </c>
      <c r="U9928" s="19"/>
      <c r="V9928" s="19"/>
      <c r="W9928" s="19"/>
      <c r="X9928" s="19">
        <v>1</v>
      </c>
      <c r="Y9928" s="19"/>
      <c r="Z9928" s="19"/>
      <c r="AA9928" s="19"/>
    </row>
    <row r="9929" spans="1:27" s="1" customFormat="1" ht="11.1" customHeight="1" outlineLevel="1" x14ac:dyDescent="0.2">
      <c r="A9929" s="17"/>
      <c r="B9929" s="17"/>
      <c r="C9929" s="17"/>
      <c r="D9929" s="18"/>
      <c r="E9929" s="18"/>
      <c r="F9929" s="18"/>
      <c r="G9929" s="18"/>
      <c r="H9929" s="18"/>
      <c r="I9929" s="18"/>
      <c r="J9929" s="18"/>
      <c r="K9929" s="18"/>
      <c r="L9929" s="18"/>
      <c r="M9929" s="18"/>
      <c r="N9929" s="18"/>
      <c r="O9929" s="18"/>
      <c r="P9929" s="19"/>
      <c r="Q9929" s="19"/>
      <c r="R9929" s="19"/>
      <c r="S9929" s="19"/>
      <c r="T9929" s="19"/>
      <c r="U9929" s="19"/>
      <c r="V9929" s="19"/>
      <c r="W9929" s="19"/>
      <c r="X9929" s="19"/>
      <c r="Y9929" s="19"/>
      <c r="Z9929" s="19"/>
      <c r="AA9929" s="19"/>
    </row>
    <row r="9930" spans="1:27" s="1" customFormat="1" ht="14.1" customHeight="1" outlineLevel="1" x14ac:dyDescent="0.2">
      <c r="A9930" s="17">
        <v>17020</v>
      </c>
      <c r="B9930" s="17"/>
      <c r="C9930" s="17"/>
      <c r="D9930" s="18" t="s">
        <v>4923</v>
      </c>
      <c r="E9930" s="18"/>
      <c r="F9930" s="18"/>
      <c r="G9930" s="18"/>
      <c r="H9930" s="18"/>
      <c r="I9930" s="18"/>
      <c r="J9930" s="18"/>
      <c r="K9930" s="18"/>
      <c r="L9930" s="18"/>
      <c r="M9930" s="18"/>
      <c r="N9930" s="18"/>
      <c r="O9930" s="18"/>
      <c r="P9930" s="19">
        <v>150</v>
      </c>
      <c r="Q9930" s="19"/>
      <c r="R9930" s="19"/>
      <c r="S9930" s="19"/>
      <c r="T9930" s="19">
        <v>100</v>
      </c>
      <c r="U9930" s="19"/>
      <c r="V9930" s="19"/>
      <c r="W9930" s="19"/>
      <c r="X9930" s="19">
        <v>2</v>
      </c>
      <c r="Y9930" s="19"/>
      <c r="Z9930" s="19"/>
      <c r="AA9930" s="19"/>
    </row>
    <row r="9931" spans="1:27" s="1" customFormat="1" ht="14.1" customHeight="1" outlineLevel="1" x14ac:dyDescent="0.2">
      <c r="A9931" s="17"/>
      <c r="B9931" s="17"/>
      <c r="C9931" s="17"/>
      <c r="D9931" s="18"/>
      <c r="E9931" s="18"/>
      <c r="F9931" s="18"/>
      <c r="G9931" s="18"/>
      <c r="H9931" s="18"/>
      <c r="I9931" s="18"/>
      <c r="J9931" s="18"/>
      <c r="K9931" s="18"/>
      <c r="L9931" s="18"/>
      <c r="M9931" s="18"/>
      <c r="N9931" s="18"/>
      <c r="O9931" s="18"/>
      <c r="P9931" s="19"/>
      <c r="Q9931" s="19"/>
      <c r="R9931" s="19"/>
      <c r="S9931" s="19"/>
      <c r="T9931" s="19"/>
      <c r="U9931" s="19"/>
      <c r="V9931" s="19"/>
      <c r="W9931" s="19"/>
      <c r="X9931" s="19"/>
      <c r="Y9931" s="19"/>
      <c r="Z9931" s="19"/>
      <c r="AA9931" s="19"/>
    </row>
    <row r="9932" spans="1:27" s="1" customFormat="1" ht="11.1" customHeight="1" outlineLevel="1" x14ac:dyDescent="0.2">
      <c r="A9932" s="17">
        <v>13669</v>
      </c>
      <c r="B9932" s="17"/>
      <c r="C9932" s="17"/>
      <c r="D9932" s="18" t="s">
        <v>4924</v>
      </c>
      <c r="E9932" s="18"/>
      <c r="F9932" s="18"/>
      <c r="G9932" s="18"/>
      <c r="H9932" s="18"/>
      <c r="I9932" s="18"/>
      <c r="J9932" s="18"/>
      <c r="K9932" s="18"/>
      <c r="L9932" s="18"/>
      <c r="M9932" s="18"/>
      <c r="N9932" s="18"/>
      <c r="O9932" s="18"/>
      <c r="P9932" s="19">
        <v>80</v>
      </c>
      <c r="Q9932" s="19"/>
      <c r="R9932" s="19"/>
      <c r="S9932" s="19"/>
      <c r="T9932" s="19">
        <v>50</v>
      </c>
      <c r="U9932" s="19"/>
      <c r="V9932" s="19"/>
      <c r="W9932" s="19"/>
      <c r="X9932" s="19">
        <v>1</v>
      </c>
      <c r="Y9932" s="19"/>
      <c r="Z9932" s="19"/>
      <c r="AA9932" s="19"/>
    </row>
    <row r="9933" spans="1:27" s="1" customFormat="1" ht="11.1" customHeight="1" outlineLevel="1" x14ac:dyDescent="0.2">
      <c r="A9933" s="17"/>
      <c r="B9933" s="17"/>
      <c r="C9933" s="17"/>
      <c r="D9933" s="18"/>
      <c r="E9933" s="18"/>
      <c r="F9933" s="18"/>
      <c r="G9933" s="18"/>
      <c r="H9933" s="18"/>
      <c r="I9933" s="18"/>
      <c r="J9933" s="18"/>
      <c r="K9933" s="18"/>
      <c r="L9933" s="18"/>
      <c r="M9933" s="18"/>
      <c r="N9933" s="18"/>
      <c r="O9933" s="18"/>
      <c r="P9933" s="19"/>
      <c r="Q9933" s="19"/>
      <c r="R9933" s="19"/>
      <c r="S9933" s="19"/>
      <c r="T9933" s="19"/>
      <c r="U9933" s="19"/>
      <c r="V9933" s="19"/>
      <c r="W9933" s="19"/>
      <c r="X9933" s="19"/>
      <c r="Y9933" s="19"/>
      <c r="Z9933" s="19"/>
      <c r="AA9933" s="19"/>
    </row>
    <row r="9934" spans="1:27" s="1" customFormat="1" ht="11.1" customHeight="1" outlineLevel="1" x14ac:dyDescent="0.2">
      <c r="A9934" s="17">
        <v>15111</v>
      </c>
      <c r="B9934" s="17"/>
      <c r="C9934" s="17"/>
      <c r="D9934" s="18" t="s">
        <v>4925</v>
      </c>
      <c r="E9934" s="18"/>
      <c r="F9934" s="18"/>
      <c r="G9934" s="18"/>
      <c r="H9934" s="18"/>
      <c r="I9934" s="18"/>
      <c r="J9934" s="18"/>
      <c r="K9934" s="18"/>
      <c r="L9934" s="18"/>
      <c r="M9934" s="18"/>
      <c r="N9934" s="18"/>
      <c r="O9934" s="18"/>
      <c r="P9934" s="19">
        <v>200</v>
      </c>
      <c r="Q9934" s="19"/>
      <c r="R9934" s="19"/>
      <c r="S9934" s="19"/>
      <c r="T9934" s="19">
        <v>150</v>
      </c>
      <c r="U9934" s="19"/>
      <c r="V9934" s="19"/>
      <c r="W9934" s="19"/>
      <c r="X9934" s="19">
        <v>3</v>
      </c>
      <c r="Y9934" s="19"/>
      <c r="Z9934" s="19"/>
      <c r="AA9934" s="19"/>
    </row>
    <row r="9935" spans="1:27" s="1" customFormat="1" ht="11.1" customHeight="1" outlineLevel="1" x14ac:dyDescent="0.2">
      <c r="A9935" s="17"/>
      <c r="B9935" s="17"/>
      <c r="C9935" s="17"/>
      <c r="D9935" s="18"/>
      <c r="E9935" s="18"/>
      <c r="F9935" s="18"/>
      <c r="G9935" s="18"/>
      <c r="H9935" s="18"/>
      <c r="I9935" s="18"/>
      <c r="J9935" s="18"/>
      <c r="K9935" s="18"/>
      <c r="L9935" s="18"/>
      <c r="M9935" s="18"/>
      <c r="N9935" s="18"/>
      <c r="O9935" s="18"/>
      <c r="P9935" s="19"/>
      <c r="Q9935" s="19"/>
      <c r="R9935" s="19"/>
      <c r="S9935" s="19"/>
      <c r="T9935" s="19"/>
      <c r="U9935" s="19"/>
      <c r="V9935" s="19"/>
      <c r="W9935" s="19"/>
      <c r="X9935" s="19"/>
      <c r="Y9935" s="19"/>
      <c r="Z9935" s="19"/>
      <c r="AA9935" s="19"/>
    </row>
    <row r="9936" spans="1:27" s="1" customFormat="1" ht="11.1" customHeight="1" outlineLevel="1" x14ac:dyDescent="0.2">
      <c r="A9936" s="17">
        <v>12112</v>
      </c>
      <c r="B9936" s="17"/>
      <c r="C9936" s="17"/>
      <c r="D9936" s="18" t="s">
        <v>4926</v>
      </c>
      <c r="E9936" s="18"/>
      <c r="F9936" s="18"/>
      <c r="G9936" s="18"/>
      <c r="H9936" s="18"/>
      <c r="I9936" s="18"/>
      <c r="J9936" s="18"/>
      <c r="K9936" s="18"/>
      <c r="L9936" s="18"/>
      <c r="M9936" s="18"/>
      <c r="N9936" s="18"/>
      <c r="O9936" s="18"/>
      <c r="P9936" s="19">
        <v>150</v>
      </c>
      <c r="Q9936" s="19"/>
      <c r="R9936" s="19"/>
      <c r="S9936" s="19"/>
      <c r="T9936" s="19">
        <v>90</v>
      </c>
      <c r="U9936" s="19"/>
      <c r="V9936" s="19"/>
      <c r="W9936" s="19"/>
      <c r="X9936" s="19">
        <v>2</v>
      </c>
      <c r="Y9936" s="19"/>
      <c r="Z9936" s="19"/>
      <c r="AA9936" s="19"/>
    </row>
    <row r="9937" spans="1:27" s="1" customFormat="1" ht="11.1" customHeight="1" outlineLevel="1" x14ac:dyDescent="0.2">
      <c r="A9937" s="17"/>
      <c r="B9937" s="17"/>
      <c r="C9937" s="17"/>
      <c r="D9937" s="18"/>
      <c r="E9937" s="18"/>
      <c r="F9937" s="18"/>
      <c r="G9937" s="18"/>
      <c r="H9937" s="18"/>
      <c r="I9937" s="18"/>
      <c r="J9937" s="18"/>
      <c r="K9937" s="18"/>
      <c r="L9937" s="18"/>
      <c r="M9937" s="18"/>
      <c r="N9937" s="18"/>
      <c r="O9937" s="18"/>
      <c r="P9937" s="19"/>
      <c r="Q9937" s="19"/>
      <c r="R9937" s="19"/>
      <c r="S9937" s="19"/>
      <c r="T9937" s="19"/>
      <c r="U9937" s="19"/>
      <c r="V9937" s="19"/>
      <c r="W9937" s="19"/>
      <c r="X9937" s="19"/>
      <c r="Y9937" s="19"/>
      <c r="Z9937" s="19"/>
      <c r="AA9937" s="19"/>
    </row>
    <row r="9938" spans="1:27" s="1" customFormat="1" ht="11.1" customHeight="1" outlineLevel="1" x14ac:dyDescent="0.2">
      <c r="A9938" s="17">
        <v>15792</v>
      </c>
      <c r="B9938" s="17"/>
      <c r="C9938" s="17"/>
      <c r="D9938" s="18" t="s">
        <v>4927</v>
      </c>
      <c r="E9938" s="18"/>
      <c r="F9938" s="18"/>
      <c r="G9938" s="18"/>
      <c r="H9938" s="18"/>
      <c r="I9938" s="18"/>
      <c r="J9938" s="18"/>
      <c r="K9938" s="18"/>
      <c r="L9938" s="18"/>
      <c r="M9938" s="18"/>
      <c r="N9938" s="18"/>
      <c r="O9938" s="18"/>
      <c r="P9938" s="19">
        <v>140</v>
      </c>
      <c r="Q9938" s="19"/>
      <c r="R9938" s="19"/>
      <c r="S9938" s="19"/>
      <c r="T9938" s="19">
        <v>100</v>
      </c>
      <c r="U9938" s="19"/>
      <c r="V9938" s="19"/>
      <c r="W9938" s="19"/>
      <c r="X9938" s="19">
        <v>1</v>
      </c>
      <c r="Y9938" s="19"/>
      <c r="Z9938" s="19"/>
      <c r="AA9938" s="19"/>
    </row>
    <row r="9939" spans="1:27" s="1" customFormat="1" ht="11.1" customHeight="1" outlineLevel="1" x14ac:dyDescent="0.2">
      <c r="A9939" s="17"/>
      <c r="B9939" s="17"/>
      <c r="C9939" s="17"/>
      <c r="D9939" s="18"/>
      <c r="E9939" s="18"/>
      <c r="F9939" s="18"/>
      <c r="G9939" s="18"/>
      <c r="H9939" s="18"/>
      <c r="I9939" s="18"/>
      <c r="J9939" s="18"/>
      <c r="K9939" s="18"/>
      <c r="L9939" s="18"/>
      <c r="M9939" s="18"/>
      <c r="N9939" s="18"/>
      <c r="O9939" s="18"/>
      <c r="P9939" s="19"/>
      <c r="Q9939" s="19"/>
      <c r="R9939" s="19"/>
      <c r="S9939" s="19"/>
      <c r="T9939" s="19"/>
      <c r="U9939" s="19"/>
      <c r="V9939" s="19"/>
      <c r="W9939" s="19"/>
      <c r="X9939" s="19"/>
      <c r="Y9939" s="19"/>
      <c r="Z9939" s="19"/>
      <c r="AA9939" s="19"/>
    </row>
    <row r="9940" spans="1:27" s="1" customFormat="1" ht="11.1" customHeight="1" outlineLevel="1" x14ac:dyDescent="0.2">
      <c r="A9940" s="17">
        <v>12124</v>
      </c>
      <c r="B9940" s="17"/>
      <c r="C9940" s="17"/>
      <c r="D9940" s="18" t="s">
        <v>4928</v>
      </c>
      <c r="E9940" s="18"/>
      <c r="F9940" s="18"/>
      <c r="G9940" s="18"/>
      <c r="H9940" s="18"/>
      <c r="I9940" s="18"/>
      <c r="J9940" s="18"/>
      <c r="K9940" s="18"/>
      <c r="L9940" s="18"/>
      <c r="M9940" s="18"/>
      <c r="N9940" s="18"/>
      <c r="O9940" s="18"/>
      <c r="P9940" s="19">
        <v>80</v>
      </c>
      <c r="Q9940" s="19"/>
      <c r="R9940" s="19"/>
      <c r="S9940" s="19"/>
      <c r="T9940" s="19">
        <v>50</v>
      </c>
      <c r="U9940" s="19"/>
      <c r="V9940" s="19"/>
      <c r="W9940" s="19"/>
      <c r="X9940" s="19">
        <v>1</v>
      </c>
      <c r="Y9940" s="19"/>
      <c r="Z9940" s="19"/>
      <c r="AA9940" s="19"/>
    </row>
    <row r="9941" spans="1:27" s="1" customFormat="1" ht="11.1" customHeight="1" outlineLevel="1" x14ac:dyDescent="0.2">
      <c r="A9941" s="17"/>
      <c r="B9941" s="17"/>
      <c r="C9941" s="17"/>
      <c r="D9941" s="18"/>
      <c r="E9941" s="18"/>
      <c r="F9941" s="18"/>
      <c r="G9941" s="18"/>
      <c r="H9941" s="18"/>
      <c r="I9941" s="18"/>
      <c r="J9941" s="18"/>
      <c r="K9941" s="18"/>
      <c r="L9941" s="18"/>
      <c r="M9941" s="18"/>
      <c r="N9941" s="18"/>
      <c r="O9941" s="18"/>
      <c r="P9941" s="19"/>
      <c r="Q9941" s="19"/>
      <c r="R9941" s="19"/>
      <c r="S9941" s="19"/>
      <c r="T9941" s="19"/>
      <c r="U9941" s="19"/>
      <c r="V9941" s="19"/>
      <c r="W9941" s="19"/>
      <c r="X9941" s="19"/>
      <c r="Y9941" s="19"/>
      <c r="Z9941" s="19"/>
      <c r="AA9941" s="19"/>
    </row>
    <row r="9942" spans="1:27" s="1" customFormat="1" ht="11.1" customHeight="1" outlineLevel="1" x14ac:dyDescent="0.2">
      <c r="A9942" s="17">
        <v>12690</v>
      </c>
      <c r="B9942" s="17"/>
      <c r="C9942" s="17"/>
      <c r="D9942" s="18" t="s">
        <v>4929</v>
      </c>
      <c r="E9942" s="18"/>
      <c r="F9942" s="18"/>
      <c r="G9942" s="18"/>
      <c r="H9942" s="18"/>
      <c r="I9942" s="18"/>
      <c r="J9942" s="18"/>
      <c r="K9942" s="18"/>
      <c r="L9942" s="18"/>
      <c r="M9942" s="18"/>
      <c r="N9942" s="18"/>
      <c r="O9942" s="18"/>
      <c r="P9942" s="19">
        <v>80</v>
      </c>
      <c r="Q9942" s="19"/>
      <c r="R9942" s="19"/>
      <c r="S9942" s="19"/>
      <c r="T9942" s="19">
        <v>50</v>
      </c>
      <c r="U9942" s="19"/>
      <c r="V9942" s="19"/>
      <c r="W9942" s="19"/>
      <c r="X9942" s="19">
        <v>2</v>
      </c>
      <c r="Y9942" s="19"/>
      <c r="Z9942" s="19"/>
      <c r="AA9942" s="19"/>
    </row>
    <row r="9943" spans="1:27" s="1" customFormat="1" ht="11.1" customHeight="1" outlineLevel="1" x14ac:dyDescent="0.2">
      <c r="A9943" s="17"/>
      <c r="B9943" s="17"/>
      <c r="C9943" s="17"/>
      <c r="D9943" s="18"/>
      <c r="E9943" s="18"/>
      <c r="F9943" s="18"/>
      <c r="G9943" s="18"/>
      <c r="H9943" s="18"/>
      <c r="I9943" s="18"/>
      <c r="J9943" s="18"/>
      <c r="K9943" s="18"/>
      <c r="L9943" s="18"/>
      <c r="M9943" s="18"/>
      <c r="N9943" s="18"/>
      <c r="O9943" s="18"/>
      <c r="P9943" s="19"/>
      <c r="Q9943" s="19"/>
      <c r="R9943" s="19"/>
      <c r="S9943" s="19"/>
      <c r="T9943" s="19"/>
      <c r="U9943" s="19"/>
      <c r="V9943" s="19"/>
      <c r="W9943" s="19"/>
      <c r="X9943" s="19"/>
      <c r="Y9943" s="19"/>
      <c r="Z9943" s="19"/>
      <c r="AA9943" s="19"/>
    </row>
    <row r="9944" spans="1:27" s="1" customFormat="1" ht="14.1" customHeight="1" outlineLevel="1" x14ac:dyDescent="0.2">
      <c r="A9944" s="17">
        <v>17375</v>
      </c>
      <c r="B9944" s="17"/>
      <c r="C9944" s="17"/>
      <c r="D9944" s="18" t="s">
        <v>4930</v>
      </c>
      <c r="E9944" s="18"/>
      <c r="F9944" s="18"/>
      <c r="G9944" s="18"/>
      <c r="H9944" s="18"/>
      <c r="I9944" s="18"/>
      <c r="J9944" s="18"/>
      <c r="K9944" s="18"/>
      <c r="L9944" s="18"/>
      <c r="M9944" s="18"/>
      <c r="N9944" s="18"/>
      <c r="O9944" s="18"/>
      <c r="P9944" s="19">
        <v>150</v>
      </c>
      <c r="Q9944" s="19"/>
      <c r="R9944" s="19"/>
      <c r="S9944" s="19"/>
      <c r="T9944" s="19">
        <v>90</v>
      </c>
      <c r="U9944" s="19"/>
      <c r="V9944" s="19"/>
      <c r="W9944" s="19"/>
      <c r="X9944" s="19">
        <v>1</v>
      </c>
      <c r="Y9944" s="19"/>
      <c r="Z9944" s="19"/>
      <c r="AA9944" s="19"/>
    </row>
    <row r="9945" spans="1:27" s="1" customFormat="1" ht="14.1" customHeight="1" outlineLevel="1" x14ac:dyDescent="0.2">
      <c r="A9945" s="17"/>
      <c r="B9945" s="17"/>
      <c r="C9945" s="17"/>
      <c r="D9945" s="18"/>
      <c r="E9945" s="18"/>
      <c r="F9945" s="18"/>
      <c r="G9945" s="18"/>
      <c r="H9945" s="18"/>
      <c r="I9945" s="18"/>
      <c r="J9945" s="18"/>
      <c r="K9945" s="18"/>
      <c r="L9945" s="18"/>
      <c r="M9945" s="18"/>
      <c r="N9945" s="18"/>
      <c r="O9945" s="18"/>
      <c r="P9945" s="19"/>
      <c r="Q9945" s="19"/>
      <c r="R9945" s="19"/>
      <c r="S9945" s="19"/>
      <c r="T9945" s="19"/>
      <c r="U9945" s="19"/>
      <c r="V9945" s="19"/>
      <c r="W9945" s="19"/>
      <c r="X9945" s="19"/>
      <c r="Y9945" s="19"/>
      <c r="Z9945" s="19"/>
      <c r="AA9945" s="19"/>
    </row>
    <row r="9946" spans="1:27" s="1" customFormat="1" ht="11.1" customHeight="1" outlineLevel="1" x14ac:dyDescent="0.2">
      <c r="A9946" s="17">
        <v>12744</v>
      </c>
      <c r="B9946" s="17"/>
      <c r="C9946" s="17"/>
      <c r="D9946" s="18" t="s">
        <v>4931</v>
      </c>
      <c r="E9946" s="18"/>
      <c r="F9946" s="18"/>
      <c r="G9946" s="18"/>
      <c r="H9946" s="18"/>
      <c r="I9946" s="18"/>
      <c r="J9946" s="18"/>
      <c r="K9946" s="18"/>
      <c r="L9946" s="18"/>
      <c r="M9946" s="18"/>
      <c r="N9946" s="18"/>
      <c r="O9946" s="18"/>
      <c r="P9946" s="19">
        <v>80</v>
      </c>
      <c r="Q9946" s="19"/>
      <c r="R9946" s="19"/>
      <c r="S9946" s="19"/>
      <c r="T9946" s="19">
        <v>50</v>
      </c>
      <c r="U9946" s="19"/>
      <c r="V9946" s="19"/>
      <c r="W9946" s="19"/>
      <c r="X9946" s="19">
        <v>3</v>
      </c>
      <c r="Y9946" s="19"/>
      <c r="Z9946" s="19"/>
      <c r="AA9946" s="19"/>
    </row>
    <row r="9947" spans="1:27" s="1" customFormat="1" ht="11.1" customHeight="1" outlineLevel="1" x14ac:dyDescent="0.2">
      <c r="A9947" s="17"/>
      <c r="B9947" s="17"/>
      <c r="C9947" s="17"/>
      <c r="D9947" s="18"/>
      <c r="E9947" s="18"/>
      <c r="F9947" s="18"/>
      <c r="G9947" s="18"/>
      <c r="H9947" s="18"/>
      <c r="I9947" s="18"/>
      <c r="J9947" s="18"/>
      <c r="K9947" s="18"/>
      <c r="L9947" s="18"/>
      <c r="M9947" s="18"/>
      <c r="N9947" s="18"/>
      <c r="O9947" s="18"/>
      <c r="P9947" s="19"/>
      <c r="Q9947" s="19"/>
      <c r="R9947" s="19"/>
      <c r="S9947" s="19"/>
      <c r="T9947" s="19"/>
      <c r="U9947" s="19"/>
      <c r="V9947" s="19"/>
      <c r="W9947" s="19"/>
      <c r="X9947" s="19"/>
      <c r="Y9947" s="19"/>
      <c r="Z9947" s="19"/>
      <c r="AA9947" s="19"/>
    </row>
    <row r="9948" spans="1:27" s="1" customFormat="1" ht="11.1" customHeight="1" outlineLevel="1" x14ac:dyDescent="0.2">
      <c r="A9948" s="17">
        <v>12844</v>
      </c>
      <c r="B9948" s="17"/>
      <c r="C9948" s="17"/>
      <c r="D9948" s="18" t="s">
        <v>4932</v>
      </c>
      <c r="E9948" s="18"/>
      <c r="F9948" s="18"/>
      <c r="G9948" s="18"/>
      <c r="H9948" s="18"/>
      <c r="I9948" s="18"/>
      <c r="J9948" s="18"/>
      <c r="K9948" s="18"/>
      <c r="L9948" s="18"/>
      <c r="M9948" s="18"/>
      <c r="N9948" s="18"/>
      <c r="O9948" s="18"/>
      <c r="P9948" s="19">
        <v>80</v>
      </c>
      <c r="Q9948" s="19"/>
      <c r="R9948" s="19"/>
      <c r="S9948" s="19"/>
      <c r="T9948" s="19">
        <v>50</v>
      </c>
      <c r="U9948" s="19"/>
      <c r="V9948" s="19"/>
      <c r="W9948" s="19"/>
      <c r="X9948" s="19">
        <v>1</v>
      </c>
      <c r="Y9948" s="19"/>
      <c r="Z9948" s="19"/>
      <c r="AA9948" s="19"/>
    </row>
    <row r="9949" spans="1:27" s="1" customFormat="1" ht="11.1" customHeight="1" outlineLevel="1" x14ac:dyDescent="0.2">
      <c r="A9949" s="17"/>
      <c r="B9949" s="17"/>
      <c r="C9949" s="17"/>
      <c r="D9949" s="18"/>
      <c r="E9949" s="18"/>
      <c r="F9949" s="18"/>
      <c r="G9949" s="18"/>
      <c r="H9949" s="18"/>
      <c r="I9949" s="18"/>
      <c r="J9949" s="18"/>
      <c r="K9949" s="18"/>
      <c r="L9949" s="18"/>
      <c r="M9949" s="18"/>
      <c r="N9949" s="18"/>
      <c r="O9949" s="18"/>
      <c r="P9949" s="19"/>
      <c r="Q9949" s="19"/>
      <c r="R9949" s="19"/>
      <c r="S9949" s="19"/>
      <c r="T9949" s="19"/>
      <c r="U9949" s="19"/>
      <c r="V9949" s="19"/>
      <c r="W9949" s="19"/>
      <c r="X9949" s="19"/>
      <c r="Y9949" s="19"/>
      <c r="Z9949" s="19"/>
      <c r="AA9949" s="19"/>
    </row>
    <row r="9950" spans="1:27" s="1" customFormat="1" ht="11.1" customHeight="1" outlineLevel="1" x14ac:dyDescent="0.2">
      <c r="A9950" s="17">
        <v>8851</v>
      </c>
      <c r="B9950" s="17"/>
      <c r="C9950" s="17"/>
      <c r="D9950" s="18" t="s">
        <v>4933</v>
      </c>
      <c r="E9950" s="18"/>
      <c r="F9950" s="18"/>
      <c r="G9950" s="18"/>
      <c r="H9950" s="18"/>
      <c r="I9950" s="18"/>
      <c r="J9950" s="18"/>
      <c r="K9950" s="18"/>
      <c r="L9950" s="18"/>
      <c r="M9950" s="18"/>
      <c r="N9950" s="18"/>
      <c r="O9950" s="18"/>
      <c r="P9950" s="19">
        <v>70</v>
      </c>
      <c r="Q9950" s="19"/>
      <c r="R9950" s="19"/>
      <c r="S9950" s="19"/>
      <c r="T9950" s="19">
        <v>50</v>
      </c>
      <c r="U9950" s="19"/>
      <c r="V9950" s="19"/>
      <c r="W9950" s="19"/>
      <c r="X9950" s="19">
        <v>1</v>
      </c>
      <c r="Y9950" s="19"/>
      <c r="Z9950" s="19"/>
      <c r="AA9950" s="19"/>
    </row>
    <row r="9951" spans="1:27" s="1" customFormat="1" ht="11.1" customHeight="1" outlineLevel="1" x14ac:dyDescent="0.2">
      <c r="A9951" s="17"/>
      <c r="B9951" s="17"/>
      <c r="C9951" s="17"/>
      <c r="D9951" s="18"/>
      <c r="E9951" s="18"/>
      <c r="F9951" s="18"/>
      <c r="G9951" s="18"/>
      <c r="H9951" s="18"/>
      <c r="I9951" s="18"/>
      <c r="J9951" s="18"/>
      <c r="K9951" s="18"/>
      <c r="L9951" s="18"/>
      <c r="M9951" s="18"/>
      <c r="N9951" s="18"/>
      <c r="O9951" s="18"/>
      <c r="P9951" s="19"/>
      <c r="Q9951" s="19"/>
      <c r="R9951" s="19"/>
      <c r="S9951" s="19"/>
      <c r="T9951" s="19"/>
      <c r="U9951" s="19"/>
      <c r="V9951" s="19"/>
      <c r="W9951" s="19"/>
      <c r="X9951" s="19"/>
      <c r="Y9951" s="19"/>
      <c r="Z9951" s="19"/>
      <c r="AA9951" s="19"/>
    </row>
    <row r="9952" spans="1:27" s="1" customFormat="1" ht="11.1" customHeight="1" outlineLevel="1" x14ac:dyDescent="0.2">
      <c r="A9952" s="17">
        <v>15928</v>
      </c>
      <c r="B9952" s="17"/>
      <c r="C9952" s="17"/>
      <c r="D9952" s="18" t="s">
        <v>4934</v>
      </c>
      <c r="E9952" s="18"/>
      <c r="F9952" s="18"/>
      <c r="G9952" s="18"/>
      <c r="H9952" s="18"/>
      <c r="I9952" s="18"/>
      <c r="J9952" s="18"/>
      <c r="K9952" s="18"/>
      <c r="L9952" s="18"/>
      <c r="M9952" s="18"/>
      <c r="N9952" s="18"/>
      <c r="O9952" s="18"/>
      <c r="P9952" s="19">
        <v>140</v>
      </c>
      <c r="Q9952" s="19"/>
      <c r="R9952" s="19"/>
      <c r="S9952" s="19"/>
      <c r="T9952" s="19">
        <v>100</v>
      </c>
      <c r="U9952" s="19"/>
      <c r="V9952" s="19"/>
      <c r="W9952" s="19"/>
      <c r="X9952" s="19">
        <v>1</v>
      </c>
      <c r="Y9952" s="19"/>
      <c r="Z9952" s="19"/>
      <c r="AA9952" s="19"/>
    </row>
    <row r="9953" spans="1:27" s="1" customFormat="1" ht="11.1" customHeight="1" outlineLevel="1" x14ac:dyDescent="0.2">
      <c r="A9953" s="17"/>
      <c r="B9953" s="17"/>
      <c r="C9953" s="17"/>
      <c r="D9953" s="18"/>
      <c r="E9953" s="18"/>
      <c r="F9953" s="18"/>
      <c r="G9953" s="18"/>
      <c r="H9953" s="18"/>
      <c r="I9953" s="18"/>
      <c r="J9953" s="18"/>
      <c r="K9953" s="18"/>
      <c r="L9953" s="18"/>
      <c r="M9953" s="18"/>
      <c r="N9953" s="18"/>
      <c r="O9953" s="18"/>
      <c r="P9953" s="19"/>
      <c r="Q9953" s="19"/>
      <c r="R9953" s="19"/>
      <c r="S9953" s="19"/>
      <c r="T9953" s="19"/>
      <c r="U9953" s="19"/>
      <c r="V9953" s="19"/>
      <c r="W9953" s="19"/>
      <c r="X9953" s="19"/>
      <c r="Y9953" s="19"/>
      <c r="Z9953" s="19"/>
      <c r="AA9953" s="19"/>
    </row>
    <row r="9954" spans="1:27" s="1" customFormat="1" ht="14.1" customHeight="1" outlineLevel="1" x14ac:dyDescent="0.2">
      <c r="A9954" s="17">
        <v>15558</v>
      </c>
      <c r="B9954" s="17"/>
      <c r="C9954" s="17"/>
      <c r="D9954" s="18" t="s">
        <v>4935</v>
      </c>
      <c r="E9954" s="18"/>
      <c r="F9954" s="18"/>
      <c r="G9954" s="18"/>
      <c r="H9954" s="18"/>
      <c r="I9954" s="18"/>
      <c r="J9954" s="18"/>
      <c r="K9954" s="18"/>
      <c r="L9954" s="18"/>
      <c r="M9954" s="18"/>
      <c r="N9954" s="18"/>
      <c r="O9954" s="18"/>
      <c r="P9954" s="19">
        <v>190</v>
      </c>
      <c r="Q9954" s="19"/>
      <c r="R9954" s="19"/>
      <c r="S9954" s="19"/>
      <c r="T9954" s="19">
        <v>100</v>
      </c>
      <c r="U9954" s="19"/>
      <c r="V9954" s="19"/>
      <c r="W9954" s="19"/>
      <c r="X9954" s="19">
        <v>2</v>
      </c>
      <c r="Y9954" s="19"/>
      <c r="Z9954" s="19"/>
      <c r="AA9954" s="19"/>
    </row>
    <row r="9955" spans="1:27" s="1" customFormat="1" ht="14.1" customHeight="1" outlineLevel="1" x14ac:dyDescent="0.2">
      <c r="A9955" s="17"/>
      <c r="B9955" s="17"/>
      <c r="C9955" s="17"/>
      <c r="D9955" s="18"/>
      <c r="E9955" s="18"/>
      <c r="F9955" s="18"/>
      <c r="G9955" s="18"/>
      <c r="H9955" s="18"/>
      <c r="I9955" s="18"/>
      <c r="J9955" s="18"/>
      <c r="K9955" s="18"/>
      <c r="L9955" s="18"/>
      <c r="M9955" s="18"/>
      <c r="N9955" s="18"/>
      <c r="O9955" s="18"/>
      <c r="P9955" s="19"/>
      <c r="Q9955" s="19"/>
      <c r="R9955" s="19"/>
      <c r="S9955" s="19"/>
      <c r="T9955" s="19"/>
      <c r="U9955" s="19"/>
      <c r="V9955" s="19"/>
      <c r="W9955" s="19"/>
      <c r="X9955" s="19"/>
      <c r="Y9955" s="19"/>
      <c r="Z9955" s="19"/>
      <c r="AA9955" s="19"/>
    </row>
    <row r="9956" spans="1:27" s="1" customFormat="1" ht="14.1" customHeight="1" outlineLevel="1" x14ac:dyDescent="0.2">
      <c r="A9956" s="17">
        <v>16653</v>
      </c>
      <c r="B9956" s="17"/>
      <c r="C9956" s="17"/>
      <c r="D9956" s="18" t="s">
        <v>4936</v>
      </c>
      <c r="E9956" s="18"/>
      <c r="F9956" s="18"/>
      <c r="G9956" s="18"/>
      <c r="H9956" s="18"/>
      <c r="I9956" s="18"/>
      <c r="J9956" s="18"/>
      <c r="K9956" s="18"/>
      <c r="L9956" s="18"/>
      <c r="M9956" s="18"/>
      <c r="N9956" s="18"/>
      <c r="O9956" s="18"/>
      <c r="P9956" s="19">
        <v>200</v>
      </c>
      <c r="Q9956" s="19"/>
      <c r="R9956" s="19"/>
      <c r="S9956" s="19"/>
      <c r="T9956" s="19">
        <v>100</v>
      </c>
      <c r="U9956" s="19"/>
      <c r="V9956" s="19"/>
      <c r="W9956" s="19"/>
      <c r="X9956" s="19">
        <v>1</v>
      </c>
      <c r="Y9956" s="19"/>
      <c r="Z9956" s="19"/>
      <c r="AA9956" s="19"/>
    </row>
    <row r="9957" spans="1:27" s="1" customFormat="1" ht="14.1" customHeight="1" outlineLevel="1" x14ac:dyDescent="0.2">
      <c r="A9957" s="17"/>
      <c r="B9957" s="17"/>
      <c r="C9957" s="17"/>
      <c r="D9957" s="18"/>
      <c r="E9957" s="18"/>
      <c r="F9957" s="18"/>
      <c r="G9957" s="18"/>
      <c r="H9957" s="18"/>
      <c r="I9957" s="18"/>
      <c r="J9957" s="18"/>
      <c r="K9957" s="18"/>
      <c r="L9957" s="18"/>
      <c r="M9957" s="18"/>
      <c r="N9957" s="18"/>
      <c r="O9957" s="18"/>
      <c r="P9957" s="19"/>
      <c r="Q9957" s="19"/>
      <c r="R9957" s="19"/>
      <c r="S9957" s="19"/>
      <c r="T9957" s="19"/>
      <c r="U9957" s="19"/>
      <c r="V9957" s="19"/>
      <c r="W9957" s="19"/>
      <c r="X9957" s="19"/>
      <c r="Y9957" s="19"/>
      <c r="Z9957" s="19"/>
      <c r="AA9957" s="19"/>
    </row>
    <row r="9958" spans="1:27" s="1" customFormat="1" ht="14.1" customHeight="1" outlineLevel="1" x14ac:dyDescent="0.2">
      <c r="A9958" s="17">
        <v>13969</v>
      </c>
      <c r="B9958" s="17"/>
      <c r="C9958" s="17"/>
      <c r="D9958" s="18" t="s">
        <v>4937</v>
      </c>
      <c r="E9958" s="18"/>
      <c r="F9958" s="18"/>
      <c r="G9958" s="18"/>
      <c r="H9958" s="18"/>
      <c r="I9958" s="18"/>
      <c r="J9958" s="18"/>
      <c r="K9958" s="18"/>
      <c r="L9958" s="18"/>
      <c r="M9958" s="18"/>
      <c r="N9958" s="18"/>
      <c r="O9958" s="18"/>
      <c r="P9958" s="19">
        <v>110</v>
      </c>
      <c r="Q9958" s="19"/>
      <c r="R9958" s="19"/>
      <c r="S9958" s="19"/>
      <c r="T9958" s="19">
        <v>70</v>
      </c>
      <c r="U9958" s="19"/>
      <c r="V9958" s="19"/>
      <c r="W9958" s="19"/>
      <c r="X9958" s="19">
        <v>1</v>
      </c>
      <c r="Y9958" s="19"/>
      <c r="Z9958" s="19"/>
      <c r="AA9958" s="19"/>
    </row>
    <row r="9959" spans="1:27" s="1" customFormat="1" ht="14.1" customHeight="1" outlineLevel="1" x14ac:dyDescent="0.2">
      <c r="A9959" s="17"/>
      <c r="B9959" s="17"/>
      <c r="C9959" s="17"/>
      <c r="D9959" s="18"/>
      <c r="E9959" s="18"/>
      <c r="F9959" s="18"/>
      <c r="G9959" s="18"/>
      <c r="H9959" s="18"/>
      <c r="I9959" s="18"/>
      <c r="J9959" s="18"/>
      <c r="K9959" s="18"/>
      <c r="L9959" s="18"/>
      <c r="M9959" s="18"/>
      <c r="N9959" s="18"/>
      <c r="O9959" s="18"/>
      <c r="P9959" s="19"/>
      <c r="Q9959" s="19"/>
      <c r="R9959" s="19"/>
      <c r="S9959" s="19"/>
      <c r="T9959" s="19"/>
      <c r="U9959" s="19"/>
      <c r="V9959" s="19"/>
      <c r="W9959" s="19"/>
      <c r="X9959" s="19"/>
      <c r="Y9959" s="19"/>
      <c r="Z9959" s="19"/>
      <c r="AA9959" s="19"/>
    </row>
    <row r="9960" spans="1:27" s="1" customFormat="1" ht="14.1" customHeight="1" outlineLevel="1" x14ac:dyDescent="0.2">
      <c r="A9960" s="17">
        <v>16887</v>
      </c>
      <c r="B9960" s="17"/>
      <c r="C9960" s="17"/>
      <c r="D9960" s="18" t="s">
        <v>4938</v>
      </c>
      <c r="E9960" s="18"/>
      <c r="F9960" s="18"/>
      <c r="G9960" s="18"/>
      <c r="H9960" s="18"/>
      <c r="I9960" s="18"/>
      <c r="J9960" s="18"/>
      <c r="K9960" s="18"/>
      <c r="L9960" s="18"/>
      <c r="M9960" s="18"/>
      <c r="N9960" s="18"/>
      <c r="O9960" s="18"/>
      <c r="P9960" s="19">
        <v>150</v>
      </c>
      <c r="Q9960" s="19"/>
      <c r="R9960" s="19"/>
      <c r="S9960" s="19"/>
      <c r="T9960" s="19">
        <v>90</v>
      </c>
      <c r="U9960" s="19"/>
      <c r="V9960" s="19"/>
      <c r="W9960" s="19"/>
      <c r="X9960" s="19">
        <v>1</v>
      </c>
      <c r="Y9960" s="19"/>
      <c r="Z9960" s="19"/>
      <c r="AA9960" s="19"/>
    </row>
    <row r="9961" spans="1:27" s="1" customFormat="1" ht="14.1" customHeight="1" outlineLevel="1" x14ac:dyDescent="0.2">
      <c r="A9961" s="17"/>
      <c r="B9961" s="17"/>
      <c r="C9961" s="17"/>
      <c r="D9961" s="18"/>
      <c r="E9961" s="18"/>
      <c r="F9961" s="18"/>
      <c r="G9961" s="18"/>
      <c r="H9961" s="18"/>
      <c r="I9961" s="18"/>
      <c r="J9961" s="18"/>
      <c r="K9961" s="18"/>
      <c r="L9961" s="18"/>
      <c r="M9961" s="18"/>
      <c r="N9961" s="18"/>
      <c r="O9961" s="18"/>
      <c r="P9961" s="19"/>
      <c r="Q9961" s="19"/>
      <c r="R9961" s="19"/>
      <c r="S9961" s="19"/>
      <c r="T9961" s="19"/>
      <c r="U9961" s="19"/>
      <c r="V9961" s="19"/>
      <c r="W9961" s="19"/>
      <c r="X9961" s="19"/>
      <c r="Y9961" s="19"/>
      <c r="Z9961" s="19"/>
      <c r="AA9961" s="19"/>
    </row>
    <row r="9962" spans="1:27" s="1" customFormat="1" ht="14.1" customHeight="1" outlineLevel="1" x14ac:dyDescent="0.2">
      <c r="A9962" s="17">
        <v>18049</v>
      </c>
      <c r="B9962" s="17"/>
      <c r="C9962" s="17"/>
      <c r="D9962" s="18" t="s">
        <v>4939</v>
      </c>
      <c r="E9962" s="18"/>
      <c r="F9962" s="18"/>
      <c r="G9962" s="18"/>
      <c r="H9962" s="18"/>
      <c r="I9962" s="18"/>
      <c r="J9962" s="18"/>
      <c r="K9962" s="18"/>
      <c r="L9962" s="18"/>
      <c r="M9962" s="18"/>
      <c r="N9962" s="18"/>
      <c r="O9962" s="18"/>
      <c r="P9962" s="19">
        <v>150</v>
      </c>
      <c r="Q9962" s="19"/>
      <c r="R9962" s="19"/>
      <c r="S9962" s="19"/>
      <c r="T9962" s="19">
        <v>100</v>
      </c>
      <c r="U9962" s="19"/>
      <c r="V9962" s="19"/>
      <c r="W9962" s="19"/>
      <c r="X9962" s="19">
        <v>1</v>
      </c>
      <c r="Y9962" s="19"/>
      <c r="Z9962" s="19"/>
      <c r="AA9962" s="19"/>
    </row>
    <row r="9963" spans="1:27" s="1" customFormat="1" ht="14.1" customHeight="1" outlineLevel="1" x14ac:dyDescent="0.2">
      <c r="A9963" s="17"/>
      <c r="B9963" s="17"/>
      <c r="C9963" s="17"/>
      <c r="D9963" s="18"/>
      <c r="E9963" s="18"/>
      <c r="F9963" s="18"/>
      <c r="G9963" s="18"/>
      <c r="H9963" s="18"/>
      <c r="I9963" s="18"/>
      <c r="J9963" s="18"/>
      <c r="K9963" s="18"/>
      <c r="L9963" s="18"/>
      <c r="M9963" s="18"/>
      <c r="N9963" s="18"/>
      <c r="O9963" s="18"/>
      <c r="P9963" s="19"/>
      <c r="Q9963" s="19"/>
      <c r="R9963" s="19"/>
      <c r="S9963" s="19"/>
      <c r="T9963" s="19"/>
      <c r="U9963" s="19"/>
      <c r="V9963" s="19"/>
      <c r="W9963" s="19"/>
      <c r="X9963" s="19"/>
      <c r="Y9963" s="19"/>
      <c r="Z9963" s="19"/>
      <c r="AA9963" s="19"/>
    </row>
    <row r="9964" spans="1:27" s="1" customFormat="1" ht="14.1" customHeight="1" outlineLevel="1" x14ac:dyDescent="0.2">
      <c r="A9964" s="17">
        <v>16714</v>
      </c>
      <c r="B9964" s="17"/>
      <c r="C9964" s="17"/>
      <c r="D9964" s="18" t="s">
        <v>4940</v>
      </c>
      <c r="E9964" s="18"/>
      <c r="F9964" s="18"/>
      <c r="G9964" s="18"/>
      <c r="H9964" s="18"/>
      <c r="I9964" s="18"/>
      <c r="J9964" s="18"/>
      <c r="K9964" s="18"/>
      <c r="L9964" s="18"/>
      <c r="M9964" s="18"/>
      <c r="N9964" s="18"/>
      <c r="O9964" s="18"/>
      <c r="P9964" s="19">
        <v>150</v>
      </c>
      <c r="Q9964" s="19"/>
      <c r="R9964" s="19"/>
      <c r="S9964" s="19"/>
      <c r="T9964" s="19">
        <v>90</v>
      </c>
      <c r="U9964" s="19"/>
      <c r="V9964" s="19"/>
      <c r="W9964" s="19"/>
      <c r="X9964" s="19">
        <v>2</v>
      </c>
      <c r="Y9964" s="19"/>
      <c r="Z9964" s="19"/>
      <c r="AA9964" s="19"/>
    </row>
    <row r="9965" spans="1:27" s="1" customFormat="1" ht="14.1" customHeight="1" outlineLevel="1" x14ac:dyDescent="0.2">
      <c r="A9965" s="17"/>
      <c r="B9965" s="17"/>
      <c r="C9965" s="17"/>
      <c r="D9965" s="18"/>
      <c r="E9965" s="18"/>
      <c r="F9965" s="18"/>
      <c r="G9965" s="18"/>
      <c r="H9965" s="18"/>
      <c r="I9965" s="18"/>
      <c r="J9965" s="18"/>
      <c r="K9965" s="18"/>
      <c r="L9965" s="18"/>
      <c r="M9965" s="18"/>
      <c r="N9965" s="18"/>
      <c r="O9965" s="18"/>
      <c r="P9965" s="19"/>
      <c r="Q9965" s="19"/>
      <c r="R9965" s="19"/>
      <c r="S9965" s="19"/>
      <c r="T9965" s="19"/>
      <c r="U9965" s="19"/>
      <c r="V9965" s="19"/>
      <c r="W9965" s="19"/>
      <c r="X9965" s="19"/>
      <c r="Y9965" s="19"/>
      <c r="Z9965" s="19"/>
      <c r="AA9965" s="19"/>
    </row>
    <row r="9966" spans="1:27" s="1" customFormat="1" ht="14.1" customHeight="1" outlineLevel="1" x14ac:dyDescent="0.2">
      <c r="A9966" s="17">
        <v>16729</v>
      </c>
      <c r="B9966" s="17"/>
      <c r="C9966" s="17"/>
      <c r="D9966" s="18" t="s">
        <v>4941</v>
      </c>
      <c r="E9966" s="18"/>
      <c r="F9966" s="18"/>
      <c r="G9966" s="18"/>
      <c r="H9966" s="18"/>
      <c r="I9966" s="18"/>
      <c r="J9966" s="18"/>
      <c r="K9966" s="18"/>
      <c r="L9966" s="18"/>
      <c r="M9966" s="18"/>
      <c r="N9966" s="18"/>
      <c r="O9966" s="18"/>
      <c r="P9966" s="19">
        <v>150</v>
      </c>
      <c r="Q9966" s="19"/>
      <c r="R9966" s="19"/>
      <c r="S9966" s="19"/>
      <c r="T9966" s="19">
        <v>100</v>
      </c>
      <c r="U9966" s="19"/>
      <c r="V9966" s="19"/>
      <c r="W9966" s="19"/>
      <c r="X9966" s="19">
        <v>1</v>
      </c>
      <c r="Y9966" s="19"/>
      <c r="Z9966" s="19"/>
      <c r="AA9966" s="19"/>
    </row>
    <row r="9967" spans="1:27" s="1" customFormat="1" ht="14.1" customHeight="1" outlineLevel="1" x14ac:dyDescent="0.2">
      <c r="A9967" s="17"/>
      <c r="B9967" s="17"/>
      <c r="C9967" s="17"/>
      <c r="D9967" s="18"/>
      <c r="E9967" s="18"/>
      <c r="F9967" s="18"/>
      <c r="G9967" s="18"/>
      <c r="H9967" s="18"/>
      <c r="I9967" s="18"/>
      <c r="J9967" s="18"/>
      <c r="K9967" s="18"/>
      <c r="L9967" s="18"/>
      <c r="M9967" s="18"/>
      <c r="N9967" s="18"/>
      <c r="O9967" s="18"/>
      <c r="P9967" s="19"/>
      <c r="Q9967" s="19"/>
      <c r="R9967" s="19"/>
      <c r="S9967" s="19"/>
      <c r="T9967" s="19"/>
      <c r="U9967" s="19"/>
      <c r="V9967" s="19"/>
      <c r="W9967" s="19"/>
      <c r="X9967" s="19"/>
      <c r="Y9967" s="19"/>
      <c r="Z9967" s="19"/>
      <c r="AA9967" s="19"/>
    </row>
    <row r="9968" spans="1:27" s="1" customFormat="1" ht="11.1" customHeight="1" outlineLevel="1" x14ac:dyDescent="0.2">
      <c r="A9968" s="17">
        <v>10330</v>
      </c>
      <c r="B9968" s="17"/>
      <c r="C9968" s="17"/>
      <c r="D9968" s="18" t="s">
        <v>4942</v>
      </c>
      <c r="E9968" s="18"/>
      <c r="F9968" s="18"/>
      <c r="G9968" s="18"/>
      <c r="H9968" s="18"/>
      <c r="I9968" s="18"/>
      <c r="J9968" s="18"/>
      <c r="K9968" s="18"/>
      <c r="L9968" s="18"/>
      <c r="M9968" s="18"/>
      <c r="N9968" s="18"/>
      <c r="O9968" s="18"/>
      <c r="P9968" s="19">
        <v>120</v>
      </c>
      <c r="Q9968" s="19"/>
      <c r="R9968" s="19"/>
      <c r="S9968" s="19"/>
      <c r="T9968" s="19">
        <v>90</v>
      </c>
      <c r="U9968" s="19"/>
      <c r="V9968" s="19"/>
      <c r="W9968" s="19"/>
      <c r="X9968" s="19">
        <v>1</v>
      </c>
      <c r="Y9968" s="19"/>
      <c r="Z9968" s="19"/>
      <c r="AA9968" s="19"/>
    </row>
    <row r="9969" spans="1:27" s="1" customFormat="1" ht="11.1" customHeight="1" outlineLevel="1" x14ac:dyDescent="0.2">
      <c r="A9969" s="17"/>
      <c r="B9969" s="17"/>
      <c r="C9969" s="17"/>
      <c r="D9969" s="18"/>
      <c r="E9969" s="18"/>
      <c r="F9969" s="18"/>
      <c r="G9969" s="18"/>
      <c r="H9969" s="18"/>
      <c r="I9969" s="18"/>
      <c r="J9969" s="18"/>
      <c r="K9969" s="18"/>
      <c r="L9969" s="18"/>
      <c r="M9969" s="18"/>
      <c r="N9969" s="18"/>
      <c r="O9969" s="18"/>
      <c r="P9969" s="19"/>
      <c r="Q9969" s="19"/>
      <c r="R9969" s="19"/>
      <c r="S9969" s="19"/>
      <c r="T9969" s="19"/>
      <c r="U9969" s="19"/>
      <c r="V9969" s="19"/>
      <c r="W9969" s="19"/>
      <c r="X9969" s="19"/>
      <c r="Y9969" s="19"/>
      <c r="Z9969" s="19"/>
      <c r="AA9969" s="19"/>
    </row>
    <row r="9970" spans="1:27" s="1" customFormat="1" ht="11.1" customHeight="1" outlineLevel="1" x14ac:dyDescent="0.2">
      <c r="A9970" s="17">
        <v>16697</v>
      </c>
      <c r="B9970" s="17"/>
      <c r="C9970" s="17"/>
      <c r="D9970" s="18" t="s">
        <v>4943</v>
      </c>
      <c r="E9970" s="18"/>
      <c r="F9970" s="18"/>
      <c r="G9970" s="18"/>
      <c r="H9970" s="18"/>
      <c r="I9970" s="18"/>
      <c r="J9970" s="18"/>
      <c r="K9970" s="18"/>
      <c r="L9970" s="18"/>
      <c r="M9970" s="18"/>
      <c r="N9970" s="18"/>
      <c r="O9970" s="18"/>
      <c r="P9970" s="20">
        <v>1100</v>
      </c>
      <c r="Q9970" s="20"/>
      <c r="R9970" s="20"/>
      <c r="S9970" s="20"/>
      <c r="T9970" s="20">
        <v>1000</v>
      </c>
      <c r="U9970" s="20"/>
      <c r="V9970" s="20"/>
      <c r="W9970" s="20"/>
      <c r="X9970" s="19">
        <v>1</v>
      </c>
      <c r="Y9970" s="19"/>
      <c r="Z9970" s="19"/>
      <c r="AA9970" s="19"/>
    </row>
    <row r="9971" spans="1:27" s="1" customFormat="1" ht="11.1" customHeight="1" outlineLevel="1" x14ac:dyDescent="0.2">
      <c r="A9971" s="17"/>
      <c r="B9971" s="17"/>
      <c r="C9971" s="17"/>
      <c r="D9971" s="18"/>
      <c r="E9971" s="18"/>
      <c r="F9971" s="18"/>
      <c r="G9971" s="18"/>
      <c r="H9971" s="18"/>
      <c r="I9971" s="18"/>
      <c r="J9971" s="18"/>
      <c r="K9971" s="18"/>
      <c r="L9971" s="18"/>
      <c r="M9971" s="18"/>
      <c r="N9971" s="18"/>
      <c r="O9971" s="18"/>
      <c r="P9971" s="20"/>
      <c r="Q9971" s="20"/>
      <c r="R9971" s="20"/>
      <c r="S9971" s="20"/>
      <c r="T9971" s="20"/>
      <c r="U9971" s="20"/>
      <c r="V9971" s="20"/>
      <c r="W9971" s="20"/>
      <c r="X9971" s="19"/>
      <c r="Y9971" s="19"/>
      <c r="Z9971" s="19"/>
      <c r="AA9971" s="19"/>
    </row>
    <row r="9972" spans="1:27" s="1" customFormat="1" ht="14.1" customHeight="1" outlineLevel="1" x14ac:dyDescent="0.2">
      <c r="A9972" s="17">
        <v>15399</v>
      </c>
      <c r="B9972" s="17"/>
      <c r="C9972" s="17"/>
      <c r="D9972" s="18" t="s">
        <v>4944</v>
      </c>
      <c r="E9972" s="18"/>
      <c r="F9972" s="18"/>
      <c r="G9972" s="18"/>
      <c r="H9972" s="18"/>
      <c r="I9972" s="18"/>
      <c r="J9972" s="18"/>
      <c r="K9972" s="18"/>
      <c r="L9972" s="18"/>
      <c r="M9972" s="18"/>
      <c r="N9972" s="18"/>
      <c r="O9972" s="18"/>
      <c r="P9972" s="20">
        <v>1100</v>
      </c>
      <c r="Q9972" s="20"/>
      <c r="R9972" s="20"/>
      <c r="S9972" s="20"/>
      <c r="T9972" s="20">
        <v>1000</v>
      </c>
      <c r="U9972" s="20"/>
      <c r="V9972" s="20"/>
      <c r="W9972" s="20"/>
      <c r="X9972" s="19">
        <v>1</v>
      </c>
      <c r="Y9972" s="19"/>
      <c r="Z9972" s="19"/>
      <c r="AA9972" s="19"/>
    </row>
    <row r="9973" spans="1:27" s="1" customFormat="1" ht="14.1" customHeight="1" outlineLevel="1" x14ac:dyDescent="0.2">
      <c r="A9973" s="17"/>
      <c r="B9973" s="17"/>
      <c r="C9973" s="17"/>
      <c r="D9973" s="18"/>
      <c r="E9973" s="18"/>
      <c r="F9973" s="18"/>
      <c r="G9973" s="18"/>
      <c r="H9973" s="18"/>
      <c r="I9973" s="18"/>
      <c r="J9973" s="18"/>
      <c r="K9973" s="18"/>
      <c r="L9973" s="18"/>
      <c r="M9973" s="18"/>
      <c r="N9973" s="18"/>
      <c r="O9973" s="18"/>
      <c r="P9973" s="20"/>
      <c r="Q9973" s="20"/>
      <c r="R9973" s="20"/>
      <c r="S9973" s="20"/>
      <c r="T9973" s="20"/>
      <c r="U9973" s="20"/>
      <c r="V9973" s="20"/>
      <c r="W9973" s="20"/>
      <c r="X9973" s="19"/>
      <c r="Y9973" s="19"/>
      <c r="Z9973" s="19"/>
      <c r="AA9973" s="19"/>
    </row>
    <row r="9974" spans="1:27" s="1" customFormat="1" ht="14.1" customHeight="1" outlineLevel="1" x14ac:dyDescent="0.2">
      <c r="A9974" s="17">
        <v>15930</v>
      </c>
      <c r="B9974" s="17"/>
      <c r="C9974" s="17"/>
      <c r="D9974" s="18" t="s">
        <v>4945</v>
      </c>
      <c r="E9974" s="18"/>
      <c r="F9974" s="18"/>
      <c r="G9974" s="18"/>
      <c r="H9974" s="18"/>
      <c r="I9974" s="18"/>
      <c r="J9974" s="18"/>
      <c r="K9974" s="18"/>
      <c r="L9974" s="18"/>
      <c r="M9974" s="18"/>
      <c r="N9974" s="18"/>
      <c r="O9974" s="18"/>
      <c r="P9974" s="20">
        <v>1300</v>
      </c>
      <c r="Q9974" s="20"/>
      <c r="R9974" s="20"/>
      <c r="S9974" s="20"/>
      <c r="T9974" s="20">
        <v>1100</v>
      </c>
      <c r="U9974" s="20"/>
      <c r="V9974" s="20"/>
      <c r="W9974" s="20"/>
      <c r="X9974" s="19">
        <v>2</v>
      </c>
      <c r="Y9974" s="19"/>
      <c r="Z9974" s="19"/>
      <c r="AA9974" s="19"/>
    </row>
    <row r="9975" spans="1:27" s="1" customFormat="1" ht="14.1" customHeight="1" outlineLevel="1" x14ac:dyDescent="0.2">
      <c r="A9975" s="17"/>
      <c r="B9975" s="17"/>
      <c r="C9975" s="17"/>
      <c r="D9975" s="18"/>
      <c r="E9975" s="18"/>
      <c r="F9975" s="18"/>
      <c r="G9975" s="18"/>
      <c r="H9975" s="18"/>
      <c r="I9975" s="18"/>
      <c r="J9975" s="18"/>
      <c r="K9975" s="18"/>
      <c r="L9975" s="18"/>
      <c r="M9975" s="18"/>
      <c r="N9975" s="18"/>
      <c r="O9975" s="18"/>
      <c r="P9975" s="20"/>
      <c r="Q9975" s="20"/>
      <c r="R9975" s="20"/>
      <c r="S9975" s="20"/>
      <c r="T9975" s="20"/>
      <c r="U9975" s="20"/>
      <c r="V9975" s="20"/>
      <c r="W9975" s="20"/>
      <c r="X9975" s="19"/>
      <c r="Y9975" s="19"/>
      <c r="Z9975" s="19"/>
      <c r="AA9975" s="19"/>
    </row>
    <row r="9976" spans="1:27" s="1" customFormat="1" ht="14.1" customHeight="1" outlineLevel="1" x14ac:dyDescent="0.2">
      <c r="A9976" s="17">
        <v>18136</v>
      </c>
      <c r="B9976" s="17"/>
      <c r="C9976" s="17"/>
      <c r="D9976" s="18" t="s">
        <v>4946</v>
      </c>
      <c r="E9976" s="18"/>
      <c r="F9976" s="18"/>
      <c r="G9976" s="18"/>
      <c r="H9976" s="18"/>
      <c r="I9976" s="18"/>
      <c r="J9976" s="18"/>
      <c r="K9976" s="18"/>
      <c r="L9976" s="18"/>
      <c r="M9976" s="18"/>
      <c r="N9976" s="18"/>
      <c r="O9976" s="18"/>
      <c r="P9976" s="19">
        <v>600</v>
      </c>
      <c r="Q9976" s="19"/>
      <c r="R9976" s="19"/>
      <c r="S9976" s="19"/>
      <c r="T9976" s="19">
        <v>500</v>
      </c>
      <c r="U9976" s="19"/>
      <c r="V9976" s="19"/>
      <c r="W9976" s="19"/>
      <c r="X9976" s="19">
        <v>2</v>
      </c>
      <c r="Y9976" s="19"/>
      <c r="Z9976" s="19"/>
      <c r="AA9976" s="19"/>
    </row>
    <row r="9977" spans="1:27" s="1" customFormat="1" ht="14.1" customHeight="1" outlineLevel="1" x14ac:dyDescent="0.2">
      <c r="A9977" s="17"/>
      <c r="B9977" s="17"/>
      <c r="C9977" s="17"/>
      <c r="D9977" s="18"/>
      <c r="E9977" s="18"/>
      <c r="F9977" s="18"/>
      <c r="G9977" s="18"/>
      <c r="H9977" s="18"/>
      <c r="I9977" s="18"/>
      <c r="J9977" s="18"/>
      <c r="K9977" s="18"/>
      <c r="L9977" s="18"/>
      <c r="M9977" s="18"/>
      <c r="N9977" s="18"/>
      <c r="O9977" s="18"/>
      <c r="P9977" s="19"/>
      <c r="Q9977" s="19"/>
      <c r="R9977" s="19"/>
      <c r="S9977" s="19"/>
      <c r="T9977" s="19"/>
      <c r="U9977" s="19"/>
      <c r="V9977" s="19"/>
      <c r="W9977" s="19"/>
      <c r="X9977" s="19"/>
      <c r="Y9977" s="19"/>
      <c r="Z9977" s="19"/>
      <c r="AA9977" s="19"/>
    </row>
    <row r="9978" spans="1:27" s="1" customFormat="1" ht="11.1" customHeight="1" outlineLevel="1" x14ac:dyDescent="0.2">
      <c r="A9978" s="17">
        <v>18203</v>
      </c>
      <c r="B9978" s="17"/>
      <c r="C9978" s="17"/>
      <c r="D9978" s="18" t="s">
        <v>4947</v>
      </c>
      <c r="E9978" s="18"/>
      <c r="F9978" s="18"/>
      <c r="G9978" s="18"/>
      <c r="H9978" s="18"/>
      <c r="I9978" s="18"/>
      <c r="J9978" s="18"/>
      <c r="K9978" s="18"/>
      <c r="L9978" s="18"/>
      <c r="M9978" s="18"/>
      <c r="N9978" s="18"/>
      <c r="O9978" s="18"/>
      <c r="P9978" s="19">
        <v>600</v>
      </c>
      <c r="Q9978" s="19"/>
      <c r="R9978" s="19"/>
      <c r="S9978" s="19"/>
      <c r="T9978" s="19">
        <v>500</v>
      </c>
      <c r="U9978" s="19"/>
      <c r="V9978" s="19"/>
      <c r="W9978" s="19"/>
      <c r="X9978" s="19">
        <v>1</v>
      </c>
      <c r="Y9978" s="19"/>
      <c r="Z9978" s="19"/>
      <c r="AA9978" s="19"/>
    </row>
    <row r="9979" spans="1:27" s="1" customFormat="1" ht="11.1" customHeight="1" outlineLevel="1" x14ac:dyDescent="0.2">
      <c r="A9979" s="17"/>
      <c r="B9979" s="17"/>
      <c r="C9979" s="17"/>
      <c r="D9979" s="18"/>
      <c r="E9979" s="18"/>
      <c r="F9979" s="18"/>
      <c r="G9979" s="18"/>
      <c r="H9979" s="18"/>
      <c r="I9979" s="18"/>
      <c r="J9979" s="18"/>
      <c r="K9979" s="18"/>
      <c r="L9979" s="18"/>
      <c r="M9979" s="18"/>
      <c r="N9979" s="18"/>
      <c r="O9979" s="18"/>
      <c r="P9979" s="19"/>
      <c r="Q9979" s="19"/>
      <c r="R9979" s="19"/>
      <c r="S9979" s="19"/>
      <c r="T9979" s="19"/>
      <c r="U9979" s="19"/>
      <c r="V9979" s="19"/>
      <c r="W9979" s="19"/>
      <c r="X9979" s="19"/>
      <c r="Y9979" s="19"/>
      <c r="Z9979" s="19"/>
      <c r="AA9979" s="19"/>
    </row>
    <row r="9980" spans="1:27" s="1" customFormat="1" ht="14.1" customHeight="1" outlineLevel="1" x14ac:dyDescent="0.2">
      <c r="A9980" s="17">
        <v>18109</v>
      </c>
      <c r="B9980" s="17"/>
      <c r="C9980" s="17"/>
      <c r="D9980" s="18" t="s">
        <v>4948</v>
      </c>
      <c r="E9980" s="18"/>
      <c r="F9980" s="18"/>
      <c r="G9980" s="18"/>
      <c r="H9980" s="18"/>
      <c r="I9980" s="18"/>
      <c r="J9980" s="18"/>
      <c r="K9980" s="18"/>
      <c r="L9980" s="18"/>
      <c r="M9980" s="18"/>
      <c r="N9980" s="18"/>
      <c r="O9980" s="18"/>
      <c r="P9980" s="19">
        <v>600</v>
      </c>
      <c r="Q9980" s="19"/>
      <c r="R9980" s="19"/>
      <c r="S9980" s="19"/>
      <c r="T9980" s="19">
        <v>500</v>
      </c>
      <c r="U9980" s="19"/>
      <c r="V9980" s="19"/>
      <c r="W9980" s="19"/>
      <c r="X9980" s="19">
        <v>1</v>
      </c>
      <c r="Y9980" s="19"/>
      <c r="Z9980" s="19"/>
      <c r="AA9980" s="19"/>
    </row>
    <row r="9981" spans="1:27" s="1" customFormat="1" ht="14.1" customHeight="1" outlineLevel="1" x14ac:dyDescent="0.2">
      <c r="A9981" s="17"/>
      <c r="B9981" s="17"/>
      <c r="C9981" s="17"/>
      <c r="D9981" s="18"/>
      <c r="E9981" s="18"/>
      <c r="F9981" s="18"/>
      <c r="G9981" s="18"/>
      <c r="H9981" s="18"/>
      <c r="I9981" s="18"/>
      <c r="J9981" s="18"/>
      <c r="K9981" s="18"/>
      <c r="L9981" s="18"/>
      <c r="M9981" s="18"/>
      <c r="N9981" s="18"/>
      <c r="O9981" s="18"/>
      <c r="P9981" s="19"/>
      <c r="Q9981" s="19"/>
      <c r="R9981" s="19"/>
      <c r="S9981" s="19"/>
      <c r="T9981" s="19"/>
      <c r="U9981" s="19"/>
      <c r="V9981" s="19"/>
      <c r="W9981" s="19"/>
      <c r="X9981" s="19"/>
      <c r="Y9981" s="19"/>
      <c r="Z9981" s="19"/>
      <c r="AA9981" s="19"/>
    </row>
    <row r="9982" spans="1:27" s="1" customFormat="1" ht="14.1" customHeight="1" outlineLevel="1" x14ac:dyDescent="0.2">
      <c r="A9982" s="17">
        <v>17539</v>
      </c>
      <c r="B9982" s="17"/>
      <c r="C9982" s="17"/>
      <c r="D9982" s="18" t="s">
        <v>4949</v>
      </c>
      <c r="E9982" s="18"/>
      <c r="F9982" s="18"/>
      <c r="G9982" s="18"/>
      <c r="H9982" s="18"/>
      <c r="I9982" s="18"/>
      <c r="J9982" s="18"/>
      <c r="K9982" s="18"/>
      <c r="L9982" s="18"/>
      <c r="M9982" s="18"/>
      <c r="N9982" s="18"/>
      <c r="O9982" s="18"/>
      <c r="P9982" s="20">
        <v>1600</v>
      </c>
      <c r="Q9982" s="20"/>
      <c r="R9982" s="20"/>
      <c r="S9982" s="20"/>
      <c r="T9982" s="20">
        <v>1500</v>
      </c>
      <c r="U9982" s="20"/>
      <c r="V9982" s="20"/>
      <c r="W9982" s="20"/>
      <c r="X9982" s="19">
        <v>1</v>
      </c>
      <c r="Y9982" s="19"/>
      <c r="Z9982" s="19"/>
      <c r="AA9982" s="19"/>
    </row>
    <row r="9983" spans="1:27" s="1" customFormat="1" ht="14.1" customHeight="1" outlineLevel="1" x14ac:dyDescent="0.2">
      <c r="A9983" s="17"/>
      <c r="B9983" s="17"/>
      <c r="C9983" s="17"/>
      <c r="D9983" s="18"/>
      <c r="E9983" s="18"/>
      <c r="F9983" s="18"/>
      <c r="G9983" s="18"/>
      <c r="H9983" s="18"/>
      <c r="I9983" s="18"/>
      <c r="J9983" s="18"/>
      <c r="K9983" s="18"/>
      <c r="L9983" s="18"/>
      <c r="M9983" s="18"/>
      <c r="N9983" s="18"/>
      <c r="O9983" s="18"/>
      <c r="P9983" s="20"/>
      <c r="Q9983" s="20"/>
      <c r="R9983" s="20"/>
      <c r="S9983" s="20"/>
      <c r="T9983" s="20"/>
      <c r="U9983" s="20"/>
      <c r="V9983" s="20"/>
      <c r="W9983" s="20"/>
      <c r="X9983" s="19"/>
      <c r="Y9983" s="19"/>
      <c r="Z9983" s="19"/>
      <c r="AA9983" s="19"/>
    </row>
    <row r="9984" spans="1:27" s="1" customFormat="1" ht="14.1" customHeight="1" outlineLevel="1" x14ac:dyDescent="0.2">
      <c r="A9984" s="17">
        <v>16717</v>
      </c>
      <c r="B9984" s="17"/>
      <c r="C9984" s="17"/>
      <c r="D9984" s="18" t="s">
        <v>4950</v>
      </c>
      <c r="E9984" s="18"/>
      <c r="F9984" s="18"/>
      <c r="G9984" s="18"/>
      <c r="H9984" s="18"/>
      <c r="I9984" s="18"/>
      <c r="J9984" s="18"/>
      <c r="K9984" s="18"/>
      <c r="L9984" s="18"/>
      <c r="M9984" s="18"/>
      <c r="N9984" s="18"/>
      <c r="O9984" s="18"/>
      <c r="P9984" s="19">
        <v>550</v>
      </c>
      <c r="Q9984" s="19"/>
      <c r="R9984" s="19"/>
      <c r="S9984" s="19"/>
      <c r="T9984" s="19">
        <v>500</v>
      </c>
      <c r="U9984" s="19"/>
      <c r="V9984" s="19"/>
      <c r="W9984" s="19"/>
      <c r="X9984" s="19">
        <v>1</v>
      </c>
      <c r="Y9984" s="19"/>
      <c r="Z9984" s="19"/>
      <c r="AA9984" s="19"/>
    </row>
    <row r="9985" spans="1:27" s="1" customFormat="1" ht="14.1" customHeight="1" outlineLevel="1" x14ac:dyDescent="0.2">
      <c r="A9985" s="17"/>
      <c r="B9985" s="17"/>
      <c r="C9985" s="17"/>
      <c r="D9985" s="18"/>
      <c r="E9985" s="18"/>
      <c r="F9985" s="18"/>
      <c r="G9985" s="18"/>
      <c r="H9985" s="18"/>
      <c r="I9985" s="18"/>
      <c r="J9985" s="18"/>
      <c r="K9985" s="18"/>
      <c r="L9985" s="18"/>
      <c r="M9985" s="18"/>
      <c r="N9985" s="18"/>
      <c r="O9985" s="18"/>
      <c r="P9985" s="19"/>
      <c r="Q9985" s="19"/>
      <c r="R9985" s="19"/>
      <c r="S9985" s="19"/>
      <c r="T9985" s="19"/>
      <c r="U9985" s="19"/>
      <c r="V9985" s="19"/>
      <c r="W9985" s="19"/>
      <c r="X9985" s="19"/>
      <c r="Y9985" s="19"/>
      <c r="Z9985" s="19"/>
      <c r="AA9985" s="19"/>
    </row>
    <row r="9986" spans="1:27" s="1" customFormat="1" ht="14.1" customHeight="1" outlineLevel="1" x14ac:dyDescent="0.2">
      <c r="A9986" s="17">
        <v>15213</v>
      </c>
      <c r="B9986" s="17"/>
      <c r="C9986" s="17"/>
      <c r="D9986" s="18" t="s">
        <v>4951</v>
      </c>
      <c r="E9986" s="18"/>
      <c r="F9986" s="18"/>
      <c r="G9986" s="18"/>
      <c r="H9986" s="18"/>
      <c r="I9986" s="18"/>
      <c r="J9986" s="18"/>
      <c r="K9986" s="18"/>
      <c r="L9986" s="18"/>
      <c r="M9986" s="18"/>
      <c r="N9986" s="18"/>
      <c r="O9986" s="18"/>
      <c r="P9986" s="19">
        <v>355</v>
      </c>
      <c r="Q9986" s="19"/>
      <c r="R9986" s="19"/>
      <c r="S9986" s="19"/>
      <c r="T9986" s="19">
        <v>290</v>
      </c>
      <c r="U9986" s="19"/>
      <c r="V9986" s="19"/>
      <c r="W9986" s="19"/>
      <c r="X9986" s="19">
        <v>1</v>
      </c>
      <c r="Y9986" s="19"/>
      <c r="Z9986" s="19"/>
      <c r="AA9986" s="19"/>
    </row>
    <row r="9987" spans="1:27" s="1" customFormat="1" ht="14.1" customHeight="1" outlineLevel="1" x14ac:dyDescent="0.2">
      <c r="A9987" s="17"/>
      <c r="B9987" s="17"/>
      <c r="C9987" s="17"/>
      <c r="D9987" s="18"/>
      <c r="E9987" s="18"/>
      <c r="F9987" s="18"/>
      <c r="G9987" s="18"/>
      <c r="H9987" s="18"/>
      <c r="I9987" s="18"/>
      <c r="J9987" s="18"/>
      <c r="K9987" s="18"/>
      <c r="L9987" s="18"/>
      <c r="M9987" s="18"/>
      <c r="N9987" s="18"/>
      <c r="O9987" s="18"/>
      <c r="P9987" s="19"/>
      <c r="Q9987" s="19"/>
      <c r="R9987" s="19"/>
      <c r="S9987" s="19"/>
      <c r="T9987" s="19"/>
      <c r="U9987" s="19"/>
      <c r="V9987" s="19"/>
      <c r="W9987" s="19"/>
      <c r="X9987" s="19"/>
      <c r="Y9987" s="19"/>
      <c r="Z9987" s="19"/>
      <c r="AA9987" s="19"/>
    </row>
    <row r="9988" spans="1:27" s="1" customFormat="1" ht="14.1" customHeight="1" outlineLevel="1" x14ac:dyDescent="0.2">
      <c r="A9988" s="17">
        <v>15818</v>
      </c>
      <c r="B9988" s="17"/>
      <c r="C9988" s="17"/>
      <c r="D9988" s="18" t="s">
        <v>4952</v>
      </c>
      <c r="E9988" s="18"/>
      <c r="F9988" s="18"/>
      <c r="G9988" s="18"/>
      <c r="H9988" s="18"/>
      <c r="I9988" s="18"/>
      <c r="J9988" s="18"/>
      <c r="K9988" s="18"/>
      <c r="L9988" s="18"/>
      <c r="M9988" s="18"/>
      <c r="N9988" s="18"/>
      <c r="O9988" s="18"/>
      <c r="P9988" s="19">
        <v>200</v>
      </c>
      <c r="Q9988" s="19"/>
      <c r="R9988" s="19"/>
      <c r="S9988" s="19"/>
      <c r="T9988" s="19">
        <v>150</v>
      </c>
      <c r="U9988" s="19"/>
      <c r="V9988" s="19"/>
      <c r="W9988" s="19"/>
      <c r="X9988" s="19">
        <v>2</v>
      </c>
      <c r="Y9988" s="19"/>
      <c r="Z9988" s="19"/>
      <c r="AA9988" s="19"/>
    </row>
    <row r="9989" spans="1:27" s="1" customFormat="1" ht="14.1" customHeight="1" outlineLevel="1" x14ac:dyDescent="0.2">
      <c r="A9989" s="17"/>
      <c r="B9989" s="17"/>
      <c r="C9989" s="17"/>
      <c r="D9989" s="18"/>
      <c r="E9989" s="18"/>
      <c r="F9989" s="18"/>
      <c r="G9989" s="18"/>
      <c r="H9989" s="18"/>
      <c r="I9989" s="18"/>
      <c r="J9989" s="18"/>
      <c r="K9989" s="18"/>
      <c r="L9989" s="18"/>
      <c r="M9989" s="18"/>
      <c r="N9989" s="18"/>
      <c r="O9989" s="18"/>
      <c r="P9989" s="19"/>
      <c r="Q9989" s="19"/>
      <c r="R9989" s="19"/>
      <c r="S9989" s="19"/>
      <c r="T9989" s="19"/>
      <c r="U9989" s="19"/>
      <c r="V9989" s="19"/>
      <c r="W9989" s="19"/>
      <c r="X9989" s="19"/>
      <c r="Y9989" s="19"/>
      <c r="Z9989" s="19"/>
      <c r="AA9989" s="19"/>
    </row>
    <row r="9990" spans="1:27" s="1" customFormat="1" ht="14.1" customHeight="1" outlineLevel="1" x14ac:dyDescent="0.2">
      <c r="A9990" s="17">
        <v>17374</v>
      </c>
      <c r="B9990" s="17"/>
      <c r="C9990" s="17"/>
      <c r="D9990" s="18" t="s">
        <v>4953</v>
      </c>
      <c r="E9990" s="18"/>
      <c r="F9990" s="18"/>
      <c r="G9990" s="18"/>
      <c r="H9990" s="18"/>
      <c r="I9990" s="18"/>
      <c r="J9990" s="18"/>
      <c r="K9990" s="18"/>
      <c r="L9990" s="18"/>
      <c r="M9990" s="18"/>
      <c r="N9990" s="18"/>
      <c r="O9990" s="18"/>
      <c r="P9990" s="19">
        <v>150</v>
      </c>
      <c r="Q9990" s="19"/>
      <c r="R9990" s="19"/>
      <c r="S9990" s="19"/>
      <c r="T9990" s="19">
        <v>90</v>
      </c>
      <c r="U9990" s="19"/>
      <c r="V9990" s="19"/>
      <c r="W9990" s="19"/>
      <c r="X9990" s="19">
        <v>1</v>
      </c>
      <c r="Y9990" s="19"/>
      <c r="Z9990" s="19"/>
      <c r="AA9990" s="19"/>
    </row>
    <row r="9991" spans="1:27" s="1" customFormat="1" ht="14.1" customHeight="1" outlineLevel="1" x14ac:dyDescent="0.2">
      <c r="A9991" s="17"/>
      <c r="B9991" s="17"/>
      <c r="C9991" s="17"/>
      <c r="D9991" s="18"/>
      <c r="E9991" s="18"/>
      <c r="F9991" s="18"/>
      <c r="G9991" s="18"/>
      <c r="H9991" s="18"/>
      <c r="I9991" s="18"/>
      <c r="J9991" s="18"/>
      <c r="K9991" s="18"/>
      <c r="L9991" s="18"/>
      <c r="M9991" s="18"/>
      <c r="N9991" s="18"/>
      <c r="O9991" s="18"/>
      <c r="P9991" s="19"/>
      <c r="Q9991" s="19"/>
      <c r="R9991" s="19"/>
      <c r="S9991" s="19"/>
      <c r="T9991" s="19"/>
      <c r="U9991" s="19"/>
      <c r="V9991" s="19"/>
      <c r="W9991" s="19"/>
      <c r="X9991" s="19"/>
      <c r="Y9991" s="19"/>
      <c r="Z9991" s="19"/>
      <c r="AA9991" s="19"/>
    </row>
    <row r="9992" spans="1:27" s="1" customFormat="1" ht="14.1" customHeight="1" outlineLevel="1" x14ac:dyDescent="0.2">
      <c r="A9992" s="17">
        <v>15306</v>
      </c>
      <c r="B9992" s="17"/>
      <c r="C9992" s="17"/>
      <c r="D9992" s="18" t="s">
        <v>4954</v>
      </c>
      <c r="E9992" s="18"/>
      <c r="F9992" s="18"/>
      <c r="G9992" s="18"/>
      <c r="H9992" s="18"/>
      <c r="I9992" s="18"/>
      <c r="J9992" s="18"/>
      <c r="K9992" s="18"/>
      <c r="L9992" s="18"/>
      <c r="M9992" s="18"/>
      <c r="N9992" s="18"/>
      <c r="O9992" s="18"/>
      <c r="P9992" s="19">
        <v>170</v>
      </c>
      <c r="Q9992" s="19"/>
      <c r="R9992" s="19"/>
      <c r="S9992" s="19"/>
      <c r="T9992" s="19">
        <v>130</v>
      </c>
      <c r="U9992" s="19"/>
      <c r="V9992" s="19"/>
      <c r="W9992" s="19"/>
      <c r="X9992" s="19">
        <v>2</v>
      </c>
      <c r="Y9992" s="19"/>
      <c r="Z9992" s="19"/>
      <c r="AA9992" s="19"/>
    </row>
    <row r="9993" spans="1:27" s="1" customFormat="1" ht="14.1" customHeight="1" outlineLevel="1" x14ac:dyDescent="0.2">
      <c r="A9993" s="17"/>
      <c r="B9993" s="17"/>
      <c r="C9993" s="17"/>
      <c r="D9993" s="18"/>
      <c r="E9993" s="18"/>
      <c r="F9993" s="18"/>
      <c r="G9993" s="18"/>
      <c r="H9993" s="18"/>
      <c r="I9993" s="18"/>
      <c r="J9993" s="18"/>
      <c r="K9993" s="18"/>
      <c r="L9993" s="18"/>
      <c r="M9993" s="18"/>
      <c r="N9993" s="18"/>
      <c r="O9993" s="18"/>
      <c r="P9993" s="19"/>
      <c r="Q9993" s="19"/>
      <c r="R9993" s="19"/>
      <c r="S9993" s="19"/>
      <c r="T9993" s="19"/>
      <c r="U9993" s="19"/>
      <c r="V9993" s="19"/>
      <c r="W9993" s="19"/>
      <c r="X9993" s="19"/>
      <c r="Y9993" s="19"/>
      <c r="Z9993" s="19"/>
      <c r="AA9993" s="19"/>
    </row>
    <row r="9994" spans="1:27" s="1" customFormat="1" ht="14.1" customHeight="1" outlineLevel="1" x14ac:dyDescent="0.2">
      <c r="A9994" s="17">
        <v>15817</v>
      </c>
      <c r="B9994" s="17"/>
      <c r="C9994" s="17"/>
      <c r="D9994" s="18" t="s">
        <v>4955</v>
      </c>
      <c r="E9994" s="18"/>
      <c r="F9994" s="18"/>
      <c r="G9994" s="18"/>
      <c r="H9994" s="18"/>
      <c r="I9994" s="18"/>
      <c r="J9994" s="18"/>
      <c r="K9994" s="18"/>
      <c r="L9994" s="18"/>
      <c r="M9994" s="18"/>
      <c r="N9994" s="18"/>
      <c r="O9994" s="18"/>
      <c r="P9994" s="19">
        <v>200</v>
      </c>
      <c r="Q9994" s="19"/>
      <c r="R9994" s="19"/>
      <c r="S9994" s="19"/>
      <c r="T9994" s="19">
        <v>150</v>
      </c>
      <c r="U9994" s="19"/>
      <c r="V9994" s="19"/>
      <c r="W9994" s="19"/>
      <c r="X9994" s="19">
        <v>2</v>
      </c>
      <c r="Y9994" s="19"/>
      <c r="Z9994" s="19"/>
      <c r="AA9994" s="19"/>
    </row>
    <row r="9995" spans="1:27" s="1" customFormat="1" ht="14.1" customHeight="1" outlineLevel="1" x14ac:dyDescent="0.2">
      <c r="A9995" s="17"/>
      <c r="B9995" s="17"/>
      <c r="C9995" s="17"/>
      <c r="D9995" s="18"/>
      <c r="E9995" s="18"/>
      <c r="F9995" s="18"/>
      <c r="G9995" s="18"/>
      <c r="H9995" s="18"/>
      <c r="I9995" s="18"/>
      <c r="J9995" s="18"/>
      <c r="K9995" s="18"/>
      <c r="L9995" s="18"/>
      <c r="M9995" s="18"/>
      <c r="N9995" s="18"/>
      <c r="O9995" s="18"/>
      <c r="P9995" s="19"/>
      <c r="Q9995" s="19"/>
      <c r="R9995" s="19"/>
      <c r="S9995" s="19"/>
      <c r="T9995" s="19"/>
      <c r="U9995" s="19"/>
      <c r="V9995" s="19"/>
      <c r="W9995" s="19"/>
      <c r="X9995" s="19"/>
      <c r="Y9995" s="19"/>
      <c r="Z9995" s="19"/>
      <c r="AA9995" s="19"/>
    </row>
    <row r="9996" spans="1:27" s="1" customFormat="1" ht="14.1" customHeight="1" outlineLevel="1" x14ac:dyDescent="0.2">
      <c r="A9996" s="17">
        <v>14168</v>
      </c>
      <c r="B9996" s="17"/>
      <c r="C9996" s="17"/>
      <c r="D9996" s="18" t="s">
        <v>4956</v>
      </c>
      <c r="E9996" s="18"/>
      <c r="F9996" s="18"/>
      <c r="G9996" s="18"/>
      <c r="H9996" s="18"/>
      <c r="I9996" s="18"/>
      <c r="J9996" s="18"/>
      <c r="K9996" s="18"/>
      <c r="L9996" s="18"/>
      <c r="M9996" s="18"/>
      <c r="N9996" s="18"/>
      <c r="O9996" s="18"/>
      <c r="P9996" s="19">
        <v>130</v>
      </c>
      <c r="Q9996" s="19"/>
      <c r="R9996" s="19"/>
      <c r="S9996" s="19"/>
      <c r="T9996" s="19">
        <v>100</v>
      </c>
      <c r="U9996" s="19"/>
      <c r="V9996" s="19"/>
      <c r="W9996" s="19"/>
      <c r="X9996" s="19">
        <v>12</v>
      </c>
      <c r="Y9996" s="19"/>
      <c r="Z9996" s="19"/>
      <c r="AA9996" s="19"/>
    </row>
    <row r="9997" spans="1:27" s="1" customFormat="1" ht="14.1" customHeight="1" outlineLevel="1" x14ac:dyDescent="0.2">
      <c r="A9997" s="17"/>
      <c r="B9997" s="17"/>
      <c r="C9997" s="17"/>
      <c r="D9997" s="18"/>
      <c r="E9997" s="18"/>
      <c r="F9997" s="18"/>
      <c r="G9997" s="18"/>
      <c r="H9997" s="18"/>
      <c r="I9997" s="18"/>
      <c r="J9997" s="18"/>
      <c r="K9997" s="18"/>
      <c r="L9997" s="18"/>
      <c r="M9997" s="18"/>
      <c r="N9997" s="18"/>
      <c r="O9997" s="18"/>
      <c r="P9997" s="19"/>
      <c r="Q9997" s="19"/>
      <c r="R9997" s="19"/>
      <c r="S9997" s="19"/>
      <c r="T9997" s="19"/>
      <c r="U9997" s="19"/>
      <c r="V9997" s="19"/>
      <c r="W9997" s="19"/>
      <c r="X9997" s="19"/>
      <c r="Y9997" s="19"/>
      <c r="Z9997" s="19"/>
      <c r="AA9997" s="19"/>
    </row>
    <row r="9998" spans="1:27" s="1" customFormat="1" ht="11.1" customHeight="1" outlineLevel="1" x14ac:dyDescent="0.2">
      <c r="A9998" s="17">
        <v>14169</v>
      </c>
      <c r="B9998" s="17"/>
      <c r="C9998" s="17"/>
      <c r="D9998" s="18" t="s">
        <v>4957</v>
      </c>
      <c r="E9998" s="18"/>
      <c r="F9998" s="18"/>
      <c r="G9998" s="18"/>
      <c r="H9998" s="18"/>
      <c r="I9998" s="18"/>
      <c r="J9998" s="18"/>
      <c r="K9998" s="18"/>
      <c r="L9998" s="18"/>
      <c r="M9998" s="18"/>
      <c r="N9998" s="18"/>
      <c r="O9998" s="18"/>
      <c r="P9998" s="19">
        <v>130</v>
      </c>
      <c r="Q9998" s="19"/>
      <c r="R9998" s="19"/>
      <c r="S9998" s="19"/>
      <c r="T9998" s="19">
        <v>100</v>
      </c>
      <c r="U9998" s="19"/>
      <c r="V9998" s="19"/>
      <c r="W9998" s="19"/>
      <c r="X9998" s="19">
        <v>20</v>
      </c>
      <c r="Y9998" s="19"/>
      <c r="Z9998" s="19"/>
      <c r="AA9998" s="19"/>
    </row>
    <row r="9999" spans="1:27" s="1" customFormat="1" ht="11.1" customHeight="1" outlineLevel="1" x14ac:dyDescent="0.2">
      <c r="A9999" s="17"/>
      <c r="B9999" s="17"/>
      <c r="C9999" s="17"/>
      <c r="D9999" s="18"/>
      <c r="E9999" s="18"/>
      <c r="F9999" s="18"/>
      <c r="G9999" s="18"/>
      <c r="H9999" s="18"/>
      <c r="I9999" s="18"/>
      <c r="J9999" s="18"/>
      <c r="K9999" s="18"/>
      <c r="L9999" s="18"/>
      <c r="M9999" s="18"/>
      <c r="N9999" s="18"/>
      <c r="O9999" s="18"/>
      <c r="P9999" s="19"/>
      <c r="Q9999" s="19"/>
      <c r="R9999" s="19"/>
      <c r="S9999" s="19"/>
      <c r="T9999" s="19"/>
      <c r="U9999" s="19"/>
      <c r="V9999" s="19"/>
      <c r="W9999" s="19"/>
      <c r="X9999" s="19"/>
      <c r="Y9999" s="19"/>
      <c r="Z9999" s="19"/>
      <c r="AA9999" s="19"/>
    </row>
    <row r="10000" spans="1:27" s="1" customFormat="1" ht="11.1" customHeight="1" outlineLevel="1" x14ac:dyDescent="0.2">
      <c r="A10000" s="17">
        <v>14956</v>
      </c>
      <c r="B10000" s="17"/>
      <c r="C10000" s="17"/>
      <c r="D10000" s="18" t="s">
        <v>4958</v>
      </c>
      <c r="E10000" s="18"/>
      <c r="F10000" s="18"/>
      <c r="G10000" s="18"/>
      <c r="H10000" s="18"/>
      <c r="I10000" s="18"/>
      <c r="J10000" s="18"/>
      <c r="K10000" s="18"/>
      <c r="L10000" s="18"/>
      <c r="M10000" s="18"/>
      <c r="N10000" s="18"/>
      <c r="O10000" s="18"/>
      <c r="P10000" s="19">
        <v>170</v>
      </c>
      <c r="Q10000" s="19"/>
      <c r="R10000" s="19"/>
      <c r="S10000" s="19"/>
      <c r="T10000" s="19">
        <v>130</v>
      </c>
      <c r="U10000" s="19"/>
      <c r="V10000" s="19"/>
      <c r="W10000" s="19"/>
      <c r="X10000" s="19">
        <v>10</v>
      </c>
      <c r="Y10000" s="19"/>
      <c r="Z10000" s="19"/>
      <c r="AA10000" s="19"/>
    </row>
    <row r="10001" spans="1:27" s="1" customFormat="1" ht="11.1" customHeight="1" outlineLevel="1" x14ac:dyDescent="0.2">
      <c r="A10001" s="17"/>
      <c r="B10001" s="17"/>
      <c r="C10001" s="17"/>
      <c r="D10001" s="18"/>
      <c r="E10001" s="18"/>
      <c r="F10001" s="18"/>
      <c r="G10001" s="18"/>
      <c r="H10001" s="18"/>
      <c r="I10001" s="18"/>
      <c r="J10001" s="18"/>
      <c r="K10001" s="18"/>
      <c r="L10001" s="18"/>
      <c r="M10001" s="18"/>
      <c r="N10001" s="18"/>
      <c r="O10001" s="18"/>
      <c r="P10001" s="19"/>
      <c r="Q10001" s="19"/>
      <c r="R10001" s="19"/>
      <c r="S10001" s="19"/>
      <c r="T10001" s="19"/>
      <c r="U10001" s="19"/>
      <c r="V10001" s="19"/>
      <c r="W10001" s="19"/>
      <c r="X10001" s="19"/>
      <c r="Y10001" s="19"/>
      <c r="Z10001" s="19"/>
      <c r="AA10001" s="19"/>
    </row>
    <row r="10002" spans="1:27" s="1" customFormat="1" ht="14.1" customHeight="1" outlineLevel="1" x14ac:dyDescent="0.2">
      <c r="A10002" s="17">
        <v>17021</v>
      </c>
      <c r="B10002" s="17"/>
      <c r="C10002" s="17"/>
      <c r="D10002" s="18" t="s">
        <v>4959</v>
      </c>
      <c r="E10002" s="18"/>
      <c r="F10002" s="18"/>
      <c r="G10002" s="18"/>
      <c r="H10002" s="18"/>
      <c r="I10002" s="18"/>
      <c r="J10002" s="18"/>
      <c r="K10002" s="18"/>
      <c r="L10002" s="18"/>
      <c r="M10002" s="18"/>
      <c r="N10002" s="18"/>
      <c r="O10002" s="18"/>
      <c r="P10002" s="19">
        <v>250</v>
      </c>
      <c r="Q10002" s="19"/>
      <c r="R10002" s="19"/>
      <c r="S10002" s="19"/>
      <c r="T10002" s="19">
        <v>150</v>
      </c>
      <c r="U10002" s="19"/>
      <c r="V10002" s="19"/>
      <c r="W10002" s="19"/>
      <c r="X10002" s="19">
        <v>2</v>
      </c>
      <c r="Y10002" s="19"/>
      <c r="Z10002" s="19"/>
      <c r="AA10002" s="19"/>
    </row>
    <row r="10003" spans="1:27" s="1" customFormat="1" ht="14.1" customHeight="1" outlineLevel="1" x14ac:dyDescent="0.2">
      <c r="A10003" s="17"/>
      <c r="B10003" s="17"/>
      <c r="C10003" s="17"/>
      <c r="D10003" s="18"/>
      <c r="E10003" s="18"/>
      <c r="F10003" s="18"/>
      <c r="G10003" s="18"/>
      <c r="H10003" s="18"/>
      <c r="I10003" s="18"/>
      <c r="J10003" s="18"/>
      <c r="K10003" s="18"/>
      <c r="L10003" s="18"/>
      <c r="M10003" s="18"/>
      <c r="N10003" s="18"/>
      <c r="O10003" s="18"/>
      <c r="P10003" s="19"/>
      <c r="Q10003" s="19"/>
      <c r="R10003" s="19"/>
      <c r="S10003" s="19"/>
      <c r="T10003" s="19"/>
      <c r="U10003" s="19"/>
      <c r="V10003" s="19"/>
      <c r="W10003" s="19"/>
      <c r="X10003" s="19"/>
      <c r="Y10003" s="19"/>
      <c r="Z10003" s="19"/>
      <c r="AA10003" s="19"/>
    </row>
    <row r="10004" spans="1:27" s="1" customFormat="1" ht="11.1" customHeight="1" outlineLevel="1" x14ac:dyDescent="0.2">
      <c r="A10004" s="17">
        <v>14170</v>
      </c>
      <c r="B10004" s="17"/>
      <c r="C10004" s="17"/>
      <c r="D10004" s="18" t="s">
        <v>4960</v>
      </c>
      <c r="E10004" s="18"/>
      <c r="F10004" s="18"/>
      <c r="G10004" s="18"/>
      <c r="H10004" s="18"/>
      <c r="I10004" s="18"/>
      <c r="J10004" s="18"/>
      <c r="K10004" s="18"/>
      <c r="L10004" s="18"/>
      <c r="M10004" s="18"/>
      <c r="N10004" s="18"/>
      <c r="O10004" s="18"/>
      <c r="P10004" s="19">
        <v>190</v>
      </c>
      <c r="Q10004" s="19"/>
      <c r="R10004" s="19"/>
      <c r="S10004" s="19"/>
      <c r="T10004" s="19">
        <v>160</v>
      </c>
      <c r="U10004" s="19"/>
      <c r="V10004" s="19"/>
      <c r="W10004" s="19"/>
      <c r="X10004" s="19">
        <v>10</v>
      </c>
      <c r="Y10004" s="19"/>
      <c r="Z10004" s="19"/>
      <c r="AA10004" s="19"/>
    </row>
    <row r="10005" spans="1:27" s="1" customFormat="1" ht="11.1" customHeight="1" outlineLevel="1" x14ac:dyDescent="0.2">
      <c r="A10005" s="17"/>
      <c r="B10005" s="17"/>
      <c r="C10005" s="17"/>
      <c r="D10005" s="18"/>
      <c r="E10005" s="18"/>
      <c r="F10005" s="18"/>
      <c r="G10005" s="18"/>
      <c r="H10005" s="18"/>
      <c r="I10005" s="18"/>
      <c r="J10005" s="18"/>
      <c r="K10005" s="18"/>
      <c r="L10005" s="18"/>
      <c r="M10005" s="18"/>
      <c r="N10005" s="18"/>
      <c r="O10005" s="18"/>
      <c r="P10005" s="19"/>
      <c r="Q10005" s="19"/>
      <c r="R10005" s="19"/>
      <c r="S10005" s="19"/>
      <c r="T10005" s="19"/>
      <c r="U10005" s="19"/>
      <c r="V10005" s="19"/>
      <c r="W10005" s="19"/>
      <c r="X10005" s="19"/>
      <c r="Y10005" s="19"/>
      <c r="Z10005" s="19"/>
      <c r="AA10005" s="19"/>
    </row>
    <row r="10006" spans="1:27" s="1" customFormat="1" ht="11.1" customHeight="1" outlineLevel="1" x14ac:dyDescent="0.2">
      <c r="A10006" s="17">
        <v>14171</v>
      </c>
      <c r="B10006" s="17"/>
      <c r="C10006" s="17"/>
      <c r="D10006" s="18" t="s">
        <v>4961</v>
      </c>
      <c r="E10006" s="18"/>
      <c r="F10006" s="18"/>
      <c r="G10006" s="18"/>
      <c r="H10006" s="18"/>
      <c r="I10006" s="18"/>
      <c r="J10006" s="18"/>
      <c r="K10006" s="18"/>
      <c r="L10006" s="18"/>
      <c r="M10006" s="18"/>
      <c r="N10006" s="18"/>
      <c r="O10006" s="18"/>
      <c r="P10006" s="19">
        <v>130</v>
      </c>
      <c r="Q10006" s="19"/>
      <c r="R10006" s="19"/>
      <c r="S10006" s="19"/>
      <c r="T10006" s="19">
        <v>100</v>
      </c>
      <c r="U10006" s="19"/>
      <c r="V10006" s="19"/>
      <c r="W10006" s="19"/>
      <c r="X10006" s="19">
        <v>9</v>
      </c>
      <c r="Y10006" s="19"/>
      <c r="Z10006" s="19"/>
      <c r="AA10006" s="19"/>
    </row>
    <row r="10007" spans="1:27" s="1" customFormat="1" ht="11.1" customHeight="1" outlineLevel="1" x14ac:dyDescent="0.2">
      <c r="A10007" s="17"/>
      <c r="B10007" s="17"/>
      <c r="C10007" s="17"/>
      <c r="D10007" s="18"/>
      <c r="E10007" s="18"/>
      <c r="F10007" s="18"/>
      <c r="G10007" s="18"/>
      <c r="H10007" s="18"/>
      <c r="I10007" s="18"/>
      <c r="J10007" s="18"/>
      <c r="K10007" s="18"/>
      <c r="L10007" s="18"/>
      <c r="M10007" s="18"/>
      <c r="N10007" s="18"/>
      <c r="O10007" s="18"/>
      <c r="P10007" s="19"/>
      <c r="Q10007" s="19"/>
      <c r="R10007" s="19"/>
      <c r="S10007" s="19"/>
      <c r="T10007" s="19"/>
      <c r="U10007" s="19"/>
      <c r="V10007" s="19"/>
      <c r="W10007" s="19"/>
      <c r="X10007" s="19"/>
      <c r="Y10007" s="19"/>
      <c r="Z10007" s="19"/>
      <c r="AA10007" s="19"/>
    </row>
    <row r="10008" spans="1:27" s="1" customFormat="1" ht="11.1" customHeight="1" outlineLevel="1" x14ac:dyDescent="0.2">
      <c r="A10008" s="17">
        <v>14172</v>
      </c>
      <c r="B10008" s="17"/>
      <c r="C10008" s="17"/>
      <c r="D10008" s="18" t="s">
        <v>4962</v>
      </c>
      <c r="E10008" s="18"/>
      <c r="F10008" s="18"/>
      <c r="G10008" s="18"/>
      <c r="H10008" s="18"/>
      <c r="I10008" s="18"/>
      <c r="J10008" s="18"/>
      <c r="K10008" s="18"/>
      <c r="L10008" s="18"/>
      <c r="M10008" s="18"/>
      <c r="N10008" s="18"/>
      <c r="O10008" s="18"/>
      <c r="P10008" s="19">
        <v>130</v>
      </c>
      <c r="Q10008" s="19"/>
      <c r="R10008" s="19"/>
      <c r="S10008" s="19"/>
      <c r="T10008" s="19">
        <v>100</v>
      </c>
      <c r="U10008" s="19"/>
      <c r="V10008" s="19"/>
      <c r="W10008" s="19"/>
      <c r="X10008" s="19">
        <v>10</v>
      </c>
      <c r="Y10008" s="19"/>
      <c r="Z10008" s="19"/>
      <c r="AA10008" s="19"/>
    </row>
    <row r="10009" spans="1:27" s="1" customFormat="1" ht="11.1" customHeight="1" outlineLevel="1" x14ac:dyDescent="0.2">
      <c r="A10009" s="17"/>
      <c r="B10009" s="17"/>
      <c r="C10009" s="17"/>
      <c r="D10009" s="18"/>
      <c r="E10009" s="18"/>
      <c r="F10009" s="18"/>
      <c r="G10009" s="18"/>
      <c r="H10009" s="18"/>
      <c r="I10009" s="18"/>
      <c r="J10009" s="18"/>
      <c r="K10009" s="18"/>
      <c r="L10009" s="18"/>
      <c r="M10009" s="18"/>
      <c r="N10009" s="18"/>
      <c r="O10009" s="18"/>
      <c r="P10009" s="19"/>
      <c r="Q10009" s="19"/>
      <c r="R10009" s="19"/>
      <c r="S10009" s="19"/>
      <c r="T10009" s="19"/>
      <c r="U10009" s="19"/>
      <c r="V10009" s="19"/>
      <c r="W10009" s="19"/>
      <c r="X10009" s="19"/>
      <c r="Y10009" s="19"/>
      <c r="Z10009" s="19"/>
      <c r="AA10009" s="19"/>
    </row>
    <row r="10010" spans="1:27" s="1" customFormat="1" ht="11.1" customHeight="1" outlineLevel="1" x14ac:dyDescent="0.2">
      <c r="A10010" s="17">
        <v>14173</v>
      </c>
      <c r="B10010" s="17"/>
      <c r="C10010" s="17"/>
      <c r="D10010" s="18" t="s">
        <v>4963</v>
      </c>
      <c r="E10010" s="18"/>
      <c r="F10010" s="18"/>
      <c r="G10010" s="18"/>
      <c r="H10010" s="18"/>
      <c r="I10010" s="18"/>
      <c r="J10010" s="18"/>
      <c r="K10010" s="18"/>
      <c r="L10010" s="18"/>
      <c r="M10010" s="18"/>
      <c r="N10010" s="18"/>
      <c r="O10010" s="18"/>
      <c r="P10010" s="19">
        <v>130</v>
      </c>
      <c r="Q10010" s="19"/>
      <c r="R10010" s="19"/>
      <c r="S10010" s="19"/>
      <c r="T10010" s="19">
        <v>100</v>
      </c>
      <c r="U10010" s="19"/>
      <c r="V10010" s="19"/>
      <c r="W10010" s="19"/>
      <c r="X10010" s="19">
        <v>6</v>
      </c>
      <c r="Y10010" s="19"/>
      <c r="Z10010" s="19"/>
      <c r="AA10010" s="19"/>
    </row>
    <row r="10011" spans="1:27" s="1" customFormat="1" ht="11.1" customHeight="1" outlineLevel="1" x14ac:dyDescent="0.2">
      <c r="A10011" s="17"/>
      <c r="B10011" s="17"/>
      <c r="C10011" s="17"/>
      <c r="D10011" s="18"/>
      <c r="E10011" s="18"/>
      <c r="F10011" s="18"/>
      <c r="G10011" s="18"/>
      <c r="H10011" s="18"/>
      <c r="I10011" s="18"/>
      <c r="J10011" s="18"/>
      <c r="K10011" s="18"/>
      <c r="L10011" s="18"/>
      <c r="M10011" s="18"/>
      <c r="N10011" s="18"/>
      <c r="O10011" s="18"/>
      <c r="P10011" s="19"/>
      <c r="Q10011" s="19"/>
      <c r="R10011" s="19"/>
      <c r="S10011" s="19"/>
      <c r="T10011" s="19"/>
      <c r="U10011" s="19"/>
      <c r="V10011" s="19"/>
      <c r="W10011" s="19"/>
      <c r="X10011" s="19"/>
      <c r="Y10011" s="19"/>
      <c r="Z10011" s="19"/>
      <c r="AA10011" s="19"/>
    </row>
    <row r="10012" spans="1:27" s="1" customFormat="1" ht="11.1" customHeight="1" outlineLevel="1" x14ac:dyDescent="0.2">
      <c r="A10012" s="17">
        <v>14167</v>
      </c>
      <c r="B10012" s="17"/>
      <c r="C10012" s="17"/>
      <c r="D10012" s="18" t="s">
        <v>4964</v>
      </c>
      <c r="E10012" s="18"/>
      <c r="F10012" s="18"/>
      <c r="G10012" s="18"/>
      <c r="H10012" s="18"/>
      <c r="I10012" s="18"/>
      <c r="J10012" s="18"/>
      <c r="K10012" s="18"/>
      <c r="L10012" s="18"/>
      <c r="M10012" s="18"/>
      <c r="N10012" s="18"/>
      <c r="O10012" s="18"/>
      <c r="P10012" s="19">
        <v>130</v>
      </c>
      <c r="Q10012" s="19"/>
      <c r="R10012" s="19"/>
      <c r="S10012" s="19"/>
      <c r="T10012" s="19">
        <v>100</v>
      </c>
      <c r="U10012" s="19"/>
      <c r="V10012" s="19"/>
      <c r="W10012" s="19"/>
      <c r="X10012" s="19">
        <v>10</v>
      </c>
      <c r="Y10012" s="19"/>
      <c r="Z10012" s="19"/>
      <c r="AA10012" s="19"/>
    </row>
    <row r="10013" spans="1:27" s="1" customFormat="1" ht="11.1" customHeight="1" outlineLevel="1" x14ac:dyDescent="0.2">
      <c r="A10013" s="17"/>
      <c r="B10013" s="17"/>
      <c r="C10013" s="17"/>
      <c r="D10013" s="18"/>
      <c r="E10013" s="18"/>
      <c r="F10013" s="18"/>
      <c r="G10013" s="18"/>
      <c r="H10013" s="18"/>
      <c r="I10013" s="18"/>
      <c r="J10013" s="18"/>
      <c r="K10013" s="18"/>
      <c r="L10013" s="18"/>
      <c r="M10013" s="18"/>
      <c r="N10013" s="18"/>
      <c r="O10013" s="18"/>
      <c r="P10013" s="19"/>
      <c r="Q10013" s="19"/>
      <c r="R10013" s="19"/>
      <c r="S10013" s="19"/>
      <c r="T10013" s="19"/>
      <c r="U10013" s="19"/>
      <c r="V10013" s="19"/>
      <c r="W10013" s="19"/>
      <c r="X10013" s="19"/>
      <c r="Y10013" s="19"/>
      <c r="Z10013" s="19"/>
      <c r="AA10013" s="19"/>
    </row>
    <row r="10014" spans="1:27" s="1" customFormat="1" ht="11.1" customHeight="1" outlineLevel="1" x14ac:dyDescent="0.2">
      <c r="A10014" s="17">
        <v>14176</v>
      </c>
      <c r="B10014" s="17"/>
      <c r="C10014" s="17"/>
      <c r="D10014" s="18" t="s">
        <v>4965</v>
      </c>
      <c r="E10014" s="18"/>
      <c r="F10014" s="18"/>
      <c r="G10014" s="18"/>
      <c r="H10014" s="18"/>
      <c r="I10014" s="18"/>
      <c r="J10014" s="18"/>
      <c r="K10014" s="18"/>
      <c r="L10014" s="18"/>
      <c r="M10014" s="18"/>
      <c r="N10014" s="18"/>
      <c r="O10014" s="18"/>
      <c r="P10014" s="19">
        <v>190</v>
      </c>
      <c r="Q10014" s="19"/>
      <c r="R10014" s="19"/>
      <c r="S10014" s="19"/>
      <c r="T10014" s="19">
        <v>160</v>
      </c>
      <c r="U10014" s="19"/>
      <c r="V10014" s="19"/>
      <c r="W10014" s="19"/>
      <c r="X10014" s="19">
        <v>10</v>
      </c>
      <c r="Y10014" s="19"/>
      <c r="Z10014" s="19"/>
      <c r="AA10014" s="19"/>
    </row>
    <row r="10015" spans="1:27" s="1" customFormat="1" ht="11.1" customHeight="1" outlineLevel="1" x14ac:dyDescent="0.2">
      <c r="A10015" s="17"/>
      <c r="B10015" s="17"/>
      <c r="C10015" s="17"/>
      <c r="D10015" s="18"/>
      <c r="E10015" s="18"/>
      <c r="F10015" s="18"/>
      <c r="G10015" s="18"/>
      <c r="H10015" s="18"/>
      <c r="I10015" s="18"/>
      <c r="J10015" s="18"/>
      <c r="K10015" s="18"/>
      <c r="L10015" s="18"/>
      <c r="M10015" s="18"/>
      <c r="N10015" s="18"/>
      <c r="O10015" s="18"/>
      <c r="P10015" s="19"/>
      <c r="Q10015" s="19"/>
      <c r="R10015" s="19"/>
      <c r="S10015" s="19"/>
      <c r="T10015" s="19"/>
      <c r="U10015" s="19"/>
      <c r="V10015" s="19"/>
      <c r="W10015" s="19"/>
      <c r="X10015" s="19"/>
      <c r="Y10015" s="19"/>
      <c r="Z10015" s="19"/>
      <c r="AA10015" s="19"/>
    </row>
    <row r="10016" spans="1:27" s="1" customFormat="1" ht="11.1" customHeight="1" outlineLevel="1" x14ac:dyDescent="0.2">
      <c r="A10016" s="17">
        <v>14174</v>
      </c>
      <c r="B10016" s="17"/>
      <c r="C10016" s="17"/>
      <c r="D10016" s="18" t="s">
        <v>4966</v>
      </c>
      <c r="E10016" s="18"/>
      <c r="F10016" s="18"/>
      <c r="G10016" s="18"/>
      <c r="H10016" s="18"/>
      <c r="I10016" s="18"/>
      <c r="J10016" s="18"/>
      <c r="K10016" s="18"/>
      <c r="L10016" s="18"/>
      <c r="M10016" s="18"/>
      <c r="N10016" s="18"/>
      <c r="O10016" s="18"/>
      <c r="P10016" s="19">
        <v>190</v>
      </c>
      <c r="Q10016" s="19"/>
      <c r="R10016" s="19"/>
      <c r="S10016" s="19"/>
      <c r="T10016" s="19">
        <v>160</v>
      </c>
      <c r="U10016" s="19"/>
      <c r="V10016" s="19"/>
      <c r="W10016" s="19"/>
      <c r="X10016" s="19">
        <v>9</v>
      </c>
      <c r="Y10016" s="19"/>
      <c r="Z10016" s="19"/>
      <c r="AA10016" s="19"/>
    </row>
    <row r="10017" spans="1:27" s="1" customFormat="1" ht="11.1" customHeight="1" outlineLevel="1" x14ac:dyDescent="0.2">
      <c r="A10017" s="17"/>
      <c r="B10017" s="17"/>
      <c r="C10017" s="17"/>
      <c r="D10017" s="18"/>
      <c r="E10017" s="18"/>
      <c r="F10017" s="18"/>
      <c r="G10017" s="18"/>
      <c r="H10017" s="18"/>
      <c r="I10017" s="18"/>
      <c r="J10017" s="18"/>
      <c r="K10017" s="18"/>
      <c r="L10017" s="18"/>
      <c r="M10017" s="18"/>
      <c r="N10017" s="18"/>
      <c r="O10017" s="18"/>
      <c r="P10017" s="19"/>
      <c r="Q10017" s="19"/>
      <c r="R10017" s="19"/>
      <c r="S10017" s="19"/>
      <c r="T10017" s="19"/>
      <c r="U10017" s="19"/>
      <c r="V10017" s="19"/>
      <c r="W10017" s="19"/>
      <c r="X10017" s="19"/>
      <c r="Y10017" s="19"/>
      <c r="Z10017" s="19"/>
      <c r="AA10017" s="19"/>
    </row>
    <row r="10018" spans="1:27" s="1" customFormat="1" ht="11.1" customHeight="1" outlineLevel="1" x14ac:dyDescent="0.2">
      <c r="A10018" s="17">
        <v>14175</v>
      </c>
      <c r="B10018" s="17"/>
      <c r="C10018" s="17"/>
      <c r="D10018" s="18" t="s">
        <v>4967</v>
      </c>
      <c r="E10018" s="18"/>
      <c r="F10018" s="18"/>
      <c r="G10018" s="18"/>
      <c r="H10018" s="18"/>
      <c r="I10018" s="18"/>
      <c r="J10018" s="18"/>
      <c r="K10018" s="18"/>
      <c r="L10018" s="18"/>
      <c r="M10018" s="18"/>
      <c r="N10018" s="18"/>
      <c r="O10018" s="18"/>
      <c r="P10018" s="19">
        <v>190</v>
      </c>
      <c r="Q10018" s="19"/>
      <c r="R10018" s="19"/>
      <c r="S10018" s="19"/>
      <c r="T10018" s="19">
        <v>160</v>
      </c>
      <c r="U10018" s="19"/>
      <c r="V10018" s="19"/>
      <c r="W10018" s="19"/>
      <c r="X10018" s="19">
        <v>10</v>
      </c>
      <c r="Y10018" s="19"/>
      <c r="Z10018" s="19"/>
      <c r="AA10018" s="19"/>
    </row>
    <row r="10019" spans="1:27" s="1" customFormat="1" ht="11.1" customHeight="1" outlineLevel="1" x14ac:dyDescent="0.2">
      <c r="A10019" s="17"/>
      <c r="B10019" s="17"/>
      <c r="C10019" s="17"/>
      <c r="D10019" s="18"/>
      <c r="E10019" s="18"/>
      <c r="F10019" s="18"/>
      <c r="G10019" s="18"/>
      <c r="H10019" s="18"/>
      <c r="I10019" s="18"/>
      <c r="J10019" s="18"/>
      <c r="K10019" s="18"/>
      <c r="L10019" s="18"/>
      <c r="M10019" s="18"/>
      <c r="N10019" s="18"/>
      <c r="O10019" s="18"/>
      <c r="P10019" s="19"/>
      <c r="Q10019" s="19"/>
      <c r="R10019" s="19"/>
      <c r="S10019" s="19"/>
      <c r="T10019" s="19"/>
      <c r="U10019" s="19"/>
      <c r="V10019" s="19"/>
      <c r="W10019" s="19"/>
      <c r="X10019" s="19"/>
      <c r="Y10019" s="19"/>
      <c r="Z10019" s="19"/>
      <c r="AA10019" s="19"/>
    </row>
    <row r="10020" spans="1:27" s="1" customFormat="1" ht="11.1" customHeight="1" outlineLevel="1" x14ac:dyDescent="0.2">
      <c r="A10020" s="17">
        <v>14177</v>
      </c>
      <c r="B10020" s="17"/>
      <c r="C10020" s="17"/>
      <c r="D10020" s="18" t="s">
        <v>4968</v>
      </c>
      <c r="E10020" s="18"/>
      <c r="F10020" s="18"/>
      <c r="G10020" s="18"/>
      <c r="H10020" s="18"/>
      <c r="I10020" s="18"/>
      <c r="J10020" s="18"/>
      <c r="K10020" s="18"/>
      <c r="L10020" s="18"/>
      <c r="M10020" s="18"/>
      <c r="N10020" s="18"/>
      <c r="O10020" s="18"/>
      <c r="P10020" s="19">
        <v>130</v>
      </c>
      <c r="Q10020" s="19"/>
      <c r="R10020" s="19"/>
      <c r="S10020" s="19"/>
      <c r="T10020" s="19">
        <v>100</v>
      </c>
      <c r="U10020" s="19"/>
      <c r="V10020" s="19"/>
      <c r="W10020" s="19"/>
      <c r="X10020" s="19">
        <v>10</v>
      </c>
      <c r="Y10020" s="19"/>
      <c r="Z10020" s="19"/>
      <c r="AA10020" s="19"/>
    </row>
    <row r="10021" spans="1:27" s="1" customFormat="1" ht="11.1" customHeight="1" outlineLevel="1" x14ac:dyDescent="0.2">
      <c r="A10021" s="17"/>
      <c r="B10021" s="17"/>
      <c r="C10021" s="17"/>
      <c r="D10021" s="18"/>
      <c r="E10021" s="18"/>
      <c r="F10021" s="18"/>
      <c r="G10021" s="18"/>
      <c r="H10021" s="18"/>
      <c r="I10021" s="18"/>
      <c r="J10021" s="18"/>
      <c r="K10021" s="18"/>
      <c r="L10021" s="18"/>
      <c r="M10021" s="18"/>
      <c r="N10021" s="18"/>
      <c r="O10021" s="18"/>
      <c r="P10021" s="19"/>
      <c r="Q10021" s="19"/>
      <c r="R10021" s="19"/>
      <c r="S10021" s="19"/>
      <c r="T10021" s="19"/>
      <c r="U10021" s="19"/>
      <c r="V10021" s="19"/>
      <c r="W10021" s="19"/>
      <c r="X10021" s="19"/>
      <c r="Y10021" s="19"/>
      <c r="Z10021" s="19"/>
      <c r="AA10021" s="19"/>
    </row>
    <row r="10022" spans="1:27" s="1" customFormat="1" ht="14.1" customHeight="1" outlineLevel="1" x14ac:dyDescent="0.2">
      <c r="A10022" s="17">
        <v>15108</v>
      </c>
      <c r="B10022" s="17"/>
      <c r="C10022" s="17"/>
      <c r="D10022" s="18" t="s">
        <v>4969</v>
      </c>
      <c r="E10022" s="18"/>
      <c r="F10022" s="18"/>
      <c r="G10022" s="18"/>
      <c r="H10022" s="18"/>
      <c r="I10022" s="18"/>
      <c r="J10022" s="18"/>
      <c r="K10022" s="18"/>
      <c r="L10022" s="18"/>
      <c r="M10022" s="18"/>
      <c r="N10022" s="18"/>
      <c r="O10022" s="18"/>
      <c r="P10022" s="19">
        <v>250</v>
      </c>
      <c r="Q10022" s="19"/>
      <c r="R10022" s="19"/>
      <c r="S10022" s="19"/>
      <c r="T10022" s="19">
        <v>150</v>
      </c>
      <c r="U10022" s="19"/>
      <c r="V10022" s="19"/>
      <c r="W10022" s="19"/>
      <c r="X10022" s="19">
        <v>2</v>
      </c>
      <c r="Y10022" s="19"/>
      <c r="Z10022" s="19"/>
      <c r="AA10022" s="19"/>
    </row>
    <row r="10023" spans="1:27" s="1" customFormat="1" ht="14.1" customHeight="1" outlineLevel="1" x14ac:dyDescent="0.2">
      <c r="A10023" s="17"/>
      <c r="B10023" s="17"/>
      <c r="C10023" s="17"/>
      <c r="D10023" s="18"/>
      <c r="E10023" s="18"/>
      <c r="F10023" s="18"/>
      <c r="G10023" s="18"/>
      <c r="H10023" s="18"/>
      <c r="I10023" s="18"/>
      <c r="J10023" s="18"/>
      <c r="K10023" s="18"/>
      <c r="L10023" s="18"/>
      <c r="M10023" s="18"/>
      <c r="N10023" s="18"/>
      <c r="O10023" s="18"/>
      <c r="P10023" s="19"/>
      <c r="Q10023" s="19"/>
      <c r="R10023" s="19"/>
      <c r="S10023" s="19"/>
      <c r="T10023" s="19"/>
      <c r="U10023" s="19"/>
      <c r="V10023" s="19"/>
      <c r="W10023" s="19"/>
      <c r="X10023" s="19"/>
      <c r="Y10023" s="19"/>
      <c r="Z10023" s="19"/>
      <c r="AA10023" s="19"/>
    </row>
    <row r="10024" spans="1:27" s="1" customFormat="1" ht="11.1" customHeight="1" outlineLevel="1" x14ac:dyDescent="0.2">
      <c r="A10024" s="17">
        <v>14192</v>
      </c>
      <c r="B10024" s="17"/>
      <c r="C10024" s="17"/>
      <c r="D10024" s="18" t="s">
        <v>4970</v>
      </c>
      <c r="E10024" s="18"/>
      <c r="F10024" s="18"/>
      <c r="G10024" s="18"/>
      <c r="H10024" s="18"/>
      <c r="I10024" s="18"/>
      <c r="J10024" s="18"/>
      <c r="K10024" s="18"/>
      <c r="L10024" s="18"/>
      <c r="M10024" s="18"/>
      <c r="N10024" s="18"/>
      <c r="O10024" s="18"/>
      <c r="P10024" s="19">
        <v>130</v>
      </c>
      <c r="Q10024" s="19"/>
      <c r="R10024" s="19"/>
      <c r="S10024" s="19"/>
      <c r="T10024" s="19">
        <v>100</v>
      </c>
      <c r="U10024" s="19"/>
      <c r="V10024" s="19"/>
      <c r="W10024" s="19"/>
      <c r="X10024" s="19">
        <v>9</v>
      </c>
      <c r="Y10024" s="19"/>
      <c r="Z10024" s="19"/>
      <c r="AA10024" s="19"/>
    </row>
    <row r="10025" spans="1:27" s="1" customFormat="1" ht="11.1" customHeight="1" outlineLevel="1" x14ac:dyDescent="0.2">
      <c r="A10025" s="17"/>
      <c r="B10025" s="17"/>
      <c r="C10025" s="17"/>
      <c r="D10025" s="18"/>
      <c r="E10025" s="18"/>
      <c r="F10025" s="18"/>
      <c r="G10025" s="18"/>
      <c r="H10025" s="18"/>
      <c r="I10025" s="18"/>
      <c r="J10025" s="18"/>
      <c r="K10025" s="18"/>
      <c r="L10025" s="18"/>
      <c r="M10025" s="18"/>
      <c r="N10025" s="18"/>
      <c r="O10025" s="18"/>
      <c r="P10025" s="19"/>
      <c r="Q10025" s="19"/>
      <c r="R10025" s="19"/>
      <c r="S10025" s="19"/>
      <c r="T10025" s="19"/>
      <c r="U10025" s="19"/>
      <c r="V10025" s="19"/>
      <c r="W10025" s="19"/>
      <c r="X10025" s="19"/>
      <c r="Y10025" s="19"/>
      <c r="Z10025" s="19"/>
      <c r="AA10025" s="19"/>
    </row>
    <row r="10026" spans="1:27" s="1" customFormat="1" ht="14.1" customHeight="1" outlineLevel="1" x14ac:dyDescent="0.2">
      <c r="A10026" s="17">
        <v>12113</v>
      </c>
      <c r="B10026" s="17"/>
      <c r="C10026" s="17"/>
      <c r="D10026" s="18" t="s">
        <v>4971</v>
      </c>
      <c r="E10026" s="18"/>
      <c r="F10026" s="18"/>
      <c r="G10026" s="18"/>
      <c r="H10026" s="18"/>
      <c r="I10026" s="18"/>
      <c r="J10026" s="18"/>
      <c r="K10026" s="18"/>
      <c r="L10026" s="18"/>
      <c r="M10026" s="18"/>
      <c r="N10026" s="18"/>
      <c r="O10026" s="18"/>
      <c r="P10026" s="19">
        <v>130</v>
      </c>
      <c r="Q10026" s="19"/>
      <c r="R10026" s="19"/>
      <c r="S10026" s="19"/>
      <c r="T10026" s="19">
        <v>90</v>
      </c>
      <c r="U10026" s="19"/>
      <c r="V10026" s="19"/>
      <c r="W10026" s="19"/>
      <c r="X10026" s="19">
        <v>21</v>
      </c>
      <c r="Y10026" s="19"/>
      <c r="Z10026" s="19"/>
      <c r="AA10026" s="19"/>
    </row>
    <row r="10027" spans="1:27" s="1" customFormat="1" ht="14.1" customHeight="1" outlineLevel="1" x14ac:dyDescent="0.2">
      <c r="A10027" s="17"/>
      <c r="B10027" s="17"/>
      <c r="C10027" s="17"/>
      <c r="D10027" s="18"/>
      <c r="E10027" s="18"/>
      <c r="F10027" s="18"/>
      <c r="G10027" s="18"/>
      <c r="H10027" s="18"/>
      <c r="I10027" s="18"/>
      <c r="J10027" s="18"/>
      <c r="K10027" s="18"/>
      <c r="L10027" s="18"/>
      <c r="M10027" s="18"/>
      <c r="N10027" s="18"/>
      <c r="O10027" s="18"/>
      <c r="P10027" s="19"/>
      <c r="Q10027" s="19"/>
      <c r="R10027" s="19"/>
      <c r="S10027" s="19"/>
      <c r="T10027" s="19"/>
      <c r="U10027" s="19"/>
      <c r="V10027" s="19"/>
      <c r="W10027" s="19"/>
      <c r="X10027" s="19"/>
      <c r="Y10027" s="19"/>
      <c r="Z10027" s="19"/>
      <c r="AA10027" s="19"/>
    </row>
    <row r="10028" spans="1:27" s="1" customFormat="1" ht="14.1" customHeight="1" outlineLevel="1" x14ac:dyDescent="0.2">
      <c r="A10028" s="17">
        <v>12824</v>
      </c>
      <c r="B10028" s="17"/>
      <c r="C10028" s="17"/>
      <c r="D10028" s="18" t="s">
        <v>4972</v>
      </c>
      <c r="E10028" s="18"/>
      <c r="F10028" s="18"/>
      <c r="G10028" s="18"/>
      <c r="H10028" s="18"/>
      <c r="I10028" s="18"/>
      <c r="J10028" s="18"/>
      <c r="K10028" s="18"/>
      <c r="L10028" s="18"/>
      <c r="M10028" s="18"/>
      <c r="N10028" s="18"/>
      <c r="O10028" s="18"/>
      <c r="P10028" s="19">
        <v>250</v>
      </c>
      <c r="Q10028" s="19"/>
      <c r="R10028" s="19"/>
      <c r="S10028" s="19"/>
      <c r="T10028" s="19">
        <v>150</v>
      </c>
      <c r="U10028" s="19"/>
      <c r="V10028" s="19"/>
      <c r="W10028" s="19"/>
      <c r="X10028" s="19">
        <v>1</v>
      </c>
      <c r="Y10028" s="19"/>
      <c r="Z10028" s="19"/>
      <c r="AA10028" s="19"/>
    </row>
    <row r="10029" spans="1:27" s="1" customFormat="1" ht="14.1" customHeight="1" outlineLevel="1" x14ac:dyDescent="0.2">
      <c r="A10029" s="17"/>
      <c r="B10029" s="17"/>
      <c r="C10029" s="17"/>
      <c r="D10029" s="18"/>
      <c r="E10029" s="18"/>
      <c r="F10029" s="18"/>
      <c r="G10029" s="18"/>
      <c r="H10029" s="18"/>
      <c r="I10029" s="18"/>
      <c r="J10029" s="18"/>
      <c r="K10029" s="18"/>
      <c r="L10029" s="18"/>
      <c r="M10029" s="18"/>
      <c r="N10029" s="18"/>
      <c r="O10029" s="18"/>
      <c r="P10029" s="19"/>
      <c r="Q10029" s="19"/>
      <c r="R10029" s="19"/>
      <c r="S10029" s="19"/>
      <c r="T10029" s="19"/>
      <c r="U10029" s="19"/>
      <c r="V10029" s="19"/>
      <c r="W10029" s="19"/>
      <c r="X10029" s="19"/>
      <c r="Y10029" s="19"/>
      <c r="Z10029" s="19"/>
      <c r="AA10029" s="19"/>
    </row>
    <row r="10030" spans="1:27" s="1" customFormat="1" ht="11.1" customHeight="1" outlineLevel="1" x14ac:dyDescent="0.2">
      <c r="A10030" s="17">
        <v>14178</v>
      </c>
      <c r="B10030" s="17"/>
      <c r="C10030" s="17"/>
      <c r="D10030" s="18" t="s">
        <v>4973</v>
      </c>
      <c r="E10030" s="18"/>
      <c r="F10030" s="18"/>
      <c r="G10030" s="18"/>
      <c r="H10030" s="18"/>
      <c r="I10030" s="18"/>
      <c r="J10030" s="18"/>
      <c r="K10030" s="18"/>
      <c r="L10030" s="18"/>
      <c r="M10030" s="18"/>
      <c r="N10030" s="18"/>
      <c r="O10030" s="18"/>
      <c r="P10030" s="19">
        <v>130</v>
      </c>
      <c r="Q10030" s="19"/>
      <c r="R10030" s="19"/>
      <c r="S10030" s="19"/>
      <c r="T10030" s="19">
        <v>100</v>
      </c>
      <c r="U10030" s="19"/>
      <c r="V10030" s="19"/>
      <c r="W10030" s="19"/>
      <c r="X10030" s="19">
        <v>10</v>
      </c>
      <c r="Y10030" s="19"/>
      <c r="Z10030" s="19"/>
      <c r="AA10030" s="19"/>
    </row>
    <row r="10031" spans="1:27" s="1" customFormat="1" ht="11.1" customHeight="1" outlineLevel="1" x14ac:dyDescent="0.2">
      <c r="A10031" s="17"/>
      <c r="B10031" s="17"/>
      <c r="C10031" s="17"/>
      <c r="D10031" s="18"/>
      <c r="E10031" s="18"/>
      <c r="F10031" s="18"/>
      <c r="G10031" s="18"/>
      <c r="H10031" s="18"/>
      <c r="I10031" s="18"/>
      <c r="J10031" s="18"/>
      <c r="K10031" s="18"/>
      <c r="L10031" s="18"/>
      <c r="M10031" s="18"/>
      <c r="N10031" s="18"/>
      <c r="O10031" s="18"/>
      <c r="P10031" s="19"/>
      <c r="Q10031" s="19"/>
      <c r="R10031" s="19"/>
      <c r="S10031" s="19"/>
      <c r="T10031" s="19"/>
      <c r="U10031" s="19"/>
      <c r="V10031" s="19"/>
      <c r="W10031" s="19"/>
      <c r="X10031" s="19"/>
      <c r="Y10031" s="19"/>
      <c r="Z10031" s="19"/>
      <c r="AA10031" s="19"/>
    </row>
    <row r="10032" spans="1:27" s="1" customFormat="1" ht="11.1" customHeight="1" outlineLevel="1" x14ac:dyDescent="0.2">
      <c r="A10032" s="17">
        <v>9698</v>
      </c>
      <c r="B10032" s="17"/>
      <c r="C10032" s="17"/>
      <c r="D10032" s="18" t="s">
        <v>4974</v>
      </c>
      <c r="E10032" s="18"/>
      <c r="F10032" s="18"/>
      <c r="G10032" s="18"/>
      <c r="H10032" s="18"/>
      <c r="I10032" s="18"/>
      <c r="J10032" s="18"/>
      <c r="K10032" s="18"/>
      <c r="L10032" s="18"/>
      <c r="M10032" s="18"/>
      <c r="N10032" s="18"/>
      <c r="O10032" s="18"/>
      <c r="P10032" s="19">
        <v>130</v>
      </c>
      <c r="Q10032" s="19"/>
      <c r="R10032" s="19"/>
      <c r="S10032" s="19"/>
      <c r="T10032" s="19">
        <v>90</v>
      </c>
      <c r="U10032" s="19"/>
      <c r="V10032" s="19"/>
      <c r="W10032" s="19"/>
      <c r="X10032" s="19">
        <v>1</v>
      </c>
      <c r="Y10032" s="19"/>
      <c r="Z10032" s="19"/>
      <c r="AA10032" s="19"/>
    </row>
    <row r="10033" spans="1:27" s="1" customFormat="1" ht="11.1" customHeight="1" outlineLevel="1" x14ac:dyDescent="0.2">
      <c r="A10033" s="17"/>
      <c r="B10033" s="17"/>
      <c r="C10033" s="17"/>
      <c r="D10033" s="18"/>
      <c r="E10033" s="18"/>
      <c r="F10033" s="18"/>
      <c r="G10033" s="18"/>
      <c r="H10033" s="18"/>
      <c r="I10033" s="18"/>
      <c r="J10033" s="18"/>
      <c r="K10033" s="18"/>
      <c r="L10033" s="18"/>
      <c r="M10033" s="18"/>
      <c r="N10033" s="18"/>
      <c r="O10033" s="18"/>
      <c r="P10033" s="19"/>
      <c r="Q10033" s="19"/>
      <c r="R10033" s="19"/>
      <c r="S10033" s="19"/>
      <c r="T10033" s="19"/>
      <c r="U10033" s="19"/>
      <c r="V10033" s="19"/>
      <c r="W10033" s="19"/>
      <c r="X10033" s="19"/>
      <c r="Y10033" s="19"/>
      <c r="Z10033" s="19"/>
      <c r="AA10033" s="19"/>
    </row>
    <row r="10034" spans="1:27" s="1" customFormat="1" ht="11.1" customHeight="1" outlineLevel="1" x14ac:dyDescent="0.2">
      <c r="A10034" s="17">
        <v>9699</v>
      </c>
      <c r="B10034" s="17"/>
      <c r="C10034" s="17"/>
      <c r="D10034" s="18" t="s">
        <v>4975</v>
      </c>
      <c r="E10034" s="18"/>
      <c r="F10034" s="18"/>
      <c r="G10034" s="18"/>
      <c r="H10034" s="18"/>
      <c r="I10034" s="18"/>
      <c r="J10034" s="18"/>
      <c r="K10034" s="18"/>
      <c r="L10034" s="18"/>
      <c r="M10034" s="18"/>
      <c r="N10034" s="18"/>
      <c r="O10034" s="18"/>
      <c r="P10034" s="19">
        <v>80</v>
      </c>
      <c r="Q10034" s="19"/>
      <c r="R10034" s="19"/>
      <c r="S10034" s="19"/>
      <c r="T10034" s="19">
        <v>50</v>
      </c>
      <c r="U10034" s="19"/>
      <c r="V10034" s="19"/>
      <c r="W10034" s="19"/>
      <c r="X10034" s="19">
        <v>1</v>
      </c>
      <c r="Y10034" s="19"/>
      <c r="Z10034" s="19"/>
      <c r="AA10034" s="19"/>
    </row>
    <row r="10035" spans="1:27" s="1" customFormat="1" ht="11.1" customHeight="1" outlineLevel="1" x14ac:dyDescent="0.2">
      <c r="A10035" s="17"/>
      <c r="B10035" s="17"/>
      <c r="C10035" s="17"/>
      <c r="D10035" s="18"/>
      <c r="E10035" s="18"/>
      <c r="F10035" s="18"/>
      <c r="G10035" s="18"/>
      <c r="H10035" s="18"/>
      <c r="I10035" s="18"/>
      <c r="J10035" s="18"/>
      <c r="K10035" s="18"/>
      <c r="L10035" s="18"/>
      <c r="M10035" s="18"/>
      <c r="N10035" s="18"/>
      <c r="O10035" s="18"/>
      <c r="P10035" s="19"/>
      <c r="Q10035" s="19"/>
      <c r="R10035" s="19"/>
      <c r="S10035" s="19"/>
      <c r="T10035" s="19"/>
      <c r="U10035" s="19"/>
      <c r="V10035" s="19"/>
      <c r="W10035" s="19"/>
      <c r="X10035" s="19"/>
      <c r="Y10035" s="19"/>
      <c r="Z10035" s="19"/>
      <c r="AA10035" s="19"/>
    </row>
    <row r="10036" spans="1:27" s="1" customFormat="1" ht="11.1" customHeight="1" outlineLevel="1" x14ac:dyDescent="0.2">
      <c r="A10036" s="17">
        <v>9701</v>
      </c>
      <c r="B10036" s="17"/>
      <c r="C10036" s="17"/>
      <c r="D10036" s="18" t="s">
        <v>4976</v>
      </c>
      <c r="E10036" s="18"/>
      <c r="F10036" s="18"/>
      <c r="G10036" s="18"/>
      <c r="H10036" s="18"/>
      <c r="I10036" s="18"/>
      <c r="J10036" s="18"/>
      <c r="K10036" s="18"/>
      <c r="L10036" s="18"/>
      <c r="M10036" s="18"/>
      <c r="N10036" s="18"/>
      <c r="O10036" s="18"/>
      <c r="P10036" s="19">
        <v>130</v>
      </c>
      <c r="Q10036" s="19"/>
      <c r="R10036" s="19"/>
      <c r="S10036" s="19"/>
      <c r="T10036" s="19">
        <v>100</v>
      </c>
      <c r="U10036" s="19"/>
      <c r="V10036" s="19"/>
      <c r="W10036" s="19"/>
      <c r="X10036" s="19">
        <v>11</v>
      </c>
      <c r="Y10036" s="19"/>
      <c r="Z10036" s="19"/>
      <c r="AA10036" s="19"/>
    </row>
    <row r="10037" spans="1:27" s="1" customFormat="1" ht="11.1" customHeight="1" outlineLevel="1" x14ac:dyDescent="0.2">
      <c r="A10037" s="17"/>
      <c r="B10037" s="17"/>
      <c r="C10037" s="17"/>
      <c r="D10037" s="18"/>
      <c r="E10037" s="18"/>
      <c r="F10037" s="18"/>
      <c r="G10037" s="18"/>
      <c r="H10037" s="18"/>
      <c r="I10037" s="18"/>
      <c r="J10037" s="18"/>
      <c r="K10037" s="18"/>
      <c r="L10037" s="18"/>
      <c r="M10037" s="18"/>
      <c r="N10037" s="18"/>
      <c r="O10037" s="18"/>
      <c r="P10037" s="19"/>
      <c r="Q10037" s="19"/>
      <c r="R10037" s="19"/>
      <c r="S10037" s="19"/>
      <c r="T10037" s="19"/>
      <c r="U10037" s="19"/>
      <c r="V10037" s="19"/>
      <c r="W10037" s="19"/>
      <c r="X10037" s="19"/>
      <c r="Y10037" s="19"/>
      <c r="Z10037" s="19"/>
      <c r="AA10037" s="19"/>
    </row>
    <row r="10038" spans="1:27" s="1" customFormat="1" ht="14.1" customHeight="1" outlineLevel="1" x14ac:dyDescent="0.2">
      <c r="A10038" s="17">
        <v>9712</v>
      </c>
      <c r="B10038" s="17"/>
      <c r="C10038" s="17"/>
      <c r="D10038" s="18" t="s">
        <v>4977</v>
      </c>
      <c r="E10038" s="18"/>
      <c r="F10038" s="18"/>
      <c r="G10038" s="18"/>
      <c r="H10038" s="18"/>
      <c r="I10038" s="18"/>
      <c r="J10038" s="18"/>
      <c r="K10038" s="18"/>
      <c r="L10038" s="18"/>
      <c r="M10038" s="18"/>
      <c r="N10038" s="18"/>
      <c r="O10038" s="18"/>
      <c r="P10038" s="19">
        <v>150</v>
      </c>
      <c r="Q10038" s="19"/>
      <c r="R10038" s="19"/>
      <c r="S10038" s="19"/>
      <c r="T10038" s="19">
        <v>90</v>
      </c>
      <c r="U10038" s="19"/>
      <c r="V10038" s="19"/>
      <c r="W10038" s="19"/>
      <c r="X10038" s="19">
        <v>1</v>
      </c>
      <c r="Y10038" s="19"/>
      <c r="Z10038" s="19"/>
      <c r="AA10038" s="19"/>
    </row>
    <row r="10039" spans="1:27" s="1" customFormat="1" ht="14.1" customHeight="1" outlineLevel="1" x14ac:dyDescent="0.2">
      <c r="A10039" s="17"/>
      <c r="B10039" s="17"/>
      <c r="C10039" s="17"/>
      <c r="D10039" s="18"/>
      <c r="E10039" s="18"/>
      <c r="F10039" s="18"/>
      <c r="G10039" s="18"/>
      <c r="H10039" s="18"/>
      <c r="I10039" s="18"/>
      <c r="J10039" s="18"/>
      <c r="K10039" s="18"/>
      <c r="L10039" s="18"/>
      <c r="M10039" s="18"/>
      <c r="N10039" s="18"/>
      <c r="O10039" s="18"/>
      <c r="P10039" s="19"/>
      <c r="Q10039" s="19"/>
      <c r="R10039" s="19"/>
      <c r="S10039" s="19"/>
      <c r="T10039" s="19"/>
      <c r="U10039" s="19"/>
      <c r="V10039" s="19"/>
      <c r="W10039" s="19"/>
      <c r="X10039" s="19"/>
      <c r="Y10039" s="19"/>
      <c r="Z10039" s="19"/>
      <c r="AA10039" s="19"/>
    </row>
    <row r="10040" spans="1:27" s="1" customFormat="1" ht="11.1" customHeight="1" outlineLevel="1" x14ac:dyDescent="0.2">
      <c r="A10040" s="17">
        <v>14179</v>
      </c>
      <c r="B10040" s="17"/>
      <c r="C10040" s="17"/>
      <c r="D10040" s="18" t="s">
        <v>4978</v>
      </c>
      <c r="E10040" s="18"/>
      <c r="F10040" s="18"/>
      <c r="G10040" s="18"/>
      <c r="H10040" s="18"/>
      <c r="I10040" s="18"/>
      <c r="J10040" s="18"/>
      <c r="K10040" s="18"/>
      <c r="L10040" s="18"/>
      <c r="M10040" s="18"/>
      <c r="N10040" s="18"/>
      <c r="O10040" s="18"/>
      <c r="P10040" s="19">
        <v>130</v>
      </c>
      <c r="Q10040" s="19"/>
      <c r="R10040" s="19"/>
      <c r="S10040" s="19"/>
      <c r="T10040" s="19">
        <v>100</v>
      </c>
      <c r="U10040" s="19"/>
      <c r="V10040" s="19"/>
      <c r="W10040" s="19"/>
      <c r="X10040" s="19">
        <v>10</v>
      </c>
      <c r="Y10040" s="19"/>
      <c r="Z10040" s="19"/>
      <c r="AA10040" s="19"/>
    </row>
    <row r="10041" spans="1:27" s="1" customFormat="1" ht="11.1" customHeight="1" outlineLevel="1" x14ac:dyDescent="0.2">
      <c r="A10041" s="17"/>
      <c r="B10041" s="17"/>
      <c r="C10041" s="17"/>
      <c r="D10041" s="18"/>
      <c r="E10041" s="18"/>
      <c r="F10041" s="18"/>
      <c r="G10041" s="18"/>
      <c r="H10041" s="18"/>
      <c r="I10041" s="18"/>
      <c r="J10041" s="18"/>
      <c r="K10041" s="18"/>
      <c r="L10041" s="18"/>
      <c r="M10041" s="18"/>
      <c r="N10041" s="18"/>
      <c r="O10041" s="18"/>
      <c r="P10041" s="19"/>
      <c r="Q10041" s="19"/>
      <c r="R10041" s="19"/>
      <c r="S10041" s="19"/>
      <c r="T10041" s="19"/>
      <c r="U10041" s="19"/>
      <c r="V10041" s="19"/>
      <c r="W10041" s="19"/>
      <c r="X10041" s="19"/>
      <c r="Y10041" s="19"/>
      <c r="Z10041" s="19"/>
      <c r="AA10041" s="19"/>
    </row>
    <row r="10042" spans="1:27" s="1" customFormat="1" ht="11.1" customHeight="1" outlineLevel="1" x14ac:dyDescent="0.2">
      <c r="A10042" s="17">
        <v>8482</v>
      </c>
      <c r="B10042" s="17"/>
      <c r="C10042" s="17"/>
      <c r="D10042" s="18" t="s">
        <v>4979</v>
      </c>
      <c r="E10042" s="18"/>
      <c r="F10042" s="18"/>
      <c r="G10042" s="18"/>
      <c r="H10042" s="18"/>
      <c r="I10042" s="18"/>
      <c r="J10042" s="18"/>
      <c r="K10042" s="18"/>
      <c r="L10042" s="18"/>
      <c r="M10042" s="18"/>
      <c r="N10042" s="18"/>
      <c r="O10042" s="18"/>
      <c r="P10042" s="19">
        <v>130</v>
      </c>
      <c r="Q10042" s="19"/>
      <c r="R10042" s="19"/>
      <c r="S10042" s="19"/>
      <c r="T10042" s="19">
        <v>100</v>
      </c>
      <c r="U10042" s="19"/>
      <c r="V10042" s="19"/>
      <c r="W10042" s="19"/>
      <c r="X10042" s="19">
        <v>21</v>
      </c>
      <c r="Y10042" s="19"/>
      <c r="Z10042" s="19"/>
      <c r="AA10042" s="19"/>
    </row>
    <row r="10043" spans="1:27" s="1" customFormat="1" ht="11.1" customHeight="1" outlineLevel="1" x14ac:dyDescent="0.2">
      <c r="A10043" s="17"/>
      <c r="B10043" s="17"/>
      <c r="C10043" s="17"/>
      <c r="D10043" s="18"/>
      <c r="E10043" s="18"/>
      <c r="F10043" s="18"/>
      <c r="G10043" s="18"/>
      <c r="H10043" s="18"/>
      <c r="I10043" s="18"/>
      <c r="J10043" s="18"/>
      <c r="K10043" s="18"/>
      <c r="L10043" s="18"/>
      <c r="M10043" s="18"/>
      <c r="N10043" s="18"/>
      <c r="O10043" s="18"/>
      <c r="P10043" s="19"/>
      <c r="Q10043" s="19"/>
      <c r="R10043" s="19"/>
      <c r="S10043" s="19"/>
      <c r="T10043" s="19"/>
      <c r="U10043" s="19"/>
      <c r="V10043" s="19"/>
      <c r="W10043" s="19"/>
      <c r="X10043" s="19"/>
      <c r="Y10043" s="19"/>
      <c r="Z10043" s="19"/>
      <c r="AA10043" s="19"/>
    </row>
    <row r="10044" spans="1:27" s="1" customFormat="1" ht="11.1" customHeight="1" outlineLevel="1" x14ac:dyDescent="0.2">
      <c r="A10044" s="17">
        <v>14180</v>
      </c>
      <c r="B10044" s="17"/>
      <c r="C10044" s="17"/>
      <c r="D10044" s="18" t="s">
        <v>4980</v>
      </c>
      <c r="E10044" s="18"/>
      <c r="F10044" s="18"/>
      <c r="G10044" s="18"/>
      <c r="H10044" s="18"/>
      <c r="I10044" s="18"/>
      <c r="J10044" s="18"/>
      <c r="K10044" s="18"/>
      <c r="L10044" s="18"/>
      <c r="M10044" s="18"/>
      <c r="N10044" s="18"/>
      <c r="O10044" s="18"/>
      <c r="P10044" s="19">
        <v>130</v>
      </c>
      <c r="Q10044" s="19"/>
      <c r="R10044" s="19"/>
      <c r="S10044" s="19"/>
      <c r="T10044" s="19">
        <v>100</v>
      </c>
      <c r="U10044" s="19"/>
      <c r="V10044" s="19"/>
      <c r="W10044" s="19"/>
      <c r="X10044" s="19">
        <v>10</v>
      </c>
      <c r="Y10044" s="19"/>
      <c r="Z10044" s="19"/>
      <c r="AA10044" s="19"/>
    </row>
    <row r="10045" spans="1:27" s="1" customFormat="1" ht="11.1" customHeight="1" outlineLevel="1" x14ac:dyDescent="0.2">
      <c r="A10045" s="17"/>
      <c r="B10045" s="17"/>
      <c r="C10045" s="17"/>
      <c r="D10045" s="18"/>
      <c r="E10045" s="18"/>
      <c r="F10045" s="18"/>
      <c r="G10045" s="18"/>
      <c r="H10045" s="18"/>
      <c r="I10045" s="18"/>
      <c r="J10045" s="18"/>
      <c r="K10045" s="18"/>
      <c r="L10045" s="18"/>
      <c r="M10045" s="18"/>
      <c r="N10045" s="18"/>
      <c r="O10045" s="18"/>
      <c r="P10045" s="19"/>
      <c r="Q10045" s="19"/>
      <c r="R10045" s="19"/>
      <c r="S10045" s="19"/>
      <c r="T10045" s="19"/>
      <c r="U10045" s="19"/>
      <c r="V10045" s="19"/>
      <c r="W10045" s="19"/>
      <c r="X10045" s="19"/>
      <c r="Y10045" s="19"/>
      <c r="Z10045" s="19"/>
      <c r="AA10045" s="19"/>
    </row>
    <row r="10046" spans="1:27" s="1" customFormat="1" ht="11.1" customHeight="1" outlineLevel="1" x14ac:dyDescent="0.2">
      <c r="A10046" s="17">
        <v>9704</v>
      </c>
      <c r="B10046" s="17"/>
      <c r="C10046" s="17"/>
      <c r="D10046" s="18" t="s">
        <v>4981</v>
      </c>
      <c r="E10046" s="18"/>
      <c r="F10046" s="18"/>
      <c r="G10046" s="18"/>
      <c r="H10046" s="18"/>
      <c r="I10046" s="18"/>
      <c r="J10046" s="18"/>
      <c r="K10046" s="18"/>
      <c r="L10046" s="18"/>
      <c r="M10046" s="18"/>
      <c r="N10046" s="18"/>
      <c r="O10046" s="18"/>
      <c r="P10046" s="19">
        <v>115</v>
      </c>
      <c r="Q10046" s="19"/>
      <c r="R10046" s="19"/>
      <c r="S10046" s="19"/>
      <c r="T10046" s="19">
        <v>75</v>
      </c>
      <c r="U10046" s="19"/>
      <c r="V10046" s="19"/>
      <c r="W10046" s="19"/>
      <c r="X10046" s="19">
        <v>1</v>
      </c>
      <c r="Y10046" s="19"/>
      <c r="Z10046" s="19"/>
      <c r="AA10046" s="19"/>
    </row>
    <row r="10047" spans="1:27" s="1" customFormat="1" ht="11.1" customHeight="1" outlineLevel="1" x14ac:dyDescent="0.2">
      <c r="A10047" s="17"/>
      <c r="B10047" s="17"/>
      <c r="C10047" s="17"/>
      <c r="D10047" s="18"/>
      <c r="E10047" s="18"/>
      <c r="F10047" s="18"/>
      <c r="G10047" s="18"/>
      <c r="H10047" s="18"/>
      <c r="I10047" s="18"/>
      <c r="J10047" s="18"/>
      <c r="K10047" s="18"/>
      <c r="L10047" s="18"/>
      <c r="M10047" s="18"/>
      <c r="N10047" s="18"/>
      <c r="O10047" s="18"/>
      <c r="P10047" s="19"/>
      <c r="Q10047" s="19"/>
      <c r="R10047" s="19"/>
      <c r="S10047" s="19"/>
      <c r="T10047" s="19"/>
      <c r="U10047" s="19"/>
      <c r="V10047" s="19"/>
      <c r="W10047" s="19"/>
      <c r="X10047" s="19"/>
      <c r="Y10047" s="19"/>
      <c r="Z10047" s="19"/>
      <c r="AA10047" s="19"/>
    </row>
    <row r="10048" spans="1:27" s="1" customFormat="1" ht="11.1" customHeight="1" outlineLevel="1" x14ac:dyDescent="0.2">
      <c r="A10048" s="17">
        <v>9703</v>
      </c>
      <c r="B10048" s="17"/>
      <c r="C10048" s="17"/>
      <c r="D10048" s="18" t="s">
        <v>4982</v>
      </c>
      <c r="E10048" s="18"/>
      <c r="F10048" s="18"/>
      <c r="G10048" s="18"/>
      <c r="H10048" s="18"/>
      <c r="I10048" s="18"/>
      <c r="J10048" s="18"/>
      <c r="K10048" s="18"/>
      <c r="L10048" s="18"/>
      <c r="M10048" s="18"/>
      <c r="N10048" s="18"/>
      <c r="O10048" s="18"/>
      <c r="P10048" s="19">
        <v>130</v>
      </c>
      <c r="Q10048" s="19"/>
      <c r="R10048" s="19"/>
      <c r="S10048" s="19"/>
      <c r="T10048" s="19">
        <v>100</v>
      </c>
      <c r="U10048" s="19"/>
      <c r="V10048" s="19"/>
      <c r="W10048" s="19"/>
      <c r="X10048" s="19">
        <v>21</v>
      </c>
      <c r="Y10048" s="19"/>
      <c r="Z10048" s="19"/>
      <c r="AA10048" s="19"/>
    </row>
    <row r="10049" spans="1:27" s="1" customFormat="1" ht="11.1" customHeight="1" outlineLevel="1" x14ac:dyDescent="0.2">
      <c r="A10049" s="17"/>
      <c r="B10049" s="17"/>
      <c r="C10049" s="17"/>
      <c r="D10049" s="18"/>
      <c r="E10049" s="18"/>
      <c r="F10049" s="18"/>
      <c r="G10049" s="18"/>
      <c r="H10049" s="18"/>
      <c r="I10049" s="18"/>
      <c r="J10049" s="18"/>
      <c r="K10049" s="18"/>
      <c r="L10049" s="18"/>
      <c r="M10049" s="18"/>
      <c r="N10049" s="18"/>
      <c r="O10049" s="18"/>
      <c r="P10049" s="19"/>
      <c r="Q10049" s="19"/>
      <c r="R10049" s="19"/>
      <c r="S10049" s="19"/>
      <c r="T10049" s="19"/>
      <c r="U10049" s="19"/>
      <c r="V10049" s="19"/>
      <c r="W10049" s="19"/>
      <c r="X10049" s="19"/>
      <c r="Y10049" s="19"/>
      <c r="Z10049" s="19"/>
      <c r="AA10049" s="19"/>
    </row>
    <row r="10050" spans="1:27" s="1" customFormat="1" ht="11.1" customHeight="1" outlineLevel="1" x14ac:dyDescent="0.2">
      <c r="A10050" s="17">
        <v>14181</v>
      </c>
      <c r="B10050" s="17"/>
      <c r="C10050" s="17"/>
      <c r="D10050" s="18" t="s">
        <v>4983</v>
      </c>
      <c r="E10050" s="18"/>
      <c r="F10050" s="18"/>
      <c r="G10050" s="18"/>
      <c r="H10050" s="18"/>
      <c r="I10050" s="18"/>
      <c r="J10050" s="18"/>
      <c r="K10050" s="18"/>
      <c r="L10050" s="18"/>
      <c r="M10050" s="18"/>
      <c r="N10050" s="18"/>
      <c r="O10050" s="18"/>
      <c r="P10050" s="19">
        <v>130</v>
      </c>
      <c r="Q10050" s="19"/>
      <c r="R10050" s="19"/>
      <c r="S10050" s="19"/>
      <c r="T10050" s="19">
        <v>100</v>
      </c>
      <c r="U10050" s="19"/>
      <c r="V10050" s="19"/>
      <c r="W10050" s="19"/>
      <c r="X10050" s="19">
        <v>10</v>
      </c>
      <c r="Y10050" s="19"/>
      <c r="Z10050" s="19"/>
      <c r="AA10050" s="19"/>
    </row>
    <row r="10051" spans="1:27" s="1" customFormat="1" ht="11.1" customHeight="1" outlineLevel="1" x14ac:dyDescent="0.2">
      <c r="A10051" s="17"/>
      <c r="B10051" s="17"/>
      <c r="C10051" s="17"/>
      <c r="D10051" s="18"/>
      <c r="E10051" s="18"/>
      <c r="F10051" s="18"/>
      <c r="G10051" s="18"/>
      <c r="H10051" s="18"/>
      <c r="I10051" s="18"/>
      <c r="J10051" s="18"/>
      <c r="K10051" s="18"/>
      <c r="L10051" s="18"/>
      <c r="M10051" s="18"/>
      <c r="N10051" s="18"/>
      <c r="O10051" s="18"/>
      <c r="P10051" s="19"/>
      <c r="Q10051" s="19"/>
      <c r="R10051" s="19"/>
      <c r="S10051" s="19"/>
      <c r="T10051" s="19"/>
      <c r="U10051" s="19"/>
      <c r="V10051" s="19"/>
      <c r="W10051" s="19"/>
      <c r="X10051" s="19"/>
      <c r="Y10051" s="19"/>
      <c r="Z10051" s="19"/>
      <c r="AA10051" s="19"/>
    </row>
    <row r="10052" spans="1:27" s="1" customFormat="1" ht="11.1" customHeight="1" outlineLevel="1" x14ac:dyDescent="0.2">
      <c r="A10052" s="17">
        <v>12745</v>
      </c>
      <c r="B10052" s="17"/>
      <c r="C10052" s="17"/>
      <c r="D10052" s="18" t="s">
        <v>4984</v>
      </c>
      <c r="E10052" s="18"/>
      <c r="F10052" s="18"/>
      <c r="G10052" s="18"/>
      <c r="H10052" s="18"/>
      <c r="I10052" s="18"/>
      <c r="J10052" s="18"/>
      <c r="K10052" s="18"/>
      <c r="L10052" s="18"/>
      <c r="M10052" s="18"/>
      <c r="N10052" s="18"/>
      <c r="O10052" s="18"/>
      <c r="P10052" s="19">
        <v>200</v>
      </c>
      <c r="Q10052" s="19"/>
      <c r="R10052" s="19"/>
      <c r="S10052" s="19"/>
      <c r="T10052" s="19">
        <v>150</v>
      </c>
      <c r="U10052" s="19"/>
      <c r="V10052" s="19"/>
      <c r="W10052" s="19"/>
      <c r="X10052" s="19">
        <v>24</v>
      </c>
      <c r="Y10052" s="19"/>
      <c r="Z10052" s="19"/>
      <c r="AA10052" s="19"/>
    </row>
    <row r="10053" spans="1:27" s="1" customFormat="1" ht="11.1" customHeight="1" outlineLevel="1" x14ac:dyDescent="0.2">
      <c r="A10053" s="17"/>
      <c r="B10053" s="17"/>
      <c r="C10053" s="17"/>
      <c r="D10053" s="18"/>
      <c r="E10053" s="18"/>
      <c r="F10053" s="18"/>
      <c r="G10053" s="18"/>
      <c r="H10053" s="18"/>
      <c r="I10053" s="18"/>
      <c r="J10053" s="18"/>
      <c r="K10053" s="18"/>
      <c r="L10053" s="18"/>
      <c r="M10053" s="18"/>
      <c r="N10053" s="18"/>
      <c r="O10053" s="18"/>
      <c r="P10053" s="19"/>
      <c r="Q10053" s="19"/>
      <c r="R10053" s="19"/>
      <c r="S10053" s="19"/>
      <c r="T10053" s="19"/>
      <c r="U10053" s="19"/>
      <c r="V10053" s="19"/>
      <c r="W10053" s="19"/>
      <c r="X10053" s="19"/>
      <c r="Y10053" s="19"/>
      <c r="Z10053" s="19"/>
      <c r="AA10053" s="19"/>
    </row>
    <row r="10054" spans="1:27" s="1" customFormat="1" ht="11.1" customHeight="1" outlineLevel="1" x14ac:dyDescent="0.2">
      <c r="A10054" s="17">
        <v>9341</v>
      </c>
      <c r="B10054" s="17"/>
      <c r="C10054" s="17"/>
      <c r="D10054" s="18" t="s">
        <v>4985</v>
      </c>
      <c r="E10054" s="18"/>
      <c r="F10054" s="18"/>
      <c r="G10054" s="18"/>
      <c r="H10054" s="18"/>
      <c r="I10054" s="18"/>
      <c r="J10054" s="18"/>
      <c r="K10054" s="18"/>
      <c r="L10054" s="18"/>
      <c r="M10054" s="18"/>
      <c r="N10054" s="18"/>
      <c r="O10054" s="18"/>
      <c r="P10054" s="19">
        <v>130</v>
      </c>
      <c r="Q10054" s="19"/>
      <c r="R10054" s="19"/>
      <c r="S10054" s="19"/>
      <c r="T10054" s="19">
        <v>100</v>
      </c>
      <c r="U10054" s="19"/>
      <c r="V10054" s="19"/>
      <c r="W10054" s="19"/>
      <c r="X10054" s="19">
        <v>18</v>
      </c>
      <c r="Y10054" s="19"/>
      <c r="Z10054" s="19"/>
      <c r="AA10054" s="19"/>
    </row>
    <row r="10055" spans="1:27" s="1" customFormat="1" ht="11.1" customHeight="1" outlineLevel="1" x14ac:dyDescent="0.2">
      <c r="A10055" s="17"/>
      <c r="B10055" s="17"/>
      <c r="C10055" s="17"/>
      <c r="D10055" s="18"/>
      <c r="E10055" s="18"/>
      <c r="F10055" s="18"/>
      <c r="G10055" s="18"/>
      <c r="H10055" s="18"/>
      <c r="I10055" s="18"/>
      <c r="J10055" s="18"/>
      <c r="K10055" s="18"/>
      <c r="L10055" s="18"/>
      <c r="M10055" s="18"/>
      <c r="N10055" s="18"/>
      <c r="O10055" s="18"/>
      <c r="P10055" s="19"/>
      <c r="Q10055" s="19"/>
      <c r="R10055" s="19"/>
      <c r="S10055" s="19"/>
      <c r="T10055" s="19"/>
      <c r="U10055" s="19"/>
      <c r="V10055" s="19"/>
      <c r="W10055" s="19"/>
      <c r="X10055" s="19"/>
      <c r="Y10055" s="19"/>
      <c r="Z10055" s="19"/>
      <c r="AA10055" s="19"/>
    </row>
    <row r="10056" spans="1:27" s="1" customFormat="1" ht="11.1" customHeight="1" outlineLevel="1" x14ac:dyDescent="0.2">
      <c r="A10056" s="17">
        <v>12876</v>
      </c>
      <c r="B10056" s="17"/>
      <c r="C10056" s="17"/>
      <c r="D10056" s="18" t="s">
        <v>4986</v>
      </c>
      <c r="E10056" s="18"/>
      <c r="F10056" s="18"/>
      <c r="G10056" s="18"/>
      <c r="H10056" s="18"/>
      <c r="I10056" s="18"/>
      <c r="J10056" s="18"/>
      <c r="K10056" s="18"/>
      <c r="L10056" s="18"/>
      <c r="M10056" s="18"/>
      <c r="N10056" s="18"/>
      <c r="O10056" s="18"/>
      <c r="P10056" s="19">
        <v>130</v>
      </c>
      <c r="Q10056" s="19"/>
      <c r="R10056" s="19"/>
      <c r="S10056" s="19"/>
      <c r="T10056" s="19">
        <v>100</v>
      </c>
      <c r="U10056" s="19"/>
      <c r="V10056" s="19"/>
      <c r="W10056" s="19"/>
      <c r="X10056" s="19">
        <v>4</v>
      </c>
      <c r="Y10056" s="19"/>
      <c r="Z10056" s="19"/>
      <c r="AA10056" s="19"/>
    </row>
    <row r="10057" spans="1:27" s="1" customFormat="1" ht="11.1" customHeight="1" outlineLevel="1" x14ac:dyDescent="0.2">
      <c r="A10057" s="17"/>
      <c r="B10057" s="17"/>
      <c r="C10057" s="17"/>
      <c r="D10057" s="18"/>
      <c r="E10057" s="18"/>
      <c r="F10057" s="18"/>
      <c r="G10057" s="18"/>
      <c r="H10057" s="18"/>
      <c r="I10057" s="18"/>
      <c r="J10057" s="18"/>
      <c r="K10057" s="18"/>
      <c r="L10057" s="18"/>
      <c r="M10057" s="18"/>
      <c r="N10057" s="18"/>
      <c r="O10057" s="18"/>
      <c r="P10057" s="19"/>
      <c r="Q10057" s="19"/>
      <c r="R10057" s="19"/>
      <c r="S10057" s="19"/>
      <c r="T10057" s="19"/>
      <c r="U10057" s="19"/>
      <c r="V10057" s="19"/>
      <c r="W10057" s="19"/>
      <c r="X10057" s="19"/>
      <c r="Y10057" s="19"/>
      <c r="Z10057" s="19"/>
      <c r="AA10057" s="19"/>
    </row>
    <row r="10058" spans="1:27" s="1" customFormat="1" ht="14.1" customHeight="1" outlineLevel="1" x14ac:dyDescent="0.2">
      <c r="A10058" s="17">
        <v>17948</v>
      </c>
      <c r="B10058" s="17"/>
      <c r="C10058" s="17"/>
      <c r="D10058" s="18" t="s">
        <v>4987</v>
      </c>
      <c r="E10058" s="18"/>
      <c r="F10058" s="18"/>
      <c r="G10058" s="18"/>
      <c r="H10058" s="18"/>
      <c r="I10058" s="18"/>
      <c r="J10058" s="18"/>
      <c r="K10058" s="18"/>
      <c r="L10058" s="18"/>
      <c r="M10058" s="18"/>
      <c r="N10058" s="18"/>
      <c r="O10058" s="18"/>
      <c r="P10058" s="19">
        <v>200</v>
      </c>
      <c r="Q10058" s="19"/>
      <c r="R10058" s="19"/>
      <c r="S10058" s="19"/>
      <c r="T10058" s="19">
        <v>150</v>
      </c>
      <c r="U10058" s="19"/>
      <c r="V10058" s="19"/>
      <c r="W10058" s="19"/>
      <c r="X10058" s="19">
        <v>1</v>
      </c>
      <c r="Y10058" s="19"/>
      <c r="Z10058" s="19"/>
      <c r="AA10058" s="19"/>
    </row>
    <row r="10059" spans="1:27" s="1" customFormat="1" ht="14.1" customHeight="1" outlineLevel="1" x14ac:dyDescent="0.2">
      <c r="A10059" s="17"/>
      <c r="B10059" s="17"/>
      <c r="C10059" s="17"/>
      <c r="D10059" s="18"/>
      <c r="E10059" s="18"/>
      <c r="F10059" s="18"/>
      <c r="G10059" s="18"/>
      <c r="H10059" s="18"/>
      <c r="I10059" s="18"/>
      <c r="J10059" s="18"/>
      <c r="K10059" s="18"/>
      <c r="L10059" s="18"/>
      <c r="M10059" s="18"/>
      <c r="N10059" s="18"/>
      <c r="O10059" s="18"/>
      <c r="P10059" s="19"/>
      <c r="Q10059" s="19"/>
      <c r="R10059" s="19"/>
      <c r="S10059" s="19"/>
      <c r="T10059" s="19"/>
      <c r="U10059" s="19"/>
      <c r="V10059" s="19"/>
      <c r="W10059" s="19"/>
      <c r="X10059" s="19"/>
      <c r="Y10059" s="19"/>
      <c r="Z10059" s="19"/>
      <c r="AA10059" s="19"/>
    </row>
    <row r="10060" spans="1:27" s="1" customFormat="1" ht="11.1" customHeight="1" outlineLevel="1" x14ac:dyDescent="0.2">
      <c r="A10060" s="17">
        <v>8854</v>
      </c>
      <c r="B10060" s="17"/>
      <c r="C10060" s="17"/>
      <c r="D10060" s="18" t="s">
        <v>4988</v>
      </c>
      <c r="E10060" s="18"/>
      <c r="F10060" s="18"/>
      <c r="G10060" s="18"/>
      <c r="H10060" s="18"/>
      <c r="I10060" s="18"/>
      <c r="J10060" s="18"/>
      <c r="K10060" s="18"/>
      <c r="L10060" s="18"/>
      <c r="M10060" s="18"/>
      <c r="N10060" s="18"/>
      <c r="O10060" s="18"/>
      <c r="P10060" s="19">
        <v>250</v>
      </c>
      <c r="Q10060" s="19"/>
      <c r="R10060" s="19"/>
      <c r="S10060" s="19"/>
      <c r="T10060" s="19">
        <v>150</v>
      </c>
      <c r="U10060" s="19"/>
      <c r="V10060" s="19"/>
      <c r="W10060" s="19"/>
      <c r="X10060" s="19">
        <v>1</v>
      </c>
      <c r="Y10060" s="19"/>
      <c r="Z10060" s="19"/>
      <c r="AA10060" s="19"/>
    </row>
    <row r="10061" spans="1:27" s="1" customFormat="1" ht="11.1" customHeight="1" outlineLevel="1" x14ac:dyDescent="0.2">
      <c r="A10061" s="17"/>
      <c r="B10061" s="17"/>
      <c r="C10061" s="17"/>
      <c r="D10061" s="18"/>
      <c r="E10061" s="18"/>
      <c r="F10061" s="18"/>
      <c r="G10061" s="18"/>
      <c r="H10061" s="18"/>
      <c r="I10061" s="18"/>
      <c r="J10061" s="18"/>
      <c r="K10061" s="18"/>
      <c r="L10061" s="18"/>
      <c r="M10061" s="18"/>
      <c r="N10061" s="18"/>
      <c r="O10061" s="18"/>
      <c r="P10061" s="19"/>
      <c r="Q10061" s="19"/>
      <c r="R10061" s="19"/>
      <c r="S10061" s="19"/>
      <c r="T10061" s="19"/>
      <c r="U10061" s="19"/>
      <c r="V10061" s="19"/>
      <c r="W10061" s="19"/>
      <c r="X10061" s="19"/>
      <c r="Y10061" s="19"/>
      <c r="Z10061" s="19"/>
      <c r="AA10061" s="19"/>
    </row>
    <row r="10062" spans="1:27" s="1" customFormat="1" ht="11.1" customHeight="1" outlineLevel="1" x14ac:dyDescent="0.2">
      <c r="A10062" s="17">
        <v>14182</v>
      </c>
      <c r="B10062" s="17"/>
      <c r="C10062" s="17"/>
      <c r="D10062" s="18" t="s">
        <v>4989</v>
      </c>
      <c r="E10062" s="18"/>
      <c r="F10062" s="18"/>
      <c r="G10062" s="18"/>
      <c r="H10062" s="18"/>
      <c r="I10062" s="18"/>
      <c r="J10062" s="18"/>
      <c r="K10062" s="18"/>
      <c r="L10062" s="18"/>
      <c r="M10062" s="18"/>
      <c r="N10062" s="18"/>
      <c r="O10062" s="18"/>
      <c r="P10062" s="19">
        <v>130</v>
      </c>
      <c r="Q10062" s="19"/>
      <c r="R10062" s="19"/>
      <c r="S10062" s="19"/>
      <c r="T10062" s="19">
        <v>100</v>
      </c>
      <c r="U10062" s="19"/>
      <c r="V10062" s="19"/>
      <c r="W10062" s="19"/>
      <c r="X10062" s="19">
        <v>9</v>
      </c>
      <c r="Y10062" s="19"/>
      <c r="Z10062" s="19"/>
      <c r="AA10062" s="19"/>
    </row>
    <row r="10063" spans="1:27" s="1" customFormat="1" ht="11.1" customHeight="1" outlineLevel="1" x14ac:dyDescent="0.2">
      <c r="A10063" s="17"/>
      <c r="B10063" s="17"/>
      <c r="C10063" s="17"/>
      <c r="D10063" s="18"/>
      <c r="E10063" s="18"/>
      <c r="F10063" s="18"/>
      <c r="G10063" s="18"/>
      <c r="H10063" s="18"/>
      <c r="I10063" s="18"/>
      <c r="J10063" s="18"/>
      <c r="K10063" s="18"/>
      <c r="L10063" s="18"/>
      <c r="M10063" s="18"/>
      <c r="N10063" s="18"/>
      <c r="O10063" s="18"/>
      <c r="P10063" s="19"/>
      <c r="Q10063" s="19"/>
      <c r="R10063" s="19"/>
      <c r="S10063" s="19"/>
      <c r="T10063" s="19"/>
      <c r="U10063" s="19"/>
      <c r="V10063" s="19"/>
      <c r="W10063" s="19"/>
      <c r="X10063" s="19"/>
      <c r="Y10063" s="19"/>
      <c r="Z10063" s="19"/>
      <c r="AA10063" s="19"/>
    </row>
    <row r="10064" spans="1:27" s="1" customFormat="1" ht="14.1" customHeight="1" outlineLevel="1" x14ac:dyDescent="0.2">
      <c r="A10064" s="17">
        <v>14183</v>
      </c>
      <c r="B10064" s="17"/>
      <c r="C10064" s="17"/>
      <c r="D10064" s="18" t="s">
        <v>4990</v>
      </c>
      <c r="E10064" s="18"/>
      <c r="F10064" s="18"/>
      <c r="G10064" s="18"/>
      <c r="H10064" s="18"/>
      <c r="I10064" s="18"/>
      <c r="J10064" s="18"/>
      <c r="K10064" s="18"/>
      <c r="L10064" s="18"/>
      <c r="M10064" s="18"/>
      <c r="N10064" s="18"/>
      <c r="O10064" s="18"/>
      <c r="P10064" s="19">
        <v>130</v>
      </c>
      <c r="Q10064" s="19"/>
      <c r="R10064" s="19"/>
      <c r="S10064" s="19"/>
      <c r="T10064" s="19">
        <v>100</v>
      </c>
      <c r="U10064" s="19"/>
      <c r="V10064" s="19"/>
      <c r="W10064" s="19"/>
      <c r="X10064" s="19">
        <v>10</v>
      </c>
      <c r="Y10064" s="19"/>
      <c r="Z10064" s="19"/>
      <c r="AA10064" s="19"/>
    </row>
    <row r="10065" spans="1:27" s="1" customFormat="1" ht="14.1" customHeight="1" outlineLevel="1" x14ac:dyDescent="0.2">
      <c r="A10065" s="17"/>
      <c r="B10065" s="17"/>
      <c r="C10065" s="17"/>
      <c r="D10065" s="18"/>
      <c r="E10065" s="18"/>
      <c r="F10065" s="18"/>
      <c r="G10065" s="18"/>
      <c r="H10065" s="18"/>
      <c r="I10065" s="18"/>
      <c r="J10065" s="18"/>
      <c r="K10065" s="18"/>
      <c r="L10065" s="18"/>
      <c r="M10065" s="18"/>
      <c r="N10065" s="18"/>
      <c r="O10065" s="18"/>
      <c r="P10065" s="19"/>
      <c r="Q10065" s="19"/>
      <c r="R10065" s="19"/>
      <c r="S10065" s="19"/>
      <c r="T10065" s="19"/>
      <c r="U10065" s="19"/>
      <c r="V10065" s="19"/>
      <c r="W10065" s="19"/>
      <c r="X10065" s="19"/>
      <c r="Y10065" s="19"/>
      <c r="Z10065" s="19"/>
      <c r="AA10065" s="19"/>
    </row>
    <row r="10066" spans="1:27" s="1" customFormat="1" ht="11.1" customHeight="1" outlineLevel="1" x14ac:dyDescent="0.2">
      <c r="A10066" s="17">
        <v>14184</v>
      </c>
      <c r="B10066" s="17"/>
      <c r="C10066" s="17"/>
      <c r="D10066" s="18" t="s">
        <v>4991</v>
      </c>
      <c r="E10066" s="18"/>
      <c r="F10066" s="18"/>
      <c r="G10066" s="18"/>
      <c r="H10066" s="18"/>
      <c r="I10066" s="18"/>
      <c r="J10066" s="18"/>
      <c r="K10066" s="18"/>
      <c r="L10066" s="18"/>
      <c r="M10066" s="18"/>
      <c r="N10066" s="18"/>
      <c r="O10066" s="18"/>
      <c r="P10066" s="19">
        <v>130</v>
      </c>
      <c r="Q10066" s="19"/>
      <c r="R10066" s="19"/>
      <c r="S10066" s="19"/>
      <c r="T10066" s="19">
        <v>100</v>
      </c>
      <c r="U10066" s="19"/>
      <c r="V10066" s="19"/>
      <c r="W10066" s="19"/>
      <c r="X10066" s="19">
        <v>10</v>
      </c>
      <c r="Y10066" s="19"/>
      <c r="Z10066" s="19"/>
      <c r="AA10066" s="19"/>
    </row>
    <row r="10067" spans="1:27" s="1" customFormat="1" ht="11.1" customHeight="1" outlineLevel="1" x14ac:dyDescent="0.2">
      <c r="A10067" s="17"/>
      <c r="B10067" s="17"/>
      <c r="C10067" s="17"/>
      <c r="D10067" s="18"/>
      <c r="E10067" s="18"/>
      <c r="F10067" s="18"/>
      <c r="G10067" s="18"/>
      <c r="H10067" s="18"/>
      <c r="I10067" s="18"/>
      <c r="J10067" s="18"/>
      <c r="K10067" s="18"/>
      <c r="L10067" s="18"/>
      <c r="M10067" s="18"/>
      <c r="N10067" s="18"/>
      <c r="O10067" s="18"/>
      <c r="P10067" s="19"/>
      <c r="Q10067" s="19"/>
      <c r="R10067" s="19"/>
      <c r="S10067" s="19"/>
      <c r="T10067" s="19"/>
      <c r="U10067" s="19"/>
      <c r="V10067" s="19"/>
      <c r="W10067" s="19"/>
      <c r="X10067" s="19"/>
      <c r="Y10067" s="19"/>
      <c r="Z10067" s="19"/>
      <c r="AA10067" s="19"/>
    </row>
    <row r="10068" spans="1:27" s="1" customFormat="1" ht="14.1" customHeight="1" outlineLevel="1" x14ac:dyDescent="0.2">
      <c r="A10068" s="17">
        <v>14185</v>
      </c>
      <c r="B10068" s="17"/>
      <c r="C10068" s="17"/>
      <c r="D10068" s="18" t="s">
        <v>4992</v>
      </c>
      <c r="E10068" s="18"/>
      <c r="F10068" s="18"/>
      <c r="G10068" s="18"/>
      <c r="H10068" s="18"/>
      <c r="I10068" s="18"/>
      <c r="J10068" s="18"/>
      <c r="K10068" s="18"/>
      <c r="L10068" s="18"/>
      <c r="M10068" s="18"/>
      <c r="N10068" s="18"/>
      <c r="O10068" s="18"/>
      <c r="P10068" s="19">
        <v>130</v>
      </c>
      <c r="Q10068" s="19"/>
      <c r="R10068" s="19"/>
      <c r="S10068" s="19"/>
      <c r="T10068" s="19">
        <v>90</v>
      </c>
      <c r="U10068" s="19"/>
      <c r="V10068" s="19"/>
      <c r="W10068" s="19"/>
      <c r="X10068" s="19">
        <v>42</v>
      </c>
      <c r="Y10068" s="19"/>
      <c r="Z10068" s="19"/>
      <c r="AA10068" s="19"/>
    </row>
    <row r="10069" spans="1:27" s="1" customFormat="1" ht="14.1" customHeight="1" outlineLevel="1" x14ac:dyDescent="0.2">
      <c r="A10069" s="17"/>
      <c r="B10069" s="17"/>
      <c r="C10069" s="17"/>
      <c r="D10069" s="18"/>
      <c r="E10069" s="18"/>
      <c r="F10069" s="18"/>
      <c r="G10069" s="18"/>
      <c r="H10069" s="18"/>
      <c r="I10069" s="18"/>
      <c r="J10069" s="18"/>
      <c r="K10069" s="18"/>
      <c r="L10069" s="18"/>
      <c r="M10069" s="18"/>
      <c r="N10069" s="18"/>
      <c r="O10069" s="18"/>
      <c r="P10069" s="19"/>
      <c r="Q10069" s="19"/>
      <c r="R10069" s="19"/>
      <c r="S10069" s="19"/>
      <c r="T10069" s="19"/>
      <c r="U10069" s="19"/>
      <c r="V10069" s="19"/>
      <c r="W10069" s="19"/>
      <c r="X10069" s="19"/>
      <c r="Y10069" s="19"/>
      <c r="Z10069" s="19"/>
      <c r="AA10069" s="19"/>
    </row>
    <row r="10070" spans="1:27" s="1" customFormat="1" ht="11.1" customHeight="1" outlineLevel="1" x14ac:dyDescent="0.2">
      <c r="A10070" s="17">
        <v>14186</v>
      </c>
      <c r="B10070" s="17"/>
      <c r="C10070" s="17"/>
      <c r="D10070" s="18" t="s">
        <v>4993</v>
      </c>
      <c r="E10070" s="18"/>
      <c r="F10070" s="18"/>
      <c r="G10070" s="18"/>
      <c r="H10070" s="18"/>
      <c r="I10070" s="18"/>
      <c r="J10070" s="18"/>
      <c r="K10070" s="18"/>
      <c r="L10070" s="18"/>
      <c r="M10070" s="18"/>
      <c r="N10070" s="18"/>
      <c r="O10070" s="18"/>
      <c r="P10070" s="19">
        <v>130</v>
      </c>
      <c r="Q10070" s="19"/>
      <c r="R10070" s="19"/>
      <c r="S10070" s="19"/>
      <c r="T10070" s="19">
        <v>100</v>
      </c>
      <c r="U10070" s="19"/>
      <c r="V10070" s="19"/>
      <c r="W10070" s="19"/>
      <c r="X10070" s="19">
        <v>10</v>
      </c>
      <c r="Y10070" s="19"/>
      <c r="Z10070" s="19"/>
      <c r="AA10070" s="19"/>
    </row>
    <row r="10071" spans="1:27" s="1" customFormat="1" ht="11.1" customHeight="1" outlineLevel="1" x14ac:dyDescent="0.2">
      <c r="A10071" s="17"/>
      <c r="B10071" s="17"/>
      <c r="C10071" s="17"/>
      <c r="D10071" s="18"/>
      <c r="E10071" s="18"/>
      <c r="F10071" s="18"/>
      <c r="G10071" s="18"/>
      <c r="H10071" s="18"/>
      <c r="I10071" s="18"/>
      <c r="J10071" s="18"/>
      <c r="K10071" s="18"/>
      <c r="L10071" s="18"/>
      <c r="M10071" s="18"/>
      <c r="N10071" s="18"/>
      <c r="O10071" s="18"/>
      <c r="P10071" s="19"/>
      <c r="Q10071" s="19"/>
      <c r="R10071" s="19"/>
      <c r="S10071" s="19"/>
      <c r="T10071" s="19"/>
      <c r="U10071" s="19"/>
      <c r="V10071" s="19"/>
      <c r="W10071" s="19"/>
      <c r="X10071" s="19"/>
      <c r="Y10071" s="19"/>
      <c r="Z10071" s="19"/>
      <c r="AA10071" s="19"/>
    </row>
    <row r="10072" spans="1:27" s="1" customFormat="1" ht="14.1" customHeight="1" outlineLevel="1" x14ac:dyDescent="0.2">
      <c r="A10072" s="17">
        <v>15557</v>
      </c>
      <c r="B10072" s="17"/>
      <c r="C10072" s="17"/>
      <c r="D10072" s="18" t="s">
        <v>4994</v>
      </c>
      <c r="E10072" s="18"/>
      <c r="F10072" s="18"/>
      <c r="G10072" s="18"/>
      <c r="H10072" s="18"/>
      <c r="I10072" s="18"/>
      <c r="J10072" s="18"/>
      <c r="K10072" s="18"/>
      <c r="L10072" s="18"/>
      <c r="M10072" s="18"/>
      <c r="N10072" s="18"/>
      <c r="O10072" s="18"/>
      <c r="P10072" s="19">
        <v>300</v>
      </c>
      <c r="Q10072" s="19"/>
      <c r="R10072" s="19"/>
      <c r="S10072" s="19"/>
      <c r="T10072" s="19">
        <v>200</v>
      </c>
      <c r="U10072" s="19"/>
      <c r="V10072" s="19"/>
      <c r="W10072" s="19"/>
      <c r="X10072" s="19">
        <v>1</v>
      </c>
      <c r="Y10072" s="19"/>
      <c r="Z10072" s="19"/>
      <c r="AA10072" s="19"/>
    </row>
    <row r="10073" spans="1:27" s="1" customFormat="1" ht="14.1" customHeight="1" outlineLevel="1" x14ac:dyDescent="0.2">
      <c r="A10073" s="17"/>
      <c r="B10073" s="17"/>
      <c r="C10073" s="17"/>
      <c r="D10073" s="18"/>
      <c r="E10073" s="18"/>
      <c r="F10073" s="18"/>
      <c r="G10073" s="18"/>
      <c r="H10073" s="18"/>
      <c r="I10073" s="18"/>
      <c r="J10073" s="18"/>
      <c r="K10073" s="18"/>
      <c r="L10073" s="18"/>
      <c r="M10073" s="18"/>
      <c r="N10073" s="18"/>
      <c r="O10073" s="18"/>
      <c r="P10073" s="19"/>
      <c r="Q10073" s="19"/>
      <c r="R10073" s="19"/>
      <c r="S10073" s="19"/>
      <c r="T10073" s="19"/>
      <c r="U10073" s="19"/>
      <c r="V10073" s="19"/>
      <c r="W10073" s="19"/>
      <c r="X10073" s="19"/>
      <c r="Y10073" s="19"/>
      <c r="Z10073" s="19"/>
      <c r="AA10073" s="19"/>
    </row>
    <row r="10074" spans="1:27" s="1" customFormat="1" ht="14.1" customHeight="1" outlineLevel="1" x14ac:dyDescent="0.2">
      <c r="A10074" s="17">
        <v>13970</v>
      </c>
      <c r="B10074" s="17"/>
      <c r="C10074" s="17"/>
      <c r="D10074" s="18" t="s">
        <v>4995</v>
      </c>
      <c r="E10074" s="18"/>
      <c r="F10074" s="18"/>
      <c r="G10074" s="18"/>
      <c r="H10074" s="18"/>
      <c r="I10074" s="18"/>
      <c r="J10074" s="18"/>
      <c r="K10074" s="18"/>
      <c r="L10074" s="18"/>
      <c r="M10074" s="18"/>
      <c r="N10074" s="18"/>
      <c r="O10074" s="18"/>
      <c r="P10074" s="19">
        <v>210</v>
      </c>
      <c r="Q10074" s="19"/>
      <c r="R10074" s="19"/>
      <c r="S10074" s="19"/>
      <c r="T10074" s="19">
        <v>160</v>
      </c>
      <c r="U10074" s="19"/>
      <c r="V10074" s="19"/>
      <c r="W10074" s="19"/>
      <c r="X10074" s="19">
        <v>24</v>
      </c>
      <c r="Y10074" s="19"/>
      <c r="Z10074" s="19"/>
      <c r="AA10074" s="19"/>
    </row>
    <row r="10075" spans="1:27" s="1" customFormat="1" ht="14.1" customHeight="1" outlineLevel="1" x14ac:dyDescent="0.2">
      <c r="A10075" s="17"/>
      <c r="B10075" s="17"/>
      <c r="C10075" s="17"/>
      <c r="D10075" s="18"/>
      <c r="E10075" s="18"/>
      <c r="F10075" s="18"/>
      <c r="G10075" s="18"/>
      <c r="H10075" s="18"/>
      <c r="I10075" s="18"/>
      <c r="J10075" s="18"/>
      <c r="K10075" s="18"/>
      <c r="L10075" s="18"/>
      <c r="M10075" s="18"/>
      <c r="N10075" s="18"/>
      <c r="O10075" s="18"/>
      <c r="P10075" s="19"/>
      <c r="Q10075" s="19"/>
      <c r="R10075" s="19"/>
      <c r="S10075" s="19"/>
      <c r="T10075" s="19"/>
      <c r="U10075" s="19"/>
      <c r="V10075" s="19"/>
      <c r="W10075" s="19"/>
      <c r="X10075" s="19"/>
      <c r="Y10075" s="19"/>
      <c r="Z10075" s="19"/>
      <c r="AA10075" s="19"/>
    </row>
    <row r="10076" spans="1:27" s="1" customFormat="1" ht="14.1" customHeight="1" outlineLevel="1" x14ac:dyDescent="0.2">
      <c r="A10076" s="17">
        <v>16880</v>
      </c>
      <c r="B10076" s="17"/>
      <c r="C10076" s="17"/>
      <c r="D10076" s="18" t="s">
        <v>4996</v>
      </c>
      <c r="E10076" s="18"/>
      <c r="F10076" s="18"/>
      <c r="G10076" s="18"/>
      <c r="H10076" s="18"/>
      <c r="I10076" s="18"/>
      <c r="J10076" s="18"/>
      <c r="K10076" s="18"/>
      <c r="L10076" s="18"/>
      <c r="M10076" s="18"/>
      <c r="N10076" s="18"/>
      <c r="O10076" s="18"/>
      <c r="P10076" s="19">
        <v>250</v>
      </c>
      <c r="Q10076" s="19"/>
      <c r="R10076" s="19"/>
      <c r="S10076" s="19"/>
      <c r="T10076" s="19">
        <v>150</v>
      </c>
      <c r="U10076" s="19"/>
      <c r="V10076" s="19"/>
      <c r="W10076" s="19"/>
      <c r="X10076" s="19">
        <v>1</v>
      </c>
      <c r="Y10076" s="19"/>
      <c r="Z10076" s="19"/>
      <c r="AA10076" s="19"/>
    </row>
    <row r="10077" spans="1:27" s="1" customFormat="1" ht="14.1" customHeight="1" outlineLevel="1" x14ac:dyDescent="0.2">
      <c r="A10077" s="17"/>
      <c r="B10077" s="17"/>
      <c r="C10077" s="17"/>
      <c r="D10077" s="18"/>
      <c r="E10077" s="18"/>
      <c r="F10077" s="18"/>
      <c r="G10077" s="18"/>
      <c r="H10077" s="18"/>
      <c r="I10077" s="18"/>
      <c r="J10077" s="18"/>
      <c r="K10077" s="18"/>
      <c r="L10077" s="18"/>
      <c r="M10077" s="18"/>
      <c r="N10077" s="18"/>
      <c r="O10077" s="18"/>
      <c r="P10077" s="19"/>
      <c r="Q10077" s="19"/>
      <c r="R10077" s="19"/>
      <c r="S10077" s="19"/>
      <c r="T10077" s="19"/>
      <c r="U10077" s="19"/>
      <c r="V10077" s="19"/>
      <c r="W10077" s="19"/>
      <c r="X10077" s="19"/>
      <c r="Y10077" s="19"/>
      <c r="Z10077" s="19"/>
      <c r="AA10077" s="19"/>
    </row>
    <row r="10078" spans="1:27" s="1" customFormat="1" ht="14.1" customHeight="1" outlineLevel="1" x14ac:dyDescent="0.2">
      <c r="A10078" s="17">
        <v>18047</v>
      </c>
      <c r="B10078" s="17"/>
      <c r="C10078" s="17"/>
      <c r="D10078" s="18" t="s">
        <v>4997</v>
      </c>
      <c r="E10078" s="18"/>
      <c r="F10078" s="18"/>
      <c r="G10078" s="18"/>
      <c r="H10078" s="18"/>
      <c r="I10078" s="18"/>
      <c r="J10078" s="18"/>
      <c r="K10078" s="18"/>
      <c r="L10078" s="18"/>
      <c r="M10078" s="18"/>
      <c r="N10078" s="18"/>
      <c r="O10078" s="18"/>
      <c r="P10078" s="19">
        <v>300</v>
      </c>
      <c r="Q10078" s="19"/>
      <c r="R10078" s="19"/>
      <c r="S10078" s="19"/>
      <c r="T10078" s="19">
        <v>200</v>
      </c>
      <c r="U10078" s="19"/>
      <c r="V10078" s="19"/>
      <c r="W10078" s="19"/>
      <c r="X10078" s="19">
        <v>1</v>
      </c>
      <c r="Y10078" s="19"/>
      <c r="Z10078" s="19"/>
      <c r="AA10078" s="19"/>
    </row>
    <row r="10079" spans="1:27" s="1" customFormat="1" ht="14.1" customHeight="1" outlineLevel="1" x14ac:dyDescent="0.2">
      <c r="A10079" s="17"/>
      <c r="B10079" s="17"/>
      <c r="C10079" s="17"/>
      <c r="D10079" s="18"/>
      <c r="E10079" s="18"/>
      <c r="F10079" s="18"/>
      <c r="G10079" s="18"/>
      <c r="H10079" s="18"/>
      <c r="I10079" s="18"/>
      <c r="J10079" s="18"/>
      <c r="K10079" s="18"/>
      <c r="L10079" s="18"/>
      <c r="M10079" s="18"/>
      <c r="N10079" s="18"/>
      <c r="O10079" s="18"/>
      <c r="P10079" s="19"/>
      <c r="Q10079" s="19"/>
      <c r="R10079" s="19"/>
      <c r="S10079" s="19"/>
      <c r="T10079" s="19"/>
      <c r="U10079" s="19"/>
      <c r="V10079" s="19"/>
      <c r="W10079" s="19"/>
      <c r="X10079" s="19"/>
      <c r="Y10079" s="19"/>
      <c r="Z10079" s="19"/>
      <c r="AA10079" s="19"/>
    </row>
    <row r="10080" spans="1:27" s="1" customFormat="1" ht="11.1" customHeight="1" outlineLevel="1" x14ac:dyDescent="0.2">
      <c r="A10080" s="17">
        <v>9705</v>
      </c>
      <c r="B10080" s="17"/>
      <c r="C10080" s="17"/>
      <c r="D10080" s="18" t="s">
        <v>4998</v>
      </c>
      <c r="E10080" s="18"/>
      <c r="F10080" s="18"/>
      <c r="G10080" s="18"/>
      <c r="H10080" s="18"/>
      <c r="I10080" s="18"/>
      <c r="J10080" s="18"/>
      <c r="K10080" s="18"/>
      <c r="L10080" s="18"/>
      <c r="M10080" s="18"/>
      <c r="N10080" s="18"/>
      <c r="O10080" s="18"/>
      <c r="P10080" s="19">
        <v>115</v>
      </c>
      <c r="Q10080" s="19"/>
      <c r="R10080" s="19"/>
      <c r="S10080" s="19"/>
      <c r="T10080" s="19">
        <v>75</v>
      </c>
      <c r="U10080" s="19"/>
      <c r="V10080" s="19"/>
      <c r="W10080" s="19"/>
      <c r="X10080" s="19">
        <v>1</v>
      </c>
      <c r="Y10080" s="19"/>
      <c r="Z10080" s="19"/>
      <c r="AA10080" s="19"/>
    </row>
    <row r="10081" spans="1:27" s="1" customFormat="1" ht="11.1" customHeight="1" outlineLevel="1" x14ac:dyDescent="0.2">
      <c r="A10081" s="17"/>
      <c r="B10081" s="17"/>
      <c r="C10081" s="17"/>
      <c r="D10081" s="18"/>
      <c r="E10081" s="18"/>
      <c r="F10081" s="18"/>
      <c r="G10081" s="18"/>
      <c r="H10081" s="18"/>
      <c r="I10081" s="18"/>
      <c r="J10081" s="18"/>
      <c r="K10081" s="18"/>
      <c r="L10081" s="18"/>
      <c r="M10081" s="18"/>
      <c r="N10081" s="18"/>
      <c r="O10081" s="18"/>
      <c r="P10081" s="19"/>
      <c r="Q10081" s="19"/>
      <c r="R10081" s="19"/>
      <c r="S10081" s="19"/>
      <c r="T10081" s="19"/>
      <c r="U10081" s="19"/>
      <c r="V10081" s="19"/>
      <c r="W10081" s="19"/>
      <c r="X10081" s="19"/>
      <c r="Y10081" s="19"/>
      <c r="Z10081" s="19"/>
      <c r="AA10081" s="19"/>
    </row>
    <row r="10082" spans="1:27" s="1" customFormat="1" ht="14.1" customHeight="1" outlineLevel="1" x14ac:dyDescent="0.2">
      <c r="A10082" s="17">
        <v>8587</v>
      </c>
      <c r="B10082" s="17"/>
      <c r="C10082" s="17"/>
      <c r="D10082" s="18" t="s">
        <v>4999</v>
      </c>
      <c r="E10082" s="18"/>
      <c r="F10082" s="18"/>
      <c r="G10082" s="18"/>
      <c r="H10082" s="18"/>
      <c r="I10082" s="18"/>
      <c r="J10082" s="18"/>
      <c r="K10082" s="18"/>
      <c r="L10082" s="18"/>
      <c r="M10082" s="18"/>
      <c r="N10082" s="18"/>
      <c r="O10082" s="18"/>
      <c r="P10082" s="19">
        <v>130</v>
      </c>
      <c r="Q10082" s="19"/>
      <c r="R10082" s="19"/>
      <c r="S10082" s="19"/>
      <c r="T10082" s="19">
        <v>100</v>
      </c>
      <c r="U10082" s="19"/>
      <c r="V10082" s="19"/>
      <c r="W10082" s="19"/>
      <c r="X10082" s="19">
        <v>12</v>
      </c>
      <c r="Y10082" s="19"/>
      <c r="Z10082" s="19"/>
      <c r="AA10082" s="19"/>
    </row>
    <row r="10083" spans="1:27" s="1" customFormat="1" ht="14.1" customHeight="1" outlineLevel="1" x14ac:dyDescent="0.2">
      <c r="A10083" s="17"/>
      <c r="B10083" s="17"/>
      <c r="C10083" s="17"/>
      <c r="D10083" s="18"/>
      <c r="E10083" s="18"/>
      <c r="F10083" s="18"/>
      <c r="G10083" s="18"/>
      <c r="H10083" s="18"/>
      <c r="I10083" s="18"/>
      <c r="J10083" s="18"/>
      <c r="K10083" s="18"/>
      <c r="L10083" s="18"/>
      <c r="M10083" s="18"/>
      <c r="N10083" s="18"/>
      <c r="O10083" s="18"/>
      <c r="P10083" s="19"/>
      <c r="Q10083" s="19"/>
      <c r="R10083" s="19"/>
      <c r="S10083" s="19"/>
      <c r="T10083" s="19"/>
      <c r="U10083" s="19"/>
      <c r="V10083" s="19"/>
      <c r="W10083" s="19"/>
      <c r="X10083" s="19"/>
      <c r="Y10083" s="19"/>
      <c r="Z10083" s="19"/>
      <c r="AA10083" s="19"/>
    </row>
    <row r="10084" spans="1:27" s="1" customFormat="1" ht="11.1" customHeight="1" outlineLevel="1" x14ac:dyDescent="0.2">
      <c r="A10084" s="17">
        <v>9706</v>
      </c>
      <c r="B10084" s="17"/>
      <c r="C10084" s="17"/>
      <c r="D10084" s="18" t="s">
        <v>5000</v>
      </c>
      <c r="E10084" s="18"/>
      <c r="F10084" s="18"/>
      <c r="G10084" s="18"/>
      <c r="H10084" s="18"/>
      <c r="I10084" s="18"/>
      <c r="J10084" s="18"/>
      <c r="K10084" s="18"/>
      <c r="L10084" s="18"/>
      <c r="M10084" s="18"/>
      <c r="N10084" s="18"/>
      <c r="O10084" s="18"/>
      <c r="P10084" s="19">
        <v>115</v>
      </c>
      <c r="Q10084" s="19"/>
      <c r="R10084" s="19"/>
      <c r="S10084" s="19"/>
      <c r="T10084" s="19">
        <v>75</v>
      </c>
      <c r="U10084" s="19"/>
      <c r="V10084" s="19"/>
      <c r="W10084" s="19"/>
      <c r="X10084" s="19">
        <v>1</v>
      </c>
      <c r="Y10084" s="19"/>
      <c r="Z10084" s="19"/>
      <c r="AA10084" s="19"/>
    </row>
    <row r="10085" spans="1:27" s="1" customFormat="1" ht="11.1" customHeight="1" outlineLevel="1" x14ac:dyDescent="0.2">
      <c r="A10085" s="17"/>
      <c r="B10085" s="17"/>
      <c r="C10085" s="17"/>
      <c r="D10085" s="18"/>
      <c r="E10085" s="18"/>
      <c r="F10085" s="18"/>
      <c r="G10085" s="18"/>
      <c r="H10085" s="18"/>
      <c r="I10085" s="18"/>
      <c r="J10085" s="18"/>
      <c r="K10085" s="18"/>
      <c r="L10085" s="18"/>
      <c r="M10085" s="18"/>
      <c r="N10085" s="18"/>
      <c r="O10085" s="18"/>
      <c r="P10085" s="19"/>
      <c r="Q10085" s="19"/>
      <c r="R10085" s="19"/>
      <c r="S10085" s="19"/>
      <c r="T10085" s="19"/>
      <c r="U10085" s="19"/>
      <c r="V10085" s="19"/>
      <c r="W10085" s="19"/>
      <c r="X10085" s="19"/>
      <c r="Y10085" s="19"/>
      <c r="Z10085" s="19"/>
      <c r="AA10085" s="19"/>
    </row>
    <row r="10086" spans="1:27" s="1" customFormat="1" ht="11.1" customHeight="1" outlineLevel="1" x14ac:dyDescent="0.2">
      <c r="A10086" s="17">
        <v>9707</v>
      </c>
      <c r="B10086" s="17"/>
      <c r="C10086" s="17"/>
      <c r="D10086" s="18" t="s">
        <v>5001</v>
      </c>
      <c r="E10086" s="18"/>
      <c r="F10086" s="18"/>
      <c r="G10086" s="18"/>
      <c r="H10086" s="18"/>
      <c r="I10086" s="18"/>
      <c r="J10086" s="18"/>
      <c r="K10086" s="18"/>
      <c r="L10086" s="18"/>
      <c r="M10086" s="18"/>
      <c r="N10086" s="18"/>
      <c r="O10086" s="18"/>
      <c r="P10086" s="19">
        <v>115</v>
      </c>
      <c r="Q10086" s="19"/>
      <c r="R10086" s="19"/>
      <c r="S10086" s="19"/>
      <c r="T10086" s="19">
        <v>75</v>
      </c>
      <c r="U10086" s="19"/>
      <c r="V10086" s="19"/>
      <c r="W10086" s="19"/>
      <c r="X10086" s="19">
        <v>1</v>
      </c>
      <c r="Y10086" s="19"/>
      <c r="Z10086" s="19"/>
      <c r="AA10086" s="19"/>
    </row>
    <row r="10087" spans="1:27" s="1" customFormat="1" ht="11.1" customHeight="1" outlineLevel="1" x14ac:dyDescent="0.2">
      <c r="A10087" s="17"/>
      <c r="B10087" s="17"/>
      <c r="C10087" s="17"/>
      <c r="D10087" s="18"/>
      <c r="E10087" s="18"/>
      <c r="F10087" s="18"/>
      <c r="G10087" s="18"/>
      <c r="H10087" s="18"/>
      <c r="I10087" s="18"/>
      <c r="J10087" s="18"/>
      <c r="K10087" s="18"/>
      <c r="L10087" s="18"/>
      <c r="M10087" s="18"/>
      <c r="N10087" s="18"/>
      <c r="O10087" s="18"/>
      <c r="P10087" s="19"/>
      <c r="Q10087" s="19"/>
      <c r="R10087" s="19"/>
      <c r="S10087" s="19"/>
      <c r="T10087" s="19"/>
      <c r="U10087" s="19"/>
      <c r="V10087" s="19"/>
      <c r="W10087" s="19"/>
      <c r="X10087" s="19"/>
      <c r="Y10087" s="19"/>
      <c r="Z10087" s="19"/>
      <c r="AA10087" s="19"/>
    </row>
    <row r="10088" spans="1:27" s="1" customFormat="1" ht="14.1" customHeight="1" outlineLevel="1" x14ac:dyDescent="0.2">
      <c r="A10088" s="17">
        <v>16817</v>
      </c>
      <c r="B10088" s="17"/>
      <c r="C10088" s="17"/>
      <c r="D10088" s="18" t="s">
        <v>5002</v>
      </c>
      <c r="E10088" s="18"/>
      <c r="F10088" s="18"/>
      <c r="G10088" s="18"/>
      <c r="H10088" s="18"/>
      <c r="I10088" s="18"/>
      <c r="J10088" s="18"/>
      <c r="K10088" s="18"/>
      <c r="L10088" s="18"/>
      <c r="M10088" s="18"/>
      <c r="N10088" s="18"/>
      <c r="O10088" s="18"/>
      <c r="P10088" s="19">
        <v>190</v>
      </c>
      <c r="Q10088" s="19"/>
      <c r="R10088" s="19"/>
      <c r="S10088" s="19"/>
      <c r="T10088" s="19">
        <v>100</v>
      </c>
      <c r="U10088" s="19"/>
      <c r="V10088" s="19"/>
      <c r="W10088" s="19"/>
      <c r="X10088" s="19">
        <v>1</v>
      </c>
      <c r="Y10088" s="19"/>
      <c r="Z10088" s="19"/>
      <c r="AA10088" s="19"/>
    </row>
    <row r="10089" spans="1:27" s="1" customFormat="1" ht="14.1" customHeight="1" outlineLevel="1" x14ac:dyDescent="0.2">
      <c r="A10089" s="17"/>
      <c r="B10089" s="17"/>
      <c r="C10089" s="17"/>
      <c r="D10089" s="18"/>
      <c r="E10089" s="18"/>
      <c r="F10089" s="18"/>
      <c r="G10089" s="18"/>
      <c r="H10089" s="18"/>
      <c r="I10089" s="18"/>
      <c r="J10089" s="18"/>
      <c r="K10089" s="18"/>
      <c r="L10089" s="18"/>
      <c r="M10089" s="18"/>
      <c r="N10089" s="18"/>
      <c r="O10089" s="18"/>
      <c r="P10089" s="19"/>
      <c r="Q10089" s="19"/>
      <c r="R10089" s="19"/>
      <c r="S10089" s="19"/>
      <c r="T10089" s="19"/>
      <c r="U10089" s="19"/>
      <c r="V10089" s="19"/>
      <c r="W10089" s="19"/>
      <c r="X10089" s="19"/>
      <c r="Y10089" s="19"/>
      <c r="Z10089" s="19"/>
      <c r="AA10089" s="19"/>
    </row>
    <row r="10090" spans="1:27" s="1" customFormat="1" ht="11.1" customHeight="1" outlineLevel="1" x14ac:dyDescent="0.2">
      <c r="A10090" s="17">
        <v>9708</v>
      </c>
      <c r="B10090" s="17"/>
      <c r="C10090" s="17"/>
      <c r="D10090" s="18" t="s">
        <v>5003</v>
      </c>
      <c r="E10090" s="18"/>
      <c r="F10090" s="18"/>
      <c r="G10090" s="18"/>
      <c r="H10090" s="18"/>
      <c r="I10090" s="18"/>
      <c r="J10090" s="18"/>
      <c r="K10090" s="18"/>
      <c r="L10090" s="18"/>
      <c r="M10090" s="18"/>
      <c r="N10090" s="18"/>
      <c r="O10090" s="18"/>
      <c r="P10090" s="19">
        <v>130</v>
      </c>
      <c r="Q10090" s="19"/>
      <c r="R10090" s="19"/>
      <c r="S10090" s="19"/>
      <c r="T10090" s="19">
        <v>100</v>
      </c>
      <c r="U10090" s="19"/>
      <c r="V10090" s="19"/>
      <c r="W10090" s="19"/>
      <c r="X10090" s="19">
        <v>10</v>
      </c>
      <c r="Y10090" s="19"/>
      <c r="Z10090" s="19"/>
      <c r="AA10090" s="19"/>
    </row>
    <row r="10091" spans="1:27" s="1" customFormat="1" ht="11.1" customHeight="1" outlineLevel="1" x14ac:dyDescent="0.2">
      <c r="A10091" s="17"/>
      <c r="B10091" s="17"/>
      <c r="C10091" s="17"/>
      <c r="D10091" s="18"/>
      <c r="E10091" s="18"/>
      <c r="F10091" s="18"/>
      <c r="G10091" s="18"/>
      <c r="H10091" s="18"/>
      <c r="I10091" s="18"/>
      <c r="J10091" s="18"/>
      <c r="K10091" s="18"/>
      <c r="L10091" s="18"/>
      <c r="M10091" s="18"/>
      <c r="N10091" s="18"/>
      <c r="O10091" s="18"/>
      <c r="P10091" s="19"/>
      <c r="Q10091" s="19"/>
      <c r="R10091" s="19"/>
      <c r="S10091" s="19"/>
      <c r="T10091" s="19"/>
      <c r="U10091" s="19"/>
      <c r="V10091" s="19"/>
      <c r="W10091" s="19"/>
      <c r="X10091" s="19"/>
      <c r="Y10091" s="19"/>
      <c r="Z10091" s="19"/>
      <c r="AA10091" s="19"/>
    </row>
    <row r="10092" spans="1:27" s="1" customFormat="1" ht="14.1" customHeight="1" outlineLevel="1" x14ac:dyDescent="0.2">
      <c r="A10092" s="17">
        <v>16708</v>
      </c>
      <c r="B10092" s="17"/>
      <c r="C10092" s="17"/>
      <c r="D10092" s="18" t="s">
        <v>5004</v>
      </c>
      <c r="E10092" s="18"/>
      <c r="F10092" s="18"/>
      <c r="G10092" s="18"/>
      <c r="H10092" s="18"/>
      <c r="I10092" s="18"/>
      <c r="J10092" s="18"/>
      <c r="K10092" s="18"/>
      <c r="L10092" s="18"/>
      <c r="M10092" s="18"/>
      <c r="N10092" s="18"/>
      <c r="O10092" s="18"/>
      <c r="P10092" s="19">
        <v>180</v>
      </c>
      <c r="Q10092" s="19"/>
      <c r="R10092" s="19"/>
      <c r="S10092" s="19"/>
      <c r="T10092" s="19">
        <v>100</v>
      </c>
      <c r="U10092" s="19"/>
      <c r="V10092" s="19"/>
      <c r="W10092" s="19"/>
      <c r="X10092" s="19">
        <v>1</v>
      </c>
      <c r="Y10092" s="19"/>
      <c r="Z10092" s="19"/>
      <c r="AA10092" s="19"/>
    </row>
    <row r="10093" spans="1:27" s="1" customFormat="1" ht="14.1" customHeight="1" outlineLevel="1" x14ac:dyDescent="0.2">
      <c r="A10093" s="17"/>
      <c r="B10093" s="17"/>
      <c r="C10093" s="17"/>
      <c r="D10093" s="18"/>
      <c r="E10093" s="18"/>
      <c r="F10093" s="18"/>
      <c r="G10093" s="18"/>
      <c r="H10093" s="18"/>
      <c r="I10093" s="18"/>
      <c r="J10093" s="18"/>
      <c r="K10093" s="18"/>
      <c r="L10093" s="18"/>
      <c r="M10093" s="18"/>
      <c r="N10093" s="18"/>
      <c r="O10093" s="18"/>
      <c r="P10093" s="19"/>
      <c r="Q10093" s="19"/>
      <c r="R10093" s="19"/>
      <c r="S10093" s="19"/>
      <c r="T10093" s="19"/>
      <c r="U10093" s="19"/>
      <c r="V10093" s="19"/>
      <c r="W10093" s="19"/>
      <c r="X10093" s="19"/>
      <c r="Y10093" s="19"/>
      <c r="Z10093" s="19"/>
      <c r="AA10093" s="19"/>
    </row>
    <row r="10094" spans="1:27" s="1" customFormat="1" ht="11.1" customHeight="1" outlineLevel="1" x14ac:dyDescent="0.2">
      <c r="A10094" s="17">
        <v>9709</v>
      </c>
      <c r="B10094" s="17"/>
      <c r="C10094" s="17"/>
      <c r="D10094" s="18" t="s">
        <v>5005</v>
      </c>
      <c r="E10094" s="18"/>
      <c r="F10094" s="18"/>
      <c r="G10094" s="18"/>
      <c r="H10094" s="18"/>
      <c r="I10094" s="18"/>
      <c r="J10094" s="18"/>
      <c r="K10094" s="18"/>
      <c r="L10094" s="18"/>
      <c r="M10094" s="18"/>
      <c r="N10094" s="18"/>
      <c r="O10094" s="18"/>
      <c r="P10094" s="19">
        <v>130</v>
      </c>
      <c r="Q10094" s="19"/>
      <c r="R10094" s="19"/>
      <c r="S10094" s="19"/>
      <c r="T10094" s="19">
        <v>90</v>
      </c>
      <c r="U10094" s="19"/>
      <c r="V10094" s="19"/>
      <c r="W10094" s="19"/>
      <c r="X10094" s="19">
        <v>1</v>
      </c>
      <c r="Y10094" s="19"/>
      <c r="Z10094" s="19"/>
      <c r="AA10094" s="19"/>
    </row>
    <row r="10095" spans="1:27" s="1" customFormat="1" ht="11.1" customHeight="1" outlineLevel="1" x14ac:dyDescent="0.2">
      <c r="A10095" s="17"/>
      <c r="B10095" s="17"/>
      <c r="C10095" s="17"/>
      <c r="D10095" s="18"/>
      <c r="E10095" s="18"/>
      <c r="F10095" s="18"/>
      <c r="G10095" s="18"/>
      <c r="H10095" s="18"/>
      <c r="I10095" s="18"/>
      <c r="J10095" s="18"/>
      <c r="K10095" s="18"/>
      <c r="L10095" s="18"/>
      <c r="M10095" s="18"/>
      <c r="N10095" s="18"/>
      <c r="O10095" s="18"/>
      <c r="P10095" s="19"/>
      <c r="Q10095" s="19"/>
      <c r="R10095" s="19"/>
      <c r="S10095" s="19"/>
      <c r="T10095" s="19"/>
      <c r="U10095" s="19"/>
      <c r="V10095" s="19"/>
      <c r="W10095" s="19"/>
      <c r="X10095" s="19"/>
      <c r="Y10095" s="19"/>
      <c r="Z10095" s="19"/>
      <c r="AA10095" s="19"/>
    </row>
    <row r="10096" spans="1:27" s="1" customFormat="1" ht="11.1" customHeight="1" outlineLevel="1" x14ac:dyDescent="0.2">
      <c r="A10096" s="17">
        <v>14187</v>
      </c>
      <c r="B10096" s="17"/>
      <c r="C10096" s="17"/>
      <c r="D10096" s="18" t="s">
        <v>5006</v>
      </c>
      <c r="E10096" s="18"/>
      <c r="F10096" s="18"/>
      <c r="G10096" s="18"/>
      <c r="H10096" s="18"/>
      <c r="I10096" s="18"/>
      <c r="J10096" s="18"/>
      <c r="K10096" s="18"/>
      <c r="L10096" s="18"/>
      <c r="M10096" s="18"/>
      <c r="N10096" s="18"/>
      <c r="O10096" s="18"/>
      <c r="P10096" s="19">
        <v>130</v>
      </c>
      <c r="Q10096" s="19"/>
      <c r="R10096" s="19"/>
      <c r="S10096" s="19"/>
      <c r="T10096" s="19">
        <v>100</v>
      </c>
      <c r="U10096" s="19"/>
      <c r="V10096" s="19"/>
      <c r="W10096" s="19"/>
      <c r="X10096" s="19">
        <v>10</v>
      </c>
      <c r="Y10096" s="19"/>
      <c r="Z10096" s="19"/>
      <c r="AA10096" s="19"/>
    </row>
    <row r="10097" spans="1:27" s="1" customFormat="1" ht="11.1" customHeight="1" outlineLevel="1" x14ac:dyDescent="0.2">
      <c r="A10097" s="17"/>
      <c r="B10097" s="17"/>
      <c r="C10097" s="17"/>
      <c r="D10097" s="18"/>
      <c r="E10097" s="18"/>
      <c r="F10097" s="18"/>
      <c r="G10097" s="18"/>
      <c r="H10097" s="18"/>
      <c r="I10097" s="18"/>
      <c r="J10097" s="18"/>
      <c r="K10097" s="18"/>
      <c r="L10097" s="18"/>
      <c r="M10097" s="18"/>
      <c r="N10097" s="18"/>
      <c r="O10097" s="18"/>
      <c r="P10097" s="19"/>
      <c r="Q10097" s="19"/>
      <c r="R10097" s="19"/>
      <c r="S10097" s="19"/>
      <c r="T10097" s="19"/>
      <c r="U10097" s="19"/>
      <c r="V10097" s="19"/>
      <c r="W10097" s="19"/>
      <c r="X10097" s="19"/>
      <c r="Y10097" s="19"/>
      <c r="Z10097" s="19"/>
      <c r="AA10097" s="19"/>
    </row>
    <row r="10098" spans="1:27" s="1" customFormat="1" ht="14.1" customHeight="1" outlineLevel="1" x14ac:dyDescent="0.2">
      <c r="A10098" s="17">
        <v>12075</v>
      </c>
      <c r="B10098" s="17"/>
      <c r="C10098" s="17"/>
      <c r="D10098" s="18" t="s">
        <v>5007</v>
      </c>
      <c r="E10098" s="18"/>
      <c r="F10098" s="18"/>
      <c r="G10098" s="18"/>
      <c r="H10098" s="18"/>
      <c r="I10098" s="18"/>
      <c r="J10098" s="18"/>
      <c r="K10098" s="18"/>
      <c r="L10098" s="18"/>
      <c r="M10098" s="18"/>
      <c r="N10098" s="18"/>
      <c r="O10098" s="18"/>
      <c r="P10098" s="19">
        <v>130</v>
      </c>
      <c r="Q10098" s="19"/>
      <c r="R10098" s="19"/>
      <c r="S10098" s="19"/>
      <c r="T10098" s="19">
        <v>100</v>
      </c>
      <c r="U10098" s="19"/>
      <c r="V10098" s="19"/>
      <c r="W10098" s="19"/>
      <c r="X10098" s="19">
        <v>7</v>
      </c>
      <c r="Y10098" s="19"/>
      <c r="Z10098" s="19"/>
      <c r="AA10098" s="19"/>
    </row>
    <row r="10099" spans="1:27" s="1" customFormat="1" ht="14.1" customHeight="1" outlineLevel="1" x14ac:dyDescent="0.2">
      <c r="A10099" s="17"/>
      <c r="B10099" s="17"/>
      <c r="C10099" s="17"/>
      <c r="D10099" s="18"/>
      <c r="E10099" s="18"/>
      <c r="F10099" s="18"/>
      <c r="G10099" s="18"/>
      <c r="H10099" s="18"/>
      <c r="I10099" s="18"/>
      <c r="J10099" s="18"/>
      <c r="K10099" s="18"/>
      <c r="L10099" s="18"/>
      <c r="M10099" s="18"/>
      <c r="N10099" s="18"/>
      <c r="O10099" s="18"/>
      <c r="P10099" s="19"/>
      <c r="Q10099" s="19"/>
      <c r="R10099" s="19"/>
      <c r="S10099" s="19"/>
      <c r="T10099" s="19"/>
      <c r="U10099" s="19"/>
      <c r="V10099" s="19"/>
      <c r="W10099" s="19"/>
      <c r="X10099" s="19"/>
      <c r="Y10099" s="19"/>
      <c r="Z10099" s="19"/>
      <c r="AA10099" s="19"/>
    </row>
    <row r="10100" spans="1:27" s="1" customFormat="1" ht="11.1" customHeight="1" outlineLevel="1" x14ac:dyDescent="0.2">
      <c r="A10100" s="17">
        <v>14188</v>
      </c>
      <c r="B10100" s="17"/>
      <c r="C10100" s="17"/>
      <c r="D10100" s="18" t="s">
        <v>5008</v>
      </c>
      <c r="E10100" s="18"/>
      <c r="F10100" s="18"/>
      <c r="G10100" s="18"/>
      <c r="H10100" s="18"/>
      <c r="I10100" s="18"/>
      <c r="J10100" s="18"/>
      <c r="K10100" s="18"/>
      <c r="L10100" s="18"/>
      <c r="M10100" s="18"/>
      <c r="N10100" s="18"/>
      <c r="O10100" s="18"/>
      <c r="P10100" s="19">
        <v>130</v>
      </c>
      <c r="Q10100" s="19"/>
      <c r="R10100" s="19"/>
      <c r="S10100" s="19"/>
      <c r="T10100" s="19">
        <v>100</v>
      </c>
      <c r="U10100" s="19"/>
      <c r="V10100" s="19"/>
      <c r="W10100" s="19"/>
      <c r="X10100" s="19">
        <v>10</v>
      </c>
      <c r="Y10100" s="19"/>
      <c r="Z10100" s="19"/>
      <c r="AA10100" s="19"/>
    </row>
    <row r="10101" spans="1:27" s="1" customFormat="1" ht="11.1" customHeight="1" outlineLevel="1" x14ac:dyDescent="0.2">
      <c r="A10101" s="17"/>
      <c r="B10101" s="17"/>
      <c r="C10101" s="17"/>
      <c r="D10101" s="18"/>
      <c r="E10101" s="18"/>
      <c r="F10101" s="18"/>
      <c r="G10101" s="18"/>
      <c r="H10101" s="18"/>
      <c r="I10101" s="18"/>
      <c r="J10101" s="18"/>
      <c r="K10101" s="18"/>
      <c r="L10101" s="18"/>
      <c r="M10101" s="18"/>
      <c r="N10101" s="18"/>
      <c r="O10101" s="18"/>
      <c r="P10101" s="19"/>
      <c r="Q10101" s="19"/>
      <c r="R10101" s="19"/>
      <c r="S10101" s="19"/>
      <c r="T10101" s="19"/>
      <c r="U10101" s="19"/>
      <c r="V10101" s="19"/>
      <c r="W10101" s="19"/>
      <c r="X10101" s="19"/>
      <c r="Y10101" s="19"/>
      <c r="Z10101" s="19"/>
      <c r="AA10101" s="19"/>
    </row>
    <row r="10102" spans="1:27" s="1" customFormat="1" ht="11.1" customHeight="1" outlineLevel="1" x14ac:dyDescent="0.2">
      <c r="A10102" s="17">
        <v>12706</v>
      </c>
      <c r="B10102" s="17"/>
      <c r="C10102" s="17"/>
      <c r="D10102" s="18" t="s">
        <v>5009</v>
      </c>
      <c r="E10102" s="18"/>
      <c r="F10102" s="18"/>
      <c r="G10102" s="18"/>
      <c r="H10102" s="18"/>
      <c r="I10102" s="18"/>
      <c r="J10102" s="18"/>
      <c r="K10102" s="18"/>
      <c r="L10102" s="18"/>
      <c r="M10102" s="18"/>
      <c r="N10102" s="18"/>
      <c r="O10102" s="18"/>
      <c r="P10102" s="19">
        <v>130</v>
      </c>
      <c r="Q10102" s="19"/>
      <c r="R10102" s="19"/>
      <c r="S10102" s="19"/>
      <c r="T10102" s="19">
        <v>100</v>
      </c>
      <c r="U10102" s="19"/>
      <c r="V10102" s="19"/>
      <c r="W10102" s="19"/>
      <c r="X10102" s="19">
        <v>18</v>
      </c>
      <c r="Y10102" s="19"/>
      <c r="Z10102" s="19"/>
      <c r="AA10102" s="19"/>
    </row>
    <row r="10103" spans="1:27" s="1" customFormat="1" ht="11.1" customHeight="1" outlineLevel="1" x14ac:dyDescent="0.2">
      <c r="A10103" s="17"/>
      <c r="B10103" s="17"/>
      <c r="C10103" s="17"/>
      <c r="D10103" s="18"/>
      <c r="E10103" s="18"/>
      <c r="F10103" s="18"/>
      <c r="G10103" s="18"/>
      <c r="H10103" s="18"/>
      <c r="I10103" s="18"/>
      <c r="J10103" s="18"/>
      <c r="K10103" s="18"/>
      <c r="L10103" s="18"/>
      <c r="M10103" s="18"/>
      <c r="N10103" s="18"/>
      <c r="O10103" s="18"/>
      <c r="P10103" s="19"/>
      <c r="Q10103" s="19"/>
      <c r="R10103" s="19"/>
      <c r="S10103" s="19"/>
      <c r="T10103" s="19"/>
      <c r="U10103" s="19"/>
      <c r="V10103" s="19"/>
      <c r="W10103" s="19"/>
      <c r="X10103" s="19"/>
      <c r="Y10103" s="19"/>
      <c r="Z10103" s="19"/>
      <c r="AA10103" s="19"/>
    </row>
    <row r="10104" spans="1:27" s="1" customFormat="1" ht="14.1" customHeight="1" outlineLevel="1" x14ac:dyDescent="0.2">
      <c r="A10104" s="17">
        <v>16722</v>
      </c>
      <c r="B10104" s="17"/>
      <c r="C10104" s="17"/>
      <c r="D10104" s="18" t="s">
        <v>5010</v>
      </c>
      <c r="E10104" s="18"/>
      <c r="F10104" s="18"/>
      <c r="G10104" s="18"/>
      <c r="H10104" s="18"/>
      <c r="I10104" s="18"/>
      <c r="J10104" s="18"/>
      <c r="K10104" s="18"/>
      <c r="L10104" s="18"/>
      <c r="M10104" s="18"/>
      <c r="N10104" s="18"/>
      <c r="O10104" s="18"/>
      <c r="P10104" s="19">
        <v>200</v>
      </c>
      <c r="Q10104" s="19"/>
      <c r="R10104" s="19"/>
      <c r="S10104" s="19"/>
      <c r="T10104" s="19">
        <v>150</v>
      </c>
      <c r="U10104" s="19"/>
      <c r="V10104" s="19"/>
      <c r="W10104" s="19"/>
      <c r="X10104" s="19">
        <v>1</v>
      </c>
      <c r="Y10104" s="19"/>
      <c r="Z10104" s="19"/>
      <c r="AA10104" s="19"/>
    </row>
    <row r="10105" spans="1:27" s="1" customFormat="1" ht="14.1" customHeight="1" outlineLevel="1" x14ac:dyDescent="0.2">
      <c r="A10105" s="17"/>
      <c r="B10105" s="17"/>
      <c r="C10105" s="17"/>
      <c r="D10105" s="18"/>
      <c r="E10105" s="18"/>
      <c r="F10105" s="18"/>
      <c r="G10105" s="18"/>
      <c r="H10105" s="18"/>
      <c r="I10105" s="18"/>
      <c r="J10105" s="18"/>
      <c r="K10105" s="18"/>
      <c r="L10105" s="18"/>
      <c r="M10105" s="18"/>
      <c r="N10105" s="18"/>
      <c r="O10105" s="18"/>
      <c r="P10105" s="19"/>
      <c r="Q10105" s="19"/>
      <c r="R10105" s="19"/>
      <c r="S10105" s="19"/>
      <c r="T10105" s="19"/>
      <c r="U10105" s="19"/>
      <c r="V10105" s="19"/>
      <c r="W10105" s="19"/>
      <c r="X10105" s="19"/>
      <c r="Y10105" s="19"/>
      <c r="Z10105" s="19"/>
      <c r="AA10105" s="19"/>
    </row>
    <row r="10106" spans="1:27" s="1" customFormat="1" ht="11.1" customHeight="1" outlineLevel="1" x14ac:dyDescent="0.2">
      <c r="A10106" s="17">
        <v>10328</v>
      </c>
      <c r="B10106" s="17"/>
      <c r="C10106" s="17"/>
      <c r="D10106" s="18" t="s">
        <v>5011</v>
      </c>
      <c r="E10106" s="18"/>
      <c r="F10106" s="18"/>
      <c r="G10106" s="18"/>
      <c r="H10106" s="18"/>
      <c r="I10106" s="18"/>
      <c r="J10106" s="18"/>
      <c r="K10106" s="18"/>
      <c r="L10106" s="18"/>
      <c r="M10106" s="18"/>
      <c r="N10106" s="18"/>
      <c r="O10106" s="18"/>
      <c r="P10106" s="19">
        <v>140</v>
      </c>
      <c r="Q10106" s="19"/>
      <c r="R10106" s="19"/>
      <c r="S10106" s="19"/>
      <c r="T10106" s="19">
        <v>100</v>
      </c>
      <c r="U10106" s="19"/>
      <c r="V10106" s="19"/>
      <c r="W10106" s="19"/>
      <c r="X10106" s="19">
        <v>14</v>
      </c>
      <c r="Y10106" s="19"/>
      <c r="Z10106" s="19"/>
      <c r="AA10106" s="19"/>
    </row>
    <row r="10107" spans="1:27" s="1" customFormat="1" ht="11.1" customHeight="1" outlineLevel="1" x14ac:dyDescent="0.2">
      <c r="A10107" s="17"/>
      <c r="B10107" s="17"/>
      <c r="C10107" s="17"/>
      <c r="D10107" s="18"/>
      <c r="E10107" s="18"/>
      <c r="F10107" s="18"/>
      <c r="G10107" s="18"/>
      <c r="H10107" s="18"/>
      <c r="I10107" s="18"/>
      <c r="J10107" s="18"/>
      <c r="K10107" s="18"/>
      <c r="L10107" s="18"/>
      <c r="M10107" s="18"/>
      <c r="N10107" s="18"/>
      <c r="O10107" s="18"/>
      <c r="P10107" s="19"/>
      <c r="Q10107" s="19"/>
      <c r="R10107" s="19"/>
      <c r="S10107" s="19"/>
      <c r="T10107" s="19"/>
      <c r="U10107" s="19"/>
      <c r="V10107" s="19"/>
      <c r="W10107" s="19"/>
      <c r="X10107" s="19"/>
      <c r="Y10107" s="19"/>
      <c r="Z10107" s="19"/>
      <c r="AA10107" s="19"/>
    </row>
    <row r="10108" spans="1:27" s="1" customFormat="1" ht="11.1" customHeight="1" outlineLevel="1" x14ac:dyDescent="0.2">
      <c r="A10108" s="17">
        <v>13686</v>
      </c>
      <c r="B10108" s="17"/>
      <c r="C10108" s="17"/>
      <c r="D10108" s="18" t="s">
        <v>5012</v>
      </c>
      <c r="E10108" s="18"/>
      <c r="F10108" s="18"/>
      <c r="G10108" s="18"/>
      <c r="H10108" s="18"/>
      <c r="I10108" s="18"/>
      <c r="J10108" s="18"/>
      <c r="K10108" s="18"/>
      <c r="L10108" s="18"/>
      <c r="M10108" s="18"/>
      <c r="N10108" s="18"/>
      <c r="O10108" s="18"/>
      <c r="P10108" s="19">
        <v>130</v>
      </c>
      <c r="Q10108" s="19"/>
      <c r="R10108" s="19"/>
      <c r="S10108" s="19"/>
      <c r="T10108" s="19">
        <v>90</v>
      </c>
      <c r="U10108" s="19"/>
      <c r="V10108" s="19"/>
      <c r="W10108" s="19"/>
      <c r="X10108" s="19">
        <v>26</v>
      </c>
      <c r="Y10108" s="19"/>
      <c r="Z10108" s="19"/>
      <c r="AA10108" s="19"/>
    </row>
    <row r="10109" spans="1:27" s="1" customFormat="1" ht="11.1" customHeight="1" outlineLevel="1" x14ac:dyDescent="0.2">
      <c r="A10109" s="17"/>
      <c r="B10109" s="17"/>
      <c r="C10109" s="17"/>
      <c r="D10109" s="18"/>
      <c r="E10109" s="18"/>
      <c r="F10109" s="18"/>
      <c r="G10109" s="18"/>
      <c r="H10109" s="18"/>
      <c r="I10109" s="18"/>
      <c r="J10109" s="18"/>
      <c r="K10109" s="18"/>
      <c r="L10109" s="18"/>
      <c r="M10109" s="18"/>
      <c r="N10109" s="18"/>
      <c r="O10109" s="18"/>
      <c r="P10109" s="19"/>
      <c r="Q10109" s="19"/>
      <c r="R10109" s="19"/>
      <c r="S10109" s="19"/>
      <c r="T10109" s="19"/>
      <c r="U10109" s="19"/>
      <c r="V10109" s="19"/>
      <c r="W10109" s="19"/>
      <c r="X10109" s="19"/>
      <c r="Y10109" s="19"/>
      <c r="Z10109" s="19"/>
      <c r="AA10109" s="19"/>
    </row>
    <row r="10110" spans="1:27" s="1" customFormat="1" ht="11.1" customHeight="1" outlineLevel="1" x14ac:dyDescent="0.2">
      <c r="A10110" s="17">
        <v>17316</v>
      </c>
      <c r="B10110" s="17"/>
      <c r="C10110" s="17"/>
      <c r="D10110" s="18" t="s">
        <v>5013</v>
      </c>
      <c r="E10110" s="18"/>
      <c r="F10110" s="18"/>
      <c r="G10110" s="18"/>
      <c r="H10110" s="18"/>
      <c r="I10110" s="18"/>
      <c r="J10110" s="18"/>
      <c r="K10110" s="18"/>
      <c r="L10110" s="18"/>
      <c r="M10110" s="18"/>
      <c r="N10110" s="18"/>
      <c r="O10110" s="18"/>
      <c r="P10110" s="19">
        <v>130</v>
      </c>
      <c r="Q10110" s="19"/>
      <c r="R10110" s="19"/>
      <c r="S10110" s="19"/>
      <c r="T10110" s="19">
        <v>90</v>
      </c>
      <c r="U10110" s="19"/>
      <c r="V10110" s="19"/>
      <c r="W10110" s="19"/>
      <c r="X10110" s="19">
        <v>20</v>
      </c>
      <c r="Y10110" s="19"/>
      <c r="Z10110" s="19"/>
      <c r="AA10110" s="19"/>
    </row>
    <row r="10111" spans="1:27" s="1" customFormat="1" ht="11.1" customHeight="1" outlineLevel="1" x14ac:dyDescent="0.2">
      <c r="A10111" s="17"/>
      <c r="B10111" s="17"/>
      <c r="C10111" s="17"/>
      <c r="D10111" s="18"/>
      <c r="E10111" s="18"/>
      <c r="F10111" s="18"/>
      <c r="G10111" s="18"/>
      <c r="H10111" s="18"/>
      <c r="I10111" s="18"/>
      <c r="J10111" s="18"/>
      <c r="K10111" s="18"/>
      <c r="L10111" s="18"/>
      <c r="M10111" s="18"/>
      <c r="N10111" s="18"/>
      <c r="O10111" s="18"/>
      <c r="P10111" s="19"/>
      <c r="Q10111" s="19"/>
      <c r="R10111" s="19"/>
      <c r="S10111" s="19"/>
      <c r="T10111" s="19"/>
      <c r="U10111" s="19"/>
      <c r="V10111" s="19"/>
      <c r="W10111" s="19"/>
      <c r="X10111" s="19"/>
      <c r="Y10111" s="19"/>
      <c r="Z10111" s="19"/>
      <c r="AA10111" s="19"/>
    </row>
    <row r="10112" spans="1:27" s="1" customFormat="1" ht="14.1" customHeight="1" outlineLevel="1" x14ac:dyDescent="0.2">
      <c r="A10112" s="17">
        <v>16667</v>
      </c>
      <c r="B10112" s="17"/>
      <c r="C10112" s="17"/>
      <c r="D10112" s="18" t="s">
        <v>5014</v>
      </c>
      <c r="E10112" s="18"/>
      <c r="F10112" s="18"/>
      <c r="G10112" s="18"/>
      <c r="H10112" s="18"/>
      <c r="I10112" s="18"/>
      <c r="J10112" s="18"/>
      <c r="K10112" s="18"/>
      <c r="L10112" s="18"/>
      <c r="M10112" s="18"/>
      <c r="N10112" s="18"/>
      <c r="O10112" s="18"/>
      <c r="P10112" s="19">
        <v>250</v>
      </c>
      <c r="Q10112" s="19"/>
      <c r="R10112" s="19"/>
      <c r="S10112" s="19"/>
      <c r="T10112" s="19">
        <v>150</v>
      </c>
      <c r="U10112" s="19"/>
      <c r="V10112" s="19"/>
      <c r="W10112" s="19"/>
      <c r="X10112" s="19">
        <v>1</v>
      </c>
      <c r="Y10112" s="19"/>
      <c r="Z10112" s="19"/>
      <c r="AA10112" s="19"/>
    </row>
    <row r="10113" spans="1:27" s="1" customFormat="1" ht="14.1" customHeight="1" outlineLevel="1" x14ac:dyDescent="0.2">
      <c r="A10113" s="17"/>
      <c r="B10113" s="17"/>
      <c r="C10113" s="17"/>
      <c r="D10113" s="18"/>
      <c r="E10113" s="18"/>
      <c r="F10113" s="18"/>
      <c r="G10113" s="18"/>
      <c r="H10113" s="18"/>
      <c r="I10113" s="18"/>
      <c r="J10113" s="18"/>
      <c r="K10113" s="18"/>
      <c r="L10113" s="18"/>
      <c r="M10113" s="18"/>
      <c r="N10113" s="18"/>
      <c r="O10113" s="18"/>
      <c r="P10113" s="19"/>
      <c r="Q10113" s="19"/>
      <c r="R10113" s="19"/>
      <c r="S10113" s="19"/>
      <c r="T10113" s="19"/>
      <c r="U10113" s="19"/>
      <c r="V10113" s="19"/>
      <c r="W10113" s="19"/>
      <c r="X10113" s="19"/>
      <c r="Y10113" s="19"/>
      <c r="Z10113" s="19"/>
      <c r="AA10113" s="19"/>
    </row>
    <row r="10114" spans="1:27" s="1" customFormat="1" ht="11.1" customHeight="1" outlineLevel="1" x14ac:dyDescent="0.2">
      <c r="A10114" s="17">
        <v>17315</v>
      </c>
      <c r="B10114" s="17"/>
      <c r="C10114" s="17"/>
      <c r="D10114" s="18" t="s">
        <v>5015</v>
      </c>
      <c r="E10114" s="18"/>
      <c r="F10114" s="18"/>
      <c r="G10114" s="18"/>
      <c r="H10114" s="18"/>
      <c r="I10114" s="18"/>
      <c r="J10114" s="18"/>
      <c r="K10114" s="18"/>
      <c r="L10114" s="18"/>
      <c r="M10114" s="18"/>
      <c r="N10114" s="18"/>
      <c r="O10114" s="18"/>
      <c r="P10114" s="19">
        <v>130</v>
      </c>
      <c r="Q10114" s="19"/>
      <c r="R10114" s="19"/>
      <c r="S10114" s="19"/>
      <c r="T10114" s="19">
        <v>90</v>
      </c>
      <c r="U10114" s="19"/>
      <c r="V10114" s="19"/>
      <c r="W10114" s="19"/>
      <c r="X10114" s="19">
        <v>20</v>
      </c>
      <c r="Y10114" s="19"/>
      <c r="Z10114" s="19"/>
      <c r="AA10114" s="19"/>
    </row>
    <row r="10115" spans="1:27" s="1" customFormat="1" ht="11.1" customHeight="1" outlineLevel="1" x14ac:dyDescent="0.2">
      <c r="A10115" s="17"/>
      <c r="B10115" s="17"/>
      <c r="C10115" s="17"/>
      <c r="D10115" s="18"/>
      <c r="E10115" s="18"/>
      <c r="F10115" s="18"/>
      <c r="G10115" s="18"/>
      <c r="H10115" s="18"/>
      <c r="I10115" s="18"/>
      <c r="J10115" s="18"/>
      <c r="K10115" s="18"/>
      <c r="L10115" s="18"/>
      <c r="M10115" s="18"/>
      <c r="N10115" s="18"/>
      <c r="O10115" s="18"/>
      <c r="P10115" s="19"/>
      <c r="Q10115" s="19"/>
      <c r="R10115" s="19"/>
      <c r="S10115" s="19"/>
      <c r="T10115" s="19"/>
      <c r="U10115" s="19"/>
      <c r="V10115" s="19"/>
      <c r="W10115" s="19"/>
      <c r="X10115" s="19"/>
      <c r="Y10115" s="19"/>
      <c r="Z10115" s="19"/>
      <c r="AA10115" s="19"/>
    </row>
    <row r="10116" spans="1:27" s="1" customFormat="1" ht="11.1" customHeight="1" outlineLevel="1" x14ac:dyDescent="0.2">
      <c r="A10116" s="17">
        <v>14190</v>
      </c>
      <c r="B10116" s="17"/>
      <c r="C10116" s="17"/>
      <c r="D10116" s="18" t="s">
        <v>5016</v>
      </c>
      <c r="E10116" s="18"/>
      <c r="F10116" s="18"/>
      <c r="G10116" s="18"/>
      <c r="H10116" s="18"/>
      <c r="I10116" s="18"/>
      <c r="J10116" s="18"/>
      <c r="K10116" s="18"/>
      <c r="L10116" s="18"/>
      <c r="M10116" s="18"/>
      <c r="N10116" s="18"/>
      <c r="O10116" s="18"/>
      <c r="P10116" s="19">
        <v>130</v>
      </c>
      <c r="Q10116" s="19"/>
      <c r="R10116" s="19"/>
      <c r="S10116" s="19"/>
      <c r="T10116" s="19">
        <v>100</v>
      </c>
      <c r="U10116" s="19"/>
      <c r="V10116" s="19"/>
      <c r="W10116" s="19"/>
      <c r="X10116" s="19">
        <v>18</v>
      </c>
      <c r="Y10116" s="19"/>
      <c r="Z10116" s="19"/>
      <c r="AA10116" s="19"/>
    </row>
    <row r="10117" spans="1:27" s="1" customFormat="1" ht="11.1" customHeight="1" outlineLevel="1" x14ac:dyDescent="0.2">
      <c r="A10117" s="17"/>
      <c r="B10117" s="17"/>
      <c r="C10117" s="17"/>
      <c r="D10117" s="18"/>
      <c r="E10117" s="18"/>
      <c r="F10117" s="18"/>
      <c r="G10117" s="18"/>
      <c r="H10117" s="18"/>
      <c r="I10117" s="18"/>
      <c r="J10117" s="18"/>
      <c r="K10117" s="18"/>
      <c r="L10117" s="18"/>
      <c r="M10117" s="18"/>
      <c r="N10117" s="18"/>
      <c r="O10117" s="18"/>
      <c r="P10117" s="19"/>
      <c r="Q10117" s="19"/>
      <c r="R10117" s="19"/>
      <c r="S10117" s="19"/>
      <c r="T10117" s="19"/>
      <c r="U10117" s="19"/>
      <c r="V10117" s="19"/>
      <c r="W10117" s="19"/>
      <c r="X10117" s="19"/>
      <c r="Y10117" s="19"/>
      <c r="Z10117" s="19"/>
      <c r="AA10117" s="19"/>
    </row>
    <row r="10118" spans="1:27" s="1" customFormat="1" ht="11.1" customHeight="1" outlineLevel="1" x14ac:dyDescent="0.2">
      <c r="A10118" s="17">
        <v>14191</v>
      </c>
      <c r="B10118" s="17"/>
      <c r="C10118" s="17"/>
      <c r="D10118" s="18" t="s">
        <v>5017</v>
      </c>
      <c r="E10118" s="18"/>
      <c r="F10118" s="18"/>
      <c r="G10118" s="18"/>
      <c r="H10118" s="18"/>
      <c r="I10118" s="18"/>
      <c r="J10118" s="18"/>
      <c r="K10118" s="18"/>
      <c r="L10118" s="18"/>
      <c r="M10118" s="18"/>
      <c r="N10118" s="18"/>
      <c r="O10118" s="18"/>
      <c r="P10118" s="19">
        <v>130</v>
      </c>
      <c r="Q10118" s="19"/>
      <c r="R10118" s="19"/>
      <c r="S10118" s="19"/>
      <c r="T10118" s="19">
        <v>100</v>
      </c>
      <c r="U10118" s="19"/>
      <c r="V10118" s="19"/>
      <c r="W10118" s="19"/>
      <c r="X10118" s="19">
        <v>10</v>
      </c>
      <c r="Y10118" s="19"/>
      <c r="Z10118" s="19"/>
      <c r="AA10118" s="19"/>
    </row>
    <row r="10119" spans="1:27" s="1" customFormat="1" ht="11.1" customHeight="1" outlineLevel="1" x14ac:dyDescent="0.2">
      <c r="A10119" s="17"/>
      <c r="B10119" s="17"/>
      <c r="C10119" s="17"/>
      <c r="D10119" s="18"/>
      <c r="E10119" s="18"/>
      <c r="F10119" s="18"/>
      <c r="G10119" s="18"/>
      <c r="H10119" s="18"/>
      <c r="I10119" s="18"/>
      <c r="J10119" s="18"/>
      <c r="K10119" s="18"/>
      <c r="L10119" s="18"/>
      <c r="M10119" s="18"/>
      <c r="N10119" s="18"/>
      <c r="O10119" s="18"/>
      <c r="P10119" s="19"/>
      <c r="Q10119" s="19"/>
      <c r="R10119" s="19"/>
      <c r="S10119" s="19"/>
      <c r="T10119" s="19"/>
      <c r="U10119" s="19"/>
      <c r="V10119" s="19"/>
      <c r="W10119" s="19"/>
      <c r="X10119" s="19"/>
      <c r="Y10119" s="19"/>
      <c r="Z10119" s="19"/>
      <c r="AA10119" s="19"/>
    </row>
    <row r="10120" spans="1:27" s="1" customFormat="1" ht="11.1" customHeight="1" outlineLevel="1" x14ac:dyDescent="0.2">
      <c r="A10120" s="17">
        <v>9711</v>
      </c>
      <c r="B10120" s="17"/>
      <c r="C10120" s="17"/>
      <c r="D10120" s="18" t="s">
        <v>5018</v>
      </c>
      <c r="E10120" s="18"/>
      <c r="F10120" s="18"/>
      <c r="G10120" s="18"/>
      <c r="H10120" s="18"/>
      <c r="I10120" s="18"/>
      <c r="J10120" s="18"/>
      <c r="K10120" s="18"/>
      <c r="L10120" s="18"/>
      <c r="M10120" s="18"/>
      <c r="N10120" s="18"/>
      <c r="O10120" s="18"/>
      <c r="P10120" s="19">
        <v>115</v>
      </c>
      <c r="Q10120" s="19"/>
      <c r="R10120" s="19"/>
      <c r="S10120" s="19"/>
      <c r="T10120" s="19">
        <v>75</v>
      </c>
      <c r="U10120" s="19"/>
      <c r="V10120" s="19"/>
      <c r="W10120" s="19"/>
      <c r="X10120" s="19">
        <v>1</v>
      </c>
      <c r="Y10120" s="19"/>
      <c r="Z10120" s="19"/>
      <c r="AA10120" s="19"/>
    </row>
    <row r="10121" spans="1:27" s="1" customFormat="1" ht="11.1" customHeight="1" outlineLevel="1" x14ac:dyDescent="0.2">
      <c r="A10121" s="17"/>
      <c r="B10121" s="17"/>
      <c r="C10121" s="17"/>
      <c r="D10121" s="18"/>
      <c r="E10121" s="18"/>
      <c r="F10121" s="18"/>
      <c r="G10121" s="18"/>
      <c r="H10121" s="18"/>
      <c r="I10121" s="18"/>
      <c r="J10121" s="18"/>
      <c r="K10121" s="18"/>
      <c r="L10121" s="18"/>
      <c r="M10121" s="18"/>
      <c r="N10121" s="18"/>
      <c r="O10121" s="18"/>
      <c r="P10121" s="19"/>
      <c r="Q10121" s="19"/>
      <c r="R10121" s="19"/>
      <c r="S10121" s="19"/>
      <c r="T10121" s="19"/>
      <c r="U10121" s="19"/>
      <c r="V10121" s="19"/>
      <c r="W10121" s="19"/>
      <c r="X10121" s="19"/>
      <c r="Y10121" s="19"/>
      <c r="Z10121" s="19"/>
      <c r="AA10121" s="19"/>
    </row>
    <row r="10122" spans="1:27" s="1" customFormat="1" ht="14.1" customHeight="1" outlineLevel="1" x14ac:dyDescent="0.2">
      <c r="A10122" s="17">
        <v>18202</v>
      </c>
      <c r="B10122" s="17"/>
      <c r="C10122" s="17"/>
      <c r="D10122" s="18" t="s">
        <v>5019</v>
      </c>
      <c r="E10122" s="18"/>
      <c r="F10122" s="18"/>
      <c r="G10122" s="18"/>
      <c r="H10122" s="18"/>
      <c r="I10122" s="18"/>
      <c r="J10122" s="18"/>
      <c r="K10122" s="18"/>
      <c r="L10122" s="18"/>
      <c r="M10122" s="18"/>
      <c r="N10122" s="18"/>
      <c r="O10122" s="18"/>
      <c r="P10122" s="19">
        <v>90</v>
      </c>
      <c r="Q10122" s="19"/>
      <c r="R10122" s="19"/>
      <c r="S10122" s="19"/>
      <c r="T10122" s="19">
        <v>50</v>
      </c>
      <c r="U10122" s="19"/>
      <c r="V10122" s="19"/>
      <c r="W10122" s="19"/>
      <c r="X10122" s="19">
        <v>1</v>
      </c>
      <c r="Y10122" s="19"/>
      <c r="Z10122" s="19"/>
      <c r="AA10122" s="19"/>
    </row>
    <row r="10123" spans="1:27" s="1" customFormat="1" ht="14.1" customHeight="1" outlineLevel="1" x14ac:dyDescent="0.2">
      <c r="A10123" s="17"/>
      <c r="B10123" s="17"/>
      <c r="C10123" s="17"/>
      <c r="D10123" s="18"/>
      <c r="E10123" s="18"/>
      <c r="F10123" s="18"/>
      <c r="G10123" s="18"/>
      <c r="H10123" s="18"/>
      <c r="I10123" s="18"/>
      <c r="J10123" s="18"/>
      <c r="K10123" s="18"/>
      <c r="L10123" s="18"/>
      <c r="M10123" s="18"/>
      <c r="N10123" s="18"/>
      <c r="O10123" s="18"/>
      <c r="P10123" s="19"/>
      <c r="Q10123" s="19"/>
      <c r="R10123" s="19"/>
      <c r="S10123" s="19"/>
      <c r="T10123" s="19"/>
      <c r="U10123" s="19"/>
      <c r="V10123" s="19"/>
      <c r="W10123" s="19"/>
      <c r="X10123" s="19"/>
      <c r="Y10123" s="19"/>
      <c r="Z10123" s="19"/>
      <c r="AA10123" s="19"/>
    </row>
    <row r="10124" spans="1:27" s="1" customFormat="1" ht="14.1" customHeight="1" outlineLevel="1" x14ac:dyDescent="0.2">
      <c r="A10124" s="17">
        <v>18128</v>
      </c>
      <c r="B10124" s="17"/>
      <c r="C10124" s="17"/>
      <c r="D10124" s="18" t="s">
        <v>5020</v>
      </c>
      <c r="E10124" s="18"/>
      <c r="F10124" s="18"/>
      <c r="G10124" s="18"/>
      <c r="H10124" s="18"/>
      <c r="I10124" s="18"/>
      <c r="J10124" s="18"/>
      <c r="K10124" s="18"/>
      <c r="L10124" s="18"/>
      <c r="M10124" s="18"/>
      <c r="N10124" s="18"/>
      <c r="O10124" s="18"/>
      <c r="P10124" s="19">
        <v>200</v>
      </c>
      <c r="Q10124" s="19"/>
      <c r="R10124" s="19"/>
      <c r="S10124" s="19"/>
      <c r="T10124" s="19">
        <v>100</v>
      </c>
      <c r="U10124" s="19"/>
      <c r="V10124" s="19"/>
      <c r="W10124" s="19"/>
      <c r="X10124" s="19">
        <v>2</v>
      </c>
      <c r="Y10124" s="19"/>
      <c r="Z10124" s="19"/>
      <c r="AA10124" s="19"/>
    </row>
    <row r="10125" spans="1:27" s="1" customFormat="1" ht="14.1" customHeight="1" outlineLevel="1" x14ac:dyDescent="0.2">
      <c r="A10125" s="17"/>
      <c r="B10125" s="17"/>
      <c r="C10125" s="17"/>
      <c r="D10125" s="18"/>
      <c r="E10125" s="18"/>
      <c r="F10125" s="18"/>
      <c r="G10125" s="18"/>
      <c r="H10125" s="18"/>
      <c r="I10125" s="18"/>
      <c r="J10125" s="18"/>
      <c r="K10125" s="18"/>
      <c r="L10125" s="18"/>
      <c r="M10125" s="18"/>
      <c r="N10125" s="18"/>
      <c r="O10125" s="18"/>
      <c r="P10125" s="19"/>
      <c r="Q10125" s="19"/>
      <c r="R10125" s="19"/>
      <c r="S10125" s="19"/>
      <c r="T10125" s="19"/>
      <c r="U10125" s="19"/>
      <c r="V10125" s="19"/>
      <c r="W10125" s="19"/>
      <c r="X10125" s="19"/>
      <c r="Y10125" s="19"/>
      <c r="Z10125" s="19"/>
      <c r="AA10125" s="19"/>
    </row>
    <row r="10126" spans="1:27" s="1" customFormat="1" ht="14.1" customHeight="1" outlineLevel="1" x14ac:dyDescent="0.2">
      <c r="A10126" s="17">
        <v>17950</v>
      </c>
      <c r="B10126" s="17"/>
      <c r="C10126" s="17"/>
      <c r="D10126" s="18" t="s">
        <v>5021</v>
      </c>
      <c r="E10126" s="18"/>
      <c r="F10126" s="18"/>
      <c r="G10126" s="18"/>
      <c r="H10126" s="18"/>
      <c r="I10126" s="18"/>
      <c r="J10126" s="18"/>
      <c r="K10126" s="18"/>
      <c r="L10126" s="18"/>
      <c r="M10126" s="18"/>
      <c r="N10126" s="18"/>
      <c r="O10126" s="18"/>
      <c r="P10126" s="19">
        <v>300</v>
      </c>
      <c r="Q10126" s="19"/>
      <c r="R10126" s="19"/>
      <c r="S10126" s="19"/>
      <c r="T10126" s="19">
        <v>200</v>
      </c>
      <c r="U10126" s="19"/>
      <c r="V10126" s="19"/>
      <c r="W10126" s="19"/>
      <c r="X10126" s="19">
        <v>1</v>
      </c>
      <c r="Y10126" s="19"/>
      <c r="Z10126" s="19"/>
      <c r="AA10126" s="19"/>
    </row>
    <row r="10127" spans="1:27" s="1" customFormat="1" ht="14.1" customHeight="1" outlineLevel="1" x14ac:dyDescent="0.2">
      <c r="A10127" s="17"/>
      <c r="B10127" s="17"/>
      <c r="C10127" s="17"/>
      <c r="D10127" s="18"/>
      <c r="E10127" s="18"/>
      <c r="F10127" s="18"/>
      <c r="G10127" s="18"/>
      <c r="H10127" s="18"/>
      <c r="I10127" s="18"/>
      <c r="J10127" s="18"/>
      <c r="K10127" s="18"/>
      <c r="L10127" s="18"/>
      <c r="M10127" s="18"/>
      <c r="N10127" s="18"/>
      <c r="O10127" s="18"/>
      <c r="P10127" s="19"/>
      <c r="Q10127" s="19"/>
      <c r="R10127" s="19"/>
      <c r="S10127" s="19"/>
      <c r="T10127" s="19"/>
      <c r="U10127" s="19"/>
      <c r="V10127" s="19"/>
      <c r="W10127" s="19"/>
      <c r="X10127" s="19"/>
      <c r="Y10127" s="19"/>
      <c r="Z10127" s="19"/>
      <c r="AA10127" s="19"/>
    </row>
    <row r="10128" spans="1:27" s="1" customFormat="1" ht="14.1" customHeight="1" outlineLevel="1" x14ac:dyDescent="0.2">
      <c r="A10128" s="17">
        <v>14594</v>
      </c>
      <c r="B10128" s="17"/>
      <c r="C10128" s="17"/>
      <c r="D10128" s="18" t="s">
        <v>5022</v>
      </c>
      <c r="E10128" s="18"/>
      <c r="F10128" s="18"/>
      <c r="G10128" s="18"/>
      <c r="H10128" s="18"/>
      <c r="I10128" s="18"/>
      <c r="J10128" s="18"/>
      <c r="K10128" s="18"/>
      <c r="L10128" s="18"/>
      <c r="M10128" s="18"/>
      <c r="N10128" s="18"/>
      <c r="O10128" s="18"/>
      <c r="P10128" s="19">
        <v>140</v>
      </c>
      <c r="Q10128" s="19"/>
      <c r="R10128" s="19"/>
      <c r="S10128" s="19"/>
      <c r="T10128" s="19">
        <v>100</v>
      </c>
      <c r="U10128" s="19"/>
      <c r="V10128" s="19"/>
      <c r="W10128" s="19"/>
      <c r="X10128" s="19">
        <v>1</v>
      </c>
      <c r="Y10128" s="19"/>
      <c r="Z10128" s="19"/>
      <c r="AA10128" s="19"/>
    </row>
    <row r="10129" spans="1:27" s="1" customFormat="1" ht="14.1" customHeight="1" outlineLevel="1" x14ac:dyDescent="0.2">
      <c r="A10129" s="17"/>
      <c r="B10129" s="17"/>
      <c r="C10129" s="17"/>
      <c r="D10129" s="18"/>
      <c r="E10129" s="18"/>
      <c r="F10129" s="18"/>
      <c r="G10129" s="18"/>
      <c r="H10129" s="18"/>
      <c r="I10129" s="18"/>
      <c r="J10129" s="18"/>
      <c r="K10129" s="18"/>
      <c r="L10129" s="18"/>
      <c r="M10129" s="18"/>
      <c r="N10129" s="18"/>
      <c r="O10129" s="18"/>
      <c r="P10129" s="19"/>
      <c r="Q10129" s="19"/>
      <c r="R10129" s="19"/>
      <c r="S10129" s="19"/>
      <c r="T10129" s="19"/>
      <c r="U10129" s="19"/>
      <c r="V10129" s="19"/>
      <c r="W10129" s="19"/>
      <c r="X10129" s="19"/>
      <c r="Y10129" s="19"/>
      <c r="Z10129" s="19"/>
      <c r="AA10129" s="19"/>
    </row>
    <row r="10130" spans="1:27" s="1" customFormat="1" ht="14.1" customHeight="1" outlineLevel="1" x14ac:dyDescent="0.2">
      <c r="A10130" s="17">
        <v>16673</v>
      </c>
      <c r="B10130" s="17"/>
      <c r="C10130" s="17"/>
      <c r="D10130" s="18" t="s">
        <v>5023</v>
      </c>
      <c r="E10130" s="18"/>
      <c r="F10130" s="18"/>
      <c r="G10130" s="18"/>
      <c r="H10130" s="18"/>
      <c r="I10130" s="18"/>
      <c r="J10130" s="18"/>
      <c r="K10130" s="18"/>
      <c r="L10130" s="18"/>
      <c r="M10130" s="18"/>
      <c r="N10130" s="18"/>
      <c r="O10130" s="18"/>
      <c r="P10130" s="19">
        <v>200</v>
      </c>
      <c r="Q10130" s="19"/>
      <c r="R10130" s="19"/>
      <c r="S10130" s="19"/>
      <c r="T10130" s="19">
        <v>100</v>
      </c>
      <c r="U10130" s="19"/>
      <c r="V10130" s="19"/>
      <c r="W10130" s="19"/>
      <c r="X10130" s="19">
        <v>1</v>
      </c>
      <c r="Y10130" s="19"/>
      <c r="Z10130" s="19"/>
      <c r="AA10130" s="19"/>
    </row>
    <row r="10131" spans="1:27" s="1" customFormat="1" ht="14.1" customHeight="1" outlineLevel="1" x14ac:dyDescent="0.2">
      <c r="A10131" s="17"/>
      <c r="B10131" s="17"/>
      <c r="C10131" s="17"/>
      <c r="D10131" s="18"/>
      <c r="E10131" s="18"/>
      <c r="F10131" s="18"/>
      <c r="G10131" s="18"/>
      <c r="H10131" s="18"/>
      <c r="I10131" s="18"/>
      <c r="J10131" s="18"/>
      <c r="K10131" s="18"/>
      <c r="L10131" s="18"/>
      <c r="M10131" s="18"/>
      <c r="N10131" s="18"/>
      <c r="O10131" s="18"/>
      <c r="P10131" s="19"/>
      <c r="Q10131" s="19"/>
      <c r="R10131" s="19"/>
      <c r="S10131" s="19"/>
      <c r="T10131" s="19"/>
      <c r="U10131" s="19"/>
      <c r="V10131" s="19"/>
      <c r="W10131" s="19"/>
      <c r="X10131" s="19"/>
      <c r="Y10131" s="19"/>
      <c r="Z10131" s="19"/>
      <c r="AA10131" s="19"/>
    </row>
    <row r="10132" spans="1:27" s="1" customFormat="1" ht="14.1" customHeight="1" outlineLevel="1" x14ac:dyDescent="0.2">
      <c r="A10132" s="17">
        <v>15820</v>
      </c>
      <c r="B10132" s="17"/>
      <c r="C10132" s="17"/>
      <c r="D10132" s="18" t="s">
        <v>5024</v>
      </c>
      <c r="E10132" s="18"/>
      <c r="F10132" s="18"/>
      <c r="G10132" s="18"/>
      <c r="H10132" s="18"/>
      <c r="I10132" s="18"/>
      <c r="J10132" s="18"/>
      <c r="K10132" s="18"/>
      <c r="L10132" s="18"/>
      <c r="M10132" s="18"/>
      <c r="N10132" s="18"/>
      <c r="O10132" s="18"/>
      <c r="P10132" s="19">
        <v>600</v>
      </c>
      <c r="Q10132" s="19"/>
      <c r="R10132" s="19"/>
      <c r="S10132" s="19"/>
      <c r="T10132" s="19">
        <v>500</v>
      </c>
      <c r="U10132" s="19"/>
      <c r="V10132" s="19"/>
      <c r="W10132" s="19"/>
      <c r="X10132" s="19">
        <v>1</v>
      </c>
      <c r="Y10132" s="19"/>
      <c r="Z10132" s="19"/>
      <c r="AA10132" s="19"/>
    </row>
    <row r="10133" spans="1:27" s="1" customFormat="1" ht="14.1" customHeight="1" outlineLevel="1" x14ac:dyDescent="0.2">
      <c r="A10133" s="17"/>
      <c r="B10133" s="17"/>
      <c r="C10133" s="17"/>
      <c r="D10133" s="18"/>
      <c r="E10133" s="18"/>
      <c r="F10133" s="18"/>
      <c r="G10133" s="18"/>
      <c r="H10133" s="18"/>
      <c r="I10133" s="18"/>
      <c r="J10133" s="18"/>
      <c r="K10133" s="18"/>
      <c r="L10133" s="18"/>
      <c r="M10133" s="18"/>
      <c r="N10133" s="18"/>
      <c r="O10133" s="18"/>
      <c r="P10133" s="19"/>
      <c r="Q10133" s="19"/>
      <c r="R10133" s="19"/>
      <c r="S10133" s="19"/>
      <c r="T10133" s="19"/>
      <c r="U10133" s="19"/>
      <c r="V10133" s="19"/>
      <c r="W10133" s="19"/>
      <c r="X10133" s="19"/>
      <c r="Y10133" s="19"/>
      <c r="Z10133" s="19"/>
      <c r="AA10133" s="19"/>
    </row>
    <row r="10134" spans="1:27" s="1" customFormat="1" ht="14.1" customHeight="1" outlineLevel="1" x14ac:dyDescent="0.2">
      <c r="A10134" s="17">
        <v>15210</v>
      </c>
      <c r="B10134" s="17"/>
      <c r="C10134" s="17"/>
      <c r="D10134" s="18" t="s">
        <v>5025</v>
      </c>
      <c r="E10134" s="18"/>
      <c r="F10134" s="18"/>
      <c r="G10134" s="18"/>
      <c r="H10134" s="18"/>
      <c r="I10134" s="18"/>
      <c r="J10134" s="18"/>
      <c r="K10134" s="18"/>
      <c r="L10134" s="18"/>
      <c r="M10134" s="18"/>
      <c r="N10134" s="18"/>
      <c r="O10134" s="18"/>
      <c r="P10134" s="19">
        <v>370</v>
      </c>
      <c r="Q10134" s="19"/>
      <c r="R10134" s="19"/>
      <c r="S10134" s="19"/>
      <c r="T10134" s="19">
        <v>300</v>
      </c>
      <c r="U10134" s="19"/>
      <c r="V10134" s="19"/>
      <c r="W10134" s="19"/>
      <c r="X10134" s="19">
        <v>1</v>
      </c>
      <c r="Y10134" s="19"/>
      <c r="Z10134" s="19"/>
      <c r="AA10134" s="19"/>
    </row>
    <row r="10135" spans="1:27" s="1" customFormat="1" ht="14.1" customHeight="1" outlineLevel="1" x14ac:dyDescent="0.2">
      <c r="A10135" s="17"/>
      <c r="B10135" s="17"/>
      <c r="C10135" s="17"/>
      <c r="D10135" s="18"/>
      <c r="E10135" s="18"/>
      <c r="F10135" s="18"/>
      <c r="G10135" s="18"/>
      <c r="H10135" s="18"/>
      <c r="I10135" s="18"/>
      <c r="J10135" s="18"/>
      <c r="K10135" s="18"/>
      <c r="L10135" s="18"/>
      <c r="M10135" s="18"/>
      <c r="N10135" s="18"/>
      <c r="O10135" s="18"/>
      <c r="P10135" s="19"/>
      <c r="Q10135" s="19"/>
      <c r="R10135" s="19"/>
      <c r="S10135" s="19"/>
      <c r="T10135" s="19"/>
      <c r="U10135" s="19"/>
      <c r="V10135" s="19"/>
      <c r="W10135" s="19"/>
      <c r="X10135" s="19"/>
      <c r="Y10135" s="19"/>
      <c r="Z10135" s="19"/>
      <c r="AA10135" s="19"/>
    </row>
    <row r="10136" spans="1:27" s="1" customFormat="1" ht="14.1" customHeight="1" outlineLevel="1" x14ac:dyDescent="0.2">
      <c r="A10136" s="17">
        <v>17826</v>
      </c>
      <c r="B10136" s="17"/>
      <c r="C10136" s="17"/>
      <c r="D10136" s="18" t="s">
        <v>5026</v>
      </c>
      <c r="E10136" s="18"/>
      <c r="F10136" s="18"/>
      <c r="G10136" s="18"/>
      <c r="H10136" s="18"/>
      <c r="I10136" s="18"/>
      <c r="J10136" s="18"/>
      <c r="K10136" s="18"/>
      <c r="L10136" s="18"/>
      <c r="M10136" s="18"/>
      <c r="N10136" s="18"/>
      <c r="O10136" s="18"/>
      <c r="P10136" s="19">
        <v>550</v>
      </c>
      <c r="Q10136" s="19"/>
      <c r="R10136" s="19"/>
      <c r="S10136" s="19"/>
      <c r="T10136" s="19">
        <v>450</v>
      </c>
      <c r="U10136" s="19"/>
      <c r="V10136" s="19"/>
      <c r="W10136" s="19"/>
      <c r="X10136" s="19">
        <v>1</v>
      </c>
      <c r="Y10136" s="19"/>
      <c r="Z10136" s="19"/>
      <c r="AA10136" s="19"/>
    </row>
    <row r="10137" spans="1:27" s="1" customFormat="1" ht="14.1" customHeight="1" outlineLevel="1" x14ac:dyDescent="0.2">
      <c r="A10137" s="17"/>
      <c r="B10137" s="17"/>
      <c r="C10137" s="17"/>
      <c r="D10137" s="18"/>
      <c r="E10137" s="18"/>
      <c r="F10137" s="18"/>
      <c r="G10137" s="18"/>
      <c r="H10137" s="18"/>
      <c r="I10137" s="18"/>
      <c r="J10137" s="18"/>
      <c r="K10137" s="18"/>
      <c r="L10137" s="18"/>
      <c r="M10137" s="18"/>
      <c r="N10137" s="18"/>
      <c r="O10137" s="18"/>
      <c r="P10137" s="19"/>
      <c r="Q10137" s="19"/>
      <c r="R10137" s="19"/>
      <c r="S10137" s="19"/>
      <c r="T10137" s="19"/>
      <c r="U10137" s="19"/>
      <c r="V10137" s="19"/>
      <c r="W10137" s="19"/>
      <c r="X10137" s="19"/>
      <c r="Y10137" s="19"/>
      <c r="Z10137" s="19"/>
      <c r="AA10137" s="19"/>
    </row>
    <row r="10138" spans="1:27" s="1" customFormat="1" ht="11.1" customHeight="1" outlineLevel="1" x14ac:dyDescent="0.2">
      <c r="A10138" s="17">
        <v>10087</v>
      </c>
      <c r="B10138" s="17"/>
      <c r="C10138" s="17"/>
      <c r="D10138" s="18" t="s">
        <v>5027</v>
      </c>
      <c r="E10138" s="18"/>
      <c r="F10138" s="18"/>
      <c r="G10138" s="18"/>
      <c r="H10138" s="18"/>
      <c r="I10138" s="18"/>
      <c r="J10138" s="18"/>
      <c r="K10138" s="18"/>
      <c r="L10138" s="18"/>
      <c r="M10138" s="18"/>
      <c r="N10138" s="18"/>
      <c r="O10138" s="18"/>
      <c r="P10138" s="19">
        <v>235</v>
      </c>
      <c r="Q10138" s="19"/>
      <c r="R10138" s="19"/>
      <c r="S10138" s="19"/>
      <c r="T10138" s="19">
        <v>185</v>
      </c>
      <c r="U10138" s="19"/>
      <c r="V10138" s="19"/>
      <c r="W10138" s="19"/>
      <c r="X10138" s="19">
        <v>1</v>
      </c>
      <c r="Y10138" s="19"/>
      <c r="Z10138" s="19"/>
      <c r="AA10138" s="19"/>
    </row>
    <row r="10139" spans="1:27" s="1" customFormat="1" ht="11.1" customHeight="1" outlineLevel="1" x14ac:dyDescent="0.2">
      <c r="A10139" s="17"/>
      <c r="B10139" s="17"/>
      <c r="C10139" s="17"/>
      <c r="D10139" s="18"/>
      <c r="E10139" s="18"/>
      <c r="F10139" s="18"/>
      <c r="G10139" s="18"/>
      <c r="H10139" s="18"/>
      <c r="I10139" s="18"/>
      <c r="J10139" s="18"/>
      <c r="K10139" s="18"/>
      <c r="L10139" s="18"/>
      <c r="M10139" s="18"/>
      <c r="N10139" s="18"/>
      <c r="O10139" s="18"/>
      <c r="P10139" s="19"/>
      <c r="Q10139" s="19"/>
      <c r="R10139" s="19"/>
      <c r="S10139" s="19"/>
      <c r="T10139" s="19"/>
      <c r="U10139" s="19"/>
      <c r="V10139" s="19"/>
      <c r="W10139" s="19"/>
      <c r="X10139" s="19"/>
      <c r="Y10139" s="19"/>
      <c r="Z10139" s="19"/>
      <c r="AA10139" s="19"/>
    </row>
    <row r="10140" spans="1:27" s="1" customFormat="1" ht="11.1" customHeight="1" outlineLevel="1" x14ac:dyDescent="0.2">
      <c r="A10140" s="17">
        <v>10088</v>
      </c>
      <c r="B10140" s="17"/>
      <c r="C10140" s="17"/>
      <c r="D10140" s="18" t="s">
        <v>5028</v>
      </c>
      <c r="E10140" s="18"/>
      <c r="F10140" s="18"/>
      <c r="G10140" s="18"/>
      <c r="H10140" s="18"/>
      <c r="I10140" s="18"/>
      <c r="J10140" s="18"/>
      <c r="K10140" s="18"/>
      <c r="L10140" s="18"/>
      <c r="M10140" s="18"/>
      <c r="N10140" s="18"/>
      <c r="O10140" s="18"/>
      <c r="P10140" s="19">
        <v>235</v>
      </c>
      <c r="Q10140" s="19"/>
      <c r="R10140" s="19"/>
      <c r="S10140" s="19"/>
      <c r="T10140" s="19">
        <v>185</v>
      </c>
      <c r="U10140" s="19"/>
      <c r="V10140" s="19"/>
      <c r="W10140" s="19"/>
      <c r="X10140" s="19">
        <v>1</v>
      </c>
      <c r="Y10140" s="19"/>
      <c r="Z10140" s="19"/>
      <c r="AA10140" s="19"/>
    </row>
    <row r="10141" spans="1:27" s="1" customFormat="1" ht="11.1" customHeight="1" outlineLevel="1" x14ac:dyDescent="0.2">
      <c r="A10141" s="17"/>
      <c r="B10141" s="17"/>
      <c r="C10141" s="17"/>
      <c r="D10141" s="18"/>
      <c r="E10141" s="18"/>
      <c r="F10141" s="18"/>
      <c r="G10141" s="18"/>
      <c r="H10141" s="18"/>
      <c r="I10141" s="18"/>
      <c r="J10141" s="18"/>
      <c r="K10141" s="18"/>
      <c r="L10141" s="18"/>
      <c r="M10141" s="18"/>
      <c r="N10141" s="18"/>
      <c r="O10141" s="18"/>
      <c r="P10141" s="19"/>
      <c r="Q10141" s="19"/>
      <c r="R10141" s="19"/>
      <c r="S10141" s="19"/>
      <c r="T10141" s="19"/>
      <c r="U10141" s="19"/>
      <c r="V10141" s="19"/>
      <c r="W10141" s="19"/>
      <c r="X10141" s="19"/>
      <c r="Y10141" s="19"/>
      <c r="Z10141" s="19"/>
      <c r="AA10141" s="19"/>
    </row>
    <row r="10142" spans="1:27" s="1" customFormat="1" ht="11.1" customHeight="1" outlineLevel="1" x14ac:dyDescent="0.2">
      <c r="A10142" s="17">
        <v>10090</v>
      </c>
      <c r="B10142" s="17"/>
      <c r="C10142" s="17"/>
      <c r="D10142" s="18" t="s">
        <v>5029</v>
      </c>
      <c r="E10142" s="18"/>
      <c r="F10142" s="18"/>
      <c r="G10142" s="18"/>
      <c r="H10142" s="18"/>
      <c r="I10142" s="18"/>
      <c r="J10142" s="18"/>
      <c r="K10142" s="18"/>
      <c r="L10142" s="18"/>
      <c r="M10142" s="18"/>
      <c r="N10142" s="18"/>
      <c r="O10142" s="18"/>
      <c r="P10142" s="19">
        <v>210</v>
      </c>
      <c r="Q10142" s="19"/>
      <c r="R10142" s="19"/>
      <c r="S10142" s="19"/>
      <c r="T10142" s="19">
        <v>165</v>
      </c>
      <c r="U10142" s="19"/>
      <c r="V10142" s="19"/>
      <c r="W10142" s="19"/>
      <c r="X10142" s="19">
        <v>1</v>
      </c>
      <c r="Y10142" s="19"/>
      <c r="Z10142" s="19"/>
      <c r="AA10142" s="19"/>
    </row>
    <row r="10143" spans="1:27" s="1" customFormat="1" ht="11.1" customHeight="1" outlineLevel="1" x14ac:dyDescent="0.2">
      <c r="A10143" s="17"/>
      <c r="B10143" s="17"/>
      <c r="C10143" s="17"/>
      <c r="D10143" s="18"/>
      <c r="E10143" s="18"/>
      <c r="F10143" s="18"/>
      <c r="G10143" s="18"/>
      <c r="H10143" s="18"/>
      <c r="I10143" s="18"/>
      <c r="J10143" s="18"/>
      <c r="K10143" s="18"/>
      <c r="L10143" s="18"/>
      <c r="M10143" s="18"/>
      <c r="N10143" s="18"/>
      <c r="O10143" s="18"/>
      <c r="P10143" s="19"/>
      <c r="Q10143" s="19"/>
      <c r="R10143" s="19"/>
      <c r="S10143" s="19"/>
      <c r="T10143" s="19"/>
      <c r="U10143" s="19"/>
      <c r="V10143" s="19"/>
      <c r="W10143" s="19"/>
      <c r="X10143" s="19"/>
      <c r="Y10143" s="19"/>
      <c r="Z10143" s="19"/>
      <c r="AA10143" s="19"/>
    </row>
    <row r="10144" spans="1:27" s="1" customFormat="1" ht="11.1" customHeight="1" outlineLevel="1" x14ac:dyDescent="0.2">
      <c r="A10144" s="17">
        <v>10089</v>
      </c>
      <c r="B10144" s="17"/>
      <c r="C10144" s="17"/>
      <c r="D10144" s="18" t="s">
        <v>5030</v>
      </c>
      <c r="E10144" s="18"/>
      <c r="F10144" s="18"/>
      <c r="G10144" s="18"/>
      <c r="H10144" s="18"/>
      <c r="I10144" s="18"/>
      <c r="J10144" s="18"/>
      <c r="K10144" s="18"/>
      <c r="L10144" s="18"/>
      <c r="M10144" s="18"/>
      <c r="N10144" s="18"/>
      <c r="O10144" s="18"/>
      <c r="P10144" s="19">
        <v>260</v>
      </c>
      <c r="Q10144" s="19"/>
      <c r="R10144" s="19"/>
      <c r="S10144" s="19"/>
      <c r="T10144" s="19">
        <v>210</v>
      </c>
      <c r="U10144" s="19"/>
      <c r="V10144" s="19"/>
      <c r="W10144" s="19"/>
      <c r="X10144" s="19">
        <v>1</v>
      </c>
      <c r="Y10144" s="19"/>
      <c r="Z10144" s="19"/>
      <c r="AA10144" s="19"/>
    </row>
    <row r="10145" spans="1:27" s="1" customFormat="1" ht="11.1" customHeight="1" outlineLevel="1" x14ac:dyDescent="0.2">
      <c r="A10145" s="17"/>
      <c r="B10145" s="17"/>
      <c r="C10145" s="17"/>
      <c r="D10145" s="18"/>
      <c r="E10145" s="18"/>
      <c r="F10145" s="18"/>
      <c r="G10145" s="18"/>
      <c r="H10145" s="18"/>
      <c r="I10145" s="18"/>
      <c r="J10145" s="18"/>
      <c r="K10145" s="18"/>
      <c r="L10145" s="18"/>
      <c r="M10145" s="18"/>
      <c r="N10145" s="18"/>
      <c r="O10145" s="18"/>
      <c r="P10145" s="19"/>
      <c r="Q10145" s="19"/>
      <c r="R10145" s="19"/>
      <c r="S10145" s="19"/>
      <c r="T10145" s="19"/>
      <c r="U10145" s="19"/>
      <c r="V10145" s="19"/>
      <c r="W10145" s="19"/>
      <c r="X10145" s="19"/>
      <c r="Y10145" s="19"/>
      <c r="Z10145" s="19"/>
      <c r="AA10145" s="19"/>
    </row>
    <row r="10146" spans="1:27" s="1" customFormat="1" ht="11.1" customHeight="1" outlineLevel="1" x14ac:dyDescent="0.2">
      <c r="A10146" s="17">
        <v>10091</v>
      </c>
      <c r="B10146" s="17"/>
      <c r="C10146" s="17"/>
      <c r="D10146" s="18" t="s">
        <v>5031</v>
      </c>
      <c r="E10146" s="18"/>
      <c r="F10146" s="18"/>
      <c r="G10146" s="18"/>
      <c r="H10146" s="18"/>
      <c r="I10146" s="18"/>
      <c r="J10146" s="18"/>
      <c r="K10146" s="18"/>
      <c r="L10146" s="18"/>
      <c r="M10146" s="18"/>
      <c r="N10146" s="18"/>
      <c r="O10146" s="18"/>
      <c r="P10146" s="19">
        <v>210</v>
      </c>
      <c r="Q10146" s="19"/>
      <c r="R10146" s="19"/>
      <c r="S10146" s="19"/>
      <c r="T10146" s="19">
        <v>165</v>
      </c>
      <c r="U10146" s="19"/>
      <c r="V10146" s="19"/>
      <c r="W10146" s="19"/>
      <c r="X10146" s="19">
        <v>1</v>
      </c>
      <c r="Y10146" s="19"/>
      <c r="Z10146" s="19"/>
      <c r="AA10146" s="19"/>
    </row>
    <row r="10147" spans="1:27" s="1" customFormat="1" ht="11.1" customHeight="1" outlineLevel="1" x14ac:dyDescent="0.2">
      <c r="A10147" s="17"/>
      <c r="B10147" s="17"/>
      <c r="C10147" s="17"/>
      <c r="D10147" s="18"/>
      <c r="E10147" s="18"/>
      <c r="F10147" s="18"/>
      <c r="G10147" s="18"/>
      <c r="H10147" s="18"/>
      <c r="I10147" s="18"/>
      <c r="J10147" s="18"/>
      <c r="K10147" s="18"/>
      <c r="L10147" s="18"/>
      <c r="M10147" s="18"/>
      <c r="N10147" s="18"/>
      <c r="O10147" s="18"/>
      <c r="P10147" s="19"/>
      <c r="Q10147" s="19"/>
      <c r="R10147" s="19"/>
      <c r="S10147" s="19"/>
      <c r="T10147" s="19"/>
      <c r="U10147" s="19"/>
      <c r="V10147" s="19"/>
      <c r="W10147" s="19"/>
      <c r="X10147" s="19"/>
      <c r="Y10147" s="19"/>
      <c r="Z10147" s="19"/>
      <c r="AA10147" s="19"/>
    </row>
    <row r="10148" spans="1:27" s="1" customFormat="1" ht="14.1" customHeight="1" outlineLevel="1" x14ac:dyDescent="0.2">
      <c r="A10148" s="17">
        <v>12700</v>
      </c>
      <c r="B10148" s="17"/>
      <c r="C10148" s="17"/>
      <c r="D10148" s="18" t="s">
        <v>5032</v>
      </c>
      <c r="E10148" s="18"/>
      <c r="F10148" s="18"/>
      <c r="G10148" s="18"/>
      <c r="H10148" s="18"/>
      <c r="I10148" s="18"/>
      <c r="J10148" s="18"/>
      <c r="K10148" s="18"/>
      <c r="L10148" s="18"/>
      <c r="M10148" s="18"/>
      <c r="N10148" s="18"/>
      <c r="O10148" s="18"/>
      <c r="P10148" s="19">
        <v>430</v>
      </c>
      <c r="Q10148" s="19"/>
      <c r="R10148" s="19"/>
      <c r="S10148" s="19"/>
      <c r="T10148" s="19">
        <v>350</v>
      </c>
      <c r="U10148" s="19"/>
      <c r="V10148" s="19"/>
      <c r="W10148" s="19"/>
      <c r="X10148" s="19">
        <v>1</v>
      </c>
      <c r="Y10148" s="19"/>
      <c r="Z10148" s="19"/>
      <c r="AA10148" s="19"/>
    </row>
    <row r="10149" spans="1:27" s="1" customFormat="1" ht="14.1" customHeight="1" outlineLevel="1" x14ac:dyDescent="0.2">
      <c r="A10149" s="17"/>
      <c r="B10149" s="17"/>
      <c r="C10149" s="17"/>
      <c r="D10149" s="18"/>
      <c r="E10149" s="18"/>
      <c r="F10149" s="18"/>
      <c r="G10149" s="18"/>
      <c r="H10149" s="18"/>
      <c r="I10149" s="18"/>
      <c r="J10149" s="18"/>
      <c r="K10149" s="18"/>
      <c r="L10149" s="18"/>
      <c r="M10149" s="18"/>
      <c r="N10149" s="18"/>
      <c r="O10149" s="18"/>
      <c r="P10149" s="19"/>
      <c r="Q10149" s="19"/>
      <c r="R10149" s="19"/>
      <c r="S10149" s="19"/>
      <c r="T10149" s="19"/>
      <c r="U10149" s="19"/>
      <c r="V10149" s="19"/>
      <c r="W10149" s="19"/>
      <c r="X10149" s="19"/>
      <c r="Y10149" s="19"/>
      <c r="Z10149" s="19"/>
      <c r="AA10149" s="19"/>
    </row>
    <row r="10150" spans="1:27" s="1" customFormat="1" ht="14.1" customHeight="1" outlineLevel="1" x14ac:dyDescent="0.2">
      <c r="A10150" s="17">
        <v>12823</v>
      </c>
      <c r="B10150" s="17"/>
      <c r="C10150" s="17"/>
      <c r="D10150" s="18" t="s">
        <v>5033</v>
      </c>
      <c r="E10150" s="18"/>
      <c r="F10150" s="18"/>
      <c r="G10150" s="18"/>
      <c r="H10150" s="18"/>
      <c r="I10150" s="18"/>
      <c r="J10150" s="18"/>
      <c r="K10150" s="18"/>
      <c r="L10150" s="18"/>
      <c r="M10150" s="18"/>
      <c r="N10150" s="18"/>
      <c r="O10150" s="18"/>
      <c r="P10150" s="19">
        <v>350</v>
      </c>
      <c r="Q10150" s="19"/>
      <c r="R10150" s="19"/>
      <c r="S10150" s="19"/>
      <c r="T10150" s="19">
        <v>250</v>
      </c>
      <c r="U10150" s="19"/>
      <c r="V10150" s="19"/>
      <c r="W10150" s="19"/>
      <c r="X10150" s="19">
        <v>6</v>
      </c>
      <c r="Y10150" s="19"/>
      <c r="Z10150" s="19"/>
      <c r="AA10150" s="19"/>
    </row>
    <row r="10151" spans="1:27" s="1" customFormat="1" ht="14.1" customHeight="1" outlineLevel="1" x14ac:dyDescent="0.2">
      <c r="A10151" s="17"/>
      <c r="B10151" s="17"/>
      <c r="C10151" s="17"/>
      <c r="D10151" s="18"/>
      <c r="E10151" s="18"/>
      <c r="F10151" s="18"/>
      <c r="G10151" s="18"/>
      <c r="H10151" s="18"/>
      <c r="I10151" s="18"/>
      <c r="J10151" s="18"/>
      <c r="K10151" s="18"/>
      <c r="L10151" s="18"/>
      <c r="M10151" s="18"/>
      <c r="N10151" s="18"/>
      <c r="O10151" s="18"/>
      <c r="P10151" s="19"/>
      <c r="Q10151" s="19"/>
      <c r="R10151" s="19"/>
      <c r="S10151" s="19"/>
      <c r="T10151" s="19"/>
      <c r="U10151" s="19"/>
      <c r="V10151" s="19"/>
      <c r="W10151" s="19"/>
      <c r="X10151" s="19"/>
      <c r="Y10151" s="19"/>
      <c r="Z10151" s="19"/>
      <c r="AA10151" s="19"/>
    </row>
    <row r="10152" spans="1:27" s="1" customFormat="1" ht="14.1" customHeight="1" outlineLevel="1" x14ac:dyDescent="0.2">
      <c r="A10152" s="17">
        <v>12116</v>
      </c>
      <c r="B10152" s="17"/>
      <c r="C10152" s="17"/>
      <c r="D10152" s="18" t="s">
        <v>5034</v>
      </c>
      <c r="E10152" s="18"/>
      <c r="F10152" s="18"/>
      <c r="G10152" s="18"/>
      <c r="H10152" s="18"/>
      <c r="I10152" s="18"/>
      <c r="J10152" s="18"/>
      <c r="K10152" s="18"/>
      <c r="L10152" s="18"/>
      <c r="M10152" s="18"/>
      <c r="N10152" s="18"/>
      <c r="O10152" s="18"/>
      <c r="P10152" s="19">
        <v>320</v>
      </c>
      <c r="Q10152" s="19"/>
      <c r="R10152" s="19"/>
      <c r="S10152" s="19"/>
      <c r="T10152" s="19">
        <v>250</v>
      </c>
      <c r="U10152" s="19"/>
      <c r="V10152" s="19"/>
      <c r="W10152" s="19"/>
      <c r="X10152" s="19">
        <v>3</v>
      </c>
      <c r="Y10152" s="19"/>
      <c r="Z10152" s="19"/>
      <c r="AA10152" s="19"/>
    </row>
    <row r="10153" spans="1:27" s="1" customFormat="1" ht="14.1" customHeight="1" outlineLevel="1" x14ac:dyDescent="0.2">
      <c r="A10153" s="17"/>
      <c r="B10153" s="17"/>
      <c r="C10153" s="17"/>
      <c r="D10153" s="18"/>
      <c r="E10153" s="18"/>
      <c r="F10153" s="18"/>
      <c r="G10153" s="18"/>
      <c r="H10153" s="18"/>
      <c r="I10153" s="18"/>
      <c r="J10153" s="18"/>
      <c r="K10153" s="18"/>
      <c r="L10153" s="18"/>
      <c r="M10153" s="18"/>
      <c r="N10153" s="18"/>
      <c r="O10153" s="18"/>
      <c r="P10153" s="19"/>
      <c r="Q10153" s="19"/>
      <c r="R10153" s="19"/>
      <c r="S10153" s="19"/>
      <c r="T10153" s="19"/>
      <c r="U10153" s="19"/>
      <c r="V10153" s="19"/>
      <c r="W10153" s="19"/>
      <c r="X10153" s="19"/>
      <c r="Y10153" s="19"/>
      <c r="Z10153" s="19"/>
      <c r="AA10153" s="19"/>
    </row>
    <row r="10154" spans="1:27" s="1" customFormat="1" ht="14.1" customHeight="1" outlineLevel="1" x14ac:dyDescent="0.2">
      <c r="A10154" s="17">
        <v>15791</v>
      </c>
      <c r="B10154" s="17"/>
      <c r="C10154" s="17"/>
      <c r="D10154" s="18" t="s">
        <v>5035</v>
      </c>
      <c r="E10154" s="18"/>
      <c r="F10154" s="18"/>
      <c r="G10154" s="18"/>
      <c r="H10154" s="18"/>
      <c r="I10154" s="18"/>
      <c r="J10154" s="18"/>
      <c r="K10154" s="18"/>
      <c r="L10154" s="18"/>
      <c r="M10154" s="18"/>
      <c r="N10154" s="18"/>
      <c r="O10154" s="18"/>
      <c r="P10154" s="19">
        <v>360</v>
      </c>
      <c r="Q10154" s="19"/>
      <c r="R10154" s="19"/>
      <c r="S10154" s="19"/>
      <c r="T10154" s="19">
        <v>300</v>
      </c>
      <c r="U10154" s="19"/>
      <c r="V10154" s="19"/>
      <c r="W10154" s="19"/>
      <c r="X10154" s="19">
        <v>1</v>
      </c>
      <c r="Y10154" s="19"/>
      <c r="Z10154" s="19"/>
      <c r="AA10154" s="19"/>
    </row>
    <row r="10155" spans="1:27" s="1" customFormat="1" ht="14.1" customHeight="1" outlineLevel="1" x14ac:dyDescent="0.2">
      <c r="A10155" s="17"/>
      <c r="B10155" s="17"/>
      <c r="C10155" s="17"/>
      <c r="D10155" s="18"/>
      <c r="E10155" s="18"/>
      <c r="F10155" s="18"/>
      <c r="G10155" s="18"/>
      <c r="H10155" s="18"/>
      <c r="I10155" s="18"/>
      <c r="J10155" s="18"/>
      <c r="K10155" s="18"/>
      <c r="L10155" s="18"/>
      <c r="M10155" s="18"/>
      <c r="N10155" s="18"/>
      <c r="O10155" s="18"/>
      <c r="P10155" s="19"/>
      <c r="Q10155" s="19"/>
      <c r="R10155" s="19"/>
      <c r="S10155" s="19"/>
      <c r="T10155" s="19"/>
      <c r="U10155" s="19"/>
      <c r="V10155" s="19"/>
      <c r="W10155" s="19"/>
      <c r="X10155" s="19"/>
      <c r="Y10155" s="19"/>
      <c r="Z10155" s="19"/>
      <c r="AA10155" s="19"/>
    </row>
    <row r="10156" spans="1:27" s="1" customFormat="1" ht="14.1" customHeight="1" outlineLevel="1" x14ac:dyDescent="0.2">
      <c r="A10156" s="17">
        <v>18129</v>
      </c>
      <c r="B10156" s="17"/>
      <c r="C10156" s="17"/>
      <c r="D10156" s="18" t="s">
        <v>5036</v>
      </c>
      <c r="E10156" s="18"/>
      <c r="F10156" s="18"/>
      <c r="G10156" s="18"/>
      <c r="H10156" s="18"/>
      <c r="I10156" s="18"/>
      <c r="J10156" s="18"/>
      <c r="K10156" s="18"/>
      <c r="L10156" s="18"/>
      <c r="M10156" s="18"/>
      <c r="N10156" s="18"/>
      <c r="O10156" s="18"/>
      <c r="P10156" s="19">
        <v>250</v>
      </c>
      <c r="Q10156" s="19"/>
      <c r="R10156" s="19"/>
      <c r="S10156" s="19"/>
      <c r="T10156" s="19">
        <v>150</v>
      </c>
      <c r="U10156" s="19"/>
      <c r="V10156" s="19"/>
      <c r="W10156" s="19"/>
      <c r="X10156" s="19">
        <v>2</v>
      </c>
      <c r="Y10156" s="19"/>
      <c r="Z10156" s="19"/>
      <c r="AA10156" s="19"/>
    </row>
    <row r="10157" spans="1:27" s="1" customFormat="1" ht="14.1" customHeight="1" outlineLevel="1" x14ac:dyDescent="0.2">
      <c r="A10157" s="17"/>
      <c r="B10157" s="17"/>
      <c r="C10157" s="17"/>
      <c r="D10157" s="18"/>
      <c r="E10157" s="18"/>
      <c r="F10157" s="18"/>
      <c r="G10157" s="18"/>
      <c r="H10157" s="18"/>
      <c r="I10157" s="18"/>
      <c r="J10157" s="18"/>
      <c r="K10157" s="18"/>
      <c r="L10157" s="18"/>
      <c r="M10157" s="18"/>
      <c r="N10157" s="18"/>
      <c r="O10157" s="18"/>
      <c r="P10157" s="19"/>
      <c r="Q10157" s="19"/>
      <c r="R10157" s="19"/>
      <c r="S10157" s="19"/>
      <c r="T10157" s="19"/>
      <c r="U10157" s="19"/>
      <c r="V10157" s="19"/>
      <c r="W10157" s="19"/>
      <c r="X10157" s="19"/>
      <c r="Y10157" s="19"/>
      <c r="Z10157" s="19"/>
      <c r="AA10157" s="19"/>
    </row>
    <row r="10158" spans="1:27" s="1" customFormat="1" ht="14.1" customHeight="1" outlineLevel="1" x14ac:dyDescent="0.2">
      <c r="A10158" s="17">
        <v>13295</v>
      </c>
      <c r="B10158" s="17"/>
      <c r="C10158" s="17"/>
      <c r="D10158" s="18" t="s">
        <v>5037</v>
      </c>
      <c r="E10158" s="18"/>
      <c r="F10158" s="18"/>
      <c r="G10158" s="18"/>
      <c r="H10158" s="18"/>
      <c r="I10158" s="18"/>
      <c r="J10158" s="18"/>
      <c r="K10158" s="18"/>
      <c r="L10158" s="18"/>
      <c r="M10158" s="18"/>
      <c r="N10158" s="18"/>
      <c r="O10158" s="18"/>
      <c r="P10158" s="19">
        <v>300</v>
      </c>
      <c r="Q10158" s="19"/>
      <c r="R10158" s="19"/>
      <c r="S10158" s="19"/>
      <c r="T10158" s="19">
        <v>250</v>
      </c>
      <c r="U10158" s="19"/>
      <c r="V10158" s="19"/>
      <c r="W10158" s="19"/>
      <c r="X10158" s="19">
        <v>1</v>
      </c>
      <c r="Y10158" s="19"/>
      <c r="Z10158" s="19"/>
      <c r="AA10158" s="19"/>
    </row>
    <row r="10159" spans="1:27" s="1" customFormat="1" ht="14.1" customHeight="1" outlineLevel="1" x14ac:dyDescent="0.2">
      <c r="A10159" s="17"/>
      <c r="B10159" s="17"/>
      <c r="C10159" s="17"/>
      <c r="D10159" s="18"/>
      <c r="E10159" s="18"/>
      <c r="F10159" s="18"/>
      <c r="G10159" s="18"/>
      <c r="H10159" s="18"/>
      <c r="I10159" s="18"/>
      <c r="J10159" s="18"/>
      <c r="K10159" s="18"/>
      <c r="L10159" s="18"/>
      <c r="M10159" s="18"/>
      <c r="N10159" s="18"/>
      <c r="O10159" s="18"/>
      <c r="P10159" s="19"/>
      <c r="Q10159" s="19"/>
      <c r="R10159" s="19"/>
      <c r="S10159" s="19"/>
      <c r="T10159" s="19"/>
      <c r="U10159" s="19"/>
      <c r="V10159" s="19"/>
      <c r="W10159" s="19"/>
      <c r="X10159" s="19"/>
      <c r="Y10159" s="19"/>
      <c r="Z10159" s="19"/>
      <c r="AA10159" s="19"/>
    </row>
    <row r="10160" spans="1:27" s="1" customFormat="1" ht="14.1" customHeight="1" outlineLevel="1" x14ac:dyDescent="0.2">
      <c r="A10160" s="17">
        <v>17369</v>
      </c>
      <c r="B10160" s="17"/>
      <c r="C10160" s="17"/>
      <c r="D10160" s="18" t="s">
        <v>5038</v>
      </c>
      <c r="E10160" s="18"/>
      <c r="F10160" s="18"/>
      <c r="G10160" s="18"/>
      <c r="H10160" s="18"/>
      <c r="I10160" s="18"/>
      <c r="J10160" s="18"/>
      <c r="K10160" s="18"/>
      <c r="L10160" s="18"/>
      <c r="M10160" s="18"/>
      <c r="N10160" s="18"/>
      <c r="O10160" s="18"/>
      <c r="P10160" s="19">
        <v>350</v>
      </c>
      <c r="Q10160" s="19"/>
      <c r="R10160" s="19"/>
      <c r="S10160" s="19"/>
      <c r="T10160" s="19">
        <v>200</v>
      </c>
      <c r="U10160" s="19"/>
      <c r="V10160" s="19"/>
      <c r="W10160" s="19"/>
      <c r="X10160" s="19">
        <v>1</v>
      </c>
      <c r="Y10160" s="19"/>
      <c r="Z10160" s="19"/>
      <c r="AA10160" s="19"/>
    </row>
    <row r="10161" spans="1:27" s="1" customFormat="1" ht="14.1" customHeight="1" outlineLevel="1" x14ac:dyDescent="0.2">
      <c r="A10161" s="17"/>
      <c r="B10161" s="17"/>
      <c r="C10161" s="17"/>
      <c r="D10161" s="18"/>
      <c r="E10161" s="18"/>
      <c r="F10161" s="18"/>
      <c r="G10161" s="18"/>
      <c r="H10161" s="18"/>
      <c r="I10161" s="18"/>
      <c r="J10161" s="18"/>
      <c r="K10161" s="18"/>
      <c r="L10161" s="18"/>
      <c r="M10161" s="18"/>
      <c r="N10161" s="18"/>
      <c r="O10161" s="18"/>
      <c r="P10161" s="19"/>
      <c r="Q10161" s="19"/>
      <c r="R10161" s="19"/>
      <c r="S10161" s="19"/>
      <c r="T10161" s="19"/>
      <c r="U10161" s="19"/>
      <c r="V10161" s="19"/>
      <c r="W10161" s="19"/>
      <c r="X10161" s="19"/>
      <c r="Y10161" s="19"/>
      <c r="Z10161" s="19"/>
      <c r="AA10161" s="19"/>
    </row>
    <row r="10162" spans="1:27" s="1" customFormat="1" ht="14.1" customHeight="1" outlineLevel="1" x14ac:dyDescent="0.2">
      <c r="A10162" s="17">
        <v>12741</v>
      </c>
      <c r="B10162" s="17"/>
      <c r="C10162" s="17"/>
      <c r="D10162" s="18" t="s">
        <v>5039</v>
      </c>
      <c r="E10162" s="18"/>
      <c r="F10162" s="18"/>
      <c r="G10162" s="18"/>
      <c r="H10162" s="18"/>
      <c r="I10162" s="18"/>
      <c r="J10162" s="18"/>
      <c r="K10162" s="18"/>
      <c r="L10162" s="18"/>
      <c r="M10162" s="18"/>
      <c r="N10162" s="18"/>
      <c r="O10162" s="18"/>
      <c r="P10162" s="19">
        <v>250</v>
      </c>
      <c r="Q10162" s="19"/>
      <c r="R10162" s="19"/>
      <c r="S10162" s="19"/>
      <c r="T10162" s="19">
        <v>200</v>
      </c>
      <c r="U10162" s="19"/>
      <c r="V10162" s="19"/>
      <c r="W10162" s="19"/>
      <c r="X10162" s="19">
        <v>4</v>
      </c>
      <c r="Y10162" s="19"/>
      <c r="Z10162" s="19"/>
      <c r="AA10162" s="19"/>
    </row>
    <row r="10163" spans="1:27" s="1" customFormat="1" ht="14.1" customHeight="1" outlineLevel="1" x14ac:dyDescent="0.2">
      <c r="A10163" s="17"/>
      <c r="B10163" s="17"/>
      <c r="C10163" s="17"/>
      <c r="D10163" s="18"/>
      <c r="E10163" s="18"/>
      <c r="F10163" s="18"/>
      <c r="G10163" s="18"/>
      <c r="H10163" s="18"/>
      <c r="I10163" s="18"/>
      <c r="J10163" s="18"/>
      <c r="K10163" s="18"/>
      <c r="L10163" s="18"/>
      <c r="M10163" s="18"/>
      <c r="N10163" s="18"/>
      <c r="O10163" s="18"/>
      <c r="P10163" s="19"/>
      <c r="Q10163" s="19"/>
      <c r="R10163" s="19"/>
      <c r="S10163" s="19"/>
      <c r="T10163" s="19"/>
      <c r="U10163" s="19"/>
      <c r="V10163" s="19"/>
      <c r="W10163" s="19"/>
      <c r="X10163" s="19"/>
      <c r="Y10163" s="19"/>
      <c r="Z10163" s="19"/>
      <c r="AA10163" s="19"/>
    </row>
    <row r="10164" spans="1:27" s="1" customFormat="1" ht="14.1" customHeight="1" outlineLevel="1" x14ac:dyDescent="0.2">
      <c r="A10164" s="17">
        <v>12088</v>
      </c>
      <c r="B10164" s="17"/>
      <c r="C10164" s="17"/>
      <c r="D10164" s="18" t="s">
        <v>5040</v>
      </c>
      <c r="E10164" s="18"/>
      <c r="F10164" s="18"/>
      <c r="G10164" s="18"/>
      <c r="H10164" s="18"/>
      <c r="I10164" s="18"/>
      <c r="J10164" s="18"/>
      <c r="K10164" s="18"/>
      <c r="L10164" s="18"/>
      <c r="M10164" s="18"/>
      <c r="N10164" s="18"/>
      <c r="O10164" s="18"/>
      <c r="P10164" s="19">
        <v>350</v>
      </c>
      <c r="Q10164" s="19"/>
      <c r="R10164" s="19"/>
      <c r="S10164" s="19"/>
      <c r="T10164" s="19">
        <v>280</v>
      </c>
      <c r="U10164" s="19"/>
      <c r="V10164" s="19"/>
      <c r="W10164" s="19"/>
      <c r="X10164" s="19">
        <v>1</v>
      </c>
      <c r="Y10164" s="19"/>
      <c r="Z10164" s="19"/>
      <c r="AA10164" s="19"/>
    </row>
    <row r="10165" spans="1:27" s="1" customFormat="1" ht="14.1" customHeight="1" outlineLevel="1" x14ac:dyDescent="0.2">
      <c r="A10165" s="17"/>
      <c r="B10165" s="17"/>
      <c r="C10165" s="17"/>
      <c r="D10165" s="18"/>
      <c r="E10165" s="18"/>
      <c r="F10165" s="18"/>
      <c r="G10165" s="18"/>
      <c r="H10165" s="18"/>
      <c r="I10165" s="18"/>
      <c r="J10165" s="18"/>
      <c r="K10165" s="18"/>
      <c r="L10165" s="18"/>
      <c r="M10165" s="18"/>
      <c r="N10165" s="18"/>
      <c r="O10165" s="18"/>
      <c r="P10165" s="19"/>
      <c r="Q10165" s="19"/>
      <c r="R10165" s="19"/>
      <c r="S10165" s="19"/>
      <c r="T10165" s="19"/>
      <c r="U10165" s="19"/>
      <c r="V10165" s="19"/>
      <c r="W10165" s="19"/>
      <c r="X10165" s="19"/>
      <c r="Y10165" s="19"/>
      <c r="Z10165" s="19"/>
      <c r="AA10165" s="19"/>
    </row>
    <row r="10166" spans="1:27" s="1" customFormat="1" ht="14.1" customHeight="1" outlineLevel="1" x14ac:dyDescent="0.2">
      <c r="A10166" s="17">
        <v>12842</v>
      </c>
      <c r="B10166" s="17"/>
      <c r="C10166" s="17"/>
      <c r="D10166" s="18" t="s">
        <v>5041</v>
      </c>
      <c r="E10166" s="18"/>
      <c r="F10166" s="18"/>
      <c r="G10166" s="18"/>
      <c r="H10166" s="18"/>
      <c r="I10166" s="18"/>
      <c r="J10166" s="18"/>
      <c r="K10166" s="18"/>
      <c r="L10166" s="18"/>
      <c r="M10166" s="18"/>
      <c r="N10166" s="18"/>
      <c r="O10166" s="18"/>
      <c r="P10166" s="19">
        <v>350</v>
      </c>
      <c r="Q10166" s="19"/>
      <c r="R10166" s="19"/>
      <c r="S10166" s="19"/>
      <c r="T10166" s="19">
        <v>290</v>
      </c>
      <c r="U10166" s="19"/>
      <c r="V10166" s="19"/>
      <c r="W10166" s="19"/>
      <c r="X10166" s="19">
        <v>1</v>
      </c>
      <c r="Y10166" s="19"/>
      <c r="Z10166" s="19"/>
      <c r="AA10166" s="19"/>
    </row>
    <row r="10167" spans="1:27" s="1" customFormat="1" ht="14.1" customHeight="1" outlineLevel="1" x14ac:dyDescent="0.2">
      <c r="A10167" s="17"/>
      <c r="B10167" s="17"/>
      <c r="C10167" s="17"/>
      <c r="D10167" s="18"/>
      <c r="E10167" s="18"/>
      <c r="F10167" s="18"/>
      <c r="G10167" s="18"/>
      <c r="H10167" s="18"/>
      <c r="I10167" s="18"/>
      <c r="J10167" s="18"/>
      <c r="K10167" s="18"/>
      <c r="L10167" s="18"/>
      <c r="M10167" s="18"/>
      <c r="N10167" s="18"/>
      <c r="O10167" s="18"/>
      <c r="P10167" s="19"/>
      <c r="Q10167" s="19"/>
      <c r="R10167" s="19"/>
      <c r="S10167" s="19"/>
      <c r="T10167" s="19"/>
      <c r="U10167" s="19"/>
      <c r="V10167" s="19"/>
      <c r="W10167" s="19"/>
      <c r="X10167" s="19"/>
      <c r="Y10167" s="19"/>
      <c r="Z10167" s="19"/>
      <c r="AA10167" s="19"/>
    </row>
    <row r="10168" spans="1:27" s="1" customFormat="1" ht="11.1" customHeight="1" outlineLevel="1" x14ac:dyDescent="0.2">
      <c r="A10168" s="17">
        <v>12873</v>
      </c>
      <c r="B10168" s="17"/>
      <c r="C10168" s="17"/>
      <c r="D10168" s="18" t="s">
        <v>5042</v>
      </c>
      <c r="E10168" s="18"/>
      <c r="F10168" s="18"/>
      <c r="G10168" s="18"/>
      <c r="H10168" s="18"/>
      <c r="I10168" s="18"/>
      <c r="J10168" s="18"/>
      <c r="K10168" s="18"/>
      <c r="L10168" s="18"/>
      <c r="M10168" s="18"/>
      <c r="N10168" s="18"/>
      <c r="O10168" s="18"/>
      <c r="P10168" s="19">
        <v>350</v>
      </c>
      <c r="Q10168" s="19"/>
      <c r="R10168" s="19"/>
      <c r="S10168" s="19"/>
      <c r="T10168" s="19">
        <v>290</v>
      </c>
      <c r="U10168" s="19"/>
      <c r="V10168" s="19"/>
      <c r="W10168" s="19"/>
      <c r="X10168" s="19">
        <v>3</v>
      </c>
      <c r="Y10168" s="19"/>
      <c r="Z10168" s="19"/>
      <c r="AA10168" s="19"/>
    </row>
    <row r="10169" spans="1:27" s="1" customFormat="1" ht="11.1" customHeight="1" outlineLevel="1" x14ac:dyDescent="0.2">
      <c r="A10169" s="17"/>
      <c r="B10169" s="17"/>
      <c r="C10169" s="17"/>
      <c r="D10169" s="18"/>
      <c r="E10169" s="18"/>
      <c r="F10169" s="18"/>
      <c r="G10169" s="18"/>
      <c r="H10169" s="18"/>
      <c r="I10169" s="18"/>
      <c r="J10169" s="18"/>
      <c r="K10169" s="18"/>
      <c r="L10169" s="18"/>
      <c r="M10169" s="18"/>
      <c r="N10169" s="18"/>
      <c r="O10169" s="18"/>
      <c r="P10169" s="19"/>
      <c r="Q10169" s="19"/>
      <c r="R10169" s="19"/>
      <c r="S10169" s="19"/>
      <c r="T10169" s="19"/>
      <c r="U10169" s="19"/>
      <c r="V10169" s="19"/>
      <c r="W10169" s="19"/>
      <c r="X10169" s="19"/>
      <c r="Y10169" s="19"/>
      <c r="Z10169" s="19"/>
      <c r="AA10169" s="19"/>
    </row>
    <row r="10170" spans="1:27" s="1" customFormat="1" ht="14.1" customHeight="1" outlineLevel="1" x14ac:dyDescent="0.2">
      <c r="A10170" s="17">
        <v>12854</v>
      </c>
      <c r="B10170" s="17"/>
      <c r="C10170" s="17"/>
      <c r="D10170" s="18" t="s">
        <v>5043</v>
      </c>
      <c r="E10170" s="18"/>
      <c r="F10170" s="18"/>
      <c r="G10170" s="18"/>
      <c r="H10170" s="18"/>
      <c r="I10170" s="18"/>
      <c r="J10170" s="18"/>
      <c r="K10170" s="18"/>
      <c r="L10170" s="18"/>
      <c r="M10170" s="18"/>
      <c r="N10170" s="18"/>
      <c r="O10170" s="18"/>
      <c r="P10170" s="19">
        <v>350</v>
      </c>
      <c r="Q10170" s="19"/>
      <c r="R10170" s="19"/>
      <c r="S10170" s="19"/>
      <c r="T10170" s="19">
        <v>290</v>
      </c>
      <c r="U10170" s="19"/>
      <c r="V10170" s="19"/>
      <c r="W10170" s="19"/>
      <c r="X10170" s="19">
        <v>3</v>
      </c>
      <c r="Y10170" s="19"/>
      <c r="Z10170" s="19"/>
      <c r="AA10170" s="19"/>
    </row>
    <row r="10171" spans="1:27" s="1" customFormat="1" ht="14.1" customHeight="1" outlineLevel="1" x14ac:dyDescent="0.2">
      <c r="A10171" s="17"/>
      <c r="B10171" s="17"/>
      <c r="C10171" s="17"/>
      <c r="D10171" s="18"/>
      <c r="E10171" s="18"/>
      <c r="F10171" s="18"/>
      <c r="G10171" s="18"/>
      <c r="H10171" s="18"/>
      <c r="I10171" s="18"/>
      <c r="J10171" s="18"/>
      <c r="K10171" s="18"/>
      <c r="L10171" s="18"/>
      <c r="M10171" s="18"/>
      <c r="N10171" s="18"/>
      <c r="O10171" s="18"/>
      <c r="P10171" s="19"/>
      <c r="Q10171" s="19"/>
      <c r="R10171" s="19"/>
      <c r="S10171" s="19"/>
      <c r="T10171" s="19"/>
      <c r="U10171" s="19"/>
      <c r="V10171" s="19"/>
      <c r="W10171" s="19"/>
      <c r="X10171" s="19"/>
      <c r="Y10171" s="19"/>
      <c r="Z10171" s="19"/>
      <c r="AA10171" s="19"/>
    </row>
    <row r="10172" spans="1:27" s="1" customFormat="1" ht="14.1" customHeight="1" outlineLevel="1" x14ac:dyDescent="0.2">
      <c r="A10172" s="17">
        <v>12725</v>
      </c>
      <c r="B10172" s="17"/>
      <c r="C10172" s="17"/>
      <c r="D10172" s="18" t="s">
        <v>5044</v>
      </c>
      <c r="E10172" s="18"/>
      <c r="F10172" s="18"/>
      <c r="G10172" s="18"/>
      <c r="H10172" s="18"/>
      <c r="I10172" s="18"/>
      <c r="J10172" s="18"/>
      <c r="K10172" s="18"/>
      <c r="L10172" s="18"/>
      <c r="M10172" s="18"/>
      <c r="N10172" s="18"/>
      <c r="O10172" s="18"/>
      <c r="P10172" s="19">
        <v>430</v>
      </c>
      <c r="Q10172" s="19"/>
      <c r="R10172" s="19"/>
      <c r="S10172" s="19"/>
      <c r="T10172" s="19">
        <v>350</v>
      </c>
      <c r="U10172" s="19"/>
      <c r="V10172" s="19"/>
      <c r="W10172" s="19"/>
      <c r="X10172" s="19">
        <v>1</v>
      </c>
      <c r="Y10172" s="19"/>
      <c r="Z10172" s="19"/>
      <c r="AA10172" s="19"/>
    </row>
    <row r="10173" spans="1:27" s="1" customFormat="1" ht="14.1" customHeight="1" outlineLevel="1" x14ac:dyDescent="0.2">
      <c r="A10173" s="17"/>
      <c r="B10173" s="17"/>
      <c r="C10173" s="17"/>
      <c r="D10173" s="18"/>
      <c r="E10173" s="18"/>
      <c r="F10173" s="18"/>
      <c r="G10173" s="18"/>
      <c r="H10173" s="18"/>
      <c r="I10173" s="18"/>
      <c r="J10173" s="18"/>
      <c r="K10173" s="18"/>
      <c r="L10173" s="18"/>
      <c r="M10173" s="18"/>
      <c r="N10173" s="18"/>
      <c r="O10173" s="18"/>
      <c r="P10173" s="19"/>
      <c r="Q10173" s="19"/>
      <c r="R10173" s="19"/>
      <c r="S10173" s="19"/>
      <c r="T10173" s="19"/>
      <c r="U10173" s="19"/>
      <c r="V10173" s="19"/>
      <c r="W10173" s="19"/>
      <c r="X10173" s="19"/>
      <c r="Y10173" s="19"/>
      <c r="Z10173" s="19"/>
      <c r="AA10173" s="19"/>
    </row>
    <row r="10174" spans="1:27" s="1" customFormat="1" ht="14.1" customHeight="1" outlineLevel="1" x14ac:dyDescent="0.2">
      <c r="A10174" s="17">
        <v>15560</v>
      </c>
      <c r="B10174" s="17"/>
      <c r="C10174" s="17"/>
      <c r="D10174" s="18" t="s">
        <v>5045</v>
      </c>
      <c r="E10174" s="18"/>
      <c r="F10174" s="18"/>
      <c r="G10174" s="18"/>
      <c r="H10174" s="18"/>
      <c r="I10174" s="18"/>
      <c r="J10174" s="18"/>
      <c r="K10174" s="18"/>
      <c r="L10174" s="18"/>
      <c r="M10174" s="18"/>
      <c r="N10174" s="18"/>
      <c r="O10174" s="18"/>
      <c r="P10174" s="19">
        <v>500</v>
      </c>
      <c r="Q10174" s="19"/>
      <c r="R10174" s="19"/>
      <c r="S10174" s="19"/>
      <c r="T10174" s="19">
        <v>400</v>
      </c>
      <c r="U10174" s="19"/>
      <c r="V10174" s="19"/>
      <c r="W10174" s="19"/>
      <c r="X10174" s="19">
        <v>4</v>
      </c>
      <c r="Y10174" s="19"/>
      <c r="Z10174" s="19"/>
      <c r="AA10174" s="19"/>
    </row>
    <row r="10175" spans="1:27" s="1" customFormat="1" ht="14.1" customHeight="1" outlineLevel="1" x14ac:dyDescent="0.2">
      <c r="A10175" s="17"/>
      <c r="B10175" s="17"/>
      <c r="C10175" s="17"/>
      <c r="D10175" s="18"/>
      <c r="E10175" s="18"/>
      <c r="F10175" s="18"/>
      <c r="G10175" s="18"/>
      <c r="H10175" s="18"/>
      <c r="I10175" s="18"/>
      <c r="J10175" s="18"/>
      <c r="K10175" s="18"/>
      <c r="L10175" s="18"/>
      <c r="M10175" s="18"/>
      <c r="N10175" s="18"/>
      <c r="O10175" s="18"/>
      <c r="P10175" s="19"/>
      <c r="Q10175" s="19"/>
      <c r="R10175" s="19"/>
      <c r="S10175" s="19"/>
      <c r="T10175" s="19"/>
      <c r="U10175" s="19"/>
      <c r="V10175" s="19"/>
      <c r="W10175" s="19"/>
      <c r="X10175" s="19"/>
      <c r="Y10175" s="19"/>
      <c r="Z10175" s="19"/>
      <c r="AA10175" s="19"/>
    </row>
    <row r="10176" spans="1:27" s="1" customFormat="1" ht="14.1" customHeight="1" outlineLevel="1" x14ac:dyDescent="0.2">
      <c r="A10176" s="17">
        <v>16937</v>
      </c>
      <c r="B10176" s="17"/>
      <c r="C10176" s="17"/>
      <c r="D10176" s="18" t="s">
        <v>5046</v>
      </c>
      <c r="E10176" s="18"/>
      <c r="F10176" s="18"/>
      <c r="G10176" s="18"/>
      <c r="H10176" s="18"/>
      <c r="I10176" s="18"/>
      <c r="J10176" s="18"/>
      <c r="K10176" s="18"/>
      <c r="L10176" s="18"/>
      <c r="M10176" s="18"/>
      <c r="N10176" s="18"/>
      <c r="O10176" s="18"/>
      <c r="P10176" s="19">
        <v>600</v>
      </c>
      <c r="Q10176" s="19"/>
      <c r="R10176" s="19"/>
      <c r="S10176" s="19"/>
      <c r="T10176" s="19">
        <v>500</v>
      </c>
      <c r="U10176" s="19"/>
      <c r="V10176" s="19"/>
      <c r="W10176" s="19"/>
      <c r="X10176" s="19">
        <v>2</v>
      </c>
      <c r="Y10176" s="19"/>
      <c r="Z10176" s="19"/>
      <c r="AA10176" s="19"/>
    </row>
    <row r="10177" spans="1:27" s="1" customFormat="1" ht="14.1" customHeight="1" outlineLevel="1" x14ac:dyDescent="0.2">
      <c r="A10177" s="17"/>
      <c r="B10177" s="17"/>
      <c r="C10177" s="17"/>
      <c r="D10177" s="18"/>
      <c r="E10177" s="18"/>
      <c r="F10177" s="18"/>
      <c r="G10177" s="18"/>
      <c r="H10177" s="18"/>
      <c r="I10177" s="18"/>
      <c r="J10177" s="18"/>
      <c r="K10177" s="18"/>
      <c r="L10177" s="18"/>
      <c r="M10177" s="18"/>
      <c r="N10177" s="18"/>
      <c r="O10177" s="18"/>
      <c r="P10177" s="19"/>
      <c r="Q10177" s="19"/>
      <c r="R10177" s="19"/>
      <c r="S10177" s="19"/>
      <c r="T10177" s="19"/>
      <c r="U10177" s="19"/>
      <c r="V10177" s="19"/>
      <c r="W10177" s="19"/>
      <c r="X10177" s="19"/>
      <c r="Y10177" s="19"/>
      <c r="Z10177" s="19"/>
      <c r="AA10177" s="19"/>
    </row>
    <row r="10178" spans="1:27" s="1" customFormat="1" ht="14.1" customHeight="1" outlineLevel="1" x14ac:dyDescent="0.2">
      <c r="A10178" s="17">
        <v>18053</v>
      </c>
      <c r="B10178" s="17"/>
      <c r="C10178" s="17"/>
      <c r="D10178" s="18" t="s">
        <v>5047</v>
      </c>
      <c r="E10178" s="18"/>
      <c r="F10178" s="18"/>
      <c r="G10178" s="18"/>
      <c r="H10178" s="18"/>
      <c r="I10178" s="18"/>
      <c r="J10178" s="18"/>
      <c r="K10178" s="18"/>
      <c r="L10178" s="18"/>
      <c r="M10178" s="18"/>
      <c r="N10178" s="18"/>
      <c r="O10178" s="18"/>
      <c r="P10178" s="20">
        <v>1000</v>
      </c>
      <c r="Q10178" s="20"/>
      <c r="R10178" s="20"/>
      <c r="S10178" s="20"/>
      <c r="T10178" s="19">
        <v>800</v>
      </c>
      <c r="U10178" s="19"/>
      <c r="V10178" s="19"/>
      <c r="W10178" s="19"/>
      <c r="X10178" s="19">
        <v>1</v>
      </c>
      <c r="Y10178" s="19"/>
      <c r="Z10178" s="19"/>
      <c r="AA10178" s="19"/>
    </row>
    <row r="10179" spans="1:27" s="1" customFormat="1" ht="14.1" customHeight="1" outlineLevel="1" x14ac:dyDescent="0.2">
      <c r="A10179" s="17"/>
      <c r="B10179" s="17"/>
      <c r="C10179" s="17"/>
      <c r="D10179" s="18"/>
      <c r="E10179" s="18"/>
      <c r="F10179" s="18"/>
      <c r="G10179" s="18"/>
      <c r="H10179" s="18"/>
      <c r="I10179" s="18"/>
      <c r="J10179" s="18"/>
      <c r="K10179" s="18"/>
      <c r="L10179" s="18"/>
      <c r="M10179" s="18"/>
      <c r="N10179" s="18"/>
      <c r="O10179" s="18"/>
      <c r="P10179" s="20"/>
      <c r="Q10179" s="20"/>
      <c r="R10179" s="20"/>
      <c r="S10179" s="20"/>
      <c r="T10179" s="19"/>
      <c r="U10179" s="19"/>
      <c r="V10179" s="19"/>
      <c r="W10179" s="19"/>
      <c r="X10179" s="19"/>
      <c r="Y10179" s="19"/>
      <c r="Z10179" s="19"/>
      <c r="AA10179" s="19"/>
    </row>
    <row r="10180" spans="1:27" s="1" customFormat="1" ht="11.1" customHeight="1" outlineLevel="1" x14ac:dyDescent="0.2">
      <c r="A10180" s="17">
        <v>13664</v>
      </c>
      <c r="B10180" s="17"/>
      <c r="C10180" s="17"/>
      <c r="D10180" s="18" t="s">
        <v>5048</v>
      </c>
      <c r="E10180" s="18"/>
      <c r="F10180" s="18"/>
      <c r="G10180" s="18"/>
      <c r="H10180" s="18"/>
      <c r="I10180" s="18"/>
      <c r="J10180" s="18"/>
      <c r="K10180" s="18"/>
      <c r="L10180" s="18"/>
      <c r="M10180" s="18"/>
      <c r="N10180" s="18"/>
      <c r="O10180" s="18"/>
      <c r="P10180" s="19">
        <v>190</v>
      </c>
      <c r="Q10180" s="19"/>
      <c r="R10180" s="19"/>
      <c r="S10180" s="19"/>
      <c r="T10180" s="19">
        <v>150</v>
      </c>
      <c r="U10180" s="19"/>
      <c r="V10180" s="19"/>
      <c r="W10180" s="19"/>
      <c r="X10180" s="19">
        <v>1</v>
      </c>
      <c r="Y10180" s="19"/>
      <c r="Z10180" s="19"/>
      <c r="AA10180" s="19"/>
    </row>
    <row r="10181" spans="1:27" s="1" customFormat="1" ht="11.1" customHeight="1" outlineLevel="1" x14ac:dyDescent="0.2">
      <c r="A10181" s="17"/>
      <c r="B10181" s="17"/>
      <c r="C10181" s="17"/>
      <c r="D10181" s="18"/>
      <c r="E10181" s="18"/>
      <c r="F10181" s="18"/>
      <c r="G10181" s="18"/>
      <c r="H10181" s="18"/>
      <c r="I10181" s="18"/>
      <c r="J10181" s="18"/>
      <c r="K10181" s="18"/>
      <c r="L10181" s="18"/>
      <c r="M10181" s="18"/>
      <c r="N10181" s="18"/>
      <c r="O10181" s="18"/>
      <c r="P10181" s="19"/>
      <c r="Q10181" s="19"/>
      <c r="R10181" s="19"/>
      <c r="S10181" s="19"/>
      <c r="T10181" s="19"/>
      <c r="U10181" s="19"/>
      <c r="V10181" s="19"/>
      <c r="W10181" s="19"/>
      <c r="X10181" s="19"/>
      <c r="Y10181" s="19"/>
      <c r="Z10181" s="19"/>
      <c r="AA10181" s="19"/>
    </row>
    <row r="10182" spans="1:27" s="1" customFormat="1" ht="14.1" customHeight="1" outlineLevel="1" x14ac:dyDescent="0.2">
      <c r="A10182" s="17">
        <v>16719</v>
      </c>
      <c r="B10182" s="17"/>
      <c r="C10182" s="17"/>
      <c r="D10182" s="18" t="s">
        <v>5049</v>
      </c>
      <c r="E10182" s="18"/>
      <c r="F10182" s="18"/>
      <c r="G10182" s="18"/>
      <c r="H10182" s="18"/>
      <c r="I10182" s="18"/>
      <c r="J10182" s="18"/>
      <c r="K10182" s="18"/>
      <c r="L10182" s="18"/>
      <c r="M10182" s="18"/>
      <c r="N10182" s="18"/>
      <c r="O10182" s="18"/>
      <c r="P10182" s="19">
        <v>150</v>
      </c>
      <c r="Q10182" s="19"/>
      <c r="R10182" s="19"/>
      <c r="S10182" s="19"/>
      <c r="T10182" s="19">
        <v>100</v>
      </c>
      <c r="U10182" s="19"/>
      <c r="V10182" s="19"/>
      <c r="W10182" s="19"/>
      <c r="X10182" s="19">
        <v>2</v>
      </c>
      <c r="Y10182" s="19"/>
      <c r="Z10182" s="19"/>
      <c r="AA10182" s="19"/>
    </row>
    <row r="10183" spans="1:27" s="1" customFormat="1" ht="14.1" customHeight="1" outlineLevel="1" x14ac:dyDescent="0.2">
      <c r="A10183" s="17"/>
      <c r="B10183" s="17"/>
      <c r="C10183" s="17"/>
      <c r="D10183" s="18"/>
      <c r="E10183" s="18"/>
      <c r="F10183" s="18"/>
      <c r="G10183" s="18"/>
      <c r="H10183" s="18"/>
      <c r="I10183" s="18"/>
      <c r="J10183" s="18"/>
      <c r="K10183" s="18"/>
      <c r="L10183" s="18"/>
      <c r="M10183" s="18"/>
      <c r="N10183" s="18"/>
      <c r="O10183" s="18"/>
      <c r="P10183" s="19"/>
      <c r="Q10183" s="19"/>
      <c r="R10183" s="19"/>
      <c r="S10183" s="19"/>
      <c r="T10183" s="19"/>
      <c r="U10183" s="19"/>
      <c r="V10183" s="19"/>
      <c r="W10183" s="19"/>
      <c r="X10183" s="19"/>
      <c r="Y10183" s="19"/>
      <c r="Z10183" s="19"/>
      <c r="AA10183" s="19"/>
    </row>
    <row r="10184" spans="1:27" s="1" customFormat="1" ht="14.1" customHeight="1" outlineLevel="1" x14ac:dyDescent="0.2">
      <c r="A10184" s="17">
        <v>12072</v>
      </c>
      <c r="B10184" s="17"/>
      <c r="C10184" s="17"/>
      <c r="D10184" s="18" t="s">
        <v>5050</v>
      </c>
      <c r="E10184" s="18"/>
      <c r="F10184" s="18"/>
      <c r="G10184" s="18"/>
      <c r="H10184" s="18"/>
      <c r="I10184" s="18"/>
      <c r="J10184" s="18"/>
      <c r="K10184" s="18"/>
      <c r="L10184" s="18"/>
      <c r="M10184" s="18"/>
      <c r="N10184" s="18"/>
      <c r="O10184" s="18"/>
      <c r="P10184" s="19">
        <v>300</v>
      </c>
      <c r="Q10184" s="19"/>
      <c r="R10184" s="19"/>
      <c r="S10184" s="19"/>
      <c r="T10184" s="19">
        <v>250</v>
      </c>
      <c r="U10184" s="19"/>
      <c r="V10184" s="19"/>
      <c r="W10184" s="19"/>
      <c r="X10184" s="19">
        <v>3</v>
      </c>
      <c r="Y10184" s="19"/>
      <c r="Z10184" s="19"/>
      <c r="AA10184" s="19"/>
    </row>
    <row r="10185" spans="1:27" s="1" customFormat="1" ht="14.1" customHeight="1" outlineLevel="1" x14ac:dyDescent="0.2">
      <c r="A10185" s="17"/>
      <c r="B10185" s="17"/>
      <c r="C10185" s="17"/>
      <c r="D10185" s="18"/>
      <c r="E10185" s="18"/>
      <c r="F10185" s="18"/>
      <c r="G10185" s="18"/>
      <c r="H10185" s="18"/>
      <c r="I10185" s="18"/>
      <c r="J10185" s="18"/>
      <c r="K10185" s="18"/>
      <c r="L10185" s="18"/>
      <c r="M10185" s="18"/>
      <c r="N10185" s="18"/>
      <c r="O10185" s="18"/>
      <c r="P10185" s="19"/>
      <c r="Q10185" s="19"/>
      <c r="R10185" s="19"/>
      <c r="S10185" s="19"/>
      <c r="T10185" s="19"/>
      <c r="U10185" s="19"/>
      <c r="V10185" s="19"/>
      <c r="W10185" s="19"/>
      <c r="X10185" s="19"/>
      <c r="Y10185" s="19"/>
      <c r="Z10185" s="19"/>
      <c r="AA10185" s="19"/>
    </row>
    <row r="10186" spans="1:27" s="1" customFormat="1" ht="14.1" customHeight="1" outlineLevel="1" x14ac:dyDescent="0.2">
      <c r="A10186" s="17">
        <v>12708</v>
      </c>
      <c r="B10186" s="17"/>
      <c r="C10186" s="17"/>
      <c r="D10186" s="18" t="s">
        <v>5051</v>
      </c>
      <c r="E10186" s="18"/>
      <c r="F10186" s="18"/>
      <c r="G10186" s="18"/>
      <c r="H10186" s="18"/>
      <c r="I10186" s="18"/>
      <c r="J10186" s="18"/>
      <c r="K10186" s="18"/>
      <c r="L10186" s="18"/>
      <c r="M10186" s="18"/>
      <c r="N10186" s="18"/>
      <c r="O10186" s="18"/>
      <c r="P10186" s="19">
        <v>300</v>
      </c>
      <c r="Q10186" s="19"/>
      <c r="R10186" s="19"/>
      <c r="S10186" s="19"/>
      <c r="T10186" s="19">
        <v>250</v>
      </c>
      <c r="U10186" s="19"/>
      <c r="V10186" s="19"/>
      <c r="W10186" s="19"/>
      <c r="X10186" s="19">
        <v>3</v>
      </c>
      <c r="Y10186" s="19"/>
      <c r="Z10186" s="19"/>
      <c r="AA10186" s="19"/>
    </row>
    <row r="10187" spans="1:27" s="1" customFormat="1" ht="14.1" customHeight="1" outlineLevel="1" x14ac:dyDescent="0.2">
      <c r="A10187" s="17"/>
      <c r="B10187" s="17"/>
      <c r="C10187" s="17"/>
      <c r="D10187" s="18"/>
      <c r="E10187" s="18"/>
      <c r="F10187" s="18"/>
      <c r="G10187" s="18"/>
      <c r="H10187" s="18"/>
      <c r="I10187" s="18"/>
      <c r="J10187" s="18"/>
      <c r="K10187" s="18"/>
      <c r="L10187" s="18"/>
      <c r="M10187" s="18"/>
      <c r="N10187" s="18"/>
      <c r="O10187" s="18"/>
      <c r="P10187" s="19"/>
      <c r="Q10187" s="19"/>
      <c r="R10187" s="19"/>
      <c r="S10187" s="19"/>
      <c r="T10187" s="19"/>
      <c r="U10187" s="19"/>
      <c r="V10187" s="19"/>
      <c r="W10187" s="19"/>
      <c r="X10187" s="19"/>
      <c r="Y10187" s="19"/>
      <c r="Z10187" s="19"/>
      <c r="AA10187" s="19"/>
    </row>
    <row r="10188" spans="1:27" s="1" customFormat="1" ht="14.1" customHeight="1" outlineLevel="1" x14ac:dyDescent="0.2">
      <c r="A10188" s="17">
        <v>16616</v>
      </c>
      <c r="B10188" s="17"/>
      <c r="C10188" s="17"/>
      <c r="D10188" s="18" t="s">
        <v>5052</v>
      </c>
      <c r="E10188" s="18"/>
      <c r="F10188" s="18"/>
      <c r="G10188" s="18"/>
      <c r="H10188" s="18"/>
      <c r="I10188" s="18"/>
      <c r="J10188" s="18"/>
      <c r="K10188" s="18"/>
      <c r="L10188" s="18"/>
      <c r="M10188" s="18"/>
      <c r="N10188" s="18"/>
      <c r="O10188" s="18"/>
      <c r="P10188" s="19">
        <v>500</v>
      </c>
      <c r="Q10188" s="19"/>
      <c r="R10188" s="19"/>
      <c r="S10188" s="19"/>
      <c r="T10188" s="19">
        <v>400</v>
      </c>
      <c r="U10188" s="19"/>
      <c r="V10188" s="19"/>
      <c r="W10188" s="19"/>
      <c r="X10188" s="19">
        <v>3</v>
      </c>
      <c r="Y10188" s="19"/>
      <c r="Z10188" s="19"/>
      <c r="AA10188" s="19"/>
    </row>
    <row r="10189" spans="1:27" s="1" customFormat="1" ht="14.1" customHeight="1" outlineLevel="1" x14ac:dyDescent="0.2">
      <c r="A10189" s="17"/>
      <c r="B10189" s="17"/>
      <c r="C10189" s="17"/>
      <c r="D10189" s="18"/>
      <c r="E10189" s="18"/>
      <c r="F10189" s="18"/>
      <c r="G10189" s="18"/>
      <c r="H10189" s="18"/>
      <c r="I10189" s="18"/>
      <c r="J10189" s="18"/>
      <c r="K10189" s="18"/>
      <c r="L10189" s="18"/>
      <c r="M10189" s="18"/>
      <c r="N10189" s="18"/>
      <c r="O10189" s="18"/>
      <c r="P10189" s="19"/>
      <c r="Q10189" s="19"/>
      <c r="R10189" s="19"/>
      <c r="S10189" s="19"/>
      <c r="T10189" s="19"/>
      <c r="U10189" s="19"/>
      <c r="V10189" s="19"/>
      <c r="W10189" s="19"/>
      <c r="X10189" s="19"/>
      <c r="Y10189" s="19"/>
      <c r="Z10189" s="19"/>
      <c r="AA10189" s="19"/>
    </row>
    <row r="10190" spans="1:27" s="1" customFormat="1" ht="14.1" customHeight="1" outlineLevel="1" x14ac:dyDescent="0.2">
      <c r="A10190" s="17">
        <v>8725</v>
      </c>
      <c r="B10190" s="17"/>
      <c r="C10190" s="17"/>
      <c r="D10190" s="18" t="s">
        <v>5053</v>
      </c>
      <c r="E10190" s="18"/>
      <c r="F10190" s="18"/>
      <c r="G10190" s="18"/>
      <c r="H10190" s="18"/>
      <c r="I10190" s="18"/>
      <c r="J10190" s="18"/>
      <c r="K10190" s="18"/>
      <c r="L10190" s="18"/>
      <c r="M10190" s="18"/>
      <c r="N10190" s="18"/>
      <c r="O10190" s="18"/>
      <c r="P10190" s="19">
        <v>300</v>
      </c>
      <c r="Q10190" s="19"/>
      <c r="R10190" s="19"/>
      <c r="S10190" s="19"/>
      <c r="T10190" s="19">
        <v>200</v>
      </c>
      <c r="U10190" s="19"/>
      <c r="V10190" s="19"/>
      <c r="W10190" s="19"/>
      <c r="X10190" s="19">
        <v>3</v>
      </c>
      <c r="Y10190" s="19"/>
      <c r="Z10190" s="19"/>
      <c r="AA10190" s="19"/>
    </row>
    <row r="10191" spans="1:27" s="1" customFormat="1" ht="14.1" customHeight="1" outlineLevel="1" x14ac:dyDescent="0.2">
      <c r="A10191" s="17"/>
      <c r="B10191" s="17"/>
      <c r="C10191" s="17"/>
      <c r="D10191" s="18"/>
      <c r="E10191" s="18"/>
      <c r="F10191" s="18"/>
      <c r="G10191" s="18"/>
      <c r="H10191" s="18"/>
      <c r="I10191" s="18"/>
      <c r="J10191" s="18"/>
      <c r="K10191" s="18"/>
      <c r="L10191" s="18"/>
      <c r="M10191" s="18"/>
      <c r="N10191" s="18"/>
      <c r="O10191" s="18"/>
      <c r="P10191" s="19"/>
      <c r="Q10191" s="19"/>
      <c r="R10191" s="19"/>
      <c r="S10191" s="19"/>
      <c r="T10191" s="19"/>
      <c r="U10191" s="19"/>
      <c r="V10191" s="19"/>
      <c r="W10191" s="19"/>
      <c r="X10191" s="19"/>
      <c r="Y10191" s="19"/>
      <c r="Z10191" s="19"/>
      <c r="AA10191" s="19"/>
    </row>
    <row r="10192" spans="1:27" s="1" customFormat="1" ht="14.1" customHeight="1" outlineLevel="1" x14ac:dyDescent="0.2">
      <c r="A10192" s="17">
        <v>10332</v>
      </c>
      <c r="B10192" s="17"/>
      <c r="C10192" s="17"/>
      <c r="D10192" s="18" t="s">
        <v>5054</v>
      </c>
      <c r="E10192" s="18"/>
      <c r="F10192" s="18"/>
      <c r="G10192" s="18"/>
      <c r="H10192" s="18"/>
      <c r="I10192" s="18"/>
      <c r="J10192" s="18"/>
      <c r="K10192" s="18"/>
      <c r="L10192" s="18"/>
      <c r="M10192" s="18"/>
      <c r="N10192" s="18"/>
      <c r="O10192" s="18"/>
      <c r="P10192" s="19">
        <v>360</v>
      </c>
      <c r="Q10192" s="19"/>
      <c r="R10192" s="19"/>
      <c r="S10192" s="19"/>
      <c r="T10192" s="19">
        <v>300</v>
      </c>
      <c r="U10192" s="19"/>
      <c r="V10192" s="19"/>
      <c r="W10192" s="19"/>
      <c r="X10192" s="19">
        <v>4</v>
      </c>
      <c r="Y10192" s="19"/>
      <c r="Z10192" s="19"/>
      <c r="AA10192" s="19"/>
    </row>
    <row r="10193" spans="1:27" s="1" customFormat="1" ht="14.1" customHeight="1" outlineLevel="1" x14ac:dyDescent="0.2">
      <c r="A10193" s="17"/>
      <c r="B10193" s="17"/>
      <c r="C10193" s="17"/>
      <c r="D10193" s="18"/>
      <c r="E10193" s="18"/>
      <c r="F10193" s="18"/>
      <c r="G10193" s="18"/>
      <c r="H10193" s="18"/>
      <c r="I10193" s="18"/>
      <c r="J10193" s="18"/>
      <c r="K10193" s="18"/>
      <c r="L10193" s="18"/>
      <c r="M10193" s="18"/>
      <c r="N10193" s="18"/>
      <c r="O10193" s="18"/>
      <c r="P10193" s="19"/>
      <c r="Q10193" s="19"/>
      <c r="R10193" s="19"/>
      <c r="S10193" s="19"/>
      <c r="T10193" s="19"/>
      <c r="U10193" s="19"/>
      <c r="V10193" s="19"/>
      <c r="W10193" s="19"/>
      <c r="X10193" s="19"/>
      <c r="Y10193" s="19"/>
      <c r="Z10193" s="19"/>
      <c r="AA10193" s="19"/>
    </row>
    <row r="10194" spans="1:27" s="1" customFormat="1" ht="11.1" customHeight="1" outlineLevel="1" x14ac:dyDescent="0.2">
      <c r="A10194" s="17">
        <v>13683</v>
      </c>
      <c r="B10194" s="17"/>
      <c r="C10194" s="17"/>
      <c r="D10194" s="18" t="s">
        <v>5055</v>
      </c>
      <c r="E10194" s="18"/>
      <c r="F10194" s="18"/>
      <c r="G10194" s="18"/>
      <c r="H10194" s="18"/>
      <c r="I10194" s="18"/>
      <c r="J10194" s="18"/>
      <c r="K10194" s="18"/>
      <c r="L10194" s="18"/>
      <c r="M10194" s="18"/>
      <c r="N10194" s="18"/>
      <c r="O10194" s="18"/>
      <c r="P10194" s="19">
        <v>450</v>
      </c>
      <c r="Q10194" s="19"/>
      <c r="R10194" s="19"/>
      <c r="S10194" s="19"/>
      <c r="T10194" s="19">
        <v>350</v>
      </c>
      <c r="U10194" s="19"/>
      <c r="V10194" s="19"/>
      <c r="W10194" s="19"/>
      <c r="X10194" s="19">
        <v>1</v>
      </c>
      <c r="Y10194" s="19"/>
      <c r="Z10194" s="19"/>
      <c r="AA10194" s="19"/>
    </row>
    <row r="10195" spans="1:27" s="1" customFormat="1" ht="11.1" customHeight="1" outlineLevel="1" x14ac:dyDescent="0.2">
      <c r="A10195" s="17"/>
      <c r="B10195" s="17"/>
      <c r="C10195" s="17"/>
      <c r="D10195" s="18"/>
      <c r="E10195" s="18"/>
      <c r="F10195" s="18"/>
      <c r="G10195" s="18"/>
      <c r="H10195" s="18"/>
      <c r="I10195" s="18"/>
      <c r="J10195" s="18"/>
      <c r="K10195" s="18"/>
      <c r="L10195" s="18"/>
      <c r="M10195" s="18"/>
      <c r="N10195" s="18"/>
      <c r="O10195" s="18"/>
      <c r="P10195" s="19"/>
      <c r="Q10195" s="19"/>
      <c r="R10195" s="19"/>
      <c r="S10195" s="19"/>
      <c r="T10195" s="19"/>
      <c r="U10195" s="19"/>
      <c r="V10195" s="19"/>
      <c r="W10195" s="19"/>
      <c r="X10195" s="19"/>
      <c r="Y10195" s="19"/>
      <c r="Z10195" s="19"/>
      <c r="AA10195" s="19"/>
    </row>
    <row r="10196" spans="1:27" s="1" customFormat="1" ht="14.1" customHeight="1" outlineLevel="1" x14ac:dyDescent="0.2">
      <c r="A10196" s="17">
        <v>14592</v>
      </c>
      <c r="B10196" s="17"/>
      <c r="C10196" s="17"/>
      <c r="D10196" s="18" t="s">
        <v>5056</v>
      </c>
      <c r="E10196" s="18"/>
      <c r="F10196" s="18"/>
      <c r="G10196" s="18"/>
      <c r="H10196" s="18"/>
      <c r="I10196" s="18"/>
      <c r="J10196" s="18"/>
      <c r="K10196" s="18"/>
      <c r="L10196" s="18"/>
      <c r="M10196" s="18"/>
      <c r="N10196" s="18"/>
      <c r="O10196" s="18"/>
      <c r="P10196" s="19">
        <v>320</v>
      </c>
      <c r="Q10196" s="19"/>
      <c r="R10196" s="19"/>
      <c r="S10196" s="19"/>
      <c r="T10196" s="19">
        <v>250</v>
      </c>
      <c r="U10196" s="19"/>
      <c r="V10196" s="19"/>
      <c r="W10196" s="19"/>
      <c r="X10196" s="19">
        <v>1</v>
      </c>
      <c r="Y10196" s="19"/>
      <c r="Z10196" s="19"/>
      <c r="AA10196" s="19"/>
    </row>
    <row r="10197" spans="1:27" s="1" customFormat="1" ht="14.1" customHeight="1" outlineLevel="1" x14ac:dyDescent="0.2">
      <c r="A10197" s="17"/>
      <c r="B10197" s="17"/>
      <c r="C10197" s="17"/>
      <c r="D10197" s="18"/>
      <c r="E10197" s="18"/>
      <c r="F10197" s="18"/>
      <c r="G10197" s="18"/>
      <c r="H10197" s="18"/>
      <c r="I10197" s="18"/>
      <c r="J10197" s="18"/>
      <c r="K10197" s="18"/>
      <c r="L10197" s="18"/>
      <c r="M10197" s="18"/>
      <c r="N10197" s="18"/>
      <c r="O10197" s="18"/>
      <c r="P10197" s="19"/>
      <c r="Q10197" s="19"/>
      <c r="R10197" s="19"/>
      <c r="S10197" s="19"/>
      <c r="T10197" s="19"/>
      <c r="U10197" s="19"/>
      <c r="V10197" s="19"/>
      <c r="W10197" s="19"/>
      <c r="X10197" s="19"/>
      <c r="Y10197" s="19"/>
      <c r="Z10197" s="19"/>
      <c r="AA10197" s="19"/>
    </row>
    <row r="10198" spans="1:27" s="1" customFormat="1" ht="14.1" customHeight="1" outlineLevel="1" x14ac:dyDescent="0.2">
      <c r="A10198" s="17">
        <v>16741</v>
      </c>
      <c r="B10198" s="17"/>
      <c r="C10198" s="17"/>
      <c r="D10198" s="18" t="s">
        <v>5057</v>
      </c>
      <c r="E10198" s="18"/>
      <c r="F10198" s="18"/>
      <c r="G10198" s="18"/>
      <c r="H10198" s="18"/>
      <c r="I10198" s="18"/>
      <c r="J10198" s="18"/>
      <c r="K10198" s="18"/>
      <c r="L10198" s="18"/>
      <c r="M10198" s="18"/>
      <c r="N10198" s="18"/>
      <c r="O10198" s="18"/>
      <c r="P10198" s="19">
        <v>200</v>
      </c>
      <c r="Q10198" s="19"/>
      <c r="R10198" s="19"/>
      <c r="S10198" s="19"/>
      <c r="T10198" s="19">
        <v>150</v>
      </c>
      <c r="U10198" s="19"/>
      <c r="V10198" s="19"/>
      <c r="W10198" s="19"/>
      <c r="X10198" s="19">
        <v>1</v>
      </c>
      <c r="Y10198" s="19"/>
      <c r="Z10198" s="19"/>
      <c r="AA10198" s="19"/>
    </row>
    <row r="10199" spans="1:27" s="1" customFormat="1" ht="14.1" customHeight="1" outlineLevel="1" x14ac:dyDescent="0.2">
      <c r="A10199" s="17"/>
      <c r="B10199" s="17"/>
      <c r="C10199" s="17"/>
      <c r="D10199" s="18"/>
      <c r="E10199" s="18"/>
      <c r="F10199" s="18"/>
      <c r="G10199" s="18"/>
      <c r="H10199" s="18"/>
      <c r="I10199" s="18"/>
      <c r="J10199" s="18"/>
      <c r="K10199" s="18"/>
      <c r="L10199" s="18"/>
      <c r="M10199" s="18"/>
      <c r="N10199" s="18"/>
      <c r="O10199" s="18"/>
      <c r="P10199" s="19"/>
      <c r="Q10199" s="19"/>
      <c r="R10199" s="19"/>
      <c r="S10199" s="19"/>
      <c r="T10199" s="19"/>
      <c r="U10199" s="19"/>
      <c r="V10199" s="19"/>
      <c r="W10199" s="19"/>
      <c r="X10199" s="19"/>
      <c r="Y10199" s="19"/>
      <c r="Z10199" s="19"/>
      <c r="AA10199" s="19"/>
    </row>
    <row r="10200" spans="1:27" s="1" customFormat="1" ht="11.1" customHeight="1" outlineLevel="1" x14ac:dyDescent="0.2">
      <c r="A10200" s="17">
        <v>8481</v>
      </c>
      <c r="B10200" s="17"/>
      <c r="C10200" s="17"/>
      <c r="D10200" s="18" t="s">
        <v>5058</v>
      </c>
      <c r="E10200" s="18"/>
      <c r="F10200" s="18"/>
      <c r="G10200" s="18"/>
      <c r="H10200" s="18"/>
      <c r="I10200" s="18"/>
      <c r="J10200" s="18"/>
      <c r="K10200" s="18"/>
      <c r="L10200" s="18"/>
      <c r="M10200" s="18"/>
      <c r="N10200" s="18"/>
      <c r="O10200" s="18"/>
      <c r="P10200" s="19">
        <v>300</v>
      </c>
      <c r="Q10200" s="19"/>
      <c r="R10200" s="19"/>
      <c r="S10200" s="19"/>
      <c r="T10200" s="19">
        <v>200</v>
      </c>
      <c r="U10200" s="19"/>
      <c r="V10200" s="19"/>
      <c r="W10200" s="19"/>
      <c r="X10200" s="19">
        <v>1</v>
      </c>
      <c r="Y10200" s="19"/>
      <c r="Z10200" s="19"/>
      <c r="AA10200" s="19"/>
    </row>
    <row r="10201" spans="1:27" s="1" customFormat="1" ht="11.1" customHeight="1" outlineLevel="1" x14ac:dyDescent="0.2">
      <c r="A10201" s="17"/>
      <c r="B10201" s="17"/>
      <c r="C10201" s="17"/>
      <c r="D10201" s="18"/>
      <c r="E10201" s="18"/>
      <c r="F10201" s="18"/>
      <c r="G10201" s="18"/>
      <c r="H10201" s="18"/>
      <c r="I10201" s="18"/>
      <c r="J10201" s="18"/>
      <c r="K10201" s="18"/>
      <c r="L10201" s="18"/>
      <c r="M10201" s="18"/>
      <c r="N10201" s="18"/>
      <c r="O10201" s="18"/>
      <c r="P10201" s="19"/>
      <c r="Q10201" s="19"/>
      <c r="R10201" s="19"/>
      <c r="S10201" s="19"/>
      <c r="T10201" s="19"/>
      <c r="U10201" s="19"/>
      <c r="V10201" s="19"/>
      <c r="W10201" s="19"/>
      <c r="X10201" s="19"/>
      <c r="Y10201" s="19"/>
      <c r="Z10201" s="19"/>
      <c r="AA10201" s="19"/>
    </row>
    <row r="10202" spans="1:27" s="1" customFormat="1" ht="14.1" customHeight="1" outlineLevel="1" x14ac:dyDescent="0.2">
      <c r="A10202" s="17">
        <v>14195</v>
      </c>
      <c r="B10202" s="17"/>
      <c r="C10202" s="17"/>
      <c r="D10202" s="18" t="s">
        <v>5059</v>
      </c>
      <c r="E10202" s="18"/>
      <c r="F10202" s="18"/>
      <c r="G10202" s="18"/>
      <c r="H10202" s="18"/>
      <c r="I10202" s="18"/>
      <c r="J10202" s="18"/>
      <c r="K10202" s="18"/>
      <c r="L10202" s="18"/>
      <c r="M10202" s="18"/>
      <c r="N10202" s="18"/>
      <c r="O10202" s="18"/>
      <c r="P10202" s="19">
        <v>75</v>
      </c>
      <c r="Q10202" s="19"/>
      <c r="R10202" s="19"/>
      <c r="S10202" s="19"/>
      <c r="T10202" s="19">
        <v>50</v>
      </c>
      <c r="U10202" s="19"/>
      <c r="V10202" s="19"/>
      <c r="W10202" s="19"/>
      <c r="X10202" s="19">
        <v>19</v>
      </c>
      <c r="Y10202" s="19"/>
      <c r="Z10202" s="19"/>
      <c r="AA10202" s="19"/>
    </row>
    <row r="10203" spans="1:27" s="1" customFormat="1" ht="14.1" customHeight="1" outlineLevel="1" x14ac:dyDescent="0.2">
      <c r="A10203" s="17"/>
      <c r="B10203" s="17"/>
      <c r="C10203" s="17"/>
      <c r="D10203" s="18"/>
      <c r="E10203" s="18"/>
      <c r="F10203" s="18"/>
      <c r="G10203" s="18"/>
      <c r="H10203" s="18"/>
      <c r="I10203" s="18"/>
      <c r="J10203" s="18"/>
      <c r="K10203" s="18"/>
      <c r="L10203" s="18"/>
      <c r="M10203" s="18"/>
      <c r="N10203" s="18"/>
      <c r="O10203" s="18"/>
      <c r="P10203" s="19"/>
      <c r="Q10203" s="19"/>
      <c r="R10203" s="19"/>
      <c r="S10203" s="19"/>
      <c r="T10203" s="19"/>
      <c r="U10203" s="19"/>
      <c r="V10203" s="19"/>
      <c r="W10203" s="19"/>
      <c r="X10203" s="19"/>
      <c r="Y10203" s="19"/>
      <c r="Z10203" s="19"/>
      <c r="AA10203" s="19"/>
    </row>
    <row r="10204" spans="1:27" s="1" customFormat="1" ht="14.1" customHeight="1" outlineLevel="1" x14ac:dyDescent="0.2">
      <c r="A10204" s="17">
        <v>14196</v>
      </c>
      <c r="B10204" s="17"/>
      <c r="C10204" s="17"/>
      <c r="D10204" s="18" t="s">
        <v>5060</v>
      </c>
      <c r="E10204" s="18"/>
      <c r="F10204" s="18"/>
      <c r="G10204" s="18"/>
      <c r="H10204" s="18"/>
      <c r="I10204" s="18"/>
      <c r="J10204" s="18"/>
      <c r="K10204" s="18"/>
      <c r="L10204" s="18"/>
      <c r="M10204" s="18"/>
      <c r="N10204" s="18"/>
      <c r="O10204" s="18"/>
      <c r="P10204" s="19">
        <v>75</v>
      </c>
      <c r="Q10204" s="19"/>
      <c r="R10204" s="19"/>
      <c r="S10204" s="19"/>
      <c r="T10204" s="19">
        <v>50</v>
      </c>
      <c r="U10204" s="19"/>
      <c r="V10204" s="19"/>
      <c r="W10204" s="19"/>
      <c r="X10204" s="19">
        <v>20</v>
      </c>
      <c r="Y10204" s="19"/>
      <c r="Z10204" s="19"/>
      <c r="AA10204" s="19"/>
    </row>
    <row r="10205" spans="1:27" s="1" customFormat="1" ht="14.1" customHeight="1" outlineLevel="1" x14ac:dyDescent="0.2">
      <c r="A10205" s="17"/>
      <c r="B10205" s="17"/>
      <c r="C10205" s="17"/>
      <c r="D10205" s="18"/>
      <c r="E10205" s="18"/>
      <c r="F10205" s="18"/>
      <c r="G10205" s="18"/>
      <c r="H10205" s="18"/>
      <c r="I10205" s="18"/>
      <c r="J10205" s="18"/>
      <c r="K10205" s="18"/>
      <c r="L10205" s="18"/>
      <c r="M10205" s="18"/>
      <c r="N10205" s="18"/>
      <c r="O10205" s="18"/>
      <c r="P10205" s="19"/>
      <c r="Q10205" s="19"/>
      <c r="R10205" s="19"/>
      <c r="S10205" s="19"/>
      <c r="T10205" s="19"/>
      <c r="U10205" s="19"/>
      <c r="V10205" s="19"/>
      <c r="W10205" s="19"/>
      <c r="X10205" s="19"/>
      <c r="Y10205" s="19"/>
      <c r="Z10205" s="19"/>
      <c r="AA10205" s="19"/>
    </row>
    <row r="10206" spans="1:27" s="1" customFormat="1" ht="14.1" customHeight="1" outlineLevel="1" x14ac:dyDescent="0.2">
      <c r="A10206" s="17">
        <v>15214</v>
      </c>
      <c r="B10206" s="17"/>
      <c r="C10206" s="17"/>
      <c r="D10206" s="18" t="s">
        <v>5061</v>
      </c>
      <c r="E10206" s="18"/>
      <c r="F10206" s="18"/>
      <c r="G10206" s="18"/>
      <c r="H10206" s="18"/>
      <c r="I10206" s="18"/>
      <c r="J10206" s="18"/>
      <c r="K10206" s="18"/>
      <c r="L10206" s="18"/>
      <c r="M10206" s="18"/>
      <c r="N10206" s="18"/>
      <c r="O10206" s="18"/>
      <c r="P10206" s="19">
        <v>200</v>
      </c>
      <c r="Q10206" s="19"/>
      <c r="R10206" s="19"/>
      <c r="S10206" s="19"/>
      <c r="T10206" s="19">
        <v>150</v>
      </c>
      <c r="U10206" s="19"/>
      <c r="V10206" s="19"/>
      <c r="W10206" s="19"/>
      <c r="X10206" s="19">
        <v>1</v>
      </c>
      <c r="Y10206" s="19"/>
      <c r="Z10206" s="19"/>
      <c r="AA10206" s="19"/>
    </row>
    <row r="10207" spans="1:27" s="1" customFormat="1" ht="14.1" customHeight="1" outlineLevel="1" x14ac:dyDescent="0.2">
      <c r="A10207" s="17"/>
      <c r="B10207" s="17"/>
      <c r="C10207" s="17"/>
      <c r="D10207" s="18"/>
      <c r="E10207" s="18"/>
      <c r="F10207" s="18"/>
      <c r="G10207" s="18"/>
      <c r="H10207" s="18"/>
      <c r="I10207" s="18"/>
      <c r="J10207" s="18"/>
      <c r="K10207" s="18"/>
      <c r="L10207" s="18"/>
      <c r="M10207" s="18"/>
      <c r="N10207" s="18"/>
      <c r="O10207" s="18"/>
      <c r="P10207" s="19"/>
      <c r="Q10207" s="19"/>
      <c r="R10207" s="19"/>
      <c r="S10207" s="19"/>
      <c r="T10207" s="19"/>
      <c r="U10207" s="19"/>
      <c r="V10207" s="19"/>
      <c r="W10207" s="19"/>
      <c r="X10207" s="19"/>
      <c r="Y10207" s="19"/>
      <c r="Z10207" s="19"/>
      <c r="AA10207" s="19"/>
    </row>
    <row r="10208" spans="1:27" s="1" customFormat="1" ht="14.1" customHeight="1" outlineLevel="1" x14ac:dyDescent="0.2">
      <c r="A10208" s="17">
        <v>14197</v>
      </c>
      <c r="B10208" s="17"/>
      <c r="C10208" s="17"/>
      <c r="D10208" s="18" t="s">
        <v>5062</v>
      </c>
      <c r="E10208" s="18"/>
      <c r="F10208" s="18"/>
      <c r="G10208" s="18"/>
      <c r="H10208" s="18"/>
      <c r="I10208" s="18"/>
      <c r="J10208" s="18"/>
      <c r="K10208" s="18"/>
      <c r="L10208" s="18"/>
      <c r="M10208" s="18"/>
      <c r="N10208" s="18"/>
      <c r="O10208" s="18"/>
      <c r="P10208" s="19">
        <v>75</v>
      </c>
      <c r="Q10208" s="19"/>
      <c r="R10208" s="19"/>
      <c r="S10208" s="19"/>
      <c r="T10208" s="19">
        <v>50</v>
      </c>
      <c r="U10208" s="19"/>
      <c r="V10208" s="19"/>
      <c r="W10208" s="19"/>
      <c r="X10208" s="19">
        <v>20</v>
      </c>
      <c r="Y10208" s="19"/>
      <c r="Z10208" s="19"/>
      <c r="AA10208" s="19"/>
    </row>
    <row r="10209" spans="1:27" s="1" customFormat="1" ht="14.1" customHeight="1" outlineLevel="1" x14ac:dyDescent="0.2">
      <c r="A10209" s="17"/>
      <c r="B10209" s="17"/>
      <c r="C10209" s="17"/>
      <c r="D10209" s="18"/>
      <c r="E10209" s="18"/>
      <c r="F10209" s="18"/>
      <c r="G10209" s="18"/>
      <c r="H10209" s="18"/>
      <c r="I10209" s="18"/>
      <c r="J10209" s="18"/>
      <c r="K10209" s="18"/>
      <c r="L10209" s="18"/>
      <c r="M10209" s="18"/>
      <c r="N10209" s="18"/>
      <c r="O10209" s="18"/>
      <c r="P10209" s="19"/>
      <c r="Q10209" s="19"/>
      <c r="R10209" s="19"/>
      <c r="S10209" s="19"/>
      <c r="T10209" s="19"/>
      <c r="U10209" s="19"/>
      <c r="V10209" s="19"/>
      <c r="W10209" s="19"/>
      <c r="X10209" s="19"/>
      <c r="Y10209" s="19"/>
      <c r="Z10209" s="19"/>
      <c r="AA10209" s="19"/>
    </row>
    <row r="10210" spans="1:27" s="1" customFormat="1" ht="14.1" customHeight="1" outlineLevel="1" x14ac:dyDescent="0.2">
      <c r="A10210" s="17">
        <v>9629</v>
      </c>
      <c r="B10210" s="17"/>
      <c r="C10210" s="17"/>
      <c r="D10210" s="18" t="s">
        <v>5063</v>
      </c>
      <c r="E10210" s="18"/>
      <c r="F10210" s="18"/>
      <c r="G10210" s="18"/>
      <c r="H10210" s="18"/>
      <c r="I10210" s="18"/>
      <c r="J10210" s="18"/>
      <c r="K10210" s="18"/>
      <c r="L10210" s="18"/>
      <c r="M10210" s="18"/>
      <c r="N10210" s="18"/>
      <c r="O10210" s="18"/>
      <c r="P10210" s="19">
        <v>85</v>
      </c>
      <c r="Q10210" s="19"/>
      <c r="R10210" s="19"/>
      <c r="S10210" s="19"/>
      <c r="T10210" s="19">
        <v>50</v>
      </c>
      <c r="U10210" s="19"/>
      <c r="V10210" s="19"/>
      <c r="W10210" s="19"/>
      <c r="X10210" s="19">
        <v>1</v>
      </c>
      <c r="Y10210" s="19"/>
      <c r="Z10210" s="19"/>
      <c r="AA10210" s="19"/>
    </row>
    <row r="10211" spans="1:27" s="1" customFormat="1" ht="14.1" customHeight="1" outlineLevel="1" x14ac:dyDescent="0.2">
      <c r="A10211" s="17"/>
      <c r="B10211" s="17"/>
      <c r="C10211" s="17"/>
      <c r="D10211" s="18"/>
      <c r="E10211" s="18"/>
      <c r="F10211" s="18"/>
      <c r="G10211" s="18"/>
      <c r="H10211" s="18"/>
      <c r="I10211" s="18"/>
      <c r="J10211" s="18"/>
      <c r="K10211" s="18"/>
      <c r="L10211" s="18"/>
      <c r="M10211" s="18"/>
      <c r="N10211" s="18"/>
      <c r="O10211" s="18"/>
      <c r="P10211" s="19"/>
      <c r="Q10211" s="19"/>
      <c r="R10211" s="19"/>
      <c r="S10211" s="19"/>
      <c r="T10211" s="19"/>
      <c r="U10211" s="19"/>
      <c r="V10211" s="19"/>
      <c r="W10211" s="19"/>
      <c r="X10211" s="19"/>
      <c r="Y10211" s="19"/>
      <c r="Z10211" s="19"/>
      <c r="AA10211" s="19"/>
    </row>
    <row r="10212" spans="1:27" s="1" customFormat="1" ht="14.1" customHeight="1" outlineLevel="1" x14ac:dyDescent="0.2">
      <c r="A10212" s="17">
        <v>9630</v>
      </c>
      <c r="B10212" s="17"/>
      <c r="C10212" s="17"/>
      <c r="D10212" s="18" t="s">
        <v>5064</v>
      </c>
      <c r="E10212" s="18"/>
      <c r="F10212" s="18"/>
      <c r="G10212" s="18"/>
      <c r="H10212" s="18"/>
      <c r="I10212" s="18"/>
      <c r="J10212" s="18"/>
      <c r="K10212" s="18"/>
      <c r="L10212" s="18"/>
      <c r="M10212" s="18"/>
      <c r="N10212" s="18"/>
      <c r="O10212" s="18"/>
      <c r="P10212" s="19">
        <v>85</v>
      </c>
      <c r="Q10212" s="19"/>
      <c r="R10212" s="19"/>
      <c r="S10212" s="19"/>
      <c r="T10212" s="19">
        <v>50</v>
      </c>
      <c r="U10212" s="19"/>
      <c r="V10212" s="19"/>
      <c r="W10212" s="19"/>
      <c r="X10212" s="19">
        <v>1</v>
      </c>
      <c r="Y10212" s="19"/>
      <c r="Z10212" s="19"/>
      <c r="AA10212" s="19"/>
    </row>
    <row r="10213" spans="1:27" s="1" customFormat="1" ht="14.1" customHeight="1" outlineLevel="1" x14ac:dyDescent="0.2">
      <c r="A10213" s="17"/>
      <c r="B10213" s="17"/>
      <c r="C10213" s="17"/>
      <c r="D10213" s="18"/>
      <c r="E10213" s="18"/>
      <c r="F10213" s="18"/>
      <c r="G10213" s="18"/>
      <c r="H10213" s="18"/>
      <c r="I10213" s="18"/>
      <c r="J10213" s="18"/>
      <c r="K10213" s="18"/>
      <c r="L10213" s="18"/>
      <c r="M10213" s="18"/>
      <c r="N10213" s="18"/>
      <c r="O10213" s="18"/>
      <c r="P10213" s="19"/>
      <c r="Q10213" s="19"/>
      <c r="R10213" s="19"/>
      <c r="S10213" s="19"/>
      <c r="T10213" s="19"/>
      <c r="U10213" s="19"/>
      <c r="V10213" s="19"/>
      <c r="W10213" s="19"/>
      <c r="X10213" s="19"/>
      <c r="Y10213" s="19"/>
      <c r="Z10213" s="19"/>
      <c r="AA10213" s="19"/>
    </row>
    <row r="10214" spans="1:27" s="1" customFormat="1" ht="14.1" customHeight="1" outlineLevel="1" x14ac:dyDescent="0.2">
      <c r="A10214" s="17">
        <v>9628</v>
      </c>
      <c r="B10214" s="17"/>
      <c r="C10214" s="17"/>
      <c r="D10214" s="18" t="s">
        <v>5065</v>
      </c>
      <c r="E10214" s="18"/>
      <c r="F10214" s="18"/>
      <c r="G10214" s="18"/>
      <c r="H10214" s="18"/>
      <c r="I10214" s="18"/>
      <c r="J10214" s="18"/>
      <c r="K10214" s="18"/>
      <c r="L10214" s="18"/>
      <c r="M10214" s="18"/>
      <c r="N10214" s="18"/>
      <c r="O10214" s="18"/>
      <c r="P10214" s="19">
        <v>105</v>
      </c>
      <c r="Q10214" s="19"/>
      <c r="R10214" s="19"/>
      <c r="S10214" s="19"/>
      <c r="T10214" s="19">
        <v>60</v>
      </c>
      <c r="U10214" s="19"/>
      <c r="V10214" s="19"/>
      <c r="W10214" s="19"/>
      <c r="X10214" s="19">
        <v>1</v>
      </c>
      <c r="Y10214" s="19"/>
      <c r="Z10214" s="19"/>
      <c r="AA10214" s="19"/>
    </row>
    <row r="10215" spans="1:27" s="1" customFormat="1" ht="14.1" customHeight="1" outlineLevel="1" x14ac:dyDescent="0.2">
      <c r="A10215" s="17"/>
      <c r="B10215" s="17"/>
      <c r="C10215" s="17"/>
      <c r="D10215" s="18"/>
      <c r="E10215" s="18"/>
      <c r="F10215" s="18"/>
      <c r="G10215" s="18"/>
      <c r="H10215" s="18"/>
      <c r="I10215" s="18"/>
      <c r="J10215" s="18"/>
      <c r="K10215" s="18"/>
      <c r="L10215" s="18"/>
      <c r="M10215" s="18"/>
      <c r="N10215" s="18"/>
      <c r="O10215" s="18"/>
      <c r="P10215" s="19"/>
      <c r="Q10215" s="19"/>
      <c r="R10215" s="19"/>
      <c r="S10215" s="19"/>
      <c r="T10215" s="19"/>
      <c r="U10215" s="19"/>
      <c r="V10215" s="19"/>
      <c r="W10215" s="19"/>
      <c r="X10215" s="19"/>
      <c r="Y10215" s="19"/>
      <c r="Z10215" s="19"/>
      <c r="AA10215" s="19"/>
    </row>
    <row r="10216" spans="1:27" s="1" customFormat="1" ht="14.1" customHeight="1" outlineLevel="1" x14ac:dyDescent="0.2">
      <c r="A10216" s="17">
        <v>9640</v>
      </c>
      <c r="B10216" s="17"/>
      <c r="C10216" s="17"/>
      <c r="D10216" s="18" t="s">
        <v>5066</v>
      </c>
      <c r="E10216" s="18"/>
      <c r="F10216" s="18"/>
      <c r="G10216" s="18"/>
      <c r="H10216" s="18"/>
      <c r="I10216" s="18"/>
      <c r="J10216" s="18"/>
      <c r="K10216" s="18"/>
      <c r="L10216" s="18"/>
      <c r="M10216" s="18"/>
      <c r="N10216" s="18"/>
      <c r="O10216" s="18"/>
      <c r="P10216" s="19">
        <v>70</v>
      </c>
      <c r="Q10216" s="19"/>
      <c r="R10216" s="19"/>
      <c r="S10216" s="19"/>
      <c r="T10216" s="19">
        <v>45</v>
      </c>
      <c r="U10216" s="19"/>
      <c r="V10216" s="19"/>
      <c r="W10216" s="19"/>
      <c r="X10216" s="19">
        <v>3</v>
      </c>
      <c r="Y10216" s="19"/>
      <c r="Z10216" s="19"/>
      <c r="AA10216" s="19"/>
    </row>
    <row r="10217" spans="1:27" s="1" customFormat="1" ht="14.1" customHeight="1" outlineLevel="1" x14ac:dyDescent="0.2">
      <c r="A10217" s="17"/>
      <c r="B10217" s="17"/>
      <c r="C10217" s="17"/>
      <c r="D10217" s="18"/>
      <c r="E10217" s="18"/>
      <c r="F10217" s="18"/>
      <c r="G10217" s="18"/>
      <c r="H10217" s="18"/>
      <c r="I10217" s="18"/>
      <c r="J10217" s="18"/>
      <c r="K10217" s="18"/>
      <c r="L10217" s="18"/>
      <c r="M10217" s="18"/>
      <c r="N10217" s="18"/>
      <c r="O10217" s="18"/>
      <c r="P10217" s="19"/>
      <c r="Q10217" s="19"/>
      <c r="R10217" s="19"/>
      <c r="S10217" s="19"/>
      <c r="T10217" s="19"/>
      <c r="U10217" s="19"/>
      <c r="V10217" s="19"/>
      <c r="W10217" s="19"/>
      <c r="X10217" s="19"/>
      <c r="Y10217" s="19"/>
      <c r="Z10217" s="19"/>
      <c r="AA10217" s="19"/>
    </row>
    <row r="10218" spans="1:27" s="1" customFormat="1" ht="14.1" customHeight="1" outlineLevel="1" x14ac:dyDescent="0.2">
      <c r="A10218" s="17">
        <v>14198</v>
      </c>
      <c r="B10218" s="17"/>
      <c r="C10218" s="17"/>
      <c r="D10218" s="18" t="s">
        <v>5067</v>
      </c>
      <c r="E10218" s="18"/>
      <c r="F10218" s="18"/>
      <c r="G10218" s="18"/>
      <c r="H10218" s="18"/>
      <c r="I10218" s="18"/>
      <c r="J10218" s="18"/>
      <c r="K10218" s="18"/>
      <c r="L10218" s="18"/>
      <c r="M10218" s="18"/>
      <c r="N10218" s="18"/>
      <c r="O10218" s="18"/>
      <c r="P10218" s="19">
        <v>75</v>
      </c>
      <c r="Q10218" s="19"/>
      <c r="R10218" s="19"/>
      <c r="S10218" s="19"/>
      <c r="T10218" s="19">
        <v>50</v>
      </c>
      <c r="U10218" s="19"/>
      <c r="V10218" s="19"/>
      <c r="W10218" s="19"/>
      <c r="X10218" s="19">
        <v>20</v>
      </c>
      <c r="Y10218" s="19"/>
      <c r="Z10218" s="19"/>
      <c r="AA10218" s="19"/>
    </row>
    <row r="10219" spans="1:27" s="1" customFormat="1" ht="14.1" customHeight="1" outlineLevel="1" x14ac:dyDescent="0.2">
      <c r="A10219" s="17"/>
      <c r="B10219" s="17"/>
      <c r="C10219" s="17"/>
      <c r="D10219" s="18"/>
      <c r="E10219" s="18"/>
      <c r="F10219" s="18"/>
      <c r="G10219" s="18"/>
      <c r="H10219" s="18"/>
      <c r="I10219" s="18"/>
      <c r="J10219" s="18"/>
      <c r="K10219" s="18"/>
      <c r="L10219" s="18"/>
      <c r="M10219" s="18"/>
      <c r="N10219" s="18"/>
      <c r="O10219" s="18"/>
      <c r="P10219" s="19"/>
      <c r="Q10219" s="19"/>
      <c r="R10219" s="19"/>
      <c r="S10219" s="19"/>
      <c r="T10219" s="19"/>
      <c r="U10219" s="19"/>
      <c r="V10219" s="19"/>
      <c r="W10219" s="19"/>
      <c r="X10219" s="19"/>
      <c r="Y10219" s="19"/>
      <c r="Z10219" s="19"/>
      <c r="AA10219" s="19"/>
    </row>
    <row r="10220" spans="1:27" s="1" customFormat="1" ht="14.1" customHeight="1" outlineLevel="1" x14ac:dyDescent="0.2">
      <c r="A10220" s="17">
        <v>9641</v>
      </c>
      <c r="B10220" s="17"/>
      <c r="C10220" s="17"/>
      <c r="D10220" s="18" t="s">
        <v>5068</v>
      </c>
      <c r="E10220" s="18"/>
      <c r="F10220" s="18"/>
      <c r="G10220" s="18"/>
      <c r="H10220" s="18"/>
      <c r="I10220" s="18"/>
      <c r="J10220" s="18"/>
      <c r="K10220" s="18"/>
      <c r="L10220" s="18"/>
      <c r="M10220" s="18"/>
      <c r="N10220" s="18"/>
      <c r="O10220" s="18"/>
      <c r="P10220" s="19">
        <v>90</v>
      </c>
      <c r="Q10220" s="19"/>
      <c r="R10220" s="19"/>
      <c r="S10220" s="19"/>
      <c r="T10220" s="19">
        <v>60</v>
      </c>
      <c r="U10220" s="19"/>
      <c r="V10220" s="19"/>
      <c r="W10220" s="19"/>
      <c r="X10220" s="19">
        <v>21</v>
      </c>
      <c r="Y10220" s="19"/>
      <c r="Z10220" s="19"/>
      <c r="AA10220" s="19"/>
    </row>
    <row r="10221" spans="1:27" s="1" customFormat="1" ht="14.1" customHeight="1" outlineLevel="1" x14ac:dyDescent="0.2">
      <c r="A10221" s="17"/>
      <c r="B10221" s="17"/>
      <c r="C10221" s="17"/>
      <c r="D10221" s="18"/>
      <c r="E10221" s="18"/>
      <c r="F10221" s="18"/>
      <c r="G10221" s="18"/>
      <c r="H10221" s="18"/>
      <c r="I10221" s="18"/>
      <c r="J10221" s="18"/>
      <c r="K10221" s="18"/>
      <c r="L10221" s="18"/>
      <c r="M10221" s="18"/>
      <c r="N10221" s="18"/>
      <c r="O10221" s="18"/>
      <c r="P10221" s="19"/>
      <c r="Q10221" s="19"/>
      <c r="R10221" s="19"/>
      <c r="S10221" s="19"/>
      <c r="T10221" s="19"/>
      <c r="U10221" s="19"/>
      <c r="V10221" s="19"/>
      <c r="W10221" s="19"/>
      <c r="X10221" s="19"/>
      <c r="Y10221" s="19"/>
      <c r="Z10221" s="19"/>
      <c r="AA10221" s="19"/>
    </row>
    <row r="10222" spans="1:27" s="1" customFormat="1" ht="14.1" customHeight="1" outlineLevel="1" x14ac:dyDescent="0.2">
      <c r="A10222" s="17">
        <v>14199</v>
      </c>
      <c r="B10222" s="17"/>
      <c r="C10222" s="17"/>
      <c r="D10222" s="18" t="s">
        <v>5069</v>
      </c>
      <c r="E10222" s="18"/>
      <c r="F10222" s="18"/>
      <c r="G10222" s="18"/>
      <c r="H10222" s="18"/>
      <c r="I10222" s="18"/>
      <c r="J10222" s="18"/>
      <c r="K10222" s="18"/>
      <c r="L10222" s="18"/>
      <c r="M10222" s="18"/>
      <c r="N10222" s="18"/>
      <c r="O10222" s="18"/>
      <c r="P10222" s="19">
        <v>75</v>
      </c>
      <c r="Q10222" s="19"/>
      <c r="R10222" s="19"/>
      <c r="S10222" s="19"/>
      <c r="T10222" s="19">
        <v>50</v>
      </c>
      <c r="U10222" s="19"/>
      <c r="V10222" s="19"/>
      <c r="W10222" s="19"/>
      <c r="X10222" s="19">
        <v>19</v>
      </c>
      <c r="Y10222" s="19"/>
      <c r="Z10222" s="19"/>
      <c r="AA10222" s="19"/>
    </row>
    <row r="10223" spans="1:27" s="1" customFormat="1" ht="14.1" customHeight="1" outlineLevel="1" x14ac:dyDescent="0.2">
      <c r="A10223" s="17"/>
      <c r="B10223" s="17"/>
      <c r="C10223" s="17"/>
      <c r="D10223" s="18"/>
      <c r="E10223" s="18"/>
      <c r="F10223" s="18"/>
      <c r="G10223" s="18"/>
      <c r="H10223" s="18"/>
      <c r="I10223" s="18"/>
      <c r="J10223" s="18"/>
      <c r="K10223" s="18"/>
      <c r="L10223" s="18"/>
      <c r="M10223" s="18"/>
      <c r="N10223" s="18"/>
      <c r="O10223" s="18"/>
      <c r="P10223" s="19"/>
      <c r="Q10223" s="19"/>
      <c r="R10223" s="19"/>
      <c r="S10223" s="19"/>
      <c r="T10223" s="19"/>
      <c r="U10223" s="19"/>
      <c r="V10223" s="19"/>
      <c r="W10223" s="19"/>
      <c r="X10223" s="19"/>
      <c r="Y10223" s="19"/>
      <c r="Z10223" s="19"/>
      <c r="AA10223" s="19"/>
    </row>
    <row r="10224" spans="1:27" s="1" customFormat="1" ht="14.1" customHeight="1" outlineLevel="1" x14ac:dyDescent="0.2">
      <c r="A10224" s="17">
        <v>9650</v>
      </c>
      <c r="B10224" s="17"/>
      <c r="C10224" s="17"/>
      <c r="D10224" s="18" t="s">
        <v>5070</v>
      </c>
      <c r="E10224" s="18"/>
      <c r="F10224" s="18"/>
      <c r="G10224" s="18"/>
      <c r="H10224" s="18"/>
      <c r="I10224" s="18"/>
      <c r="J10224" s="18"/>
      <c r="K10224" s="18"/>
      <c r="L10224" s="18"/>
      <c r="M10224" s="18"/>
      <c r="N10224" s="18"/>
      <c r="O10224" s="18"/>
      <c r="P10224" s="19">
        <v>75</v>
      </c>
      <c r="Q10224" s="19"/>
      <c r="R10224" s="19"/>
      <c r="S10224" s="19"/>
      <c r="T10224" s="19">
        <v>50</v>
      </c>
      <c r="U10224" s="19"/>
      <c r="V10224" s="19"/>
      <c r="W10224" s="19"/>
      <c r="X10224" s="19">
        <v>20</v>
      </c>
      <c r="Y10224" s="19"/>
      <c r="Z10224" s="19"/>
      <c r="AA10224" s="19"/>
    </row>
    <row r="10225" spans="1:27" s="1" customFormat="1" ht="14.1" customHeight="1" outlineLevel="1" x14ac:dyDescent="0.2">
      <c r="A10225" s="17"/>
      <c r="B10225" s="17"/>
      <c r="C10225" s="17"/>
      <c r="D10225" s="18"/>
      <c r="E10225" s="18"/>
      <c r="F10225" s="18"/>
      <c r="G10225" s="18"/>
      <c r="H10225" s="18"/>
      <c r="I10225" s="18"/>
      <c r="J10225" s="18"/>
      <c r="K10225" s="18"/>
      <c r="L10225" s="18"/>
      <c r="M10225" s="18"/>
      <c r="N10225" s="18"/>
      <c r="O10225" s="18"/>
      <c r="P10225" s="19"/>
      <c r="Q10225" s="19"/>
      <c r="R10225" s="19"/>
      <c r="S10225" s="19"/>
      <c r="T10225" s="19"/>
      <c r="U10225" s="19"/>
      <c r="V10225" s="19"/>
      <c r="W10225" s="19"/>
      <c r="X10225" s="19"/>
      <c r="Y10225" s="19"/>
      <c r="Z10225" s="19"/>
      <c r="AA10225" s="19"/>
    </row>
    <row r="10226" spans="1:27" s="1" customFormat="1" ht="14.1" customHeight="1" outlineLevel="1" x14ac:dyDescent="0.2">
      <c r="A10226" s="17">
        <v>14202</v>
      </c>
      <c r="B10226" s="17"/>
      <c r="C10226" s="17"/>
      <c r="D10226" s="18" t="s">
        <v>5071</v>
      </c>
      <c r="E10226" s="18"/>
      <c r="F10226" s="18"/>
      <c r="G10226" s="18"/>
      <c r="H10226" s="18"/>
      <c r="I10226" s="18"/>
      <c r="J10226" s="18"/>
      <c r="K10226" s="18"/>
      <c r="L10226" s="18"/>
      <c r="M10226" s="18"/>
      <c r="N10226" s="18"/>
      <c r="O10226" s="18"/>
      <c r="P10226" s="19">
        <v>75</v>
      </c>
      <c r="Q10226" s="19"/>
      <c r="R10226" s="19"/>
      <c r="S10226" s="19"/>
      <c r="T10226" s="19">
        <v>50</v>
      </c>
      <c r="U10226" s="19"/>
      <c r="V10226" s="19"/>
      <c r="W10226" s="19"/>
      <c r="X10226" s="19">
        <v>20</v>
      </c>
      <c r="Y10226" s="19"/>
      <c r="Z10226" s="19"/>
      <c r="AA10226" s="19"/>
    </row>
    <row r="10227" spans="1:27" s="1" customFormat="1" ht="14.1" customHeight="1" outlineLevel="1" x14ac:dyDescent="0.2">
      <c r="A10227" s="17"/>
      <c r="B10227" s="17"/>
      <c r="C10227" s="17"/>
      <c r="D10227" s="18"/>
      <c r="E10227" s="18"/>
      <c r="F10227" s="18"/>
      <c r="G10227" s="18"/>
      <c r="H10227" s="18"/>
      <c r="I10227" s="18"/>
      <c r="J10227" s="18"/>
      <c r="K10227" s="18"/>
      <c r="L10227" s="18"/>
      <c r="M10227" s="18"/>
      <c r="N10227" s="18"/>
      <c r="O10227" s="18"/>
      <c r="P10227" s="19"/>
      <c r="Q10227" s="19"/>
      <c r="R10227" s="19"/>
      <c r="S10227" s="19"/>
      <c r="T10227" s="19"/>
      <c r="U10227" s="19"/>
      <c r="V10227" s="19"/>
      <c r="W10227" s="19"/>
      <c r="X10227" s="19"/>
      <c r="Y10227" s="19"/>
      <c r="Z10227" s="19"/>
      <c r="AA10227" s="19"/>
    </row>
    <row r="10228" spans="1:27" s="1" customFormat="1" ht="14.1" customHeight="1" outlineLevel="1" x14ac:dyDescent="0.2">
      <c r="A10228" s="17">
        <v>14200</v>
      </c>
      <c r="B10228" s="17"/>
      <c r="C10228" s="17"/>
      <c r="D10228" s="18" t="s">
        <v>5072</v>
      </c>
      <c r="E10228" s="18"/>
      <c r="F10228" s="18"/>
      <c r="G10228" s="18"/>
      <c r="H10228" s="18"/>
      <c r="I10228" s="18"/>
      <c r="J10228" s="18"/>
      <c r="K10228" s="18"/>
      <c r="L10228" s="18"/>
      <c r="M10228" s="18"/>
      <c r="N10228" s="18"/>
      <c r="O10228" s="18"/>
      <c r="P10228" s="19">
        <v>75</v>
      </c>
      <c r="Q10228" s="19"/>
      <c r="R10228" s="19"/>
      <c r="S10228" s="19"/>
      <c r="T10228" s="19">
        <v>50</v>
      </c>
      <c r="U10228" s="19"/>
      <c r="V10228" s="19"/>
      <c r="W10228" s="19"/>
      <c r="X10228" s="19">
        <v>20</v>
      </c>
      <c r="Y10228" s="19"/>
      <c r="Z10228" s="19"/>
      <c r="AA10228" s="19"/>
    </row>
    <row r="10229" spans="1:27" s="1" customFormat="1" ht="14.1" customHeight="1" outlineLevel="1" x14ac:dyDescent="0.2">
      <c r="A10229" s="17"/>
      <c r="B10229" s="17"/>
      <c r="C10229" s="17"/>
      <c r="D10229" s="18"/>
      <c r="E10229" s="18"/>
      <c r="F10229" s="18"/>
      <c r="G10229" s="18"/>
      <c r="H10229" s="18"/>
      <c r="I10229" s="18"/>
      <c r="J10229" s="18"/>
      <c r="K10229" s="18"/>
      <c r="L10229" s="18"/>
      <c r="M10229" s="18"/>
      <c r="N10229" s="18"/>
      <c r="O10229" s="18"/>
      <c r="P10229" s="19"/>
      <c r="Q10229" s="19"/>
      <c r="R10229" s="19"/>
      <c r="S10229" s="19"/>
      <c r="T10229" s="19"/>
      <c r="U10229" s="19"/>
      <c r="V10229" s="19"/>
      <c r="W10229" s="19"/>
      <c r="X10229" s="19"/>
      <c r="Y10229" s="19"/>
      <c r="Z10229" s="19"/>
      <c r="AA10229" s="19"/>
    </row>
    <row r="10230" spans="1:27" s="1" customFormat="1" ht="14.1" customHeight="1" outlineLevel="1" x14ac:dyDescent="0.2">
      <c r="A10230" s="17">
        <v>14201</v>
      </c>
      <c r="B10230" s="17"/>
      <c r="C10230" s="17"/>
      <c r="D10230" s="18" t="s">
        <v>5073</v>
      </c>
      <c r="E10230" s="18"/>
      <c r="F10230" s="18"/>
      <c r="G10230" s="18"/>
      <c r="H10230" s="18"/>
      <c r="I10230" s="18"/>
      <c r="J10230" s="18"/>
      <c r="K10230" s="18"/>
      <c r="L10230" s="18"/>
      <c r="M10230" s="18"/>
      <c r="N10230" s="18"/>
      <c r="O10230" s="18"/>
      <c r="P10230" s="19">
        <v>75</v>
      </c>
      <c r="Q10230" s="19"/>
      <c r="R10230" s="19"/>
      <c r="S10230" s="19"/>
      <c r="T10230" s="19">
        <v>50</v>
      </c>
      <c r="U10230" s="19"/>
      <c r="V10230" s="19"/>
      <c r="W10230" s="19"/>
      <c r="X10230" s="19">
        <v>20</v>
      </c>
      <c r="Y10230" s="19"/>
      <c r="Z10230" s="19"/>
      <c r="AA10230" s="19"/>
    </row>
    <row r="10231" spans="1:27" s="1" customFormat="1" ht="14.1" customHeight="1" outlineLevel="1" x14ac:dyDescent="0.2">
      <c r="A10231" s="17"/>
      <c r="B10231" s="17"/>
      <c r="C10231" s="17"/>
      <c r="D10231" s="18"/>
      <c r="E10231" s="18"/>
      <c r="F10231" s="18"/>
      <c r="G10231" s="18"/>
      <c r="H10231" s="18"/>
      <c r="I10231" s="18"/>
      <c r="J10231" s="18"/>
      <c r="K10231" s="18"/>
      <c r="L10231" s="18"/>
      <c r="M10231" s="18"/>
      <c r="N10231" s="18"/>
      <c r="O10231" s="18"/>
      <c r="P10231" s="19"/>
      <c r="Q10231" s="19"/>
      <c r="R10231" s="19"/>
      <c r="S10231" s="19"/>
      <c r="T10231" s="19"/>
      <c r="U10231" s="19"/>
      <c r="V10231" s="19"/>
      <c r="W10231" s="19"/>
      <c r="X10231" s="19"/>
      <c r="Y10231" s="19"/>
      <c r="Z10231" s="19"/>
      <c r="AA10231" s="19"/>
    </row>
    <row r="10232" spans="1:27" s="1" customFormat="1" ht="14.1" customHeight="1" outlineLevel="1" x14ac:dyDescent="0.2">
      <c r="A10232" s="17">
        <v>14203</v>
      </c>
      <c r="B10232" s="17"/>
      <c r="C10232" s="17"/>
      <c r="D10232" s="18" t="s">
        <v>5074</v>
      </c>
      <c r="E10232" s="18"/>
      <c r="F10232" s="18"/>
      <c r="G10232" s="18"/>
      <c r="H10232" s="18"/>
      <c r="I10232" s="18"/>
      <c r="J10232" s="18"/>
      <c r="K10232" s="18"/>
      <c r="L10232" s="18"/>
      <c r="M10232" s="18"/>
      <c r="N10232" s="18"/>
      <c r="O10232" s="18"/>
      <c r="P10232" s="19">
        <v>75</v>
      </c>
      <c r="Q10232" s="19"/>
      <c r="R10232" s="19"/>
      <c r="S10232" s="19"/>
      <c r="T10232" s="19">
        <v>50</v>
      </c>
      <c r="U10232" s="19"/>
      <c r="V10232" s="19"/>
      <c r="W10232" s="19"/>
      <c r="X10232" s="19">
        <v>19</v>
      </c>
      <c r="Y10232" s="19"/>
      <c r="Z10232" s="19"/>
      <c r="AA10232" s="19"/>
    </row>
    <row r="10233" spans="1:27" s="1" customFormat="1" ht="14.1" customHeight="1" outlineLevel="1" x14ac:dyDescent="0.2">
      <c r="A10233" s="17"/>
      <c r="B10233" s="17"/>
      <c r="C10233" s="17"/>
      <c r="D10233" s="18"/>
      <c r="E10233" s="18"/>
      <c r="F10233" s="18"/>
      <c r="G10233" s="18"/>
      <c r="H10233" s="18"/>
      <c r="I10233" s="18"/>
      <c r="J10233" s="18"/>
      <c r="K10233" s="18"/>
      <c r="L10233" s="18"/>
      <c r="M10233" s="18"/>
      <c r="N10233" s="18"/>
      <c r="O10233" s="18"/>
      <c r="P10233" s="19"/>
      <c r="Q10233" s="19"/>
      <c r="R10233" s="19"/>
      <c r="S10233" s="19"/>
      <c r="T10233" s="19"/>
      <c r="U10233" s="19"/>
      <c r="V10233" s="19"/>
      <c r="W10233" s="19"/>
      <c r="X10233" s="19"/>
      <c r="Y10233" s="19"/>
      <c r="Z10233" s="19"/>
      <c r="AA10233" s="19"/>
    </row>
    <row r="10234" spans="1:27" s="1" customFormat="1" ht="14.1" customHeight="1" outlineLevel="1" x14ac:dyDescent="0.2">
      <c r="A10234" s="17">
        <v>14204</v>
      </c>
      <c r="B10234" s="17"/>
      <c r="C10234" s="17"/>
      <c r="D10234" s="18" t="s">
        <v>5075</v>
      </c>
      <c r="E10234" s="18"/>
      <c r="F10234" s="18"/>
      <c r="G10234" s="18"/>
      <c r="H10234" s="18"/>
      <c r="I10234" s="18"/>
      <c r="J10234" s="18"/>
      <c r="K10234" s="18"/>
      <c r="L10234" s="18"/>
      <c r="M10234" s="18"/>
      <c r="N10234" s="18"/>
      <c r="O10234" s="18"/>
      <c r="P10234" s="19">
        <v>75</v>
      </c>
      <c r="Q10234" s="19"/>
      <c r="R10234" s="19"/>
      <c r="S10234" s="19"/>
      <c r="T10234" s="19">
        <v>50</v>
      </c>
      <c r="U10234" s="19"/>
      <c r="V10234" s="19"/>
      <c r="W10234" s="19"/>
      <c r="X10234" s="19">
        <v>18</v>
      </c>
      <c r="Y10234" s="19"/>
      <c r="Z10234" s="19"/>
      <c r="AA10234" s="19"/>
    </row>
    <row r="10235" spans="1:27" s="1" customFormat="1" ht="14.1" customHeight="1" outlineLevel="1" x14ac:dyDescent="0.2">
      <c r="A10235" s="17"/>
      <c r="B10235" s="17"/>
      <c r="C10235" s="17"/>
      <c r="D10235" s="18"/>
      <c r="E10235" s="18"/>
      <c r="F10235" s="18"/>
      <c r="G10235" s="18"/>
      <c r="H10235" s="18"/>
      <c r="I10235" s="18"/>
      <c r="J10235" s="18"/>
      <c r="K10235" s="18"/>
      <c r="L10235" s="18"/>
      <c r="M10235" s="18"/>
      <c r="N10235" s="18"/>
      <c r="O10235" s="18"/>
      <c r="P10235" s="19"/>
      <c r="Q10235" s="19"/>
      <c r="R10235" s="19"/>
      <c r="S10235" s="19"/>
      <c r="T10235" s="19"/>
      <c r="U10235" s="19"/>
      <c r="V10235" s="19"/>
      <c r="W10235" s="19"/>
      <c r="X10235" s="19"/>
      <c r="Y10235" s="19"/>
      <c r="Z10235" s="19"/>
      <c r="AA10235" s="19"/>
    </row>
    <row r="10236" spans="1:27" s="1" customFormat="1" ht="14.1" customHeight="1" outlineLevel="1" x14ac:dyDescent="0.2">
      <c r="A10236" s="17">
        <v>14205</v>
      </c>
      <c r="B10236" s="17"/>
      <c r="C10236" s="17"/>
      <c r="D10236" s="18" t="s">
        <v>5076</v>
      </c>
      <c r="E10236" s="18"/>
      <c r="F10236" s="18"/>
      <c r="G10236" s="18"/>
      <c r="H10236" s="18"/>
      <c r="I10236" s="18"/>
      <c r="J10236" s="18"/>
      <c r="K10236" s="18"/>
      <c r="L10236" s="18"/>
      <c r="M10236" s="18"/>
      <c r="N10236" s="18"/>
      <c r="O10236" s="18"/>
      <c r="P10236" s="19">
        <v>75</v>
      </c>
      <c r="Q10236" s="19"/>
      <c r="R10236" s="19"/>
      <c r="S10236" s="19"/>
      <c r="T10236" s="19">
        <v>50</v>
      </c>
      <c r="U10236" s="19"/>
      <c r="V10236" s="19"/>
      <c r="W10236" s="19"/>
      <c r="X10236" s="19">
        <v>20</v>
      </c>
      <c r="Y10236" s="19"/>
      <c r="Z10236" s="19"/>
      <c r="AA10236" s="19"/>
    </row>
    <row r="10237" spans="1:27" s="1" customFormat="1" ht="14.1" customHeight="1" outlineLevel="1" x14ac:dyDescent="0.2">
      <c r="A10237" s="17"/>
      <c r="B10237" s="17"/>
      <c r="C10237" s="17"/>
      <c r="D10237" s="18"/>
      <c r="E10237" s="18"/>
      <c r="F10237" s="18"/>
      <c r="G10237" s="18"/>
      <c r="H10237" s="18"/>
      <c r="I10237" s="18"/>
      <c r="J10237" s="18"/>
      <c r="K10237" s="18"/>
      <c r="L10237" s="18"/>
      <c r="M10237" s="18"/>
      <c r="N10237" s="18"/>
      <c r="O10237" s="18"/>
      <c r="P10237" s="19"/>
      <c r="Q10237" s="19"/>
      <c r="R10237" s="19"/>
      <c r="S10237" s="19"/>
      <c r="T10237" s="19"/>
      <c r="U10237" s="19"/>
      <c r="V10237" s="19"/>
      <c r="W10237" s="19"/>
      <c r="X10237" s="19"/>
      <c r="Y10237" s="19"/>
      <c r="Z10237" s="19"/>
      <c r="AA10237" s="19"/>
    </row>
    <row r="10238" spans="1:27" s="1" customFormat="1" ht="14.1" customHeight="1" outlineLevel="1" x14ac:dyDescent="0.2">
      <c r="A10238" s="17">
        <v>14193</v>
      </c>
      <c r="B10238" s="17"/>
      <c r="C10238" s="17"/>
      <c r="D10238" s="18" t="s">
        <v>5077</v>
      </c>
      <c r="E10238" s="18"/>
      <c r="F10238" s="18"/>
      <c r="G10238" s="18"/>
      <c r="H10238" s="18"/>
      <c r="I10238" s="18"/>
      <c r="J10238" s="18"/>
      <c r="K10238" s="18"/>
      <c r="L10238" s="18"/>
      <c r="M10238" s="18"/>
      <c r="N10238" s="18"/>
      <c r="O10238" s="18"/>
      <c r="P10238" s="19">
        <v>75</v>
      </c>
      <c r="Q10238" s="19"/>
      <c r="R10238" s="19"/>
      <c r="S10238" s="19"/>
      <c r="T10238" s="19">
        <v>50</v>
      </c>
      <c r="U10238" s="19"/>
      <c r="V10238" s="19"/>
      <c r="W10238" s="19"/>
      <c r="X10238" s="19">
        <v>10</v>
      </c>
      <c r="Y10238" s="19"/>
      <c r="Z10238" s="19"/>
      <c r="AA10238" s="19"/>
    </row>
    <row r="10239" spans="1:27" s="1" customFormat="1" ht="14.1" customHeight="1" outlineLevel="1" x14ac:dyDescent="0.2">
      <c r="A10239" s="17"/>
      <c r="B10239" s="17"/>
      <c r="C10239" s="17"/>
      <c r="D10239" s="18"/>
      <c r="E10239" s="18"/>
      <c r="F10239" s="18"/>
      <c r="G10239" s="18"/>
      <c r="H10239" s="18"/>
      <c r="I10239" s="18"/>
      <c r="J10239" s="18"/>
      <c r="K10239" s="18"/>
      <c r="L10239" s="18"/>
      <c r="M10239" s="18"/>
      <c r="N10239" s="18"/>
      <c r="O10239" s="18"/>
      <c r="P10239" s="19"/>
      <c r="Q10239" s="19"/>
      <c r="R10239" s="19"/>
      <c r="S10239" s="19"/>
      <c r="T10239" s="19"/>
      <c r="U10239" s="19"/>
      <c r="V10239" s="19"/>
      <c r="W10239" s="19"/>
      <c r="X10239" s="19"/>
      <c r="Y10239" s="19"/>
      <c r="Z10239" s="19"/>
      <c r="AA10239" s="19"/>
    </row>
    <row r="10240" spans="1:27" s="1" customFormat="1" ht="14.1" customHeight="1" outlineLevel="1" x14ac:dyDescent="0.2">
      <c r="A10240" s="17">
        <v>14194</v>
      </c>
      <c r="B10240" s="17"/>
      <c r="C10240" s="17"/>
      <c r="D10240" s="18" t="s">
        <v>5078</v>
      </c>
      <c r="E10240" s="18"/>
      <c r="F10240" s="18"/>
      <c r="G10240" s="18"/>
      <c r="H10240" s="18"/>
      <c r="I10240" s="18"/>
      <c r="J10240" s="18"/>
      <c r="K10240" s="18"/>
      <c r="L10240" s="18"/>
      <c r="M10240" s="18"/>
      <c r="N10240" s="18"/>
      <c r="O10240" s="18"/>
      <c r="P10240" s="19">
        <v>90</v>
      </c>
      <c r="Q10240" s="19"/>
      <c r="R10240" s="19"/>
      <c r="S10240" s="19"/>
      <c r="T10240" s="19">
        <v>60</v>
      </c>
      <c r="U10240" s="19"/>
      <c r="V10240" s="19"/>
      <c r="W10240" s="19"/>
      <c r="X10240" s="19">
        <v>10</v>
      </c>
      <c r="Y10240" s="19"/>
      <c r="Z10240" s="19"/>
      <c r="AA10240" s="19"/>
    </row>
    <row r="10241" spans="1:27" s="1" customFormat="1" ht="14.1" customHeight="1" outlineLevel="1" x14ac:dyDescent="0.2">
      <c r="A10241" s="17"/>
      <c r="B10241" s="17"/>
      <c r="C10241" s="17"/>
      <c r="D10241" s="18"/>
      <c r="E10241" s="18"/>
      <c r="F10241" s="18"/>
      <c r="G10241" s="18"/>
      <c r="H10241" s="18"/>
      <c r="I10241" s="18"/>
      <c r="J10241" s="18"/>
      <c r="K10241" s="18"/>
      <c r="L10241" s="18"/>
      <c r="M10241" s="18"/>
      <c r="N10241" s="18"/>
      <c r="O10241" s="18"/>
      <c r="P10241" s="19"/>
      <c r="Q10241" s="19"/>
      <c r="R10241" s="19"/>
      <c r="S10241" s="19"/>
      <c r="T10241" s="19"/>
      <c r="U10241" s="19"/>
      <c r="V10241" s="19"/>
      <c r="W10241" s="19"/>
      <c r="X10241" s="19"/>
      <c r="Y10241" s="19"/>
      <c r="Z10241" s="19"/>
      <c r="AA10241" s="19"/>
    </row>
    <row r="10242" spans="1:27" s="1" customFormat="1" ht="14.1" customHeight="1" outlineLevel="1" x14ac:dyDescent="0.2">
      <c r="A10242" s="17">
        <v>9653</v>
      </c>
      <c r="B10242" s="17"/>
      <c r="C10242" s="17"/>
      <c r="D10242" s="18" t="s">
        <v>5079</v>
      </c>
      <c r="E10242" s="18"/>
      <c r="F10242" s="18"/>
      <c r="G10242" s="18"/>
      <c r="H10242" s="18"/>
      <c r="I10242" s="18"/>
      <c r="J10242" s="18"/>
      <c r="K10242" s="18"/>
      <c r="L10242" s="18"/>
      <c r="M10242" s="18"/>
      <c r="N10242" s="18"/>
      <c r="O10242" s="18"/>
      <c r="P10242" s="19">
        <v>110</v>
      </c>
      <c r="Q10242" s="19"/>
      <c r="R10242" s="19"/>
      <c r="S10242" s="19"/>
      <c r="T10242" s="19">
        <v>55</v>
      </c>
      <c r="U10242" s="19"/>
      <c r="V10242" s="19"/>
      <c r="W10242" s="19"/>
      <c r="X10242" s="19">
        <v>1</v>
      </c>
      <c r="Y10242" s="19"/>
      <c r="Z10242" s="19"/>
      <c r="AA10242" s="19"/>
    </row>
    <row r="10243" spans="1:27" s="1" customFormat="1" ht="14.1" customHeight="1" outlineLevel="1" x14ac:dyDescent="0.2">
      <c r="A10243" s="17"/>
      <c r="B10243" s="17"/>
      <c r="C10243" s="17"/>
      <c r="D10243" s="18"/>
      <c r="E10243" s="18"/>
      <c r="F10243" s="18"/>
      <c r="G10243" s="18"/>
      <c r="H10243" s="18"/>
      <c r="I10243" s="18"/>
      <c r="J10243" s="18"/>
      <c r="K10243" s="18"/>
      <c r="L10243" s="18"/>
      <c r="M10243" s="18"/>
      <c r="N10243" s="18"/>
      <c r="O10243" s="18"/>
      <c r="P10243" s="19"/>
      <c r="Q10243" s="19"/>
      <c r="R10243" s="19"/>
      <c r="S10243" s="19"/>
      <c r="T10243" s="19"/>
      <c r="U10243" s="19"/>
      <c r="V10243" s="19"/>
      <c r="W10243" s="19"/>
      <c r="X10243" s="19"/>
      <c r="Y10243" s="19"/>
      <c r="Z10243" s="19"/>
      <c r="AA10243" s="19"/>
    </row>
    <row r="10244" spans="1:27" s="1" customFormat="1" ht="14.1" customHeight="1" outlineLevel="1" x14ac:dyDescent="0.2">
      <c r="A10244" s="17">
        <v>14208</v>
      </c>
      <c r="B10244" s="17"/>
      <c r="C10244" s="17"/>
      <c r="D10244" s="18" t="s">
        <v>5080</v>
      </c>
      <c r="E10244" s="18"/>
      <c r="F10244" s="18"/>
      <c r="G10244" s="18"/>
      <c r="H10244" s="18"/>
      <c r="I10244" s="18"/>
      <c r="J10244" s="18"/>
      <c r="K10244" s="18"/>
      <c r="L10244" s="18"/>
      <c r="M10244" s="18"/>
      <c r="N10244" s="18"/>
      <c r="O10244" s="18"/>
      <c r="P10244" s="19">
        <v>75</v>
      </c>
      <c r="Q10244" s="19"/>
      <c r="R10244" s="19"/>
      <c r="S10244" s="19"/>
      <c r="T10244" s="19">
        <v>50</v>
      </c>
      <c r="U10244" s="19"/>
      <c r="V10244" s="19"/>
      <c r="W10244" s="19"/>
      <c r="X10244" s="19">
        <v>10</v>
      </c>
      <c r="Y10244" s="19"/>
      <c r="Z10244" s="19"/>
      <c r="AA10244" s="19"/>
    </row>
    <row r="10245" spans="1:27" s="1" customFormat="1" ht="14.1" customHeight="1" outlineLevel="1" x14ac:dyDescent="0.2">
      <c r="A10245" s="17"/>
      <c r="B10245" s="17"/>
      <c r="C10245" s="17"/>
      <c r="D10245" s="18"/>
      <c r="E10245" s="18"/>
      <c r="F10245" s="18"/>
      <c r="G10245" s="18"/>
      <c r="H10245" s="18"/>
      <c r="I10245" s="18"/>
      <c r="J10245" s="18"/>
      <c r="K10245" s="18"/>
      <c r="L10245" s="18"/>
      <c r="M10245" s="18"/>
      <c r="N10245" s="18"/>
      <c r="O10245" s="18"/>
      <c r="P10245" s="19"/>
      <c r="Q10245" s="19"/>
      <c r="R10245" s="19"/>
      <c r="S10245" s="19"/>
      <c r="T10245" s="19"/>
      <c r="U10245" s="19"/>
      <c r="V10245" s="19"/>
      <c r="W10245" s="19"/>
      <c r="X10245" s="19"/>
      <c r="Y10245" s="19"/>
      <c r="Z10245" s="19"/>
      <c r="AA10245" s="19"/>
    </row>
    <row r="10246" spans="1:27" s="1" customFormat="1" ht="14.1" customHeight="1" outlineLevel="1" x14ac:dyDescent="0.2">
      <c r="A10246" s="17">
        <v>14206</v>
      </c>
      <c r="B10246" s="17"/>
      <c r="C10246" s="17"/>
      <c r="D10246" s="18" t="s">
        <v>5081</v>
      </c>
      <c r="E10246" s="18"/>
      <c r="F10246" s="18"/>
      <c r="G10246" s="18"/>
      <c r="H10246" s="18"/>
      <c r="I10246" s="18"/>
      <c r="J10246" s="18"/>
      <c r="K10246" s="18"/>
      <c r="L10246" s="18"/>
      <c r="M10246" s="18"/>
      <c r="N10246" s="18"/>
      <c r="O10246" s="18"/>
      <c r="P10246" s="19">
        <v>75</v>
      </c>
      <c r="Q10246" s="19"/>
      <c r="R10246" s="19"/>
      <c r="S10246" s="19"/>
      <c r="T10246" s="19">
        <v>50</v>
      </c>
      <c r="U10246" s="19"/>
      <c r="V10246" s="19"/>
      <c r="W10246" s="19"/>
      <c r="X10246" s="19">
        <v>8</v>
      </c>
      <c r="Y10246" s="19"/>
      <c r="Z10246" s="19"/>
      <c r="AA10246" s="19"/>
    </row>
    <row r="10247" spans="1:27" s="1" customFormat="1" ht="14.1" customHeight="1" outlineLevel="1" x14ac:dyDescent="0.2">
      <c r="A10247" s="17"/>
      <c r="B10247" s="17"/>
      <c r="C10247" s="17"/>
      <c r="D10247" s="18"/>
      <c r="E10247" s="18"/>
      <c r="F10247" s="18"/>
      <c r="G10247" s="18"/>
      <c r="H10247" s="18"/>
      <c r="I10247" s="18"/>
      <c r="J10247" s="18"/>
      <c r="K10247" s="18"/>
      <c r="L10247" s="18"/>
      <c r="M10247" s="18"/>
      <c r="N10247" s="18"/>
      <c r="O10247" s="18"/>
      <c r="P10247" s="19"/>
      <c r="Q10247" s="19"/>
      <c r="R10247" s="19"/>
      <c r="S10247" s="19"/>
      <c r="T10247" s="19"/>
      <c r="U10247" s="19"/>
      <c r="V10247" s="19"/>
      <c r="W10247" s="19"/>
      <c r="X10247" s="19"/>
      <c r="Y10247" s="19"/>
      <c r="Z10247" s="19"/>
      <c r="AA10247" s="19"/>
    </row>
    <row r="10248" spans="1:27" s="1" customFormat="1" ht="14.1" customHeight="1" outlineLevel="1" x14ac:dyDescent="0.2">
      <c r="A10248" s="17">
        <v>14207</v>
      </c>
      <c r="B10248" s="17"/>
      <c r="C10248" s="17"/>
      <c r="D10248" s="18" t="s">
        <v>5082</v>
      </c>
      <c r="E10248" s="18"/>
      <c r="F10248" s="18"/>
      <c r="G10248" s="18"/>
      <c r="H10248" s="18"/>
      <c r="I10248" s="18"/>
      <c r="J10248" s="18"/>
      <c r="K10248" s="18"/>
      <c r="L10248" s="18"/>
      <c r="M10248" s="18"/>
      <c r="N10248" s="18"/>
      <c r="O10248" s="18"/>
      <c r="P10248" s="19">
        <v>75</v>
      </c>
      <c r="Q10248" s="19"/>
      <c r="R10248" s="19"/>
      <c r="S10248" s="19"/>
      <c r="T10248" s="19">
        <v>50</v>
      </c>
      <c r="U10248" s="19"/>
      <c r="V10248" s="19"/>
      <c r="W10248" s="19"/>
      <c r="X10248" s="19">
        <v>10</v>
      </c>
      <c r="Y10248" s="19"/>
      <c r="Z10248" s="19"/>
      <c r="AA10248" s="19"/>
    </row>
    <row r="10249" spans="1:27" s="1" customFormat="1" ht="14.1" customHeight="1" outlineLevel="1" x14ac:dyDescent="0.2">
      <c r="A10249" s="17"/>
      <c r="B10249" s="17"/>
      <c r="C10249" s="17"/>
      <c r="D10249" s="18"/>
      <c r="E10249" s="18"/>
      <c r="F10249" s="18"/>
      <c r="G10249" s="18"/>
      <c r="H10249" s="18"/>
      <c r="I10249" s="18"/>
      <c r="J10249" s="18"/>
      <c r="K10249" s="18"/>
      <c r="L10249" s="18"/>
      <c r="M10249" s="18"/>
      <c r="N10249" s="18"/>
      <c r="O10249" s="18"/>
      <c r="P10249" s="19"/>
      <c r="Q10249" s="19"/>
      <c r="R10249" s="19"/>
      <c r="S10249" s="19"/>
      <c r="T10249" s="19"/>
      <c r="U10249" s="19"/>
      <c r="V10249" s="19"/>
      <c r="W10249" s="19"/>
      <c r="X10249" s="19"/>
      <c r="Y10249" s="19"/>
      <c r="Z10249" s="19"/>
      <c r="AA10249" s="19"/>
    </row>
    <row r="10250" spans="1:27" s="1" customFormat="1" ht="14.1" customHeight="1" outlineLevel="1" x14ac:dyDescent="0.2">
      <c r="A10250" s="17">
        <v>9617</v>
      </c>
      <c r="B10250" s="17"/>
      <c r="C10250" s="17"/>
      <c r="D10250" s="18" t="s">
        <v>5083</v>
      </c>
      <c r="E10250" s="18"/>
      <c r="F10250" s="18"/>
      <c r="G10250" s="18"/>
      <c r="H10250" s="18"/>
      <c r="I10250" s="18"/>
      <c r="J10250" s="18"/>
      <c r="K10250" s="18"/>
      <c r="L10250" s="18"/>
      <c r="M10250" s="18"/>
      <c r="N10250" s="18"/>
      <c r="O10250" s="18"/>
      <c r="P10250" s="19">
        <v>85</v>
      </c>
      <c r="Q10250" s="19"/>
      <c r="R10250" s="19"/>
      <c r="S10250" s="19"/>
      <c r="T10250" s="19">
        <v>50</v>
      </c>
      <c r="U10250" s="19"/>
      <c r="V10250" s="19"/>
      <c r="W10250" s="19"/>
      <c r="X10250" s="19">
        <v>1</v>
      </c>
      <c r="Y10250" s="19"/>
      <c r="Z10250" s="19"/>
      <c r="AA10250" s="19"/>
    </row>
    <row r="10251" spans="1:27" s="1" customFormat="1" ht="14.1" customHeight="1" outlineLevel="1" x14ac:dyDescent="0.2">
      <c r="A10251" s="17"/>
      <c r="B10251" s="17"/>
      <c r="C10251" s="17"/>
      <c r="D10251" s="18"/>
      <c r="E10251" s="18"/>
      <c r="F10251" s="18"/>
      <c r="G10251" s="18"/>
      <c r="H10251" s="18"/>
      <c r="I10251" s="18"/>
      <c r="J10251" s="18"/>
      <c r="K10251" s="18"/>
      <c r="L10251" s="18"/>
      <c r="M10251" s="18"/>
      <c r="N10251" s="18"/>
      <c r="O10251" s="18"/>
      <c r="P10251" s="19"/>
      <c r="Q10251" s="19"/>
      <c r="R10251" s="19"/>
      <c r="S10251" s="19"/>
      <c r="T10251" s="19"/>
      <c r="U10251" s="19"/>
      <c r="V10251" s="19"/>
      <c r="W10251" s="19"/>
      <c r="X10251" s="19"/>
      <c r="Y10251" s="19"/>
      <c r="Z10251" s="19"/>
      <c r="AA10251" s="19"/>
    </row>
    <row r="10252" spans="1:27" s="1" customFormat="1" ht="14.1" customHeight="1" outlineLevel="1" x14ac:dyDescent="0.2">
      <c r="A10252" s="17">
        <v>13392</v>
      </c>
      <c r="B10252" s="17"/>
      <c r="C10252" s="17"/>
      <c r="D10252" s="18" t="s">
        <v>5084</v>
      </c>
      <c r="E10252" s="18"/>
      <c r="F10252" s="18"/>
      <c r="G10252" s="18"/>
      <c r="H10252" s="18"/>
      <c r="I10252" s="18"/>
      <c r="J10252" s="18"/>
      <c r="K10252" s="18"/>
      <c r="L10252" s="18"/>
      <c r="M10252" s="18"/>
      <c r="N10252" s="18"/>
      <c r="O10252" s="18"/>
      <c r="P10252" s="19">
        <v>75</v>
      </c>
      <c r="Q10252" s="19"/>
      <c r="R10252" s="19"/>
      <c r="S10252" s="19"/>
      <c r="T10252" s="19">
        <v>50</v>
      </c>
      <c r="U10252" s="19"/>
      <c r="V10252" s="19"/>
      <c r="W10252" s="19"/>
      <c r="X10252" s="19">
        <v>23</v>
      </c>
      <c r="Y10252" s="19"/>
      <c r="Z10252" s="19"/>
      <c r="AA10252" s="19"/>
    </row>
    <row r="10253" spans="1:27" s="1" customFormat="1" ht="14.1" customHeight="1" outlineLevel="1" x14ac:dyDescent="0.2">
      <c r="A10253" s="17"/>
      <c r="B10253" s="17"/>
      <c r="C10253" s="17"/>
      <c r="D10253" s="18"/>
      <c r="E10253" s="18"/>
      <c r="F10253" s="18"/>
      <c r="G10253" s="18"/>
      <c r="H10253" s="18"/>
      <c r="I10253" s="18"/>
      <c r="J10253" s="18"/>
      <c r="K10253" s="18"/>
      <c r="L10253" s="18"/>
      <c r="M10253" s="18"/>
      <c r="N10253" s="18"/>
      <c r="O10253" s="18"/>
      <c r="P10253" s="19"/>
      <c r="Q10253" s="19"/>
      <c r="R10253" s="19"/>
      <c r="S10253" s="19"/>
      <c r="T10253" s="19"/>
      <c r="U10253" s="19"/>
      <c r="V10253" s="19"/>
      <c r="W10253" s="19"/>
      <c r="X10253" s="19"/>
      <c r="Y10253" s="19"/>
      <c r="Z10253" s="19"/>
      <c r="AA10253" s="19"/>
    </row>
    <row r="10254" spans="1:27" s="1" customFormat="1" ht="14.1" customHeight="1" outlineLevel="1" x14ac:dyDescent="0.2">
      <c r="A10254" s="17">
        <v>12114</v>
      </c>
      <c r="B10254" s="17"/>
      <c r="C10254" s="17"/>
      <c r="D10254" s="18" t="s">
        <v>5085</v>
      </c>
      <c r="E10254" s="18"/>
      <c r="F10254" s="18"/>
      <c r="G10254" s="18"/>
      <c r="H10254" s="18"/>
      <c r="I10254" s="18"/>
      <c r="J10254" s="18"/>
      <c r="K10254" s="18"/>
      <c r="L10254" s="18"/>
      <c r="M10254" s="18"/>
      <c r="N10254" s="18"/>
      <c r="O10254" s="18"/>
      <c r="P10254" s="19">
        <v>75</v>
      </c>
      <c r="Q10254" s="19"/>
      <c r="R10254" s="19"/>
      <c r="S10254" s="19"/>
      <c r="T10254" s="19">
        <v>50</v>
      </c>
      <c r="U10254" s="19"/>
      <c r="V10254" s="19"/>
      <c r="W10254" s="19"/>
      <c r="X10254" s="19">
        <v>19</v>
      </c>
      <c r="Y10254" s="19"/>
      <c r="Z10254" s="19"/>
      <c r="AA10254" s="19"/>
    </row>
    <row r="10255" spans="1:27" s="1" customFormat="1" ht="14.1" customHeight="1" outlineLevel="1" x14ac:dyDescent="0.2">
      <c r="A10255" s="17"/>
      <c r="B10255" s="17"/>
      <c r="C10255" s="17"/>
      <c r="D10255" s="18"/>
      <c r="E10255" s="18"/>
      <c r="F10255" s="18"/>
      <c r="G10255" s="18"/>
      <c r="H10255" s="18"/>
      <c r="I10255" s="18"/>
      <c r="J10255" s="18"/>
      <c r="K10255" s="18"/>
      <c r="L10255" s="18"/>
      <c r="M10255" s="18"/>
      <c r="N10255" s="18"/>
      <c r="O10255" s="18"/>
      <c r="P10255" s="19"/>
      <c r="Q10255" s="19"/>
      <c r="R10255" s="19"/>
      <c r="S10255" s="19"/>
      <c r="T10255" s="19"/>
      <c r="U10255" s="19"/>
      <c r="V10255" s="19"/>
      <c r="W10255" s="19"/>
      <c r="X10255" s="19"/>
      <c r="Y10255" s="19"/>
      <c r="Z10255" s="19"/>
      <c r="AA10255" s="19"/>
    </row>
    <row r="10256" spans="1:27" s="1" customFormat="1" ht="14.1" customHeight="1" outlineLevel="1" x14ac:dyDescent="0.2">
      <c r="A10256" s="17">
        <v>16816</v>
      </c>
      <c r="B10256" s="17"/>
      <c r="C10256" s="17"/>
      <c r="D10256" s="18" t="s">
        <v>5086</v>
      </c>
      <c r="E10256" s="18"/>
      <c r="F10256" s="18"/>
      <c r="G10256" s="18"/>
      <c r="H10256" s="18"/>
      <c r="I10256" s="18"/>
      <c r="J10256" s="18"/>
      <c r="K10256" s="18"/>
      <c r="L10256" s="18"/>
      <c r="M10256" s="18"/>
      <c r="N10256" s="18"/>
      <c r="O10256" s="18"/>
      <c r="P10256" s="19">
        <v>150</v>
      </c>
      <c r="Q10256" s="19"/>
      <c r="R10256" s="19"/>
      <c r="S10256" s="19"/>
      <c r="T10256" s="19">
        <v>100</v>
      </c>
      <c r="U10256" s="19"/>
      <c r="V10256" s="19"/>
      <c r="W10256" s="19"/>
      <c r="X10256" s="19">
        <v>2</v>
      </c>
      <c r="Y10256" s="19"/>
      <c r="Z10256" s="19"/>
      <c r="AA10256" s="19"/>
    </row>
    <row r="10257" spans="1:27" s="1" customFormat="1" ht="14.1" customHeight="1" outlineLevel="1" x14ac:dyDescent="0.2">
      <c r="A10257" s="17"/>
      <c r="B10257" s="17"/>
      <c r="C10257" s="17"/>
      <c r="D10257" s="18"/>
      <c r="E10257" s="18"/>
      <c r="F10257" s="18"/>
      <c r="G10257" s="18"/>
      <c r="H10257" s="18"/>
      <c r="I10257" s="18"/>
      <c r="J10257" s="18"/>
      <c r="K10257" s="18"/>
      <c r="L10257" s="18"/>
      <c r="M10257" s="18"/>
      <c r="N10257" s="18"/>
      <c r="O10257" s="18"/>
      <c r="P10257" s="19"/>
      <c r="Q10257" s="19"/>
      <c r="R10257" s="19"/>
      <c r="S10257" s="19"/>
      <c r="T10257" s="19"/>
      <c r="U10257" s="19"/>
      <c r="V10257" s="19"/>
      <c r="W10257" s="19"/>
      <c r="X10257" s="19"/>
      <c r="Y10257" s="19"/>
      <c r="Z10257" s="19"/>
      <c r="AA10257" s="19"/>
    </row>
    <row r="10258" spans="1:27" s="1" customFormat="1" ht="14.1" customHeight="1" outlineLevel="1" x14ac:dyDescent="0.2">
      <c r="A10258" s="17">
        <v>9643</v>
      </c>
      <c r="B10258" s="17"/>
      <c r="C10258" s="17"/>
      <c r="D10258" s="18" t="s">
        <v>5087</v>
      </c>
      <c r="E10258" s="18"/>
      <c r="F10258" s="18"/>
      <c r="G10258" s="18"/>
      <c r="H10258" s="18"/>
      <c r="I10258" s="18"/>
      <c r="J10258" s="18"/>
      <c r="K10258" s="18"/>
      <c r="L10258" s="18"/>
      <c r="M10258" s="18"/>
      <c r="N10258" s="18"/>
      <c r="O10258" s="18"/>
      <c r="P10258" s="19">
        <v>75</v>
      </c>
      <c r="Q10258" s="19"/>
      <c r="R10258" s="19"/>
      <c r="S10258" s="19"/>
      <c r="T10258" s="19">
        <v>50</v>
      </c>
      <c r="U10258" s="19"/>
      <c r="V10258" s="19"/>
      <c r="W10258" s="19"/>
      <c r="X10258" s="19">
        <v>22</v>
      </c>
      <c r="Y10258" s="19"/>
      <c r="Z10258" s="19"/>
      <c r="AA10258" s="19"/>
    </row>
    <row r="10259" spans="1:27" s="1" customFormat="1" ht="14.1" customHeight="1" outlineLevel="1" x14ac:dyDescent="0.2">
      <c r="A10259" s="17"/>
      <c r="B10259" s="17"/>
      <c r="C10259" s="17"/>
      <c r="D10259" s="18"/>
      <c r="E10259" s="18"/>
      <c r="F10259" s="18"/>
      <c r="G10259" s="18"/>
      <c r="H10259" s="18"/>
      <c r="I10259" s="18"/>
      <c r="J10259" s="18"/>
      <c r="K10259" s="18"/>
      <c r="L10259" s="18"/>
      <c r="M10259" s="18"/>
      <c r="N10259" s="18"/>
      <c r="O10259" s="18"/>
      <c r="P10259" s="19"/>
      <c r="Q10259" s="19"/>
      <c r="R10259" s="19"/>
      <c r="S10259" s="19"/>
      <c r="T10259" s="19"/>
      <c r="U10259" s="19"/>
      <c r="V10259" s="19"/>
      <c r="W10259" s="19"/>
      <c r="X10259" s="19"/>
      <c r="Y10259" s="19"/>
      <c r="Z10259" s="19"/>
      <c r="AA10259" s="19"/>
    </row>
    <row r="10260" spans="1:27" s="1" customFormat="1" ht="14.1" customHeight="1" outlineLevel="1" x14ac:dyDescent="0.2">
      <c r="A10260" s="17">
        <v>14213</v>
      </c>
      <c r="B10260" s="17"/>
      <c r="C10260" s="17"/>
      <c r="D10260" s="18" t="s">
        <v>5088</v>
      </c>
      <c r="E10260" s="18"/>
      <c r="F10260" s="18"/>
      <c r="G10260" s="18"/>
      <c r="H10260" s="18"/>
      <c r="I10260" s="18"/>
      <c r="J10260" s="18"/>
      <c r="K10260" s="18"/>
      <c r="L10260" s="18"/>
      <c r="M10260" s="18"/>
      <c r="N10260" s="18"/>
      <c r="O10260" s="18"/>
      <c r="P10260" s="19">
        <v>75</v>
      </c>
      <c r="Q10260" s="19"/>
      <c r="R10260" s="19"/>
      <c r="S10260" s="19"/>
      <c r="T10260" s="19">
        <v>50</v>
      </c>
      <c r="U10260" s="19"/>
      <c r="V10260" s="19"/>
      <c r="W10260" s="19"/>
      <c r="X10260" s="19">
        <v>20</v>
      </c>
      <c r="Y10260" s="19"/>
      <c r="Z10260" s="19"/>
      <c r="AA10260" s="19"/>
    </row>
    <row r="10261" spans="1:27" s="1" customFormat="1" ht="14.1" customHeight="1" outlineLevel="1" x14ac:dyDescent="0.2">
      <c r="A10261" s="17"/>
      <c r="B10261" s="17"/>
      <c r="C10261" s="17"/>
      <c r="D10261" s="18"/>
      <c r="E10261" s="18"/>
      <c r="F10261" s="18"/>
      <c r="G10261" s="18"/>
      <c r="H10261" s="18"/>
      <c r="I10261" s="18"/>
      <c r="J10261" s="18"/>
      <c r="K10261" s="18"/>
      <c r="L10261" s="18"/>
      <c r="M10261" s="18"/>
      <c r="N10261" s="18"/>
      <c r="O10261" s="18"/>
      <c r="P10261" s="19"/>
      <c r="Q10261" s="19"/>
      <c r="R10261" s="19"/>
      <c r="S10261" s="19"/>
      <c r="T10261" s="19"/>
      <c r="U10261" s="19"/>
      <c r="V10261" s="19"/>
      <c r="W10261" s="19"/>
      <c r="X10261" s="19"/>
      <c r="Y10261" s="19"/>
      <c r="Z10261" s="19"/>
      <c r="AA10261" s="19"/>
    </row>
    <row r="10262" spans="1:27" s="1" customFormat="1" ht="14.1" customHeight="1" outlineLevel="1" x14ac:dyDescent="0.2">
      <c r="A10262" s="17">
        <v>14209</v>
      </c>
      <c r="B10262" s="17"/>
      <c r="C10262" s="17"/>
      <c r="D10262" s="18" t="s">
        <v>5089</v>
      </c>
      <c r="E10262" s="18"/>
      <c r="F10262" s="18"/>
      <c r="G10262" s="18"/>
      <c r="H10262" s="18"/>
      <c r="I10262" s="18"/>
      <c r="J10262" s="18"/>
      <c r="K10262" s="18"/>
      <c r="L10262" s="18"/>
      <c r="M10262" s="18"/>
      <c r="N10262" s="18"/>
      <c r="O10262" s="18"/>
      <c r="P10262" s="19">
        <v>75</v>
      </c>
      <c r="Q10262" s="19"/>
      <c r="R10262" s="19"/>
      <c r="S10262" s="19"/>
      <c r="T10262" s="19">
        <v>50</v>
      </c>
      <c r="U10262" s="19"/>
      <c r="V10262" s="19"/>
      <c r="W10262" s="19"/>
      <c r="X10262" s="19">
        <v>10</v>
      </c>
      <c r="Y10262" s="19"/>
      <c r="Z10262" s="19"/>
      <c r="AA10262" s="19"/>
    </row>
    <row r="10263" spans="1:27" s="1" customFormat="1" ht="14.1" customHeight="1" outlineLevel="1" x14ac:dyDescent="0.2">
      <c r="A10263" s="17"/>
      <c r="B10263" s="17"/>
      <c r="C10263" s="17"/>
      <c r="D10263" s="18"/>
      <c r="E10263" s="18"/>
      <c r="F10263" s="18"/>
      <c r="G10263" s="18"/>
      <c r="H10263" s="18"/>
      <c r="I10263" s="18"/>
      <c r="J10263" s="18"/>
      <c r="K10263" s="18"/>
      <c r="L10263" s="18"/>
      <c r="M10263" s="18"/>
      <c r="N10263" s="18"/>
      <c r="O10263" s="18"/>
      <c r="P10263" s="19"/>
      <c r="Q10263" s="19"/>
      <c r="R10263" s="19"/>
      <c r="S10263" s="19"/>
      <c r="T10263" s="19"/>
      <c r="U10263" s="19"/>
      <c r="V10263" s="19"/>
      <c r="W10263" s="19"/>
      <c r="X10263" s="19"/>
      <c r="Y10263" s="19"/>
      <c r="Z10263" s="19"/>
      <c r="AA10263" s="19"/>
    </row>
    <row r="10264" spans="1:27" s="1" customFormat="1" ht="14.1" customHeight="1" outlineLevel="1" x14ac:dyDescent="0.2">
      <c r="A10264" s="17">
        <v>16884</v>
      </c>
      <c r="B10264" s="17"/>
      <c r="C10264" s="17"/>
      <c r="D10264" s="18" t="s">
        <v>5090</v>
      </c>
      <c r="E10264" s="18"/>
      <c r="F10264" s="18"/>
      <c r="G10264" s="18"/>
      <c r="H10264" s="18"/>
      <c r="I10264" s="18"/>
      <c r="J10264" s="18"/>
      <c r="K10264" s="18"/>
      <c r="L10264" s="18"/>
      <c r="M10264" s="18"/>
      <c r="N10264" s="18"/>
      <c r="O10264" s="18"/>
      <c r="P10264" s="19">
        <v>200</v>
      </c>
      <c r="Q10264" s="19"/>
      <c r="R10264" s="19"/>
      <c r="S10264" s="19"/>
      <c r="T10264" s="19">
        <v>100</v>
      </c>
      <c r="U10264" s="19"/>
      <c r="V10264" s="19"/>
      <c r="W10264" s="19"/>
      <c r="X10264" s="19">
        <v>1</v>
      </c>
      <c r="Y10264" s="19"/>
      <c r="Z10264" s="19"/>
      <c r="AA10264" s="19"/>
    </row>
    <row r="10265" spans="1:27" s="1" customFormat="1" ht="14.1" customHeight="1" outlineLevel="1" x14ac:dyDescent="0.2">
      <c r="A10265" s="17"/>
      <c r="B10265" s="17"/>
      <c r="C10265" s="17"/>
      <c r="D10265" s="18"/>
      <c r="E10265" s="18"/>
      <c r="F10265" s="18"/>
      <c r="G10265" s="18"/>
      <c r="H10265" s="18"/>
      <c r="I10265" s="18"/>
      <c r="J10265" s="18"/>
      <c r="K10265" s="18"/>
      <c r="L10265" s="18"/>
      <c r="M10265" s="18"/>
      <c r="N10265" s="18"/>
      <c r="O10265" s="18"/>
      <c r="P10265" s="19"/>
      <c r="Q10265" s="19"/>
      <c r="R10265" s="19"/>
      <c r="S10265" s="19"/>
      <c r="T10265" s="19"/>
      <c r="U10265" s="19"/>
      <c r="V10265" s="19"/>
      <c r="W10265" s="19"/>
      <c r="X10265" s="19"/>
      <c r="Y10265" s="19"/>
      <c r="Z10265" s="19"/>
      <c r="AA10265" s="19"/>
    </row>
    <row r="10266" spans="1:27" s="1" customFormat="1" ht="14.1" customHeight="1" outlineLevel="1" x14ac:dyDescent="0.2">
      <c r="A10266" s="17">
        <v>9614</v>
      </c>
      <c r="B10266" s="17"/>
      <c r="C10266" s="17"/>
      <c r="D10266" s="18" t="s">
        <v>5091</v>
      </c>
      <c r="E10266" s="18"/>
      <c r="F10266" s="18"/>
      <c r="G10266" s="18"/>
      <c r="H10266" s="18"/>
      <c r="I10266" s="18"/>
      <c r="J10266" s="18"/>
      <c r="K10266" s="18"/>
      <c r="L10266" s="18"/>
      <c r="M10266" s="18"/>
      <c r="N10266" s="18"/>
      <c r="O10266" s="18"/>
      <c r="P10266" s="19">
        <v>75</v>
      </c>
      <c r="Q10266" s="19"/>
      <c r="R10266" s="19"/>
      <c r="S10266" s="19"/>
      <c r="T10266" s="19">
        <v>50</v>
      </c>
      <c r="U10266" s="19"/>
      <c r="V10266" s="19"/>
      <c r="W10266" s="19"/>
      <c r="X10266" s="19">
        <v>21</v>
      </c>
      <c r="Y10266" s="19"/>
      <c r="Z10266" s="19"/>
      <c r="AA10266" s="19"/>
    </row>
    <row r="10267" spans="1:27" s="1" customFormat="1" ht="14.1" customHeight="1" outlineLevel="1" x14ac:dyDescent="0.2">
      <c r="A10267" s="17"/>
      <c r="B10267" s="17"/>
      <c r="C10267" s="17"/>
      <c r="D10267" s="18"/>
      <c r="E10267" s="18"/>
      <c r="F10267" s="18"/>
      <c r="G10267" s="18"/>
      <c r="H10267" s="18"/>
      <c r="I10267" s="18"/>
      <c r="J10267" s="18"/>
      <c r="K10267" s="18"/>
      <c r="L10267" s="18"/>
      <c r="M10267" s="18"/>
      <c r="N10267" s="18"/>
      <c r="O10267" s="18"/>
      <c r="P10267" s="19"/>
      <c r="Q10267" s="19"/>
      <c r="R10267" s="19"/>
      <c r="S10267" s="19"/>
      <c r="T10267" s="19"/>
      <c r="U10267" s="19"/>
      <c r="V10267" s="19"/>
      <c r="W10267" s="19"/>
      <c r="X10267" s="19"/>
      <c r="Y10267" s="19"/>
      <c r="Z10267" s="19"/>
      <c r="AA10267" s="19"/>
    </row>
    <row r="10268" spans="1:27" s="1" customFormat="1" ht="14.1" customHeight="1" outlineLevel="1" x14ac:dyDescent="0.2">
      <c r="A10268" s="17">
        <v>14210</v>
      </c>
      <c r="B10268" s="17"/>
      <c r="C10268" s="17"/>
      <c r="D10268" s="18" t="s">
        <v>5092</v>
      </c>
      <c r="E10268" s="18"/>
      <c r="F10268" s="18"/>
      <c r="G10268" s="18"/>
      <c r="H10268" s="18"/>
      <c r="I10268" s="18"/>
      <c r="J10268" s="18"/>
      <c r="K10268" s="18"/>
      <c r="L10268" s="18"/>
      <c r="M10268" s="18"/>
      <c r="N10268" s="18"/>
      <c r="O10268" s="18"/>
      <c r="P10268" s="19">
        <v>75</v>
      </c>
      <c r="Q10268" s="19"/>
      <c r="R10268" s="19"/>
      <c r="S10268" s="19"/>
      <c r="T10268" s="19">
        <v>50</v>
      </c>
      <c r="U10268" s="19"/>
      <c r="V10268" s="19"/>
      <c r="W10268" s="19"/>
      <c r="X10268" s="19">
        <v>20</v>
      </c>
      <c r="Y10268" s="19"/>
      <c r="Z10268" s="19"/>
      <c r="AA10268" s="19"/>
    </row>
    <row r="10269" spans="1:27" s="1" customFormat="1" ht="14.1" customHeight="1" outlineLevel="1" x14ac:dyDescent="0.2">
      <c r="A10269" s="17"/>
      <c r="B10269" s="17"/>
      <c r="C10269" s="17"/>
      <c r="D10269" s="18"/>
      <c r="E10269" s="18"/>
      <c r="F10269" s="18"/>
      <c r="G10269" s="18"/>
      <c r="H10269" s="18"/>
      <c r="I10269" s="18"/>
      <c r="J10269" s="18"/>
      <c r="K10269" s="18"/>
      <c r="L10269" s="18"/>
      <c r="M10269" s="18"/>
      <c r="N10269" s="18"/>
      <c r="O10269" s="18"/>
      <c r="P10269" s="19"/>
      <c r="Q10269" s="19"/>
      <c r="R10269" s="19"/>
      <c r="S10269" s="19"/>
      <c r="T10269" s="19"/>
      <c r="U10269" s="19"/>
      <c r="V10269" s="19"/>
      <c r="W10269" s="19"/>
      <c r="X10269" s="19"/>
      <c r="Y10269" s="19"/>
      <c r="Z10269" s="19"/>
      <c r="AA10269" s="19"/>
    </row>
    <row r="10270" spans="1:27" s="1" customFormat="1" ht="14.1" customHeight="1" outlineLevel="1" x14ac:dyDescent="0.2">
      <c r="A10270" s="17">
        <v>9624</v>
      </c>
      <c r="B10270" s="17"/>
      <c r="C10270" s="17"/>
      <c r="D10270" s="18" t="s">
        <v>5093</v>
      </c>
      <c r="E10270" s="18"/>
      <c r="F10270" s="18"/>
      <c r="G10270" s="18"/>
      <c r="H10270" s="18"/>
      <c r="I10270" s="18"/>
      <c r="J10270" s="18"/>
      <c r="K10270" s="18"/>
      <c r="L10270" s="18"/>
      <c r="M10270" s="18"/>
      <c r="N10270" s="18"/>
      <c r="O10270" s="18"/>
      <c r="P10270" s="19">
        <v>85</v>
      </c>
      <c r="Q10270" s="19"/>
      <c r="R10270" s="19"/>
      <c r="S10270" s="19"/>
      <c r="T10270" s="19">
        <v>50</v>
      </c>
      <c r="U10270" s="19"/>
      <c r="V10270" s="19"/>
      <c r="W10270" s="19"/>
      <c r="X10270" s="19">
        <v>1</v>
      </c>
      <c r="Y10270" s="19"/>
      <c r="Z10270" s="19"/>
      <c r="AA10270" s="19"/>
    </row>
    <row r="10271" spans="1:27" s="1" customFormat="1" ht="14.1" customHeight="1" outlineLevel="1" x14ac:dyDescent="0.2">
      <c r="A10271" s="17"/>
      <c r="B10271" s="17"/>
      <c r="C10271" s="17"/>
      <c r="D10271" s="18"/>
      <c r="E10271" s="18"/>
      <c r="F10271" s="18"/>
      <c r="G10271" s="18"/>
      <c r="H10271" s="18"/>
      <c r="I10271" s="18"/>
      <c r="J10271" s="18"/>
      <c r="K10271" s="18"/>
      <c r="L10271" s="18"/>
      <c r="M10271" s="18"/>
      <c r="N10271" s="18"/>
      <c r="O10271" s="18"/>
      <c r="P10271" s="19"/>
      <c r="Q10271" s="19"/>
      <c r="R10271" s="19"/>
      <c r="S10271" s="19"/>
      <c r="T10271" s="19"/>
      <c r="U10271" s="19"/>
      <c r="V10271" s="19"/>
      <c r="W10271" s="19"/>
      <c r="X10271" s="19"/>
      <c r="Y10271" s="19"/>
      <c r="Z10271" s="19"/>
      <c r="AA10271" s="19"/>
    </row>
    <row r="10272" spans="1:27" s="1" customFormat="1" ht="14.1" customHeight="1" outlineLevel="1" x14ac:dyDescent="0.2">
      <c r="A10272" s="17">
        <v>10140</v>
      </c>
      <c r="B10272" s="17"/>
      <c r="C10272" s="17"/>
      <c r="D10272" s="18" t="s">
        <v>5094</v>
      </c>
      <c r="E10272" s="18"/>
      <c r="F10272" s="18"/>
      <c r="G10272" s="18"/>
      <c r="H10272" s="18"/>
      <c r="I10272" s="18"/>
      <c r="J10272" s="18"/>
      <c r="K10272" s="18"/>
      <c r="L10272" s="18"/>
      <c r="M10272" s="18"/>
      <c r="N10272" s="18"/>
      <c r="O10272" s="18"/>
      <c r="P10272" s="19">
        <v>75</v>
      </c>
      <c r="Q10272" s="19"/>
      <c r="R10272" s="19"/>
      <c r="S10272" s="19"/>
      <c r="T10272" s="19">
        <v>50</v>
      </c>
      <c r="U10272" s="19"/>
      <c r="V10272" s="19"/>
      <c r="W10272" s="19"/>
      <c r="X10272" s="19">
        <v>34</v>
      </c>
      <c r="Y10272" s="19"/>
      <c r="Z10272" s="19"/>
      <c r="AA10272" s="19"/>
    </row>
    <row r="10273" spans="1:27" s="1" customFormat="1" ht="14.1" customHeight="1" outlineLevel="1" x14ac:dyDescent="0.2">
      <c r="A10273" s="17"/>
      <c r="B10273" s="17"/>
      <c r="C10273" s="17"/>
      <c r="D10273" s="18"/>
      <c r="E10273" s="18"/>
      <c r="F10273" s="18"/>
      <c r="G10273" s="18"/>
      <c r="H10273" s="18"/>
      <c r="I10273" s="18"/>
      <c r="J10273" s="18"/>
      <c r="K10273" s="18"/>
      <c r="L10273" s="18"/>
      <c r="M10273" s="18"/>
      <c r="N10273" s="18"/>
      <c r="O10273" s="18"/>
      <c r="P10273" s="19"/>
      <c r="Q10273" s="19"/>
      <c r="R10273" s="19"/>
      <c r="S10273" s="19"/>
      <c r="T10273" s="19"/>
      <c r="U10273" s="19"/>
      <c r="V10273" s="19"/>
      <c r="W10273" s="19"/>
      <c r="X10273" s="19"/>
      <c r="Y10273" s="19"/>
      <c r="Z10273" s="19"/>
      <c r="AA10273" s="19"/>
    </row>
    <row r="10274" spans="1:27" s="1" customFormat="1" ht="14.1" customHeight="1" outlineLevel="1" x14ac:dyDescent="0.2">
      <c r="A10274" s="17">
        <v>9631</v>
      </c>
      <c r="B10274" s="17"/>
      <c r="C10274" s="17"/>
      <c r="D10274" s="18" t="s">
        <v>5095</v>
      </c>
      <c r="E10274" s="18"/>
      <c r="F10274" s="18"/>
      <c r="G10274" s="18"/>
      <c r="H10274" s="18"/>
      <c r="I10274" s="18"/>
      <c r="J10274" s="18"/>
      <c r="K10274" s="18"/>
      <c r="L10274" s="18"/>
      <c r="M10274" s="18"/>
      <c r="N10274" s="18"/>
      <c r="O10274" s="18"/>
      <c r="P10274" s="19">
        <v>75</v>
      </c>
      <c r="Q10274" s="19"/>
      <c r="R10274" s="19"/>
      <c r="S10274" s="19"/>
      <c r="T10274" s="19">
        <v>50</v>
      </c>
      <c r="U10274" s="19"/>
      <c r="V10274" s="19"/>
      <c r="W10274" s="19"/>
      <c r="X10274" s="19">
        <v>20</v>
      </c>
      <c r="Y10274" s="19"/>
      <c r="Z10274" s="19"/>
      <c r="AA10274" s="19"/>
    </row>
    <row r="10275" spans="1:27" s="1" customFormat="1" ht="14.1" customHeight="1" outlineLevel="1" x14ac:dyDescent="0.2">
      <c r="A10275" s="17"/>
      <c r="B10275" s="17"/>
      <c r="C10275" s="17"/>
      <c r="D10275" s="18"/>
      <c r="E10275" s="18"/>
      <c r="F10275" s="18"/>
      <c r="G10275" s="18"/>
      <c r="H10275" s="18"/>
      <c r="I10275" s="18"/>
      <c r="J10275" s="18"/>
      <c r="K10275" s="18"/>
      <c r="L10275" s="18"/>
      <c r="M10275" s="18"/>
      <c r="N10275" s="18"/>
      <c r="O10275" s="18"/>
      <c r="P10275" s="19"/>
      <c r="Q10275" s="19"/>
      <c r="R10275" s="19"/>
      <c r="S10275" s="19"/>
      <c r="T10275" s="19"/>
      <c r="U10275" s="19"/>
      <c r="V10275" s="19"/>
      <c r="W10275" s="19"/>
      <c r="X10275" s="19"/>
      <c r="Y10275" s="19"/>
      <c r="Z10275" s="19"/>
      <c r="AA10275" s="19"/>
    </row>
    <row r="10276" spans="1:27" s="1" customFormat="1" ht="14.1" customHeight="1" outlineLevel="1" x14ac:dyDescent="0.2">
      <c r="A10276" s="17">
        <v>8480</v>
      </c>
      <c r="B10276" s="17"/>
      <c r="C10276" s="17"/>
      <c r="D10276" s="18" t="s">
        <v>5096</v>
      </c>
      <c r="E10276" s="18"/>
      <c r="F10276" s="18"/>
      <c r="G10276" s="18"/>
      <c r="H10276" s="18"/>
      <c r="I10276" s="18"/>
      <c r="J10276" s="18"/>
      <c r="K10276" s="18"/>
      <c r="L10276" s="18"/>
      <c r="M10276" s="18"/>
      <c r="N10276" s="18"/>
      <c r="O10276" s="18"/>
      <c r="P10276" s="19">
        <v>100</v>
      </c>
      <c r="Q10276" s="19"/>
      <c r="R10276" s="19"/>
      <c r="S10276" s="19"/>
      <c r="T10276" s="19">
        <v>60</v>
      </c>
      <c r="U10276" s="19"/>
      <c r="V10276" s="19"/>
      <c r="W10276" s="19"/>
      <c r="X10276" s="19">
        <v>3</v>
      </c>
      <c r="Y10276" s="19"/>
      <c r="Z10276" s="19"/>
      <c r="AA10276" s="19"/>
    </row>
    <row r="10277" spans="1:27" s="1" customFormat="1" ht="14.1" customHeight="1" outlineLevel="1" x14ac:dyDescent="0.2">
      <c r="A10277" s="17"/>
      <c r="B10277" s="17"/>
      <c r="C10277" s="17"/>
      <c r="D10277" s="18"/>
      <c r="E10277" s="18"/>
      <c r="F10277" s="18"/>
      <c r="G10277" s="18"/>
      <c r="H10277" s="18"/>
      <c r="I10277" s="18"/>
      <c r="J10277" s="18"/>
      <c r="K10277" s="18"/>
      <c r="L10277" s="18"/>
      <c r="M10277" s="18"/>
      <c r="N10277" s="18"/>
      <c r="O10277" s="18"/>
      <c r="P10277" s="19"/>
      <c r="Q10277" s="19"/>
      <c r="R10277" s="19"/>
      <c r="S10277" s="19"/>
      <c r="T10277" s="19"/>
      <c r="U10277" s="19"/>
      <c r="V10277" s="19"/>
      <c r="W10277" s="19"/>
      <c r="X10277" s="19"/>
      <c r="Y10277" s="19"/>
      <c r="Z10277" s="19"/>
      <c r="AA10277" s="19"/>
    </row>
    <row r="10278" spans="1:27" s="1" customFormat="1" ht="14.1" customHeight="1" outlineLevel="1" x14ac:dyDescent="0.2">
      <c r="A10278" s="17">
        <v>9632</v>
      </c>
      <c r="B10278" s="17"/>
      <c r="C10278" s="17"/>
      <c r="D10278" s="18" t="s">
        <v>5097</v>
      </c>
      <c r="E10278" s="18"/>
      <c r="F10278" s="18"/>
      <c r="G10278" s="18"/>
      <c r="H10278" s="18"/>
      <c r="I10278" s="18"/>
      <c r="J10278" s="18"/>
      <c r="K10278" s="18"/>
      <c r="L10278" s="18"/>
      <c r="M10278" s="18"/>
      <c r="N10278" s="18"/>
      <c r="O10278" s="18"/>
      <c r="P10278" s="19">
        <v>75</v>
      </c>
      <c r="Q10278" s="19"/>
      <c r="R10278" s="19"/>
      <c r="S10278" s="19"/>
      <c r="T10278" s="19">
        <v>50</v>
      </c>
      <c r="U10278" s="19"/>
      <c r="V10278" s="19"/>
      <c r="W10278" s="19"/>
      <c r="X10278" s="19">
        <v>20</v>
      </c>
      <c r="Y10278" s="19"/>
      <c r="Z10278" s="19"/>
      <c r="AA10278" s="19"/>
    </row>
    <row r="10279" spans="1:27" s="1" customFormat="1" ht="14.1" customHeight="1" outlineLevel="1" x14ac:dyDescent="0.2">
      <c r="A10279" s="17"/>
      <c r="B10279" s="17"/>
      <c r="C10279" s="17"/>
      <c r="D10279" s="18"/>
      <c r="E10279" s="18"/>
      <c r="F10279" s="18"/>
      <c r="G10279" s="18"/>
      <c r="H10279" s="18"/>
      <c r="I10279" s="18"/>
      <c r="J10279" s="18"/>
      <c r="K10279" s="18"/>
      <c r="L10279" s="18"/>
      <c r="M10279" s="18"/>
      <c r="N10279" s="18"/>
      <c r="O10279" s="18"/>
      <c r="P10279" s="19"/>
      <c r="Q10279" s="19"/>
      <c r="R10279" s="19"/>
      <c r="S10279" s="19"/>
      <c r="T10279" s="19"/>
      <c r="U10279" s="19"/>
      <c r="V10279" s="19"/>
      <c r="W10279" s="19"/>
      <c r="X10279" s="19"/>
      <c r="Y10279" s="19"/>
      <c r="Z10279" s="19"/>
      <c r="AA10279" s="19"/>
    </row>
    <row r="10280" spans="1:27" s="1" customFormat="1" ht="14.1" customHeight="1" outlineLevel="1" x14ac:dyDescent="0.2">
      <c r="A10280" s="17">
        <v>12687</v>
      </c>
      <c r="B10280" s="17"/>
      <c r="C10280" s="17"/>
      <c r="D10280" s="18" t="s">
        <v>5098</v>
      </c>
      <c r="E10280" s="18"/>
      <c r="F10280" s="18"/>
      <c r="G10280" s="18"/>
      <c r="H10280" s="18"/>
      <c r="I10280" s="18"/>
      <c r="J10280" s="18"/>
      <c r="K10280" s="18"/>
      <c r="L10280" s="18"/>
      <c r="M10280" s="18"/>
      <c r="N10280" s="18"/>
      <c r="O10280" s="18"/>
      <c r="P10280" s="19">
        <v>110</v>
      </c>
      <c r="Q10280" s="19"/>
      <c r="R10280" s="19"/>
      <c r="S10280" s="19"/>
      <c r="T10280" s="19">
        <v>70</v>
      </c>
      <c r="U10280" s="19"/>
      <c r="V10280" s="19"/>
      <c r="W10280" s="19"/>
      <c r="X10280" s="19">
        <v>1</v>
      </c>
      <c r="Y10280" s="19"/>
      <c r="Z10280" s="19"/>
      <c r="AA10280" s="19"/>
    </row>
    <row r="10281" spans="1:27" s="1" customFormat="1" ht="14.1" customHeight="1" outlineLevel="1" x14ac:dyDescent="0.2">
      <c r="A10281" s="17"/>
      <c r="B10281" s="17"/>
      <c r="C10281" s="17"/>
      <c r="D10281" s="18"/>
      <c r="E10281" s="18"/>
      <c r="F10281" s="18"/>
      <c r="G10281" s="18"/>
      <c r="H10281" s="18"/>
      <c r="I10281" s="18"/>
      <c r="J10281" s="18"/>
      <c r="K10281" s="18"/>
      <c r="L10281" s="18"/>
      <c r="M10281" s="18"/>
      <c r="N10281" s="18"/>
      <c r="O10281" s="18"/>
      <c r="P10281" s="19"/>
      <c r="Q10281" s="19"/>
      <c r="R10281" s="19"/>
      <c r="S10281" s="19"/>
      <c r="T10281" s="19"/>
      <c r="U10281" s="19"/>
      <c r="V10281" s="19"/>
      <c r="W10281" s="19"/>
      <c r="X10281" s="19"/>
      <c r="Y10281" s="19"/>
      <c r="Z10281" s="19"/>
      <c r="AA10281" s="19"/>
    </row>
    <row r="10282" spans="1:27" s="1" customFormat="1" ht="14.1" customHeight="1" outlineLevel="1" x14ac:dyDescent="0.2">
      <c r="A10282" s="17">
        <v>9646</v>
      </c>
      <c r="B10282" s="17"/>
      <c r="C10282" s="17"/>
      <c r="D10282" s="18" t="s">
        <v>5099</v>
      </c>
      <c r="E10282" s="18"/>
      <c r="F10282" s="18"/>
      <c r="G10282" s="18"/>
      <c r="H10282" s="18"/>
      <c r="I10282" s="18"/>
      <c r="J10282" s="18"/>
      <c r="K10282" s="18"/>
      <c r="L10282" s="18"/>
      <c r="M10282" s="18"/>
      <c r="N10282" s="18"/>
      <c r="O10282" s="18"/>
      <c r="P10282" s="19">
        <v>75</v>
      </c>
      <c r="Q10282" s="19"/>
      <c r="R10282" s="19"/>
      <c r="S10282" s="19"/>
      <c r="T10282" s="19">
        <v>50</v>
      </c>
      <c r="U10282" s="19"/>
      <c r="V10282" s="19"/>
      <c r="W10282" s="19"/>
      <c r="X10282" s="19">
        <v>41</v>
      </c>
      <c r="Y10282" s="19"/>
      <c r="Z10282" s="19"/>
      <c r="AA10282" s="19"/>
    </row>
    <row r="10283" spans="1:27" s="1" customFormat="1" ht="14.1" customHeight="1" outlineLevel="1" x14ac:dyDescent="0.2">
      <c r="A10283" s="17"/>
      <c r="B10283" s="17"/>
      <c r="C10283" s="17"/>
      <c r="D10283" s="18"/>
      <c r="E10283" s="18"/>
      <c r="F10283" s="18"/>
      <c r="G10283" s="18"/>
      <c r="H10283" s="18"/>
      <c r="I10283" s="18"/>
      <c r="J10283" s="18"/>
      <c r="K10283" s="18"/>
      <c r="L10283" s="18"/>
      <c r="M10283" s="18"/>
      <c r="N10283" s="18"/>
      <c r="O10283" s="18"/>
      <c r="P10283" s="19"/>
      <c r="Q10283" s="19"/>
      <c r="R10283" s="19"/>
      <c r="S10283" s="19"/>
      <c r="T10283" s="19"/>
      <c r="U10283" s="19"/>
      <c r="V10283" s="19"/>
      <c r="W10283" s="19"/>
      <c r="X10283" s="19"/>
      <c r="Y10283" s="19"/>
      <c r="Z10283" s="19"/>
      <c r="AA10283" s="19"/>
    </row>
    <row r="10284" spans="1:27" s="1" customFormat="1" ht="14.1" customHeight="1" outlineLevel="1" x14ac:dyDescent="0.2">
      <c r="A10284" s="17">
        <v>14211</v>
      </c>
      <c r="B10284" s="17"/>
      <c r="C10284" s="17"/>
      <c r="D10284" s="18" t="s">
        <v>5100</v>
      </c>
      <c r="E10284" s="18"/>
      <c r="F10284" s="18"/>
      <c r="G10284" s="18"/>
      <c r="H10284" s="18"/>
      <c r="I10284" s="18"/>
      <c r="J10284" s="18"/>
      <c r="K10284" s="18"/>
      <c r="L10284" s="18"/>
      <c r="M10284" s="18"/>
      <c r="N10284" s="18"/>
      <c r="O10284" s="18"/>
      <c r="P10284" s="19">
        <v>75</v>
      </c>
      <c r="Q10284" s="19"/>
      <c r="R10284" s="19"/>
      <c r="S10284" s="19"/>
      <c r="T10284" s="19">
        <v>50</v>
      </c>
      <c r="U10284" s="19"/>
      <c r="V10284" s="19"/>
      <c r="W10284" s="19"/>
      <c r="X10284" s="19">
        <v>20</v>
      </c>
      <c r="Y10284" s="19"/>
      <c r="Z10284" s="19"/>
      <c r="AA10284" s="19"/>
    </row>
    <row r="10285" spans="1:27" s="1" customFormat="1" ht="14.1" customHeight="1" outlineLevel="1" x14ac:dyDescent="0.2">
      <c r="A10285" s="17"/>
      <c r="B10285" s="17"/>
      <c r="C10285" s="17"/>
      <c r="D10285" s="18"/>
      <c r="E10285" s="18"/>
      <c r="F10285" s="18"/>
      <c r="G10285" s="18"/>
      <c r="H10285" s="18"/>
      <c r="I10285" s="18"/>
      <c r="J10285" s="18"/>
      <c r="K10285" s="18"/>
      <c r="L10285" s="18"/>
      <c r="M10285" s="18"/>
      <c r="N10285" s="18"/>
      <c r="O10285" s="18"/>
      <c r="P10285" s="19"/>
      <c r="Q10285" s="19"/>
      <c r="R10285" s="19"/>
      <c r="S10285" s="19"/>
      <c r="T10285" s="19"/>
      <c r="U10285" s="19"/>
      <c r="V10285" s="19"/>
      <c r="W10285" s="19"/>
      <c r="X10285" s="19"/>
      <c r="Y10285" s="19"/>
      <c r="Z10285" s="19"/>
      <c r="AA10285" s="19"/>
    </row>
    <row r="10286" spans="1:27" s="1" customFormat="1" ht="14.1" customHeight="1" outlineLevel="1" x14ac:dyDescent="0.2">
      <c r="A10286" s="17">
        <v>17373</v>
      </c>
      <c r="B10286" s="17"/>
      <c r="C10286" s="17"/>
      <c r="D10286" s="18" t="s">
        <v>5101</v>
      </c>
      <c r="E10286" s="18"/>
      <c r="F10286" s="18"/>
      <c r="G10286" s="18"/>
      <c r="H10286" s="18"/>
      <c r="I10286" s="18"/>
      <c r="J10286" s="18"/>
      <c r="K10286" s="18"/>
      <c r="L10286" s="18"/>
      <c r="M10286" s="18"/>
      <c r="N10286" s="18"/>
      <c r="O10286" s="18"/>
      <c r="P10286" s="19">
        <v>150</v>
      </c>
      <c r="Q10286" s="19"/>
      <c r="R10286" s="19"/>
      <c r="S10286" s="19"/>
      <c r="T10286" s="19">
        <v>90</v>
      </c>
      <c r="U10286" s="19"/>
      <c r="V10286" s="19"/>
      <c r="W10286" s="19"/>
      <c r="X10286" s="19">
        <v>1</v>
      </c>
      <c r="Y10286" s="19"/>
      <c r="Z10286" s="19"/>
      <c r="AA10286" s="19"/>
    </row>
    <row r="10287" spans="1:27" s="1" customFormat="1" ht="14.1" customHeight="1" outlineLevel="1" x14ac:dyDescent="0.2">
      <c r="A10287" s="17"/>
      <c r="B10287" s="17"/>
      <c r="C10287" s="17"/>
      <c r="D10287" s="18"/>
      <c r="E10287" s="18"/>
      <c r="F10287" s="18"/>
      <c r="G10287" s="18"/>
      <c r="H10287" s="18"/>
      <c r="I10287" s="18"/>
      <c r="J10287" s="18"/>
      <c r="K10287" s="18"/>
      <c r="L10287" s="18"/>
      <c r="M10287" s="18"/>
      <c r="N10287" s="18"/>
      <c r="O10287" s="18"/>
      <c r="P10287" s="19"/>
      <c r="Q10287" s="19"/>
      <c r="R10287" s="19"/>
      <c r="S10287" s="19"/>
      <c r="T10287" s="19"/>
      <c r="U10287" s="19"/>
      <c r="V10287" s="19"/>
      <c r="W10287" s="19"/>
      <c r="X10287" s="19"/>
      <c r="Y10287" s="19"/>
      <c r="Z10287" s="19"/>
      <c r="AA10287" s="19"/>
    </row>
    <row r="10288" spans="1:27" s="1" customFormat="1" ht="14.1" customHeight="1" outlineLevel="1" x14ac:dyDescent="0.2">
      <c r="A10288" s="17">
        <v>12742</v>
      </c>
      <c r="B10288" s="17"/>
      <c r="C10288" s="17"/>
      <c r="D10288" s="18" t="s">
        <v>5102</v>
      </c>
      <c r="E10288" s="18"/>
      <c r="F10288" s="18"/>
      <c r="G10288" s="18"/>
      <c r="H10288" s="18"/>
      <c r="I10288" s="18"/>
      <c r="J10288" s="18"/>
      <c r="K10288" s="18"/>
      <c r="L10288" s="18"/>
      <c r="M10288" s="18"/>
      <c r="N10288" s="18"/>
      <c r="O10288" s="18"/>
      <c r="P10288" s="19">
        <v>75</v>
      </c>
      <c r="Q10288" s="19"/>
      <c r="R10288" s="19"/>
      <c r="S10288" s="19"/>
      <c r="T10288" s="19">
        <v>50</v>
      </c>
      <c r="U10288" s="19"/>
      <c r="V10288" s="19"/>
      <c r="W10288" s="19"/>
      <c r="X10288" s="19">
        <v>20</v>
      </c>
      <c r="Y10288" s="19"/>
      <c r="Z10288" s="19"/>
      <c r="AA10288" s="19"/>
    </row>
    <row r="10289" spans="1:27" s="1" customFormat="1" ht="14.1" customHeight="1" outlineLevel="1" x14ac:dyDescent="0.2">
      <c r="A10289" s="17"/>
      <c r="B10289" s="17"/>
      <c r="C10289" s="17"/>
      <c r="D10289" s="18"/>
      <c r="E10289" s="18"/>
      <c r="F10289" s="18"/>
      <c r="G10289" s="18"/>
      <c r="H10289" s="18"/>
      <c r="I10289" s="18"/>
      <c r="J10289" s="18"/>
      <c r="K10289" s="18"/>
      <c r="L10289" s="18"/>
      <c r="M10289" s="18"/>
      <c r="N10289" s="18"/>
      <c r="O10289" s="18"/>
      <c r="P10289" s="19"/>
      <c r="Q10289" s="19"/>
      <c r="R10289" s="19"/>
      <c r="S10289" s="19"/>
      <c r="T10289" s="19"/>
      <c r="U10289" s="19"/>
      <c r="V10289" s="19"/>
      <c r="W10289" s="19"/>
      <c r="X10289" s="19"/>
      <c r="Y10289" s="19"/>
      <c r="Z10289" s="19"/>
      <c r="AA10289" s="19"/>
    </row>
    <row r="10290" spans="1:27" s="1" customFormat="1" ht="14.1" customHeight="1" outlineLevel="1" x14ac:dyDescent="0.2">
      <c r="A10290" s="17">
        <v>12082</v>
      </c>
      <c r="B10290" s="17"/>
      <c r="C10290" s="17"/>
      <c r="D10290" s="18" t="s">
        <v>5103</v>
      </c>
      <c r="E10290" s="18"/>
      <c r="F10290" s="18"/>
      <c r="G10290" s="18"/>
      <c r="H10290" s="18"/>
      <c r="I10290" s="18"/>
      <c r="J10290" s="18"/>
      <c r="K10290" s="18"/>
      <c r="L10290" s="18"/>
      <c r="M10290" s="18"/>
      <c r="N10290" s="18"/>
      <c r="O10290" s="18"/>
      <c r="P10290" s="19">
        <v>75</v>
      </c>
      <c r="Q10290" s="19"/>
      <c r="R10290" s="19"/>
      <c r="S10290" s="19"/>
      <c r="T10290" s="19">
        <v>50</v>
      </c>
      <c r="U10290" s="19"/>
      <c r="V10290" s="19"/>
      <c r="W10290" s="19"/>
      <c r="X10290" s="19">
        <v>10</v>
      </c>
      <c r="Y10290" s="19"/>
      <c r="Z10290" s="19"/>
      <c r="AA10290" s="19"/>
    </row>
    <row r="10291" spans="1:27" s="1" customFormat="1" ht="14.1" customHeight="1" outlineLevel="1" x14ac:dyDescent="0.2">
      <c r="A10291" s="17"/>
      <c r="B10291" s="17"/>
      <c r="C10291" s="17"/>
      <c r="D10291" s="18"/>
      <c r="E10291" s="18"/>
      <c r="F10291" s="18"/>
      <c r="G10291" s="18"/>
      <c r="H10291" s="18"/>
      <c r="I10291" s="18"/>
      <c r="J10291" s="18"/>
      <c r="K10291" s="18"/>
      <c r="L10291" s="18"/>
      <c r="M10291" s="18"/>
      <c r="N10291" s="18"/>
      <c r="O10291" s="18"/>
      <c r="P10291" s="19"/>
      <c r="Q10291" s="19"/>
      <c r="R10291" s="19"/>
      <c r="S10291" s="19"/>
      <c r="T10291" s="19"/>
      <c r="U10291" s="19"/>
      <c r="V10291" s="19"/>
      <c r="W10291" s="19"/>
      <c r="X10291" s="19"/>
      <c r="Y10291" s="19"/>
      <c r="Z10291" s="19"/>
      <c r="AA10291" s="19"/>
    </row>
    <row r="10292" spans="1:27" s="1" customFormat="1" ht="14.1" customHeight="1" outlineLevel="1" x14ac:dyDescent="0.2">
      <c r="A10292" s="17">
        <v>12875</v>
      </c>
      <c r="B10292" s="17"/>
      <c r="C10292" s="17"/>
      <c r="D10292" s="18" t="s">
        <v>5104</v>
      </c>
      <c r="E10292" s="18"/>
      <c r="F10292" s="18"/>
      <c r="G10292" s="18"/>
      <c r="H10292" s="18"/>
      <c r="I10292" s="18"/>
      <c r="J10292" s="18"/>
      <c r="K10292" s="18"/>
      <c r="L10292" s="18"/>
      <c r="M10292" s="18"/>
      <c r="N10292" s="18"/>
      <c r="O10292" s="18"/>
      <c r="P10292" s="19">
        <v>75</v>
      </c>
      <c r="Q10292" s="19"/>
      <c r="R10292" s="19"/>
      <c r="S10292" s="19"/>
      <c r="T10292" s="19">
        <v>50</v>
      </c>
      <c r="U10292" s="19"/>
      <c r="V10292" s="19"/>
      <c r="W10292" s="19"/>
      <c r="X10292" s="19">
        <v>13</v>
      </c>
      <c r="Y10292" s="19"/>
      <c r="Z10292" s="19"/>
      <c r="AA10292" s="19"/>
    </row>
    <row r="10293" spans="1:27" s="1" customFormat="1" ht="14.1" customHeight="1" outlineLevel="1" x14ac:dyDescent="0.2">
      <c r="A10293" s="17"/>
      <c r="B10293" s="17"/>
      <c r="C10293" s="17"/>
      <c r="D10293" s="18"/>
      <c r="E10293" s="18"/>
      <c r="F10293" s="18"/>
      <c r="G10293" s="18"/>
      <c r="H10293" s="18"/>
      <c r="I10293" s="18"/>
      <c r="J10293" s="18"/>
      <c r="K10293" s="18"/>
      <c r="L10293" s="18"/>
      <c r="M10293" s="18"/>
      <c r="N10293" s="18"/>
      <c r="O10293" s="18"/>
      <c r="P10293" s="19"/>
      <c r="Q10293" s="19"/>
      <c r="R10293" s="19"/>
      <c r="S10293" s="19"/>
      <c r="T10293" s="19"/>
      <c r="U10293" s="19"/>
      <c r="V10293" s="19"/>
      <c r="W10293" s="19"/>
      <c r="X10293" s="19"/>
      <c r="Y10293" s="19"/>
      <c r="Z10293" s="19"/>
      <c r="AA10293" s="19"/>
    </row>
    <row r="10294" spans="1:27" s="1" customFormat="1" ht="14.1" customHeight="1" outlineLevel="1" x14ac:dyDescent="0.2">
      <c r="A10294" s="17">
        <v>12788</v>
      </c>
      <c r="B10294" s="17"/>
      <c r="C10294" s="17"/>
      <c r="D10294" s="18" t="s">
        <v>5105</v>
      </c>
      <c r="E10294" s="18"/>
      <c r="F10294" s="18"/>
      <c r="G10294" s="18"/>
      <c r="H10294" s="18"/>
      <c r="I10294" s="18"/>
      <c r="J10294" s="18"/>
      <c r="K10294" s="18"/>
      <c r="L10294" s="18"/>
      <c r="M10294" s="18"/>
      <c r="N10294" s="18"/>
      <c r="O10294" s="18"/>
      <c r="P10294" s="19">
        <v>75</v>
      </c>
      <c r="Q10294" s="19"/>
      <c r="R10294" s="19"/>
      <c r="S10294" s="19"/>
      <c r="T10294" s="19">
        <v>50</v>
      </c>
      <c r="U10294" s="19"/>
      <c r="V10294" s="19"/>
      <c r="W10294" s="19"/>
      <c r="X10294" s="19">
        <v>40</v>
      </c>
      <c r="Y10294" s="19"/>
      <c r="Z10294" s="19"/>
      <c r="AA10294" s="19"/>
    </row>
    <row r="10295" spans="1:27" s="1" customFormat="1" ht="14.1" customHeight="1" outlineLevel="1" x14ac:dyDescent="0.2">
      <c r="A10295" s="17"/>
      <c r="B10295" s="17"/>
      <c r="C10295" s="17"/>
      <c r="D10295" s="18"/>
      <c r="E10295" s="18"/>
      <c r="F10295" s="18"/>
      <c r="G10295" s="18"/>
      <c r="H10295" s="18"/>
      <c r="I10295" s="18"/>
      <c r="J10295" s="18"/>
      <c r="K10295" s="18"/>
      <c r="L10295" s="18"/>
      <c r="M10295" s="18"/>
      <c r="N10295" s="18"/>
      <c r="O10295" s="18"/>
      <c r="P10295" s="19"/>
      <c r="Q10295" s="19"/>
      <c r="R10295" s="19"/>
      <c r="S10295" s="19"/>
      <c r="T10295" s="19"/>
      <c r="U10295" s="19"/>
      <c r="V10295" s="19"/>
      <c r="W10295" s="19"/>
      <c r="X10295" s="19"/>
      <c r="Y10295" s="19"/>
      <c r="Z10295" s="19"/>
      <c r="AA10295" s="19"/>
    </row>
    <row r="10296" spans="1:27" s="1" customFormat="1" ht="14.1" customHeight="1" outlineLevel="1" x14ac:dyDescent="0.2">
      <c r="A10296" s="17">
        <v>16814</v>
      </c>
      <c r="B10296" s="17"/>
      <c r="C10296" s="17"/>
      <c r="D10296" s="18" t="s">
        <v>5106</v>
      </c>
      <c r="E10296" s="18"/>
      <c r="F10296" s="18"/>
      <c r="G10296" s="18"/>
      <c r="H10296" s="18"/>
      <c r="I10296" s="18"/>
      <c r="J10296" s="18"/>
      <c r="K10296" s="18"/>
      <c r="L10296" s="18"/>
      <c r="M10296" s="18"/>
      <c r="N10296" s="18"/>
      <c r="O10296" s="18"/>
      <c r="P10296" s="19">
        <v>150</v>
      </c>
      <c r="Q10296" s="19"/>
      <c r="R10296" s="19"/>
      <c r="S10296" s="19"/>
      <c r="T10296" s="19">
        <v>70</v>
      </c>
      <c r="U10296" s="19"/>
      <c r="V10296" s="19"/>
      <c r="W10296" s="19"/>
      <c r="X10296" s="19">
        <v>3</v>
      </c>
      <c r="Y10296" s="19"/>
      <c r="Z10296" s="19"/>
      <c r="AA10296" s="19"/>
    </row>
    <row r="10297" spans="1:27" s="1" customFormat="1" ht="14.1" customHeight="1" outlineLevel="1" x14ac:dyDescent="0.2">
      <c r="A10297" s="17"/>
      <c r="B10297" s="17"/>
      <c r="C10297" s="17"/>
      <c r="D10297" s="18"/>
      <c r="E10297" s="18"/>
      <c r="F10297" s="18"/>
      <c r="G10297" s="18"/>
      <c r="H10297" s="18"/>
      <c r="I10297" s="18"/>
      <c r="J10297" s="18"/>
      <c r="K10297" s="18"/>
      <c r="L10297" s="18"/>
      <c r="M10297" s="18"/>
      <c r="N10297" s="18"/>
      <c r="O10297" s="18"/>
      <c r="P10297" s="19"/>
      <c r="Q10297" s="19"/>
      <c r="R10297" s="19"/>
      <c r="S10297" s="19"/>
      <c r="T10297" s="19"/>
      <c r="U10297" s="19"/>
      <c r="V10297" s="19"/>
      <c r="W10297" s="19"/>
      <c r="X10297" s="19"/>
      <c r="Y10297" s="19"/>
      <c r="Z10297" s="19"/>
      <c r="AA10297" s="19"/>
    </row>
    <row r="10298" spans="1:27" s="1" customFormat="1" ht="14.1" customHeight="1" outlineLevel="1" x14ac:dyDescent="0.2">
      <c r="A10298" s="17">
        <v>14212</v>
      </c>
      <c r="B10298" s="17"/>
      <c r="C10298" s="17"/>
      <c r="D10298" s="18" t="s">
        <v>5107</v>
      </c>
      <c r="E10298" s="18"/>
      <c r="F10298" s="18"/>
      <c r="G10298" s="18"/>
      <c r="H10298" s="18"/>
      <c r="I10298" s="18"/>
      <c r="J10298" s="18"/>
      <c r="K10298" s="18"/>
      <c r="L10298" s="18"/>
      <c r="M10298" s="18"/>
      <c r="N10298" s="18"/>
      <c r="O10298" s="18"/>
      <c r="P10298" s="19">
        <v>75</v>
      </c>
      <c r="Q10298" s="19"/>
      <c r="R10298" s="19"/>
      <c r="S10298" s="19"/>
      <c r="T10298" s="19">
        <v>50</v>
      </c>
      <c r="U10298" s="19"/>
      <c r="V10298" s="19"/>
      <c r="W10298" s="19"/>
      <c r="X10298" s="19">
        <v>20</v>
      </c>
      <c r="Y10298" s="19"/>
      <c r="Z10298" s="19"/>
      <c r="AA10298" s="19"/>
    </row>
    <row r="10299" spans="1:27" s="1" customFormat="1" ht="14.1" customHeight="1" outlineLevel="1" x14ac:dyDescent="0.2">
      <c r="A10299" s="17"/>
      <c r="B10299" s="17"/>
      <c r="C10299" s="17"/>
      <c r="D10299" s="18"/>
      <c r="E10299" s="18"/>
      <c r="F10299" s="18"/>
      <c r="G10299" s="18"/>
      <c r="H10299" s="18"/>
      <c r="I10299" s="18"/>
      <c r="J10299" s="18"/>
      <c r="K10299" s="18"/>
      <c r="L10299" s="18"/>
      <c r="M10299" s="18"/>
      <c r="N10299" s="18"/>
      <c r="O10299" s="18"/>
      <c r="P10299" s="19"/>
      <c r="Q10299" s="19"/>
      <c r="R10299" s="19"/>
      <c r="S10299" s="19"/>
      <c r="T10299" s="19"/>
      <c r="U10299" s="19"/>
      <c r="V10299" s="19"/>
      <c r="W10299" s="19"/>
      <c r="X10299" s="19"/>
      <c r="Y10299" s="19"/>
      <c r="Z10299" s="19"/>
      <c r="AA10299" s="19"/>
    </row>
    <row r="10300" spans="1:27" s="1" customFormat="1" ht="14.1" customHeight="1" outlineLevel="1" x14ac:dyDescent="0.2">
      <c r="A10300" s="17">
        <v>14214</v>
      </c>
      <c r="B10300" s="17"/>
      <c r="C10300" s="17"/>
      <c r="D10300" s="18" t="s">
        <v>5108</v>
      </c>
      <c r="E10300" s="18"/>
      <c r="F10300" s="18"/>
      <c r="G10300" s="18"/>
      <c r="H10300" s="18"/>
      <c r="I10300" s="18"/>
      <c r="J10300" s="18"/>
      <c r="K10300" s="18"/>
      <c r="L10300" s="18"/>
      <c r="M10300" s="18"/>
      <c r="N10300" s="18"/>
      <c r="O10300" s="18"/>
      <c r="P10300" s="19">
        <v>75</v>
      </c>
      <c r="Q10300" s="19"/>
      <c r="R10300" s="19"/>
      <c r="S10300" s="19"/>
      <c r="T10300" s="19">
        <v>50</v>
      </c>
      <c r="U10300" s="19"/>
      <c r="V10300" s="19"/>
      <c r="W10300" s="19"/>
      <c r="X10300" s="19">
        <v>7</v>
      </c>
      <c r="Y10300" s="19"/>
      <c r="Z10300" s="19"/>
      <c r="AA10300" s="19"/>
    </row>
    <row r="10301" spans="1:27" s="1" customFormat="1" ht="14.1" customHeight="1" outlineLevel="1" x14ac:dyDescent="0.2">
      <c r="A10301" s="17"/>
      <c r="B10301" s="17"/>
      <c r="C10301" s="17"/>
      <c r="D10301" s="18"/>
      <c r="E10301" s="18"/>
      <c r="F10301" s="18"/>
      <c r="G10301" s="18"/>
      <c r="H10301" s="18"/>
      <c r="I10301" s="18"/>
      <c r="J10301" s="18"/>
      <c r="K10301" s="18"/>
      <c r="L10301" s="18"/>
      <c r="M10301" s="18"/>
      <c r="N10301" s="18"/>
      <c r="O10301" s="18"/>
      <c r="P10301" s="19"/>
      <c r="Q10301" s="19"/>
      <c r="R10301" s="19"/>
      <c r="S10301" s="19"/>
      <c r="T10301" s="19"/>
      <c r="U10301" s="19"/>
      <c r="V10301" s="19"/>
      <c r="W10301" s="19"/>
      <c r="X10301" s="19"/>
      <c r="Y10301" s="19"/>
      <c r="Z10301" s="19"/>
      <c r="AA10301" s="19"/>
    </row>
    <row r="10302" spans="1:27" s="1" customFormat="1" ht="14.1" customHeight="1" outlineLevel="1" x14ac:dyDescent="0.2">
      <c r="A10302" s="17">
        <v>14215</v>
      </c>
      <c r="B10302" s="17"/>
      <c r="C10302" s="17"/>
      <c r="D10302" s="18" t="s">
        <v>5109</v>
      </c>
      <c r="E10302" s="18"/>
      <c r="F10302" s="18"/>
      <c r="G10302" s="18"/>
      <c r="H10302" s="18"/>
      <c r="I10302" s="18"/>
      <c r="J10302" s="18"/>
      <c r="K10302" s="18"/>
      <c r="L10302" s="18"/>
      <c r="M10302" s="18"/>
      <c r="N10302" s="18"/>
      <c r="O10302" s="18"/>
      <c r="P10302" s="19">
        <v>75</v>
      </c>
      <c r="Q10302" s="19"/>
      <c r="R10302" s="19"/>
      <c r="S10302" s="19"/>
      <c r="T10302" s="19">
        <v>50</v>
      </c>
      <c r="U10302" s="19"/>
      <c r="V10302" s="19"/>
      <c r="W10302" s="19"/>
      <c r="X10302" s="19">
        <v>20</v>
      </c>
      <c r="Y10302" s="19"/>
      <c r="Z10302" s="19"/>
      <c r="AA10302" s="19"/>
    </row>
    <row r="10303" spans="1:27" s="1" customFormat="1" ht="14.1" customHeight="1" outlineLevel="1" x14ac:dyDescent="0.2">
      <c r="A10303" s="17"/>
      <c r="B10303" s="17"/>
      <c r="C10303" s="17"/>
      <c r="D10303" s="18"/>
      <c r="E10303" s="18"/>
      <c r="F10303" s="18"/>
      <c r="G10303" s="18"/>
      <c r="H10303" s="18"/>
      <c r="I10303" s="18"/>
      <c r="J10303" s="18"/>
      <c r="K10303" s="18"/>
      <c r="L10303" s="18"/>
      <c r="M10303" s="18"/>
      <c r="N10303" s="18"/>
      <c r="O10303" s="18"/>
      <c r="P10303" s="19"/>
      <c r="Q10303" s="19"/>
      <c r="R10303" s="19"/>
      <c r="S10303" s="19"/>
      <c r="T10303" s="19"/>
      <c r="U10303" s="19"/>
      <c r="V10303" s="19"/>
      <c r="W10303" s="19"/>
      <c r="X10303" s="19"/>
      <c r="Y10303" s="19"/>
      <c r="Z10303" s="19"/>
      <c r="AA10303" s="19"/>
    </row>
    <row r="10304" spans="1:27" s="1" customFormat="1" ht="14.1" customHeight="1" outlineLevel="1" x14ac:dyDescent="0.2">
      <c r="A10304" s="17">
        <v>14225</v>
      </c>
      <c r="B10304" s="17"/>
      <c r="C10304" s="17"/>
      <c r="D10304" s="18" t="s">
        <v>5110</v>
      </c>
      <c r="E10304" s="18"/>
      <c r="F10304" s="18"/>
      <c r="G10304" s="18"/>
      <c r="H10304" s="18"/>
      <c r="I10304" s="18"/>
      <c r="J10304" s="18"/>
      <c r="K10304" s="18"/>
      <c r="L10304" s="18"/>
      <c r="M10304" s="18"/>
      <c r="N10304" s="18"/>
      <c r="O10304" s="18"/>
      <c r="P10304" s="19">
        <v>150</v>
      </c>
      <c r="Q10304" s="19"/>
      <c r="R10304" s="19"/>
      <c r="S10304" s="19"/>
      <c r="T10304" s="19">
        <v>100</v>
      </c>
      <c r="U10304" s="19"/>
      <c r="V10304" s="19"/>
      <c r="W10304" s="19"/>
      <c r="X10304" s="19">
        <v>1</v>
      </c>
      <c r="Y10304" s="19"/>
      <c r="Z10304" s="19"/>
      <c r="AA10304" s="19"/>
    </row>
    <row r="10305" spans="1:27" s="1" customFormat="1" ht="14.1" customHeight="1" outlineLevel="1" x14ac:dyDescent="0.2">
      <c r="A10305" s="17"/>
      <c r="B10305" s="17"/>
      <c r="C10305" s="17"/>
      <c r="D10305" s="18"/>
      <c r="E10305" s="18"/>
      <c r="F10305" s="18"/>
      <c r="G10305" s="18"/>
      <c r="H10305" s="18"/>
      <c r="I10305" s="18"/>
      <c r="J10305" s="18"/>
      <c r="K10305" s="18"/>
      <c r="L10305" s="18"/>
      <c r="M10305" s="18"/>
      <c r="N10305" s="18"/>
      <c r="O10305" s="18"/>
      <c r="P10305" s="19"/>
      <c r="Q10305" s="19"/>
      <c r="R10305" s="19"/>
      <c r="S10305" s="19"/>
      <c r="T10305" s="19"/>
      <c r="U10305" s="19"/>
      <c r="V10305" s="19"/>
      <c r="W10305" s="19"/>
      <c r="X10305" s="19"/>
      <c r="Y10305" s="19"/>
      <c r="Z10305" s="19"/>
      <c r="AA10305" s="19"/>
    </row>
    <row r="10306" spans="1:27" s="1" customFormat="1" ht="14.1" customHeight="1" outlineLevel="1" x14ac:dyDescent="0.2">
      <c r="A10306" s="17">
        <v>16661</v>
      </c>
      <c r="B10306" s="17"/>
      <c r="C10306" s="17"/>
      <c r="D10306" s="18" t="s">
        <v>5111</v>
      </c>
      <c r="E10306" s="18"/>
      <c r="F10306" s="18"/>
      <c r="G10306" s="18"/>
      <c r="H10306" s="18"/>
      <c r="I10306" s="18"/>
      <c r="J10306" s="18"/>
      <c r="K10306" s="18"/>
      <c r="L10306" s="18"/>
      <c r="M10306" s="18"/>
      <c r="N10306" s="18"/>
      <c r="O10306" s="18"/>
      <c r="P10306" s="19">
        <v>200</v>
      </c>
      <c r="Q10306" s="19"/>
      <c r="R10306" s="19"/>
      <c r="S10306" s="19"/>
      <c r="T10306" s="19">
        <v>100</v>
      </c>
      <c r="U10306" s="19"/>
      <c r="V10306" s="19"/>
      <c r="W10306" s="19"/>
      <c r="X10306" s="19">
        <v>1</v>
      </c>
      <c r="Y10306" s="19"/>
      <c r="Z10306" s="19"/>
      <c r="AA10306" s="19"/>
    </row>
    <row r="10307" spans="1:27" s="1" customFormat="1" ht="14.1" customHeight="1" outlineLevel="1" x14ac:dyDescent="0.2">
      <c r="A10307" s="17"/>
      <c r="B10307" s="17"/>
      <c r="C10307" s="17"/>
      <c r="D10307" s="18"/>
      <c r="E10307" s="18"/>
      <c r="F10307" s="18"/>
      <c r="G10307" s="18"/>
      <c r="H10307" s="18"/>
      <c r="I10307" s="18"/>
      <c r="J10307" s="18"/>
      <c r="K10307" s="18"/>
      <c r="L10307" s="18"/>
      <c r="M10307" s="18"/>
      <c r="N10307" s="18"/>
      <c r="O10307" s="18"/>
      <c r="P10307" s="19"/>
      <c r="Q10307" s="19"/>
      <c r="R10307" s="19"/>
      <c r="S10307" s="19"/>
      <c r="T10307" s="19"/>
      <c r="U10307" s="19"/>
      <c r="V10307" s="19"/>
      <c r="W10307" s="19"/>
      <c r="X10307" s="19"/>
      <c r="Y10307" s="19"/>
      <c r="Z10307" s="19"/>
      <c r="AA10307" s="19"/>
    </row>
    <row r="10308" spans="1:27" s="1" customFormat="1" ht="14.1" customHeight="1" outlineLevel="1" x14ac:dyDescent="0.2">
      <c r="A10308" s="17">
        <v>13733</v>
      </c>
      <c r="B10308" s="17"/>
      <c r="C10308" s="17"/>
      <c r="D10308" s="18" t="s">
        <v>5112</v>
      </c>
      <c r="E10308" s="18"/>
      <c r="F10308" s="18"/>
      <c r="G10308" s="18"/>
      <c r="H10308" s="18"/>
      <c r="I10308" s="18"/>
      <c r="J10308" s="18"/>
      <c r="K10308" s="18"/>
      <c r="L10308" s="18"/>
      <c r="M10308" s="18"/>
      <c r="N10308" s="18"/>
      <c r="O10308" s="18"/>
      <c r="P10308" s="19">
        <v>75</v>
      </c>
      <c r="Q10308" s="19"/>
      <c r="R10308" s="19"/>
      <c r="S10308" s="19"/>
      <c r="T10308" s="19">
        <v>50</v>
      </c>
      <c r="U10308" s="19"/>
      <c r="V10308" s="19"/>
      <c r="W10308" s="19"/>
      <c r="X10308" s="19">
        <v>30</v>
      </c>
      <c r="Y10308" s="19"/>
      <c r="Z10308" s="19"/>
      <c r="AA10308" s="19"/>
    </row>
    <row r="10309" spans="1:27" s="1" customFormat="1" ht="14.1" customHeight="1" outlineLevel="1" x14ac:dyDescent="0.2">
      <c r="A10309" s="17"/>
      <c r="B10309" s="17"/>
      <c r="C10309" s="17"/>
      <c r="D10309" s="18"/>
      <c r="E10309" s="18"/>
      <c r="F10309" s="18"/>
      <c r="G10309" s="18"/>
      <c r="H10309" s="18"/>
      <c r="I10309" s="18"/>
      <c r="J10309" s="18"/>
      <c r="K10309" s="18"/>
      <c r="L10309" s="18"/>
      <c r="M10309" s="18"/>
      <c r="N10309" s="18"/>
      <c r="O10309" s="18"/>
      <c r="P10309" s="19"/>
      <c r="Q10309" s="19"/>
      <c r="R10309" s="19"/>
      <c r="S10309" s="19"/>
      <c r="T10309" s="19"/>
      <c r="U10309" s="19"/>
      <c r="V10309" s="19"/>
      <c r="W10309" s="19"/>
      <c r="X10309" s="19"/>
      <c r="Y10309" s="19"/>
      <c r="Z10309" s="19"/>
      <c r="AA10309" s="19"/>
    </row>
    <row r="10310" spans="1:27" s="1" customFormat="1" ht="14.1" customHeight="1" outlineLevel="1" x14ac:dyDescent="0.2">
      <c r="A10310" s="17">
        <v>13968</v>
      </c>
      <c r="B10310" s="17"/>
      <c r="C10310" s="17"/>
      <c r="D10310" s="18" t="s">
        <v>5113</v>
      </c>
      <c r="E10310" s="18"/>
      <c r="F10310" s="18"/>
      <c r="G10310" s="18"/>
      <c r="H10310" s="18"/>
      <c r="I10310" s="18"/>
      <c r="J10310" s="18"/>
      <c r="K10310" s="18"/>
      <c r="L10310" s="18"/>
      <c r="M10310" s="18"/>
      <c r="N10310" s="18"/>
      <c r="O10310" s="18"/>
      <c r="P10310" s="19">
        <v>75</v>
      </c>
      <c r="Q10310" s="19"/>
      <c r="R10310" s="19"/>
      <c r="S10310" s="19"/>
      <c r="T10310" s="19">
        <v>50</v>
      </c>
      <c r="U10310" s="19"/>
      <c r="V10310" s="19"/>
      <c r="W10310" s="19"/>
      <c r="X10310" s="19">
        <v>4</v>
      </c>
      <c r="Y10310" s="19"/>
      <c r="Z10310" s="19"/>
      <c r="AA10310" s="19"/>
    </row>
    <row r="10311" spans="1:27" s="1" customFormat="1" ht="14.1" customHeight="1" outlineLevel="1" x14ac:dyDescent="0.2">
      <c r="A10311" s="17"/>
      <c r="B10311" s="17"/>
      <c r="C10311" s="17"/>
      <c r="D10311" s="18"/>
      <c r="E10311" s="18"/>
      <c r="F10311" s="18"/>
      <c r="G10311" s="18"/>
      <c r="H10311" s="18"/>
      <c r="I10311" s="18"/>
      <c r="J10311" s="18"/>
      <c r="K10311" s="18"/>
      <c r="L10311" s="18"/>
      <c r="M10311" s="18"/>
      <c r="N10311" s="18"/>
      <c r="O10311" s="18"/>
      <c r="P10311" s="19"/>
      <c r="Q10311" s="19"/>
      <c r="R10311" s="19"/>
      <c r="S10311" s="19"/>
      <c r="T10311" s="19"/>
      <c r="U10311" s="19"/>
      <c r="V10311" s="19"/>
      <c r="W10311" s="19"/>
      <c r="X10311" s="19"/>
      <c r="Y10311" s="19"/>
      <c r="Z10311" s="19"/>
      <c r="AA10311" s="19"/>
    </row>
    <row r="10312" spans="1:27" s="1" customFormat="1" ht="14.1" customHeight="1" outlineLevel="1" x14ac:dyDescent="0.2">
      <c r="A10312" s="17">
        <v>9618</v>
      </c>
      <c r="B10312" s="17"/>
      <c r="C10312" s="17"/>
      <c r="D10312" s="18" t="s">
        <v>5114</v>
      </c>
      <c r="E10312" s="18"/>
      <c r="F10312" s="18"/>
      <c r="G10312" s="18"/>
      <c r="H10312" s="18"/>
      <c r="I10312" s="18"/>
      <c r="J10312" s="18"/>
      <c r="K10312" s="18"/>
      <c r="L10312" s="18"/>
      <c r="M10312" s="18"/>
      <c r="N10312" s="18"/>
      <c r="O10312" s="18"/>
      <c r="P10312" s="19">
        <v>80</v>
      </c>
      <c r="Q10312" s="19"/>
      <c r="R10312" s="19"/>
      <c r="S10312" s="19"/>
      <c r="T10312" s="19">
        <v>45</v>
      </c>
      <c r="U10312" s="19"/>
      <c r="V10312" s="19"/>
      <c r="W10312" s="19"/>
      <c r="X10312" s="19">
        <v>2</v>
      </c>
      <c r="Y10312" s="19"/>
      <c r="Z10312" s="19"/>
      <c r="AA10312" s="19"/>
    </row>
    <row r="10313" spans="1:27" s="1" customFormat="1" ht="14.1" customHeight="1" outlineLevel="1" x14ac:dyDescent="0.2">
      <c r="A10313" s="17"/>
      <c r="B10313" s="17"/>
      <c r="C10313" s="17"/>
      <c r="D10313" s="18"/>
      <c r="E10313" s="18"/>
      <c r="F10313" s="18"/>
      <c r="G10313" s="18"/>
      <c r="H10313" s="18"/>
      <c r="I10313" s="18"/>
      <c r="J10313" s="18"/>
      <c r="K10313" s="18"/>
      <c r="L10313" s="18"/>
      <c r="M10313" s="18"/>
      <c r="N10313" s="18"/>
      <c r="O10313" s="18"/>
      <c r="P10313" s="19"/>
      <c r="Q10313" s="19"/>
      <c r="R10313" s="19"/>
      <c r="S10313" s="19"/>
      <c r="T10313" s="19"/>
      <c r="U10313" s="19"/>
      <c r="V10313" s="19"/>
      <c r="W10313" s="19"/>
      <c r="X10313" s="19"/>
      <c r="Y10313" s="19"/>
      <c r="Z10313" s="19"/>
      <c r="AA10313" s="19"/>
    </row>
    <row r="10314" spans="1:27" s="1" customFormat="1" ht="14.1" customHeight="1" outlineLevel="1" x14ac:dyDescent="0.2">
      <c r="A10314" s="17">
        <v>9619</v>
      </c>
      <c r="B10314" s="17"/>
      <c r="C10314" s="17"/>
      <c r="D10314" s="18" t="s">
        <v>5115</v>
      </c>
      <c r="E10314" s="18"/>
      <c r="F10314" s="18"/>
      <c r="G10314" s="18"/>
      <c r="H10314" s="18"/>
      <c r="I10314" s="18"/>
      <c r="J10314" s="18"/>
      <c r="K10314" s="18"/>
      <c r="L10314" s="18"/>
      <c r="M10314" s="18"/>
      <c r="N10314" s="18"/>
      <c r="O10314" s="18"/>
      <c r="P10314" s="19">
        <v>75</v>
      </c>
      <c r="Q10314" s="19"/>
      <c r="R10314" s="19"/>
      <c r="S10314" s="19"/>
      <c r="T10314" s="19">
        <v>50</v>
      </c>
      <c r="U10314" s="19"/>
      <c r="V10314" s="19"/>
      <c r="W10314" s="19"/>
      <c r="X10314" s="19">
        <v>21</v>
      </c>
      <c r="Y10314" s="19"/>
      <c r="Z10314" s="19"/>
      <c r="AA10314" s="19"/>
    </row>
    <row r="10315" spans="1:27" s="1" customFormat="1" ht="14.1" customHeight="1" outlineLevel="1" x14ac:dyDescent="0.2">
      <c r="A10315" s="17"/>
      <c r="B10315" s="17"/>
      <c r="C10315" s="17"/>
      <c r="D10315" s="18"/>
      <c r="E10315" s="18"/>
      <c r="F10315" s="18"/>
      <c r="G10315" s="18"/>
      <c r="H10315" s="18"/>
      <c r="I10315" s="18"/>
      <c r="J10315" s="18"/>
      <c r="K10315" s="18"/>
      <c r="L10315" s="18"/>
      <c r="M10315" s="18"/>
      <c r="N10315" s="18"/>
      <c r="O10315" s="18"/>
      <c r="P10315" s="19"/>
      <c r="Q10315" s="19"/>
      <c r="R10315" s="19"/>
      <c r="S10315" s="19"/>
      <c r="T10315" s="19"/>
      <c r="U10315" s="19"/>
      <c r="V10315" s="19"/>
      <c r="W10315" s="19"/>
      <c r="X10315" s="19"/>
      <c r="Y10315" s="19"/>
      <c r="Z10315" s="19"/>
      <c r="AA10315" s="19"/>
    </row>
    <row r="10316" spans="1:27" s="1" customFormat="1" ht="14.1" customHeight="1" outlineLevel="1" x14ac:dyDescent="0.2">
      <c r="A10316" s="17">
        <v>6684</v>
      </c>
      <c r="B10316" s="17"/>
      <c r="C10316" s="17"/>
      <c r="D10316" s="18" t="s">
        <v>5116</v>
      </c>
      <c r="E10316" s="18"/>
      <c r="F10316" s="18"/>
      <c r="G10316" s="18"/>
      <c r="H10316" s="18"/>
      <c r="I10316" s="18"/>
      <c r="J10316" s="18"/>
      <c r="K10316" s="18"/>
      <c r="L10316" s="18"/>
      <c r="M10316" s="18"/>
      <c r="N10316" s="18"/>
      <c r="O10316" s="18"/>
      <c r="P10316" s="19">
        <v>150</v>
      </c>
      <c r="Q10316" s="19"/>
      <c r="R10316" s="19"/>
      <c r="S10316" s="19"/>
      <c r="T10316" s="19">
        <v>80</v>
      </c>
      <c r="U10316" s="19"/>
      <c r="V10316" s="19"/>
      <c r="W10316" s="19"/>
      <c r="X10316" s="19">
        <v>1</v>
      </c>
      <c r="Y10316" s="19"/>
      <c r="Z10316" s="19"/>
      <c r="AA10316" s="19"/>
    </row>
    <row r="10317" spans="1:27" s="1" customFormat="1" ht="14.1" customHeight="1" outlineLevel="1" x14ac:dyDescent="0.2">
      <c r="A10317" s="17"/>
      <c r="B10317" s="17"/>
      <c r="C10317" s="17"/>
      <c r="D10317" s="18"/>
      <c r="E10317" s="18"/>
      <c r="F10317" s="18"/>
      <c r="G10317" s="18"/>
      <c r="H10317" s="18"/>
      <c r="I10317" s="18"/>
      <c r="J10317" s="18"/>
      <c r="K10317" s="18"/>
      <c r="L10317" s="18"/>
      <c r="M10317" s="18"/>
      <c r="N10317" s="18"/>
      <c r="O10317" s="18"/>
      <c r="P10317" s="19"/>
      <c r="Q10317" s="19"/>
      <c r="R10317" s="19"/>
      <c r="S10317" s="19"/>
      <c r="T10317" s="19"/>
      <c r="U10317" s="19"/>
      <c r="V10317" s="19"/>
      <c r="W10317" s="19"/>
      <c r="X10317" s="19"/>
      <c r="Y10317" s="19"/>
      <c r="Z10317" s="19"/>
      <c r="AA10317" s="19"/>
    </row>
    <row r="10318" spans="1:27" s="1" customFormat="1" ht="14.1" customHeight="1" outlineLevel="1" x14ac:dyDescent="0.2">
      <c r="A10318" s="17">
        <v>9637</v>
      </c>
      <c r="B10318" s="17"/>
      <c r="C10318" s="17"/>
      <c r="D10318" s="18" t="s">
        <v>5117</v>
      </c>
      <c r="E10318" s="18"/>
      <c r="F10318" s="18"/>
      <c r="G10318" s="18"/>
      <c r="H10318" s="18"/>
      <c r="I10318" s="18"/>
      <c r="J10318" s="18"/>
      <c r="K10318" s="18"/>
      <c r="L10318" s="18"/>
      <c r="M10318" s="18"/>
      <c r="N10318" s="18"/>
      <c r="O10318" s="18"/>
      <c r="P10318" s="19">
        <v>75</v>
      </c>
      <c r="Q10318" s="19"/>
      <c r="R10318" s="19"/>
      <c r="S10318" s="19"/>
      <c r="T10318" s="19">
        <v>50</v>
      </c>
      <c r="U10318" s="19"/>
      <c r="V10318" s="19"/>
      <c r="W10318" s="19"/>
      <c r="X10318" s="19">
        <v>40</v>
      </c>
      <c r="Y10318" s="19"/>
      <c r="Z10318" s="19"/>
      <c r="AA10318" s="19"/>
    </row>
    <row r="10319" spans="1:27" s="1" customFormat="1" ht="14.1" customHeight="1" outlineLevel="1" x14ac:dyDescent="0.2">
      <c r="A10319" s="17"/>
      <c r="B10319" s="17"/>
      <c r="C10319" s="17"/>
      <c r="D10319" s="18"/>
      <c r="E10319" s="18"/>
      <c r="F10319" s="18"/>
      <c r="G10319" s="18"/>
      <c r="H10319" s="18"/>
      <c r="I10319" s="18"/>
      <c r="J10319" s="18"/>
      <c r="K10319" s="18"/>
      <c r="L10319" s="18"/>
      <c r="M10319" s="18"/>
      <c r="N10319" s="18"/>
      <c r="O10319" s="18"/>
      <c r="P10319" s="19"/>
      <c r="Q10319" s="19"/>
      <c r="R10319" s="19"/>
      <c r="S10319" s="19"/>
      <c r="T10319" s="19"/>
      <c r="U10319" s="19"/>
      <c r="V10319" s="19"/>
      <c r="W10319" s="19"/>
      <c r="X10319" s="19"/>
      <c r="Y10319" s="19"/>
      <c r="Z10319" s="19"/>
      <c r="AA10319" s="19"/>
    </row>
    <row r="10320" spans="1:27" s="1" customFormat="1" ht="14.1" customHeight="1" outlineLevel="1" x14ac:dyDescent="0.2">
      <c r="A10320" s="17">
        <v>16711</v>
      </c>
      <c r="B10320" s="17"/>
      <c r="C10320" s="17"/>
      <c r="D10320" s="18" t="s">
        <v>5118</v>
      </c>
      <c r="E10320" s="18"/>
      <c r="F10320" s="18"/>
      <c r="G10320" s="18"/>
      <c r="H10320" s="18"/>
      <c r="I10320" s="18"/>
      <c r="J10320" s="18"/>
      <c r="K10320" s="18"/>
      <c r="L10320" s="18"/>
      <c r="M10320" s="18"/>
      <c r="N10320" s="18"/>
      <c r="O10320" s="18"/>
      <c r="P10320" s="19">
        <v>150</v>
      </c>
      <c r="Q10320" s="19"/>
      <c r="R10320" s="19"/>
      <c r="S10320" s="19"/>
      <c r="T10320" s="19">
        <v>100</v>
      </c>
      <c r="U10320" s="19"/>
      <c r="V10320" s="19"/>
      <c r="W10320" s="19"/>
      <c r="X10320" s="19">
        <v>1</v>
      </c>
      <c r="Y10320" s="19"/>
      <c r="Z10320" s="19"/>
      <c r="AA10320" s="19"/>
    </row>
    <row r="10321" spans="1:27" s="1" customFormat="1" ht="14.1" customHeight="1" outlineLevel="1" x14ac:dyDescent="0.2">
      <c r="A10321" s="17"/>
      <c r="B10321" s="17"/>
      <c r="C10321" s="17"/>
      <c r="D10321" s="18"/>
      <c r="E10321" s="18"/>
      <c r="F10321" s="18"/>
      <c r="G10321" s="18"/>
      <c r="H10321" s="18"/>
      <c r="I10321" s="18"/>
      <c r="J10321" s="18"/>
      <c r="K10321" s="18"/>
      <c r="L10321" s="18"/>
      <c r="M10321" s="18"/>
      <c r="N10321" s="18"/>
      <c r="O10321" s="18"/>
      <c r="P10321" s="19"/>
      <c r="Q10321" s="19"/>
      <c r="R10321" s="19"/>
      <c r="S10321" s="19"/>
      <c r="T10321" s="19"/>
      <c r="U10321" s="19"/>
      <c r="V10321" s="19"/>
      <c r="W10321" s="19"/>
      <c r="X10321" s="19"/>
      <c r="Y10321" s="19"/>
      <c r="Z10321" s="19"/>
      <c r="AA10321" s="19"/>
    </row>
    <row r="10322" spans="1:27" s="1" customFormat="1" ht="14.1" customHeight="1" outlineLevel="1" x14ac:dyDescent="0.2">
      <c r="A10322" s="17">
        <v>14216</v>
      </c>
      <c r="B10322" s="17"/>
      <c r="C10322" s="17"/>
      <c r="D10322" s="18" t="s">
        <v>5119</v>
      </c>
      <c r="E10322" s="18"/>
      <c r="F10322" s="18"/>
      <c r="G10322" s="18"/>
      <c r="H10322" s="18"/>
      <c r="I10322" s="18"/>
      <c r="J10322" s="18"/>
      <c r="K10322" s="18"/>
      <c r="L10322" s="18"/>
      <c r="M10322" s="18"/>
      <c r="N10322" s="18"/>
      <c r="O10322" s="18"/>
      <c r="P10322" s="19">
        <v>75</v>
      </c>
      <c r="Q10322" s="19"/>
      <c r="R10322" s="19"/>
      <c r="S10322" s="19"/>
      <c r="T10322" s="19">
        <v>50</v>
      </c>
      <c r="U10322" s="19"/>
      <c r="V10322" s="19"/>
      <c r="W10322" s="19"/>
      <c r="X10322" s="19">
        <v>20</v>
      </c>
      <c r="Y10322" s="19"/>
      <c r="Z10322" s="19"/>
      <c r="AA10322" s="19"/>
    </row>
    <row r="10323" spans="1:27" s="1" customFormat="1" ht="14.1" customHeight="1" outlineLevel="1" x14ac:dyDescent="0.2">
      <c r="A10323" s="17"/>
      <c r="B10323" s="17"/>
      <c r="C10323" s="17"/>
      <c r="D10323" s="18"/>
      <c r="E10323" s="18"/>
      <c r="F10323" s="18"/>
      <c r="G10323" s="18"/>
      <c r="H10323" s="18"/>
      <c r="I10323" s="18"/>
      <c r="J10323" s="18"/>
      <c r="K10323" s="18"/>
      <c r="L10323" s="18"/>
      <c r="M10323" s="18"/>
      <c r="N10323" s="18"/>
      <c r="O10323" s="18"/>
      <c r="P10323" s="19"/>
      <c r="Q10323" s="19"/>
      <c r="R10323" s="19"/>
      <c r="S10323" s="19"/>
      <c r="T10323" s="19"/>
      <c r="U10323" s="19"/>
      <c r="V10323" s="19"/>
      <c r="W10323" s="19"/>
      <c r="X10323" s="19"/>
      <c r="Y10323" s="19"/>
      <c r="Z10323" s="19"/>
      <c r="AA10323" s="19"/>
    </row>
    <row r="10324" spans="1:27" s="1" customFormat="1" ht="14.1" customHeight="1" outlineLevel="1" x14ac:dyDescent="0.2">
      <c r="A10324" s="17">
        <v>9636</v>
      </c>
      <c r="B10324" s="17"/>
      <c r="C10324" s="17"/>
      <c r="D10324" s="18" t="s">
        <v>5120</v>
      </c>
      <c r="E10324" s="18"/>
      <c r="F10324" s="18"/>
      <c r="G10324" s="18"/>
      <c r="H10324" s="18"/>
      <c r="I10324" s="18"/>
      <c r="J10324" s="18"/>
      <c r="K10324" s="18"/>
      <c r="L10324" s="18"/>
      <c r="M10324" s="18"/>
      <c r="N10324" s="18"/>
      <c r="O10324" s="18"/>
      <c r="P10324" s="19">
        <v>75</v>
      </c>
      <c r="Q10324" s="19"/>
      <c r="R10324" s="19"/>
      <c r="S10324" s="19"/>
      <c r="T10324" s="19">
        <v>50</v>
      </c>
      <c r="U10324" s="19"/>
      <c r="V10324" s="19"/>
      <c r="W10324" s="19"/>
      <c r="X10324" s="19">
        <v>18</v>
      </c>
      <c r="Y10324" s="19"/>
      <c r="Z10324" s="19"/>
      <c r="AA10324" s="19"/>
    </row>
    <row r="10325" spans="1:27" s="1" customFormat="1" ht="14.1" customHeight="1" outlineLevel="1" x14ac:dyDescent="0.2">
      <c r="A10325" s="17"/>
      <c r="B10325" s="17"/>
      <c r="C10325" s="17"/>
      <c r="D10325" s="18"/>
      <c r="E10325" s="18"/>
      <c r="F10325" s="18"/>
      <c r="G10325" s="18"/>
      <c r="H10325" s="18"/>
      <c r="I10325" s="18"/>
      <c r="J10325" s="18"/>
      <c r="K10325" s="18"/>
      <c r="L10325" s="18"/>
      <c r="M10325" s="18"/>
      <c r="N10325" s="18"/>
      <c r="O10325" s="18"/>
      <c r="P10325" s="19"/>
      <c r="Q10325" s="19"/>
      <c r="R10325" s="19"/>
      <c r="S10325" s="19"/>
      <c r="T10325" s="19"/>
      <c r="U10325" s="19"/>
      <c r="V10325" s="19"/>
      <c r="W10325" s="19"/>
      <c r="X10325" s="19"/>
      <c r="Y10325" s="19"/>
      <c r="Z10325" s="19"/>
      <c r="AA10325" s="19"/>
    </row>
    <row r="10326" spans="1:27" s="1" customFormat="1" ht="14.1" customHeight="1" outlineLevel="1" x14ac:dyDescent="0.2">
      <c r="A10326" s="17">
        <v>11287</v>
      </c>
      <c r="B10326" s="17"/>
      <c r="C10326" s="17"/>
      <c r="D10326" s="18" t="s">
        <v>5121</v>
      </c>
      <c r="E10326" s="18"/>
      <c r="F10326" s="18"/>
      <c r="G10326" s="18"/>
      <c r="H10326" s="18"/>
      <c r="I10326" s="18"/>
      <c r="J10326" s="18"/>
      <c r="K10326" s="18"/>
      <c r="L10326" s="18"/>
      <c r="M10326" s="18"/>
      <c r="N10326" s="18"/>
      <c r="O10326" s="18"/>
      <c r="P10326" s="19">
        <v>120</v>
      </c>
      <c r="Q10326" s="19"/>
      <c r="R10326" s="19"/>
      <c r="S10326" s="19"/>
      <c r="T10326" s="19">
        <v>80</v>
      </c>
      <c r="U10326" s="19"/>
      <c r="V10326" s="19"/>
      <c r="W10326" s="19"/>
      <c r="X10326" s="19">
        <v>2</v>
      </c>
      <c r="Y10326" s="19"/>
      <c r="Z10326" s="19"/>
      <c r="AA10326" s="19"/>
    </row>
    <row r="10327" spans="1:27" s="1" customFormat="1" ht="14.1" customHeight="1" outlineLevel="1" x14ac:dyDescent="0.2">
      <c r="A10327" s="17"/>
      <c r="B10327" s="17"/>
      <c r="C10327" s="17"/>
      <c r="D10327" s="18"/>
      <c r="E10327" s="18"/>
      <c r="F10327" s="18"/>
      <c r="G10327" s="18"/>
      <c r="H10327" s="18"/>
      <c r="I10327" s="18"/>
      <c r="J10327" s="18"/>
      <c r="K10327" s="18"/>
      <c r="L10327" s="18"/>
      <c r="M10327" s="18"/>
      <c r="N10327" s="18"/>
      <c r="O10327" s="18"/>
      <c r="P10327" s="19"/>
      <c r="Q10327" s="19"/>
      <c r="R10327" s="19"/>
      <c r="S10327" s="19"/>
      <c r="T10327" s="19"/>
      <c r="U10327" s="19"/>
      <c r="V10327" s="19"/>
      <c r="W10327" s="19"/>
      <c r="X10327" s="19"/>
      <c r="Y10327" s="19"/>
      <c r="Z10327" s="19"/>
      <c r="AA10327" s="19"/>
    </row>
    <row r="10328" spans="1:27" s="1" customFormat="1" ht="14.1" customHeight="1" outlineLevel="1" x14ac:dyDescent="0.2">
      <c r="A10328" s="17">
        <v>14260</v>
      </c>
      <c r="B10328" s="17"/>
      <c r="C10328" s="17"/>
      <c r="D10328" s="18" t="s">
        <v>5121</v>
      </c>
      <c r="E10328" s="18"/>
      <c r="F10328" s="18"/>
      <c r="G10328" s="18"/>
      <c r="H10328" s="18"/>
      <c r="I10328" s="18"/>
      <c r="J10328" s="18"/>
      <c r="K10328" s="18"/>
      <c r="L10328" s="18"/>
      <c r="M10328" s="18"/>
      <c r="N10328" s="18"/>
      <c r="O10328" s="18"/>
      <c r="P10328" s="19">
        <v>75</v>
      </c>
      <c r="Q10328" s="19"/>
      <c r="R10328" s="19"/>
      <c r="S10328" s="19"/>
      <c r="T10328" s="19">
        <v>50</v>
      </c>
      <c r="U10328" s="19"/>
      <c r="V10328" s="19"/>
      <c r="W10328" s="19"/>
      <c r="X10328" s="19">
        <v>20</v>
      </c>
      <c r="Y10328" s="19"/>
      <c r="Z10328" s="19"/>
      <c r="AA10328" s="19"/>
    </row>
    <row r="10329" spans="1:27" s="1" customFormat="1" ht="14.1" customHeight="1" outlineLevel="1" x14ac:dyDescent="0.2">
      <c r="A10329" s="17"/>
      <c r="B10329" s="17"/>
      <c r="C10329" s="17"/>
      <c r="D10329" s="18"/>
      <c r="E10329" s="18"/>
      <c r="F10329" s="18"/>
      <c r="G10329" s="18"/>
      <c r="H10329" s="18"/>
      <c r="I10329" s="18"/>
      <c r="J10329" s="18"/>
      <c r="K10329" s="18"/>
      <c r="L10329" s="18"/>
      <c r="M10329" s="18"/>
      <c r="N10329" s="18"/>
      <c r="O10329" s="18"/>
      <c r="P10329" s="19"/>
      <c r="Q10329" s="19"/>
      <c r="R10329" s="19"/>
      <c r="S10329" s="19"/>
      <c r="T10329" s="19"/>
      <c r="U10329" s="19"/>
      <c r="V10329" s="19"/>
      <c r="W10329" s="19"/>
      <c r="X10329" s="19"/>
      <c r="Y10329" s="19"/>
      <c r="Z10329" s="19"/>
      <c r="AA10329" s="19"/>
    </row>
    <row r="10330" spans="1:27" s="1" customFormat="1" ht="14.1" customHeight="1" outlineLevel="1" x14ac:dyDescent="0.2">
      <c r="A10330" s="17">
        <v>9647</v>
      </c>
      <c r="B10330" s="17"/>
      <c r="C10330" s="17"/>
      <c r="D10330" s="18" t="s">
        <v>5122</v>
      </c>
      <c r="E10330" s="18"/>
      <c r="F10330" s="18"/>
      <c r="G10330" s="18"/>
      <c r="H10330" s="18"/>
      <c r="I10330" s="18"/>
      <c r="J10330" s="18"/>
      <c r="K10330" s="18"/>
      <c r="L10330" s="18"/>
      <c r="M10330" s="18"/>
      <c r="N10330" s="18"/>
      <c r="O10330" s="18"/>
      <c r="P10330" s="19">
        <v>75</v>
      </c>
      <c r="Q10330" s="19"/>
      <c r="R10330" s="19"/>
      <c r="S10330" s="19"/>
      <c r="T10330" s="19">
        <v>50</v>
      </c>
      <c r="U10330" s="19"/>
      <c r="V10330" s="19"/>
      <c r="W10330" s="19"/>
      <c r="X10330" s="19">
        <v>20</v>
      </c>
      <c r="Y10330" s="19"/>
      <c r="Z10330" s="19"/>
      <c r="AA10330" s="19"/>
    </row>
    <row r="10331" spans="1:27" s="1" customFormat="1" ht="14.1" customHeight="1" outlineLevel="1" x14ac:dyDescent="0.2">
      <c r="A10331" s="17"/>
      <c r="B10331" s="17"/>
      <c r="C10331" s="17"/>
      <c r="D10331" s="18"/>
      <c r="E10331" s="18"/>
      <c r="F10331" s="18"/>
      <c r="G10331" s="18"/>
      <c r="H10331" s="18"/>
      <c r="I10331" s="18"/>
      <c r="J10331" s="18"/>
      <c r="K10331" s="18"/>
      <c r="L10331" s="18"/>
      <c r="M10331" s="18"/>
      <c r="N10331" s="18"/>
      <c r="O10331" s="18"/>
      <c r="P10331" s="19"/>
      <c r="Q10331" s="19"/>
      <c r="R10331" s="19"/>
      <c r="S10331" s="19"/>
      <c r="T10331" s="19"/>
      <c r="U10331" s="19"/>
      <c r="V10331" s="19"/>
      <c r="W10331" s="19"/>
      <c r="X10331" s="19"/>
      <c r="Y10331" s="19"/>
      <c r="Z10331" s="19"/>
      <c r="AA10331" s="19"/>
    </row>
    <row r="10332" spans="1:27" s="1" customFormat="1" ht="14.1" customHeight="1" outlineLevel="1" x14ac:dyDescent="0.2">
      <c r="A10332" s="17">
        <v>8448</v>
      </c>
      <c r="B10332" s="17"/>
      <c r="C10332" s="17"/>
      <c r="D10332" s="18" t="s">
        <v>5123</v>
      </c>
      <c r="E10332" s="18"/>
      <c r="F10332" s="18"/>
      <c r="G10332" s="18"/>
      <c r="H10332" s="18"/>
      <c r="I10332" s="18"/>
      <c r="J10332" s="18"/>
      <c r="K10332" s="18"/>
      <c r="L10332" s="18"/>
      <c r="M10332" s="18"/>
      <c r="N10332" s="18"/>
      <c r="O10332" s="18"/>
      <c r="P10332" s="19">
        <v>75</v>
      </c>
      <c r="Q10332" s="19"/>
      <c r="R10332" s="19"/>
      <c r="S10332" s="19"/>
      <c r="T10332" s="19">
        <v>50</v>
      </c>
      <c r="U10332" s="19"/>
      <c r="V10332" s="19"/>
      <c r="W10332" s="19"/>
      <c r="X10332" s="19">
        <v>17</v>
      </c>
      <c r="Y10332" s="19"/>
      <c r="Z10332" s="19"/>
      <c r="AA10332" s="19"/>
    </row>
    <row r="10333" spans="1:27" s="1" customFormat="1" ht="14.1" customHeight="1" outlineLevel="1" x14ac:dyDescent="0.2">
      <c r="A10333" s="17"/>
      <c r="B10333" s="17"/>
      <c r="C10333" s="17"/>
      <c r="D10333" s="18"/>
      <c r="E10333" s="18"/>
      <c r="F10333" s="18"/>
      <c r="G10333" s="18"/>
      <c r="H10333" s="18"/>
      <c r="I10333" s="18"/>
      <c r="J10333" s="18"/>
      <c r="K10333" s="18"/>
      <c r="L10333" s="18"/>
      <c r="M10333" s="18"/>
      <c r="N10333" s="18"/>
      <c r="O10333" s="18"/>
      <c r="P10333" s="19"/>
      <c r="Q10333" s="19"/>
      <c r="R10333" s="19"/>
      <c r="S10333" s="19"/>
      <c r="T10333" s="19"/>
      <c r="U10333" s="19"/>
      <c r="V10333" s="19"/>
      <c r="W10333" s="19"/>
      <c r="X10333" s="19"/>
      <c r="Y10333" s="19"/>
      <c r="Z10333" s="19"/>
      <c r="AA10333" s="19"/>
    </row>
    <row r="10334" spans="1:27" s="1" customFormat="1" ht="14.1" customHeight="1" outlineLevel="1" x14ac:dyDescent="0.2">
      <c r="A10334" s="17">
        <v>14218</v>
      </c>
      <c r="B10334" s="17"/>
      <c r="C10334" s="17"/>
      <c r="D10334" s="18" t="s">
        <v>5124</v>
      </c>
      <c r="E10334" s="18"/>
      <c r="F10334" s="18"/>
      <c r="G10334" s="18"/>
      <c r="H10334" s="18"/>
      <c r="I10334" s="18"/>
      <c r="J10334" s="18"/>
      <c r="K10334" s="18"/>
      <c r="L10334" s="18"/>
      <c r="M10334" s="18"/>
      <c r="N10334" s="18"/>
      <c r="O10334" s="18"/>
      <c r="P10334" s="19">
        <v>75</v>
      </c>
      <c r="Q10334" s="19"/>
      <c r="R10334" s="19"/>
      <c r="S10334" s="19"/>
      <c r="T10334" s="19">
        <v>50</v>
      </c>
      <c r="U10334" s="19"/>
      <c r="V10334" s="19"/>
      <c r="W10334" s="19"/>
      <c r="X10334" s="19">
        <v>20</v>
      </c>
      <c r="Y10334" s="19"/>
      <c r="Z10334" s="19"/>
      <c r="AA10334" s="19"/>
    </row>
    <row r="10335" spans="1:27" s="1" customFormat="1" ht="14.1" customHeight="1" outlineLevel="1" x14ac:dyDescent="0.2">
      <c r="A10335" s="17"/>
      <c r="B10335" s="17"/>
      <c r="C10335" s="17"/>
      <c r="D10335" s="18"/>
      <c r="E10335" s="18"/>
      <c r="F10335" s="18"/>
      <c r="G10335" s="18"/>
      <c r="H10335" s="18"/>
      <c r="I10335" s="18"/>
      <c r="J10335" s="18"/>
      <c r="K10335" s="18"/>
      <c r="L10335" s="18"/>
      <c r="M10335" s="18"/>
      <c r="N10335" s="18"/>
      <c r="O10335" s="18"/>
      <c r="P10335" s="19"/>
      <c r="Q10335" s="19"/>
      <c r="R10335" s="19"/>
      <c r="S10335" s="19"/>
      <c r="T10335" s="19"/>
      <c r="U10335" s="19"/>
      <c r="V10335" s="19"/>
      <c r="W10335" s="19"/>
      <c r="X10335" s="19"/>
      <c r="Y10335" s="19"/>
      <c r="Z10335" s="19"/>
      <c r="AA10335" s="19"/>
    </row>
    <row r="10336" spans="1:27" s="1" customFormat="1" ht="14.1" customHeight="1" outlineLevel="1" x14ac:dyDescent="0.2">
      <c r="A10336" s="17">
        <v>14219</v>
      </c>
      <c r="B10336" s="17"/>
      <c r="C10336" s="17"/>
      <c r="D10336" s="18" t="s">
        <v>5125</v>
      </c>
      <c r="E10336" s="18"/>
      <c r="F10336" s="18"/>
      <c r="G10336" s="18"/>
      <c r="H10336" s="18"/>
      <c r="I10336" s="18"/>
      <c r="J10336" s="18"/>
      <c r="K10336" s="18"/>
      <c r="L10336" s="18"/>
      <c r="M10336" s="18"/>
      <c r="N10336" s="18"/>
      <c r="O10336" s="18"/>
      <c r="P10336" s="19">
        <v>75</v>
      </c>
      <c r="Q10336" s="19"/>
      <c r="R10336" s="19"/>
      <c r="S10336" s="19"/>
      <c r="T10336" s="19">
        <v>50</v>
      </c>
      <c r="U10336" s="19"/>
      <c r="V10336" s="19"/>
      <c r="W10336" s="19"/>
      <c r="X10336" s="19">
        <v>19</v>
      </c>
      <c r="Y10336" s="19"/>
      <c r="Z10336" s="19"/>
      <c r="AA10336" s="19"/>
    </row>
    <row r="10337" spans="1:27" s="1" customFormat="1" ht="14.1" customHeight="1" outlineLevel="1" x14ac:dyDescent="0.2">
      <c r="A10337" s="17"/>
      <c r="B10337" s="17"/>
      <c r="C10337" s="17"/>
      <c r="D10337" s="18"/>
      <c r="E10337" s="18"/>
      <c r="F10337" s="18"/>
      <c r="G10337" s="18"/>
      <c r="H10337" s="18"/>
      <c r="I10337" s="18"/>
      <c r="J10337" s="18"/>
      <c r="K10337" s="18"/>
      <c r="L10337" s="18"/>
      <c r="M10337" s="18"/>
      <c r="N10337" s="18"/>
      <c r="O10337" s="18"/>
      <c r="P10337" s="19"/>
      <c r="Q10337" s="19"/>
      <c r="R10337" s="19"/>
      <c r="S10337" s="19"/>
      <c r="T10337" s="19"/>
      <c r="U10337" s="19"/>
      <c r="V10337" s="19"/>
      <c r="W10337" s="19"/>
      <c r="X10337" s="19"/>
      <c r="Y10337" s="19"/>
      <c r="Z10337" s="19"/>
      <c r="AA10337" s="19"/>
    </row>
    <row r="10338" spans="1:27" s="1" customFormat="1" ht="14.1" customHeight="1" outlineLevel="1" x14ac:dyDescent="0.2">
      <c r="A10338" s="17">
        <v>16726</v>
      </c>
      <c r="B10338" s="17"/>
      <c r="C10338" s="17"/>
      <c r="D10338" s="18" t="s">
        <v>5126</v>
      </c>
      <c r="E10338" s="18"/>
      <c r="F10338" s="18"/>
      <c r="G10338" s="18"/>
      <c r="H10338" s="18"/>
      <c r="I10338" s="18"/>
      <c r="J10338" s="18"/>
      <c r="K10338" s="18"/>
      <c r="L10338" s="18"/>
      <c r="M10338" s="18"/>
      <c r="N10338" s="18"/>
      <c r="O10338" s="18"/>
      <c r="P10338" s="19">
        <v>150</v>
      </c>
      <c r="Q10338" s="19"/>
      <c r="R10338" s="19"/>
      <c r="S10338" s="19"/>
      <c r="T10338" s="19">
        <v>100</v>
      </c>
      <c r="U10338" s="19"/>
      <c r="V10338" s="19"/>
      <c r="W10338" s="19"/>
      <c r="X10338" s="19">
        <v>1</v>
      </c>
      <c r="Y10338" s="19"/>
      <c r="Z10338" s="19"/>
      <c r="AA10338" s="19"/>
    </row>
    <row r="10339" spans="1:27" s="1" customFormat="1" ht="14.1" customHeight="1" outlineLevel="1" x14ac:dyDescent="0.2">
      <c r="A10339" s="17"/>
      <c r="B10339" s="17"/>
      <c r="C10339" s="17"/>
      <c r="D10339" s="18"/>
      <c r="E10339" s="18"/>
      <c r="F10339" s="18"/>
      <c r="G10339" s="18"/>
      <c r="H10339" s="18"/>
      <c r="I10339" s="18"/>
      <c r="J10339" s="18"/>
      <c r="K10339" s="18"/>
      <c r="L10339" s="18"/>
      <c r="M10339" s="18"/>
      <c r="N10339" s="18"/>
      <c r="O10339" s="18"/>
      <c r="P10339" s="19"/>
      <c r="Q10339" s="19"/>
      <c r="R10339" s="19"/>
      <c r="S10339" s="19"/>
      <c r="T10339" s="19"/>
      <c r="U10339" s="19"/>
      <c r="V10339" s="19"/>
      <c r="W10339" s="19"/>
      <c r="X10339" s="19"/>
      <c r="Y10339" s="19"/>
      <c r="Z10339" s="19"/>
      <c r="AA10339" s="19"/>
    </row>
    <row r="10340" spans="1:27" s="1" customFormat="1" ht="14.1" customHeight="1" outlineLevel="1" x14ac:dyDescent="0.2">
      <c r="A10340" s="17">
        <v>14217</v>
      </c>
      <c r="B10340" s="17"/>
      <c r="C10340" s="17"/>
      <c r="D10340" s="18" t="s">
        <v>5127</v>
      </c>
      <c r="E10340" s="18"/>
      <c r="F10340" s="18"/>
      <c r="G10340" s="18"/>
      <c r="H10340" s="18"/>
      <c r="I10340" s="18"/>
      <c r="J10340" s="18"/>
      <c r="K10340" s="18"/>
      <c r="L10340" s="18"/>
      <c r="M10340" s="18"/>
      <c r="N10340" s="18"/>
      <c r="O10340" s="18"/>
      <c r="P10340" s="19">
        <v>75</v>
      </c>
      <c r="Q10340" s="19"/>
      <c r="R10340" s="19"/>
      <c r="S10340" s="19"/>
      <c r="T10340" s="19">
        <v>50</v>
      </c>
      <c r="U10340" s="19"/>
      <c r="V10340" s="19"/>
      <c r="W10340" s="19"/>
      <c r="X10340" s="19">
        <v>5</v>
      </c>
      <c r="Y10340" s="19"/>
      <c r="Z10340" s="19"/>
      <c r="AA10340" s="19"/>
    </row>
    <row r="10341" spans="1:27" s="1" customFormat="1" ht="14.1" customHeight="1" outlineLevel="1" x14ac:dyDescent="0.2">
      <c r="A10341" s="17"/>
      <c r="B10341" s="17"/>
      <c r="C10341" s="17"/>
      <c r="D10341" s="18"/>
      <c r="E10341" s="18"/>
      <c r="F10341" s="18"/>
      <c r="G10341" s="18"/>
      <c r="H10341" s="18"/>
      <c r="I10341" s="18"/>
      <c r="J10341" s="18"/>
      <c r="K10341" s="18"/>
      <c r="L10341" s="18"/>
      <c r="M10341" s="18"/>
      <c r="N10341" s="18"/>
      <c r="O10341" s="18"/>
      <c r="P10341" s="19"/>
      <c r="Q10341" s="19"/>
      <c r="R10341" s="19"/>
      <c r="S10341" s="19"/>
      <c r="T10341" s="19"/>
      <c r="U10341" s="19"/>
      <c r="V10341" s="19"/>
      <c r="W10341" s="19"/>
      <c r="X10341" s="19"/>
      <c r="Y10341" s="19"/>
      <c r="Z10341" s="19"/>
      <c r="AA10341" s="19"/>
    </row>
    <row r="10342" spans="1:27" s="1" customFormat="1" ht="14.1" customHeight="1" outlineLevel="1" x14ac:dyDescent="0.2">
      <c r="A10342" s="17">
        <v>17579</v>
      </c>
      <c r="B10342" s="17"/>
      <c r="C10342" s="17"/>
      <c r="D10342" s="18" t="s">
        <v>5128</v>
      </c>
      <c r="E10342" s="18"/>
      <c r="F10342" s="18"/>
      <c r="G10342" s="18"/>
      <c r="H10342" s="18"/>
      <c r="I10342" s="18"/>
      <c r="J10342" s="18"/>
      <c r="K10342" s="18"/>
      <c r="L10342" s="18"/>
      <c r="M10342" s="18"/>
      <c r="N10342" s="18"/>
      <c r="O10342" s="18"/>
      <c r="P10342" s="19">
        <v>90</v>
      </c>
      <c r="Q10342" s="19"/>
      <c r="R10342" s="19"/>
      <c r="S10342" s="19"/>
      <c r="T10342" s="19">
        <v>50</v>
      </c>
      <c r="U10342" s="19"/>
      <c r="V10342" s="19"/>
      <c r="W10342" s="19"/>
      <c r="X10342" s="19">
        <v>1</v>
      </c>
      <c r="Y10342" s="19"/>
      <c r="Z10342" s="19"/>
      <c r="AA10342" s="19"/>
    </row>
    <row r="10343" spans="1:27" s="1" customFormat="1" ht="14.1" customHeight="1" outlineLevel="1" x14ac:dyDescent="0.2">
      <c r="A10343" s="17"/>
      <c r="B10343" s="17"/>
      <c r="C10343" s="17"/>
      <c r="D10343" s="18"/>
      <c r="E10343" s="18"/>
      <c r="F10343" s="18"/>
      <c r="G10343" s="18"/>
      <c r="H10343" s="18"/>
      <c r="I10343" s="18"/>
      <c r="J10343" s="18"/>
      <c r="K10343" s="18"/>
      <c r="L10343" s="18"/>
      <c r="M10343" s="18"/>
      <c r="N10343" s="18"/>
      <c r="O10343" s="18"/>
      <c r="P10343" s="19"/>
      <c r="Q10343" s="19"/>
      <c r="R10343" s="19"/>
      <c r="S10343" s="19"/>
      <c r="T10343" s="19"/>
      <c r="U10343" s="19"/>
      <c r="V10343" s="19"/>
      <c r="W10343" s="19"/>
      <c r="X10343" s="19"/>
      <c r="Y10343" s="19"/>
      <c r="Z10343" s="19"/>
      <c r="AA10343" s="19"/>
    </row>
    <row r="10344" spans="1:27" s="1" customFormat="1" ht="14.1" customHeight="1" outlineLevel="1" x14ac:dyDescent="0.2">
      <c r="A10344" s="17">
        <v>14220</v>
      </c>
      <c r="B10344" s="17"/>
      <c r="C10344" s="17"/>
      <c r="D10344" s="18" t="s">
        <v>5129</v>
      </c>
      <c r="E10344" s="18"/>
      <c r="F10344" s="18"/>
      <c r="G10344" s="18"/>
      <c r="H10344" s="18"/>
      <c r="I10344" s="18"/>
      <c r="J10344" s="18"/>
      <c r="K10344" s="18"/>
      <c r="L10344" s="18"/>
      <c r="M10344" s="18"/>
      <c r="N10344" s="18"/>
      <c r="O10344" s="18"/>
      <c r="P10344" s="19">
        <v>75</v>
      </c>
      <c r="Q10344" s="19"/>
      <c r="R10344" s="19"/>
      <c r="S10344" s="19"/>
      <c r="T10344" s="19">
        <v>50</v>
      </c>
      <c r="U10344" s="19"/>
      <c r="V10344" s="19"/>
      <c r="W10344" s="19"/>
      <c r="X10344" s="19">
        <v>7</v>
      </c>
      <c r="Y10344" s="19"/>
      <c r="Z10344" s="19"/>
      <c r="AA10344" s="19"/>
    </row>
    <row r="10345" spans="1:27" s="1" customFormat="1" ht="14.1" customHeight="1" outlineLevel="1" x14ac:dyDescent="0.2">
      <c r="A10345" s="17"/>
      <c r="B10345" s="17"/>
      <c r="C10345" s="17"/>
      <c r="D10345" s="18"/>
      <c r="E10345" s="18"/>
      <c r="F10345" s="18"/>
      <c r="G10345" s="18"/>
      <c r="H10345" s="18"/>
      <c r="I10345" s="18"/>
      <c r="J10345" s="18"/>
      <c r="K10345" s="18"/>
      <c r="L10345" s="18"/>
      <c r="M10345" s="18"/>
      <c r="N10345" s="18"/>
      <c r="O10345" s="18"/>
      <c r="P10345" s="19"/>
      <c r="Q10345" s="19"/>
      <c r="R10345" s="19"/>
      <c r="S10345" s="19"/>
      <c r="T10345" s="19"/>
      <c r="U10345" s="19"/>
      <c r="V10345" s="19"/>
      <c r="W10345" s="19"/>
      <c r="X10345" s="19"/>
      <c r="Y10345" s="19"/>
      <c r="Z10345" s="19"/>
      <c r="AA10345" s="19"/>
    </row>
    <row r="10346" spans="1:27" s="1" customFormat="1" ht="14.1" customHeight="1" outlineLevel="1" x14ac:dyDescent="0.2">
      <c r="A10346" s="17">
        <v>13685</v>
      </c>
      <c r="B10346" s="17"/>
      <c r="C10346" s="17"/>
      <c r="D10346" s="18" t="s">
        <v>5130</v>
      </c>
      <c r="E10346" s="18"/>
      <c r="F10346" s="18"/>
      <c r="G10346" s="18"/>
      <c r="H10346" s="18"/>
      <c r="I10346" s="18"/>
      <c r="J10346" s="18"/>
      <c r="K10346" s="18"/>
      <c r="L10346" s="18"/>
      <c r="M10346" s="18"/>
      <c r="N10346" s="18"/>
      <c r="O10346" s="18"/>
      <c r="P10346" s="19">
        <v>75</v>
      </c>
      <c r="Q10346" s="19"/>
      <c r="R10346" s="19"/>
      <c r="S10346" s="19"/>
      <c r="T10346" s="19">
        <v>50</v>
      </c>
      <c r="U10346" s="19"/>
      <c r="V10346" s="19"/>
      <c r="W10346" s="19"/>
      <c r="X10346" s="19">
        <v>8</v>
      </c>
      <c r="Y10346" s="19"/>
      <c r="Z10346" s="19"/>
      <c r="AA10346" s="19"/>
    </row>
    <row r="10347" spans="1:27" s="1" customFormat="1" ht="14.1" customHeight="1" outlineLevel="1" x14ac:dyDescent="0.2">
      <c r="A10347" s="17"/>
      <c r="B10347" s="17"/>
      <c r="C10347" s="17"/>
      <c r="D10347" s="18"/>
      <c r="E10347" s="18"/>
      <c r="F10347" s="18"/>
      <c r="G10347" s="18"/>
      <c r="H10347" s="18"/>
      <c r="I10347" s="18"/>
      <c r="J10347" s="18"/>
      <c r="K10347" s="18"/>
      <c r="L10347" s="18"/>
      <c r="M10347" s="18"/>
      <c r="N10347" s="18"/>
      <c r="O10347" s="18"/>
      <c r="P10347" s="19"/>
      <c r="Q10347" s="19"/>
      <c r="R10347" s="19"/>
      <c r="S10347" s="19"/>
      <c r="T10347" s="19"/>
      <c r="U10347" s="19"/>
      <c r="V10347" s="19"/>
      <c r="W10347" s="19"/>
      <c r="X10347" s="19"/>
      <c r="Y10347" s="19"/>
      <c r="Z10347" s="19"/>
      <c r="AA10347" s="19"/>
    </row>
    <row r="10348" spans="1:27" s="1" customFormat="1" ht="14.1" customHeight="1" outlineLevel="1" x14ac:dyDescent="0.2">
      <c r="A10348" s="17">
        <v>14221</v>
      </c>
      <c r="B10348" s="17"/>
      <c r="C10348" s="17"/>
      <c r="D10348" s="18" t="s">
        <v>5131</v>
      </c>
      <c r="E10348" s="18"/>
      <c r="F10348" s="18"/>
      <c r="G10348" s="18"/>
      <c r="H10348" s="18"/>
      <c r="I10348" s="18"/>
      <c r="J10348" s="18"/>
      <c r="K10348" s="18"/>
      <c r="L10348" s="18"/>
      <c r="M10348" s="18"/>
      <c r="N10348" s="18"/>
      <c r="O10348" s="18"/>
      <c r="P10348" s="19">
        <v>75</v>
      </c>
      <c r="Q10348" s="19"/>
      <c r="R10348" s="19"/>
      <c r="S10348" s="19"/>
      <c r="T10348" s="19">
        <v>50</v>
      </c>
      <c r="U10348" s="19"/>
      <c r="V10348" s="19"/>
      <c r="W10348" s="19"/>
      <c r="X10348" s="19">
        <v>7</v>
      </c>
      <c r="Y10348" s="19"/>
      <c r="Z10348" s="19"/>
      <c r="AA10348" s="19"/>
    </row>
    <row r="10349" spans="1:27" s="1" customFormat="1" ht="14.1" customHeight="1" outlineLevel="1" x14ac:dyDescent="0.2">
      <c r="A10349" s="17"/>
      <c r="B10349" s="17"/>
      <c r="C10349" s="17"/>
      <c r="D10349" s="18"/>
      <c r="E10349" s="18"/>
      <c r="F10349" s="18"/>
      <c r="G10349" s="18"/>
      <c r="H10349" s="18"/>
      <c r="I10349" s="18"/>
      <c r="J10349" s="18"/>
      <c r="K10349" s="18"/>
      <c r="L10349" s="18"/>
      <c r="M10349" s="18"/>
      <c r="N10349" s="18"/>
      <c r="O10349" s="18"/>
      <c r="P10349" s="19"/>
      <c r="Q10349" s="19"/>
      <c r="R10349" s="19"/>
      <c r="S10349" s="19"/>
      <c r="T10349" s="19"/>
      <c r="U10349" s="19"/>
      <c r="V10349" s="19"/>
      <c r="W10349" s="19"/>
      <c r="X10349" s="19"/>
      <c r="Y10349" s="19"/>
      <c r="Z10349" s="19"/>
      <c r="AA10349" s="19"/>
    </row>
    <row r="10350" spans="1:27" s="1" customFormat="1" ht="14.1" customHeight="1" outlineLevel="1" x14ac:dyDescent="0.2">
      <c r="A10350" s="17">
        <v>14222</v>
      </c>
      <c r="B10350" s="17"/>
      <c r="C10350" s="17"/>
      <c r="D10350" s="18" t="s">
        <v>5132</v>
      </c>
      <c r="E10350" s="18"/>
      <c r="F10350" s="18"/>
      <c r="G10350" s="18"/>
      <c r="H10350" s="18"/>
      <c r="I10350" s="18"/>
      <c r="J10350" s="18"/>
      <c r="K10350" s="18"/>
      <c r="L10350" s="18"/>
      <c r="M10350" s="18"/>
      <c r="N10350" s="18"/>
      <c r="O10350" s="18"/>
      <c r="P10350" s="19">
        <v>75</v>
      </c>
      <c r="Q10350" s="19"/>
      <c r="R10350" s="19"/>
      <c r="S10350" s="19"/>
      <c r="T10350" s="19">
        <v>50</v>
      </c>
      <c r="U10350" s="19"/>
      <c r="V10350" s="19"/>
      <c r="W10350" s="19"/>
      <c r="X10350" s="19">
        <v>9</v>
      </c>
      <c r="Y10350" s="19"/>
      <c r="Z10350" s="19"/>
      <c r="AA10350" s="19"/>
    </row>
    <row r="10351" spans="1:27" s="1" customFormat="1" ht="14.1" customHeight="1" outlineLevel="1" x14ac:dyDescent="0.2">
      <c r="A10351" s="17"/>
      <c r="B10351" s="17"/>
      <c r="C10351" s="17"/>
      <c r="D10351" s="18"/>
      <c r="E10351" s="18"/>
      <c r="F10351" s="18"/>
      <c r="G10351" s="18"/>
      <c r="H10351" s="18"/>
      <c r="I10351" s="18"/>
      <c r="J10351" s="18"/>
      <c r="K10351" s="18"/>
      <c r="L10351" s="18"/>
      <c r="M10351" s="18"/>
      <c r="N10351" s="18"/>
      <c r="O10351" s="18"/>
      <c r="P10351" s="19"/>
      <c r="Q10351" s="19"/>
      <c r="R10351" s="19"/>
      <c r="S10351" s="19"/>
      <c r="T10351" s="19"/>
      <c r="U10351" s="19"/>
      <c r="V10351" s="19"/>
      <c r="W10351" s="19"/>
      <c r="X10351" s="19"/>
      <c r="Y10351" s="19"/>
      <c r="Z10351" s="19"/>
      <c r="AA10351" s="19"/>
    </row>
    <row r="10352" spans="1:27" s="1" customFormat="1" ht="14.1" customHeight="1" outlineLevel="1" x14ac:dyDescent="0.2">
      <c r="A10352" s="17">
        <v>14223</v>
      </c>
      <c r="B10352" s="17"/>
      <c r="C10352" s="17"/>
      <c r="D10352" s="18" t="s">
        <v>5133</v>
      </c>
      <c r="E10352" s="18"/>
      <c r="F10352" s="18"/>
      <c r="G10352" s="18"/>
      <c r="H10352" s="18"/>
      <c r="I10352" s="18"/>
      <c r="J10352" s="18"/>
      <c r="K10352" s="18"/>
      <c r="L10352" s="18"/>
      <c r="M10352" s="18"/>
      <c r="N10352" s="18"/>
      <c r="O10352" s="18"/>
      <c r="P10352" s="19">
        <v>75</v>
      </c>
      <c r="Q10352" s="19"/>
      <c r="R10352" s="19"/>
      <c r="S10352" s="19"/>
      <c r="T10352" s="19">
        <v>50</v>
      </c>
      <c r="U10352" s="19"/>
      <c r="V10352" s="19"/>
      <c r="W10352" s="19"/>
      <c r="X10352" s="19">
        <v>10</v>
      </c>
      <c r="Y10352" s="19"/>
      <c r="Z10352" s="19"/>
      <c r="AA10352" s="19"/>
    </row>
    <row r="10353" spans="1:27" s="1" customFormat="1" ht="14.1" customHeight="1" outlineLevel="1" x14ac:dyDescent="0.2">
      <c r="A10353" s="17"/>
      <c r="B10353" s="17"/>
      <c r="C10353" s="17"/>
      <c r="D10353" s="18"/>
      <c r="E10353" s="18"/>
      <c r="F10353" s="18"/>
      <c r="G10353" s="18"/>
      <c r="H10353" s="18"/>
      <c r="I10353" s="18"/>
      <c r="J10353" s="18"/>
      <c r="K10353" s="18"/>
      <c r="L10353" s="18"/>
      <c r="M10353" s="18"/>
      <c r="N10353" s="18"/>
      <c r="O10353" s="18"/>
      <c r="P10353" s="19"/>
      <c r="Q10353" s="19"/>
      <c r="R10353" s="19"/>
      <c r="S10353" s="19"/>
      <c r="T10353" s="19"/>
      <c r="U10353" s="19"/>
      <c r="V10353" s="19"/>
      <c r="W10353" s="19"/>
      <c r="X10353" s="19"/>
      <c r="Y10353" s="19"/>
      <c r="Z10353" s="19"/>
      <c r="AA10353" s="19"/>
    </row>
    <row r="10354" spans="1:27" s="1" customFormat="1" ht="14.1" customHeight="1" outlineLevel="1" x14ac:dyDescent="0.2">
      <c r="A10354" s="17">
        <v>14224</v>
      </c>
      <c r="B10354" s="17"/>
      <c r="C10354" s="17"/>
      <c r="D10354" s="18" t="s">
        <v>5134</v>
      </c>
      <c r="E10354" s="18"/>
      <c r="F10354" s="18"/>
      <c r="G10354" s="18"/>
      <c r="H10354" s="18"/>
      <c r="I10354" s="18"/>
      <c r="J10354" s="18"/>
      <c r="K10354" s="18"/>
      <c r="L10354" s="18"/>
      <c r="M10354" s="18"/>
      <c r="N10354" s="18"/>
      <c r="O10354" s="18"/>
      <c r="P10354" s="19">
        <v>75</v>
      </c>
      <c r="Q10354" s="19"/>
      <c r="R10354" s="19"/>
      <c r="S10354" s="19"/>
      <c r="T10354" s="19">
        <v>50</v>
      </c>
      <c r="U10354" s="19"/>
      <c r="V10354" s="19"/>
      <c r="W10354" s="19"/>
      <c r="X10354" s="19">
        <v>20</v>
      </c>
      <c r="Y10354" s="19"/>
      <c r="Z10354" s="19"/>
      <c r="AA10354" s="19"/>
    </row>
    <row r="10355" spans="1:27" s="1" customFormat="1" ht="14.1" customHeight="1" outlineLevel="1" x14ac:dyDescent="0.2">
      <c r="A10355" s="17"/>
      <c r="B10355" s="17"/>
      <c r="C10355" s="17"/>
      <c r="D10355" s="18"/>
      <c r="E10355" s="18"/>
      <c r="F10355" s="18"/>
      <c r="G10355" s="18"/>
      <c r="H10355" s="18"/>
      <c r="I10355" s="18"/>
      <c r="J10355" s="18"/>
      <c r="K10355" s="18"/>
      <c r="L10355" s="18"/>
      <c r="M10355" s="18"/>
      <c r="N10355" s="18"/>
      <c r="O10355" s="18"/>
      <c r="P10355" s="19"/>
      <c r="Q10355" s="19"/>
      <c r="R10355" s="19"/>
      <c r="S10355" s="19"/>
      <c r="T10355" s="19"/>
      <c r="U10355" s="19"/>
      <c r="V10355" s="19"/>
      <c r="W10355" s="19"/>
      <c r="X10355" s="19"/>
      <c r="Y10355" s="19"/>
      <c r="Z10355" s="19"/>
      <c r="AA10355" s="19"/>
    </row>
    <row r="10356" spans="1:27" s="1" customFormat="1" ht="14.1" customHeight="1" outlineLevel="1" x14ac:dyDescent="0.2">
      <c r="A10356" s="17">
        <v>15130</v>
      </c>
      <c r="B10356" s="17"/>
      <c r="C10356" s="17"/>
      <c r="D10356" s="18" t="s">
        <v>5135</v>
      </c>
      <c r="E10356" s="18"/>
      <c r="F10356" s="18"/>
      <c r="G10356" s="18"/>
      <c r="H10356" s="18"/>
      <c r="I10356" s="18"/>
      <c r="J10356" s="18"/>
      <c r="K10356" s="18"/>
      <c r="L10356" s="18"/>
      <c r="M10356" s="18"/>
      <c r="N10356" s="18"/>
      <c r="O10356" s="18"/>
      <c r="P10356" s="19">
        <v>750</v>
      </c>
      <c r="Q10356" s="19"/>
      <c r="R10356" s="19"/>
      <c r="S10356" s="19"/>
      <c r="T10356" s="19">
        <v>650</v>
      </c>
      <c r="U10356" s="19"/>
      <c r="V10356" s="19"/>
      <c r="W10356" s="19"/>
      <c r="X10356" s="19">
        <v>10</v>
      </c>
      <c r="Y10356" s="19"/>
      <c r="Z10356" s="19"/>
      <c r="AA10356" s="19"/>
    </row>
    <row r="10357" spans="1:27" s="1" customFormat="1" ht="14.1" customHeight="1" outlineLevel="1" x14ac:dyDescent="0.2">
      <c r="A10357" s="17"/>
      <c r="B10357" s="17"/>
      <c r="C10357" s="17"/>
      <c r="D10357" s="18"/>
      <c r="E10357" s="18"/>
      <c r="F10357" s="18"/>
      <c r="G10357" s="18"/>
      <c r="H10357" s="18"/>
      <c r="I10357" s="18"/>
      <c r="J10357" s="18"/>
      <c r="K10357" s="18"/>
      <c r="L10357" s="18"/>
      <c r="M10357" s="18"/>
      <c r="N10357" s="18"/>
      <c r="O10357" s="18"/>
      <c r="P10357" s="19"/>
      <c r="Q10357" s="19"/>
      <c r="R10357" s="19"/>
      <c r="S10357" s="19"/>
      <c r="T10357" s="19"/>
      <c r="U10357" s="19"/>
      <c r="V10357" s="19"/>
      <c r="W10357" s="19"/>
      <c r="X10357" s="19"/>
      <c r="Y10357" s="19"/>
      <c r="Z10357" s="19"/>
      <c r="AA10357" s="19"/>
    </row>
    <row r="10358" spans="1:27" s="1" customFormat="1" ht="14.1" customHeight="1" outlineLevel="1" x14ac:dyDescent="0.2">
      <c r="A10358" s="17">
        <v>15126</v>
      </c>
      <c r="B10358" s="17"/>
      <c r="C10358" s="17"/>
      <c r="D10358" s="18" t="s">
        <v>5136</v>
      </c>
      <c r="E10358" s="18"/>
      <c r="F10358" s="18"/>
      <c r="G10358" s="18"/>
      <c r="H10358" s="18"/>
      <c r="I10358" s="18"/>
      <c r="J10358" s="18"/>
      <c r="K10358" s="18"/>
      <c r="L10358" s="18"/>
      <c r="M10358" s="18"/>
      <c r="N10358" s="18"/>
      <c r="O10358" s="18"/>
      <c r="P10358" s="19">
        <v>750</v>
      </c>
      <c r="Q10358" s="19"/>
      <c r="R10358" s="19"/>
      <c r="S10358" s="19"/>
      <c r="T10358" s="19">
        <v>650</v>
      </c>
      <c r="U10358" s="19"/>
      <c r="V10358" s="19"/>
      <c r="W10358" s="19"/>
      <c r="X10358" s="19">
        <v>7</v>
      </c>
      <c r="Y10358" s="19"/>
      <c r="Z10358" s="19"/>
      <c r="AA10358" s="19"/>
    </row>
    <row r="10359" spans="1:27" s="1" customFormat="1" ht="14.1" customHeight="1" outlineLevel="1" x14ac:dyDescent="0.2">
      <c r="A10359" s="17"/>
      <c r="B10359" s="17"/>
      <c r="C10359" s="17"/>
      <c r="D10359" s="18"/>
      <c r="E10359" s="18"/>
      <c r="F10359" s="18"/>
      <c r="G10359" s="18"/>
      <c r="H10359" s="18"/>
      <c r="I10359" s="18"/>
      <c r="J10359" s="18"/>
      <c r="K10359" s="18"/>
      <c r="L10359" s="18"/>
      <c r="M10359" s="18"/>
      <c r="N10359" s="18"/>
      <c r="O10359" s="18"/>
      <c r="P10359" s="19"/>
      <c r="Q10359" s="19"/>
      <c r="R10359" s="19"/>
      <c r="S10359" s="19"/>
      <c r="T10359" s="19"/>
      <c r="U10359" s="19"/>
      <c r="V10359" s="19"/>
      <c r="W10359" s="19"/>
      <c r="X10359" s="19"/>
      <c r="Y10359" s="19"/>
      <c r="Z10359" s="19"/>
      <c r="AA10359" s="19"/>
    </row>
    <row r="10360" spans="1:27" s="1" customFormat="1" ht="14.1" customHeight="1" outlineLevel="1" x14ac:dyDescent="0.2">
      <c r="A10360" s="17">
        <v>15127</v>
      </c>
      <c r="B10360" s="17"/>
      <c r="C10360" s="17"/>
      <c r="D10360" s="18" t="s">
        <v>5137</v>
      </c>
      <c r="E10360" s="18"/>
      <c r="F10360" s="18"/>
      <c r="G10360" s="18"/>
      <c r="H10360" s="18"/>
      <c r="I10360" s="18"/>
      <c r="J10360" s="18"/>
      <c r="K10360" s="18"/>
      <c r="L10360" s="18"/>
      <c r="M10360" s="18"/>
      <c r="N10360" s="18"/>
      <c r="O10360" s="18"/>
      <c r="P10360" s="19">
        <v>590</v>
      </c>
      <c r="Q10360" s="19"/>
      <c r="R10360" s="19"/>
      <c r="S10360" s="19"/>
      <c r="T10360" s="19">
        <v>420</v>
      </c>
      <c r="U10360" s="19"/>
      <c r="V10360" s="19"/>
      <c r="W10360" s="19"/>
      <c r="X10360" s="19">
        <v>22</v>
      </c>
      <c r="Y10360" s="19"/>
      <c r="Z10360" s="19"/>
      <c r="AA10360" s="19"/>
    </row>
    <row r="10361" spans="1:27" s="1" customFormat="1" ht="14.1" customHeight="1" outlineLevel="1" x14ac:dyDescent="0.2">
      <c r="A10361" s="17"/>
      <c r="B10361" s="17"/>
      <c r="C10361" s="17"/>
      <c r="D10361" s="18"/>
      <c r="E10361" s="18"/>
      <c r="F10361" s="18"/>
      <c r="G10361" s="18"/>
      <c r="H10361" s="18"/>
      <c r="I10361" s="18"/>
      <c r="J10361" s="18"/>
      <c r="K10361" s="18"/>
      <c r="L10361" s="18"/>
      <c r="M10361" s="18"/>
      <c r="N10361" s="18"/>
      <c r="O10361" s="18"/>
      <c r="P10361" s="19"/>
      <c r="Q10361" s="19"/>
      <c r="R10361" s="19"/>
      <c r="S10361" s="19"/>
      <c r="T10361" s="19"/>
      <c r="U10361" s="19"/>
      <c r="V10361" s="19"/>
      <c r="W10361" s="19"/>
      <c r="X10361" s="19"/>
      <c r="Y10361" s="19"/>
      <c r="Z10361" s="19"/>
      <c r="AA10361" s="19"/>
    </row>
    <row r="10362" spans="1:27" s="1" customFormat="1" ht="14.1" customHeight="1" outlineLevel="1" x14ac:dyDescent="0.2">
      <c r="A10362" s="17">
        <v>15128</v>
      </c>
      <c r="B10362" s="17"/>
      <c r="C10362" s="17"/>
      <c r="D10362" s="18" t="s">
        <v>5138</v>
      </c>
      <c r="E10362" s="18"/>
      <c r="F10362" s="18"/>
      <c r="G10362" s="18"/>
      <c r="H10362" s="18"/>
      <c r="I10362" s="18"/>
      <c r="J10362" s="18"/>
      <c r="K10362" s="18"/>
      <c r="L10362" s="18"/>
      <c r="M10362" s="18"/>
      <c r="N10362" s="18"/>
      <c r="O10362" s="18"/>
      <c r="P10362" s="19">
        <v>750</v>
      </c>
      <c r="Q10362" s="19"/>
      <c r="R10362" s="19"/>
      <c r="S10362" s="19"/>
      <c r="T10362" s="19">
        <v>650</v>
      </c>
      <c r="U10362" s="19"/>
      <c r="V10362" s="19"/>
      <c r="W10362" s="19"/>
      <c r="X10362" s="19">
        <v>4</v>
      </c>
      <c r="Y10362" s="19"/>
      <c r="Z10362" s="19"/>
      <c r="AA10362" s="19"/>
    </row>
    <row r="10363" spans="1:27" s="1" customFormat="1" ht="14.1" customHeight="1" outlineLevel="1" x14ac:dyDescent="0.2">
      <c r="A10363" s="17"/>
      <c r="B10363" s="17"/>
      <c r="C10363" s="17"/>
      <c r="D10363" s="18"/>
      <c r="E10363" s="18"/>
      <c r="F10363" s="18"/>
      <c r="G10363" s="18"/>
      <c r="H10363" s="18"/>
      <c r="I10363" s="18"/>
      <c r="J10363" s="18"/>
      <c r="K10363" s="18"/>
      <c r="L10363" s="18"/>
      <c r="M10363" s="18"/>
      <c r="N10363" s="18"/>
      <c r="O10363" s="18"/>
      <c r="P10363" s="19"/>
      <c r="Q10363" s="19"/>
      <c r="R10363" s="19"/>
      <c r="S10363" s="19"/>
      <c r="T10363" s="19"/>
      <c r="U10363" s="19"/>
      <c r="V10363" s="19"/>
      <c r="W10363" s="19"/>
      <c r="X10363" s="19"/>
      <c r="Y10363" s="19"/>
      <c r="Z10363" s="19"/>
      <c r="AA10363" s="19"/>
    </row>
    <row r="10364" spans="1:27" s="1" customFormat="1" ht="14.1" customHeight="1" outlineLevel="1" x14ac:dyDescent="0.2">
      <c r="A10364" s="17">
        <v>15129</v>
      </c>
      <c r="B10364" s="17"/>
      <c r="C10364" s="17"/>
      <c r="D10364" s="18" t="s">
        <v>5139</v>
      </c>
      <c r="E10364" s="18"/>
      <c r="F10364" s="18"/>
      <c r="G10364" s="18"/>
      <c r="H10364" s="18"/>
      <c r="I10364" s="18"/>
      <c r="J10364" s="18"/>
      <c r="K10364" s="18"/>
      <c r="L10364" s="18"/>
      <c r="M10364" s="18"/>
      <c r="N10364" s="18"/>
      <c r="O10364" s="18"/>
      <c r="P10364" s="19">
        <v>590</v>
      </c>
      <c r="Q10364" s="19"/>
      <c r="R10364" s="19"/>
      <c r="S10364" s="19"/>
      <c r="T10364" s="19">
        <v>420</v>
      </c>
      <c r="U10364" s="19"/>
      <c r="V10364" s="19"/>
      <c r="W10364" s="19"/>
      <c r="X10364" s="19">
        <v>22</v>
      </c>
      <c r="Y10364" s="19"/>
      <c r="Z10364" s="19"/>
      <c r="AA10364" s="19"/>
    </row>
    <row r="10365" spans="1:27" s="1" customFormat="1" ht="14.1" customHeight="1" outlineLevel="1" x14ac:dyDescent="0.2">
      <c r="A10365" s="17"/>
      <c r="B10365" s="17"/>
      <c r="C10365" s="17"/>
      <c r="D10365" s="18"/>
      <c r="E10365" s="18"/>
      <c r="F10365" s="18"/>
      <c r="G10365" s="18"/>
      <c r="H10365" s="18"/>
      <c r="I10365" s="18"/>
      <c r="J10365" s="18"/>
      <c r="K10365" s="18"/>
      <c r="L10365" s="18"/>
      <c r="M10365" s="18"/>
      <c r="N10365" s="18"/>
      <c r="O10365" s="18"/>
      <c r="P10365" s="19"/>
      <c r="Q10365" s="19"/>
      <c r="R10365" s="19"/>
      <c r="S10365" s="19"/>
      <c r="T10365" s="19"/>
      <c r="U10365" s="19"/>
      <c r="V10365" s="19"/>
      <c r="W10365" s="19"/>
      <c r="X10365" s="19"/>
      <c r="Y10365" s="19"/>
      <c r="Z10365" s="19"/>
      <c r="AA10365" s="19"/>
    </row>
    <row r="10366" spans="1:27" s="1" customFormat="1" ht="14.1" customHeight="1" outlineLevel="1" x14ac:dyDescent="0.2">
      <c r="A10366" s="17">
        <v>14292</v>
      </c>
      <c r="B10366" s="17"/>
      <c r="C10366" s="17"/>
      <c r="D10366" s="18" t="s">
        <v>5140</v>
      </c>
      <c r="E10366" s="18"/>
      <c r="F10366" s="18"/>
      <c r="G10366" s="18"/>
      <c r="H10366" s="18"/>
      <c r="I10366" s="18"/>
      <c r="J10366" s="18"/>
      <c r="K10366" s="18"/>
      <c r="L10366" s="18"/>
      <c r="M10366" s="18"/>
      <c r="N10366" s="18"/>
      <c r="O10366" s="18"/>
      <c r="P10366" s="19">
        <v>590</v>
      </c>
      <c r="Q10366" s="19"/>
      <c r="R10366" s="19"/>
      <c r="S10366" s="19"/>
      <c r="T10366" s="19">
        <v>420</v>
      </c>
      <c r="U10366" s="19"/>
      <c r="V10366" s="19"/>
      <c r="W10366" s="19"/>
      <c r="X10366" s="19">
        <v>29</v>
      </c>
      <c r="Y10366" s="19"/>
      <c r="Z10366" s="19"/>
      <c r="AA10366" s="19"/>
    </row>
    <row r="10367" spans="1:27" s="1" customFormat="1" ht="14.1" customHeight="1" outlineLevel="1" x14ac:dyDescent="0.2">
      <c r="A10367" s="17"/>
      <c r="B10367" s="17"/>
      <c r="C10367" s="17"/>
      <c r="D10367" s="18"/>
      <c r="E10367" s="18"/>
      <c r="F10367" s="18"/>
      <c r="G10367" s="18"/>
      <c r="H10367" s="18"/>
      <c r="I10367" s="18"/>
      <c r="J10367" s="18"/>
      <c r="K10367" s="18"/>
      <c r="L10367" s="18"/>
      <c r="M10367" s="18"/>
      <c r="N10367" s="18"/>
      <c r="O10367" s="18"/>
      <c r="P10367" s="19"/>
      <c r="Q10367" s="19"/>
      <c r="R10367" s="19"/>
      <c r="S10367" s="19"/>
      <c r="T10367" s="19"/>
      <c r="U10367" s="19"/>
      <c r="V10367" s="19"/>
      <c r="W10367" s="19"/>
      <c r="X10367" s="19"/>
      <c r="Y10367" s="19"/>
      <c r="Z10367" s="19"/>
      <c r="AA10367" s="19"/>
    </row>
    <row r="10368" spans="1:27" s="1" customFormat="1" ht="11.1" customHeight="1" outlineLevel="1" x14ac:dyDescent="0.2">
      <c r="A10368" s="17">
        <v>15822</v>
      </c>
      <c r="B10368" s="17"/>
      <c r="C10368" s="17"/>
      <c r="D10368" s="18" t="s">
        <v>5141</v>
      </c>
      <c r="E10368" s="18"/>
      <c r="F10368" s="18"/>
      <c r="G10368" s="18"/>
      <c r="H10368" s="18"/>
      <c r="I10368" s="18"/>
      <c r="J10368" s="18"/>
      <c r="K10368" s="18"/>
      <c r="L10368" s="18"/>
      <c r="M10368" s="18"/>
      <c r="N10368" s="18"/>
      <c r="O10368" s="18"/>
      <c r="P10368" s="19">
        <v>250</v>
      </c>
      <c r="Q10368" s="19"/>
      <c r="R10368" s="19"/>
      <c r="S10368" s="19"/>
      <c r="T10368" s="19">
        <v>200</v>
      </c>
      <c r="U10368" s="19"/>
      <c r="V10368" s="19"/>
      <c r="W10368" s="19"/>
      <c r="X10368" s="19">
        <v>1</v>
      </c>
      <c r="Y10368" s="19"/>
      <c r="Z10368" s="19"/>
      <c r="AA10368" s="19"/>
    </row>
    <row r="10369" spans="1:27" s="1" customFormat="1" ht="11.1" customHeight="1" outlineLevel="1" x14ac:dyDescent="0.2">
      <c r="A10369" s="17"/>
      <c r="B10369" s="17"/>
      <c r="C10369" s="17"/>
      <c r="D10369" s="18"/>
      <c r="E10369" s="18"/>
      <c r="F10369" s="18"/>
      <c r="G10369" s="18"/>
      <c r="H10369" s="18"/>
      <c r="I10369" s="18"/>
      <c r="J10369" s="18"/>
      <c r="K10369" s="18"/>
      <c r="L10369" s="18"/>
      <c r="M10369" s="18"/>
      <c r="N10369" s="18"/>
      <c r="O10369" s="18"/>
      <c r="P10369" s="19"/>
      <c r="Q10369" s="19"/>
      <c r="R10369" s="19"/>
      <c r="S10369" s="19"/>
      <c r="T10369" s="19"/>
      <c r="U10369" s="19"/>
      <c r="V10369" s="19"/>
      <c r="W10369" s="19"/>
      <c r="X10369" s="19"/>
      <c r="Y10369" s="19"/>
      <c r="Z10369" s="19"/>
      <c r="AA10369" s="19"/>
    </row>
    <row r="10370" spans="1:27" s="1" customFormat="1" ht="14.1" customHeight="1" outlineLevel="1" x14ac:dyDescent="0.2">
      <c r="A10370" s="17">
        <v>15824</v>
      </c>
      <c r="B10370" s="17"/>
      <c r="C10370" s="17"/>
      <c r="D10370" s="18" t="s">
        <v>5142</v>
      </c>
      <c r="E10370" s="18"/>
      <c r="F10370" s="18"/>
      <c r="G10370" s="18"/>
      <c r="H10370" s="18"/>
      <c r="I10370" s="18"/>
      <c r="J10370" s="18"/>
      <c r="K10370" s="18"/>
      <c r="L10370" s="18"/>
      <c r="M10370" s="18"/>
      <c r="N10370" s="18"/>
      <c r="O10370" s="18"/>
      <c r="P10370" s="19">
        <v>600</v>
      </c>
      <c r="Q10370" s="19"/>
      <c r="R10370" s="19"/>
      <c r="S10370" s="19"/>
      <c r="T10370" s="19">
        <v>500</v>
      </c>
      <c r="U10370" s="19"/>
      <c r="V10370" s="19"/>
      <c r="W10370" s="19"/>
      <c r="X10370" s="19">
        <v>1</v>
      </c>
      <c r="Y10370" s="19"/>
      <c r="Z10370" s="19"/>
      <c r="AA10370" s="19"/>
    </row>
    <row r="10371" spans="1:27" s="1" customFormat="1" ht="14.1" customHeight="1" outlineLevel="1" x14ac:dyDescent="0.2">
      <c r="A10371" s="17"/>
      <c r="B10371" s="17"/>
      <c r="C10371" s="17"/>
      <c r="D10371" s="18"/>
      <c r="E10371" s="18"/>
      <c r="F10371" s="18"/>
      <c r="G10371" s="18"/>
      <c r="H10371" s="18"/>
      <c r="I10371" s="18"/>
      <c r="J10371" s="18"/>
      <c r="K10371" s="18"/>
      <c r="L10371" s="18"/>
      <c r="M10371" s="18"/>
      <c r="N10371" s="18"/>
      <c r="O10371" s="18"/>
      <c r="P10371" s="19"/>
      <c r="Q10371" s="19"/>
      <c r="R10371" s="19"/>
      <c r="S10371" s="19"/>
      <c r="T10371" s="19"/>
      <c r="U10371" s="19"/>
      <c r="V10371" s="19"/>
      <c r="W10371" s="19"/>
      <c r="X10371" s="19"/>
      <c r="Y10371" s="19"/>
      <c r="Z10371" s="19"/>
      <c r="AA10371" s="19"/>
    </row>
    <row r="10372" spans="1:27" s="1" customFormat="1" ht="14.1" customHeight="1" outlineLevel="1" x14ac:dyDescent="0.2">
      <c r="A10372" s="17">
        <v>14140</v>
      </c>
      <c r="B10372" s="17"/>
      <c r="C10372" s="17"/>
      <c r="D10372" s="18" t="s">
        <v>5143</v>
      </c>
      <c r="E10372" s="18"/>
      <c r="F10372" s="18"/>
      <c r="G10372" s="18"/>
      <c r="H10372" s="18"/>
      <c r="I10372" s="18"/>
      <c r="J10372" s="18"/>
      <c r="K10372" s="18"/>
      <c r="L10372" s="18"/>
      <c r="M10372" s="18"/>
      <c r="N10372" s="18"/>
      <c r="O10372" s="18"/>
      <c r="P10372" s="19">
        <v>230</v>
      </c>
      <c r="Q10372" s="19"/>
      <c r="R10372" s="19"/>
      <c r="S10372" s="19"/>
      <c r="T10372" s="19">
        <v>170</v>
      </c>
      <c r="U10372" s="19"/>
      <c r="V10372" s="19"/>
      <c r="W10372" s="19"/>
      <c r="X10372" s="19">
        <v>17</v>
      </c>
      <c r="Y10372" s="19"/>
      <c r="Z10372" s="19"/>
      <c r="AA10372" s="19"/>
    </row>
    <row r="10373" spans="1:27" s="1" customFormat="1" ht="14.1" customHeight="1" outlineLevel="1" x14ac:dyDescent="0.2">
      <c r="A10373" s="17"/>
      <c r="B10373" s="17"/>
      <c r="C10373" s="17"/>
      <c r="D10373" s="18"/>
      <c r="E10373" s="18"/>
      <c r="F10373" s="18"/>
      <c r="G10373" s="18"/>
      <c r="H10373" s="18"/>
      <c r="I10373" s="18"/>
      <c r="J10373" s="18"/>
      <c r="K10373" s="18"/>
      <c r="L10373" s="18"/>
      <c r="M10373" s="18"/>
      <c r="N10373" s="18"/>
      <c r="O10373" s="18"/>
      <c r="P10373" s="19"/>
      <c r="Q10373" s="19"/>
      <c r="R10373" s="19"/>
      <c r="S10373" s="19"/>
      <c r="T10373" s="19"/>
      <c r="U10373" s="19"/>
      <c r="V10373" s="19"/>
      <c r="W10373" s="19"/>
      <c r="X10373" s="19"/>
      <c r="Y10373" s="19"/>
      <c r="Z10373" s="19"/>
      <c r="AA10373" s="19"/>
    </row>
    <row r="10374" spans="1:27" s="1" customFormat="1" ht="14.1" customHeight="1" outlineLevel="1" x14ac:dyDescent="0.2">
      <c r="A10374" s="17">
        <v>14161</v>
      </c>
      <c r="B10374" s="17"/>
      <c r="C10374" s="17"/>
      <c r="D10374" s="18" t="s">
        <v>5144</v>
      </c>
      <c r="E10374" s="18"/>
      <c r="F10374" s="18"/>
      <c r="G10374" s="18"/>
      <c r="H10374" s="18"/>
      <c r="I10374" s="18"/>
      <c r="J10374" s="18"/>
      <c r="K10374" s="18"/>
      <c r="L10374" s="18"/>
      <c r="M10374" s="18"/>
      <c r="N10374" s="18"/>
      <c r="O10374" s="18"/>
      <c r="P10374" s="19">
        <v>170</v>
      </c>
      <c r="Q10374" s="19"/>
      <c r="R10374" s="19"/>
      <c r="S10374" s="19"/>
      <c r="T10374" s="19">
        <v>130</v>
      </c>
      <c r="U10374" s="19"/>
      <c r="V10374" s="19"/>
      <c r="W10374" s="19"/>
      <c r="X10374" s="19">
        <v>16</v>
      </c>
      <c r="Y10374" s="19"/>
      <c r="Z10374" s="19"/>
      <c r="AA10374" s="19"/>
    </row>
    <row r="10375" spans="1:27" s="1" customFormat="1" ht="14.1" customHeight="1" outlineLevel="1" x14ac:dyDescent="0.2">
      <c r="A10375" s="17"/>
      <c r="B10375" s="17"/>
      <c r="C10375" s="17"/>
      <c r="D10375" s="18"/>
      <c r="E10375" s="18"/>
      <c r="F10375" s="18"/>
      <c r="G10375" s="18"/>
      <c r="H10375" s="18"/>
      <c r="I10375" s="18"/>
      <c r="J10375" s="18"/>
      <c r="K10375" s="18"/>
      <c r="L10375" s="18"/>
      <c r="M10375" s="18"/>
      <c r="N10375" s="18"/>
      <c r="O10375" s="18"/>
      <c r="P10375" s="19"/>
      <c r="Q10375" s="19"/>
      <c r="R10375" s="19"/>
      <c r="S10375" s="19"/>
      <c r="T10375" s="19"/>
      <c r="U10375" s="19"/>
      <c r="V10375" s="19"/>
      <c r="W10375" s="19"/>
      <c r="X10375" s="19"/>
      <c r="Y10375" s="19"/>
      <c r="Z10375" s="19"/>
      <c r="AA10375" s="19"/>
    </row>
    <row r="10376" spans="1:27" s="1" customFormat="1" ht="14.1" customHeight="1" outlineLevel="1" x14ac:dyDescent="0.2">
      <c r="A10376" s="17">
        <v>9627</v>
      </c>
      <c r="B10376" s="17"/>
      <c r="C10376" s="17"/>
      <c r="D10376" s="18" t="s">
        <v>5145</v>
      </c>
      <c r="E10376" s="18"/>
      <c r="F10376" s="18"/>
      <c r="G10376" s="18"/>
      <c r="H10376" s="18"/>
      <c r="I10376" s="18"/>
      <c r="J10376" s="18"/>
      <c r="K10376" s="18"/>
      <c r="L10376" s="18"/>
      <c r="M10376" s="18"/>
      <c r="N10376" s="18"/>
      <c r="O10376" s="18"/>
      <c r="P10376" s="19">
        <v>210</v>
      </c>
      <c r="Q10376" s="19"/>
      <c r="R10376" s="19"/>
      <c r="S10376" s="19"/>
      <c r="T10376" s="19">
        <v>165</v>
      </c>
      <c r="U10376" s="19"/>
      <c r="V10376" s="19"/>
      <c r="W10376" s="19"/>
      <c r="X10376" s="19">
        <v>1</v>
      </c>
      <c r="Y10376" s="19"/>
      <c r="Z10376" s="19"/>
      <c r="AA10376" s="19"/>
    </row>
    <row r="10377" spans="1:27" s="1" customFormat="1" ht="14.1" customHeight="1" outlineLevel="1" x14ac:dyDescent="0.2">
      <c r="A10377" s="17"/>
      <c r="B10377" s="17"/>
      <c r="C10377" s="17"/>
      <c r="D10377" s="18"/>
      <c r="E10377" s="18"/>
      <c r="F10377" s="18"/>
      <c r="G10377" s="18"/>
      <c r="H10377" s="18"/>
      <c r="I10377" s="18"/>
      <c r="J10377" s="18"/>
      <c r="K10377" s="18"/>
      <c r="L10377" s="18"/>
      <c r="M10377" s="18"/>
      <c r="N10377" s="18"/>
      <c r="O10377" s="18"/>
      <c r="P10377" s="19"/>
      <c r="Q10377" s="19"/>
      <c r="R10377" s="19"/>
      <c r="S10377" s="19"/>
      <c r="T10377" s="19"/>
      <c r="U10377" s="19"/>
      <c r="V10377" s="19"/>
      <c r="W10377" s="19"/>
      <c r="X10377" s="19"/>
      <c r="Y10377" s="19"/>
      <c r="Z10377" s="19"/>
      <c r="AA10377" s="19"/>
    </row>
    <row r="10378" spans="1:27" s="1" customFormat="1" ht="11.1" customHeight="1" outlineLevel="1" x14ac:dyDescent="0.2">
      <c r="A10378" s="17">
        <v>9623</v>
      </c>
      <c r="B10378" s="17"/>
      <c r="C10378" s="17"/>
      <c r="D10378" s="18" t="s">
        <v>5146</v>
      </c>
      <c r="E10378" s="18"/>
      <c r="F10378" s="18"/>
      <c r="G10378" s="18"/>
      <c r="H10378" s="18"/>
      <c r="I10378" s="18"/>
      <c r="J10378" s="18"/>
      <c r="K10378" s="18"/>
      <c r="L10378" s="18"/>
      <c r="M10378" s="18"/>
      <c r="N10378" s="18"/>
      <c r="O10378" s="18"/>
      <c r="P10378" s="19">
        <v>160</v>
      </c>
      <c r="Q10378" s="19"/>
      <c r="R10378" s="19"/>
      <c r="S10378" s="19"/>
      <c r="T10378" s="19">
        <v>120</v>
      </c>
      <c r="U10378" s="19"/>
      <c r="V10378" s="19"/>
      <c r="W10378" s="19"/>
      <c r="X10378" s="19">
        <v>1</v>
      </c>
      <c r="Y10378" s="19"/>
      <c r="Z10378" s="19"/>
      <c r="AA10378" s="19"/>
    </row>
    <row r="10379" spans="1:27" s="1" customFormat="1" ht="11.1" customHeight="1" outlineLevel="1" x14ac:dyDescent="0.2">
      <c r="A10379" s="17"/>
      <c r="B10379" s="17"/>
      <c r="C10379" s="17"/>
      <c r="D10379" s="18"/>
      <c r="E10379" s="18"/>
      <c r="F10379" s="18"/>
      <c r="G10379" s="18"/>
      <c r="H10379" s="18"/>
      <c r="I10379" s="18"/>
      <c r="J10379" s="18"/>
      <c r="K10379" s="18"/>
      <c r="L10379" s="18"/>
      <c r="M10379" s="18"/>
      <c r="N10379" s="18"/>
      <c r="O10379" s="18"/>
      <c r="P10379" s="19"/>
      <c r="Q10379" s="19"/>
      <c r="R10379" s="19"/>
      <c r="S10379" s="19"/>
      <c r="T10379" s="19"/>
      <c r="U10379" s="19"/>
      <c r="V10379" s="19"/>
      <c r="W10379" s="19"/>
      <c r="X10379" s="19"/>
      <c r="Y10379" s="19"/>
      <c r="Z10379" s="19"/>
      <c r="AA10379" s="19"/>
    </row>
    <row r="10380" spans="1:27" s="1" customFormat="1" ht="11.1" customHeight="1" outlineLevel="1" x14ac:dyDescent="0.2">
      <c r="A10380" s="17">
        <v>9638</v>
      </c>
      <c r="B10380" s="17"/>
      <c r="C10380" s="17"/>
      <c r="D10380" s="18" t="s">
        <v>5147</v>
      </c>
      <c r="E10380" s="18"/>
      <c r="F10380" s="18"/>
      <c r="G10380" s="18"/>
      <c r="H10380" s="18"/>
      <c r="I10380" s="18"/>
      <c r="J10380" s="18"/>
      <c r="K10380" s="18"/>
      <c r="L10380" s="18"/>
      <c r="M10380" s="18"/>
      <c r="N10380" s="18"/>
      <c r="O10380" s="18"/>
      <c r="P10380" s="19">
        <v>290</v>
      </c>
      <c r="Q10380" s="19"/>
      <c r="R10380" s="19"/>
      <c r="S10380" s="19"/>
      <c r="T10380" s="19">
        <v>225</v>
      </c>
      <c r="U10380" s="19"/>
      <c r="V10380" s="19"/>
      <c r="W10380" s="19"/>
      <c r="X10380" s="19">
        <v>5</v>
      </c>
      <c r="Y10380" s="19"/>
      <c r="Z10380" s="19"/>
      <c r="AA10380" s="19"/>
    </row>
    <row r="10381" spans="1:27" s="1" customFormat="1" ht="11.1" customHeight="1" outlineLevel="1" x14ac:dyDescent="0.2">
      <c r="A10381" s="17"/>
      <c r="B10381" s="17"/>
      <c r="C10381" s="17"/>
      <c r="D10381" s="18"/>
      <c r="E10381" s="18"/>
      <c r="F10381" s="18"/>
      <c r="G10381" s="18"/>
      <c r="H10381" s="18"/>
      <c r="I10381" s="18"/>
      <c r="J10381" s="18"/>
      <c r="K10381" s="18"/>
      <c r="L10381" s="18"/>
      <c r="M10381" s="18"/>
      <c r="N10381" s="18"/>
      <c r="O10381" s="18"/>
      <c r="P10381" s="19"/>
      <c r="Q10381" s="19"/>
      <c r="R10381" s="19"/>
      <c r="S10381" s="19"/>
      <c r="T10381" s="19"/>
      <c r="U10381" s="19"/>
      <c r="V10381" s="19"/>
      <c r="W10381" s="19"/>
      <c r="X10381" s="19"/>
      <c r="Y10381" s="19"/>
      <c r="Z10381" s="19"/>
      <c r="AA10381" s="19"/>
    </row>
    <row r="10382" spans="1:27" s="1" customFormat="1" ht="11.1" customHeight="1" outlineLevel="1" x14ac:dyDescent="0.2">
      <c r="A10382" s="17">
        <v>14141</v>
      </c>
      <c r="B10382" s="17"/>
      <c r="C10382" s="17"/>
      <c r="D10382" s="18" t="s">
        <v>5148</v>
      </c>
      <c r="E10382" s="18"/>
      <c r="F10382" s="18"/>
      <c r="G10382" s="18"/>
      <c r="H10382" s="18"/>
      <c r="I10382" s="18"/>
      <c r="J10382" s="18"/>
      <c r="K10382" s="18"/>
      <c r="L10382" s="18"/>
      <c r="M10382" s="18"/>
      <c r="N10382" s="18"/>
      <c r="O10382" s="18"/>
      <c r="P10382" s="19">
        <v>240</v>
      </c>
      <c r="Q10382" s="19"/>
      <c r="R10382" s="19"/>
      <c r="S10382" s="19"/>
      <c r="T10382" s="19">
        <v>180</v>
      </c>
      <c r="U10382" s="19"/>
      <c r="V10382" s="19"/>
      <c r="W10382" s="19"/>
      <c r="X10382" s="19">
        <v>5</v>
      </c>
      <c r="Y10382" s="19"/>
      <c r="Z10382" s="19"/>
      <c r="AA10382" s="19"/>
    </row>
    <row r="10383" spans="1:27" s="1" customFormat="1" ht="11.1" customHeight="1" outlineLevel="1" x14ac:dyDescent="0.2">
      <c r="A10383" s="17"/>
      <c r="B10383" s="17"/>
      <c r="C10383" s="17"/>
      <c r="D10383" s="18"/>
      <c r="E10383" s="18"/>
      <c r="F10383" s="18"/>
      <c r="G10383" s="18"/>
      <c r="H10383" s="18"/>
      <c r="I10383" s="18"/>
      <c r="J10383" s="18"/>
      <c r="K10383" s="18"/>
      <c r="L10383" s="18"/>
      <c r="M10383" s="18"/>
      <c r="N10383" s="18"/>
      <c r="O10383" s="18"/>
      <c r="P10383" s="19"/>
      <c r="Q10383" s="19"/>
      <c r="R10383" s="19"/>
      <c r="S10383" s="19"/>
      <c r="T10383" s="19"/>
      <c r="U10383" s="19"/>
      <c r="V10383" s="19"/>
      <c r="W10383" s="19"/>
      <c r="X10383" s="19"/>
      <c r="Y10383" s="19"/>
      <c r="Z10383" s="19"/>
      <c r="AA10383" s="19"/>
    </row>
    <row r="10384" spans="1:27" s="1" customFormat="1" ht="11.1" customHeight="1" outlineLevel="1" x14ac:dyDescent="0.2">
      <c r="A10384" s="17">
        <v>14142</v>
      </c>
      <c r="B10384" s="17"/>
      <c r="C10384" s="17"/>
      <c r="D10384" s="18" t="s">
        <v>5149</v>
      </c>
      <c r="E10384" s="18"/>
      <c r="F10384" s="18"/>
      <c r="G10384" s="18"/>
      <c r="H10384" s="18"/>
      <c r="I10384" s="18"/>
      <c r="J10384" s="18"/>
      <c r="K10384" s="18"/>
      <c r="L10384" s="18"/>
      <c r="M10384" s="18"/>
      <c r="N10384" s="18"/>
      <c r="O10384" s="18"/>
      <c r="P10384" s="19">
        <v>320</v>
      </c>
      <c r="Q10384" s="19"/>
      <c r="R10384" s="19"/>
      <c r="S10384" s="19"/>
      <c r="T10384" s="19">
        <v>240</v>
      </c>
      <c r="U10384" s="19"/>
      <c r="V10384" s="19"/>
      <c r="W10384" s="19"/>
      <c r="X10384" s="19">
        <v>10</v>
      </c>
      <c r="Y10384" s="19"/>
      <c r="Z10384" s="19"/>
      <c r="AA10384" s="19"/>
    </row>
    <row r="10385" spans="1:27" s="1" customFormat="1" ht="11.1" customHeight="1" outlineLevel="1" x14ac:dyDescent="0.2">
      <c r="A10385" s="17"/>
      <c r="B10385" s="17"/>
      <c r="C10385" s="17"/>
      <c r="D10385" s="18"/>
      <c r="E10385" s="18"/>
      <c r="F10385" s="18"/>
      <c r="G10385" s="18"/>
      <c r="H10385" s="18"/>
      <c r="I10385" s="18"/>
      <c r="J10385" s="18"/>
      <c r="K10385" s="18"/>
      <c r="L10385" s="18"/>
      <c r="M10385" s="18"/>
      <c r="N10385" s="18"/>
      <c r="O10385" s="18"/>
      <c r="P10385" s="19"/>
      <c r="Q10385" s="19"/>
      <c r="R10385" s="19"/>
      <c r="S10385" s="19"/>
      <c r="T10385" s="19"/>
      <c r="U10385" s="19"/>
      <c r="V10385" s="19"/>
      <c r="W10385" s="19"/>
      <c r="X10385" s="19"/>
      <c r="Y10385" s="19"/>
      <c r="Z10385" s="19"/>
      <c r="AA10385" s="19"/>
    </row>
    <row r="10386" spans="1:27" s="1" customFormat="1" ht="14.1" customHeight="1" outlineLevel="1" x14ac:dyDescent="0.2">
      <c r="A10386" s="17">
        <v>7584</v>
      </c>
      <c r="B10386" s="17"/>
      <c r="C10386" s="17"/>
      <c r="D10386" s="18" t="s">
        <v>5150</v>
      </c>
      <c r="E10386" s="18"/>
      <c r="F10386" s="18"/>
      <c r="G10386" s="18"/>
      <c r="H10386" s="18"/>
      <c r="I10386" s="18"/>
      <c r="J10386" s="18"/>
      <c r="K10386" s="18"/>
      <c r="L10386" s="18"/>
      <c r="M10386" s="18"/>
      <c r="N10386" s="18"/>
      <c r="O10386" s="18"/>
      <c r="P10386" s="19">
        <v>210</v>
      </c>
      <c r="Q10386" s="19"/>
      <c r="R10386" s="19"/>
      <c r="S10386" s="19"/>
      <c r="T10386" s="19">
        <v>160</v>
      </c>
      <c r="U10386" s="19"/>
      <c r="V10386" s="19"/>
      <c r="W10386" s="19"/>
      <c r="X10386" s="19">
        <v>5</v>
      </c>
      <c r="Y10386" s="19"/>
      <c r="Z10386" s="19"/>
      <c r="AA10386" s="19"/>
    </row>
    <row r="10387" spans="1:27" s="1" customFormat="1" ht="14.1" customHeight="1" outlineLevel="1" x14ac:dyDescent="0.2">
      <c r="A10387" s="17"/>
      <c r="B10387" s="17"/>
      <c r="C10387" s="17"/>
      <c r="D10387" s="18"/>
      <c r="E10387" s="18"/>
      <c r="F10387" s="18"/>
      <c r="G10387" s="18"/>
      <c r="H10387" s="18"/>
      <c r="I10387" s="18"/>
      <c r="J10387" s="18"/>
      <c r="K10387" s="18"/>
      <c r="L10387" s="18"/>
      <c r="M10387" s="18"/>
      <c r="N10387" s="18"/>
      <c r="O10387" s="18"/>
      <c r="P10387" s="19"/>
      <c r="Q10387" s="19"/>
      <c r="R10387" s="19"/>
      <c r="S10387" s="19"/>
      <c r="T10387" s="19"/>
      <c r="U10387" s="19"/>
      <c r="V10387" s="19"/>
      <c r="W10387" s="19"/>
      <c r="X10387" s="19"/>
      <c r="Y10387" s="19"/>
      <c r="Z10387" s="19"/>
      <c r="AA10387" s="19"/>
    </row>
    <row r="10388" spans="1:27" s="1" customFormat="1" ht="14.1" customHeight="1" outlineLevel="1" x14ac:dyDescent="0.2">
      <c r="A10388" s="17">
        <v>9651</v>
      </c>
      <c r="B10388" s="17"/>
      <c r="C10388" s="17"/>
      <c r="D10388" s="18" t="s">
        <v>5151</v>
      </c>
      <c r="E10388" s="18"/>
      <c r="F10388" s="18"/>
      <c r="G10388" s="18"/>
      <c r="H10388" s="18"/>
      <c r="I10388" s="18"/>
      <c r="J10388" s="18"/>
      <c r="K10388" s="18"/>
      <c r="L10388" s="18"/>
      <c r="M10388" s="18"/>
      <c r="N10388" s="18"/>
      <c r="O10388" s="18"/>
      <c r="P10388" s="19">
        <v>170</v>
      </c>
      <c r="Q10388" s="19"/>
      <c r="R10388" s="19"/>
      <c r="S10388" s="19"/>
      <c r="T10388" s="19">
        <v>140</v>
      </c>
      <c r="U10388" s="19"/>
      <c r="V10388" s="19"/>
      <c r="W10388" s="19"/>
      <c r="X10388" s="19">
        <v>8</v>
      </c>
      <c r="Y10388" s="19"/>
      <c r="Z10388" s="19"/>
      <c r="AA10388" s="19"/>
    </row>
    <row r="10389" spans="1:27" s="1" customFormat="1" ht="14.1" customHeight="1" outlineLevel="1" x14ac:dyDescent="0.2">
      <c r="A10389" s="17"/>
      <c r="B10389" s="17"/>
      <c r="C10389" s="17"/>
      <c r="D10389" s="18"/>
      <c r="E10389" s="18"/>
      <c r="F10389" s="18"/>
      <c r="G10389" s="18"/>
      <c r="H10389" s="18"/>
      <c r="I10389" s="18"/>
      <c r="J10389" s="18"/>
      <c r="K10389" s="18"/>
      <c r="L10389" s="18"/>
      <c r="M10389" s="18"/>
      <c r="N10389" s="18"/>
      <c r="O10389" s="18"/>
      <c r="P10389" s="19"/>
      <c r="Q10389" s="19"/>
      <c r="R10389" s="19"/>
      <c r="S10389" s="19"/>
      <c r="T10389" s="19"/>
      <c r="U10389" s="19"/>
      <c r="V10389" s="19"/>
      <c r="W10389" s="19"/>
      <c r="X10389" s="19"/>
      <c r="Y10389" s="19"/>
      <c r="Z10389" s="19"/>
      <c r="AA10389" s="19"/>
    </row>
    <row r="10390" spans="1:27" s="1" customFormat="1" ht="11.1" customHeight="1" outlineLevel="1" x14ac:dyDescent="0.2">
      <c r="A10390" s="17">
        <v>11745</v>
      </c>
      <c r="B10390" s="17"/>
      <c r="C10390" s="17"/>
      <c r="D10390" s="18" t="s">
        <v>5152</v>
      </c>
      <c r="E10390" s="18"/>
      <c r="F10390" s="18"/>
      <c r="G10390" s="18"/>
      <c r="H10390" s="18"/>
      <c r="I10390" s="18"/>
      <c r="J10390" s="18"/>
      <c r="K10390" s="18"/>
      <c r="L10390" s="18"/>
      <c r="M10390" s="18"/>
      <c r="N10390" s="18"/>
      <c r="O10390" s="18"/>
      <c r="P10390" s="19">
        <v>180</v>
      </c>
      <c r="Q10390" s="19"/>
      <c r="R10390" s="19"/>
      <c r="S10390" s="19"/>
      <c r="T10390" s="19">
        <v>140</v>
      </c>
      <c r="U10390" s="19"/>
      <c r="V10390" s="19"/>
      <c r="W10390" s="19"/>
      <c r="X10390" s="19">
        <v>11</v>
      </c>
      <c r="Y10390" s="19"/>
      <c r="Z10390" s="19"/>
      <c r="AA10390" s="19"/>
    </row>
    <row r="10391" spans="1:27" s="1" customFormat="1" ht="11.1" customHeight="1" outlineLevel="1" x14ac:dyDescent="0.2">
      <c r="A10391" s="17"/>
      <c r="B10391" s="17"/>
      <c r="C10391" s="17"/>
      <c r="D10391" s="18"/>
      <c r="E10391" s="18"/>
      <c r="F10391" s="18"/>
      <c r="G10391" s="18"/>
      <c r="H10391" s="18"/>
      <c r="I10391" s="18"/>
      <c r="J10391" s="18"/>
      <c r="K10391" s="18"/>
      <c r="L10391" s="18"/>
      <c r="M10391" s="18"/>
      <c r="N10391" s="18"/>
      <c r="O10391" s="18"/>
      <c r="P10391" s="19"/>
      <c r="Q10391" s="19"/>
      <c r="R10391" s="19"/>
      <c r="S10391" s="19"/>
      <c r="T10391" s="19"/>
      <c r="U10391" s="19"/>
      <c r="V10391" s="19"/>
      <c r="W10391" s="19"/>
      <c r="X10391" s="19"/>
      <c r="Y10391" s="19"/>
      <c r="Z10391" s="19"/>
      <c r="AA10391" s="19"/>
    </row>
    <row r="10392" spans="1:27" s="1" customFormat="1" ht="14.1" customHeight="1" outlineLevel="1" x14ac:dyDescent="0.2">
      <c r="A10392" s="17">
        <v>14163</v>
      </c>
      <c r="B10392" s="17"/>
      <c r="C10392" s="17"/>
      <c r="D10392" s="18" t="s">
        <v>5153</v>
      </c>
      <c r="E10392" s="18"/>
      <c r="F10392" s="18"/>
      <c r="G10392" s="18"/>
      <c r="H10392" s="18"/>
      <c r="I10392" s="18"/>
      <c r="J10392" s="18"/>
      <c r="K10392" s="18"/>
      <c r="L10392" s="18"/>
      <c r="M10392" s="18"/>
      <c r="N10392" s="18"/>
      <c r="O10392" s="18"/>
      <c r="P10392" s="19">
        <v>180</v>
      </c>
      <c r="Q10392" s="19"/>
      <c r="R10392" s="19"/>
      <c r="S10392" s="19"/>
      <c r="T10392" s="19">
        <v>140</v>
      </c>
      <c r="U10392" s="19"/>
      <c r="V10392" s="19"/>
      <c r="W10392" s="19"/>
      <c r="X10392" s="19">
        <v>8</v>
      </c>
      <c r="Y10392" s="19"/>
      <c r="Z10392" s="19"/>
      <c r="AA10392" s="19"/>
    </row>
    <row r="10393" spans="1:27" s="1" customFormat="1" ht="14.1" customHeight="1" outlineLevel="1" x14ac:dyDescent="0.2">
      <c r="A10393" s="17"/>
      <c r="B10393" s="17"/>
      <c r="C10393" s="17"/>
      <c r="D10393" s="18"/>
      <c r="E10393" s="18"/>
      <c r="F10393" s="18"/>
      <c r="G10393" s="18"/>
      <c r="H10393" s="18"/>
      <c r="I10393" s="18"/>
      <c r="J10393" s="18"/>
      <c r="K10393" s="18"/>
      <c r="L10393" s="18"/>
      <c r="M10393" s="18"/>
      <c r="N10393" s="18"/>
      <c r="O10393" s="18"/>
      <c r="P10393" s="19"/>
      <c r="Q10393" s="19"/>
      <c r="R10393" s="19"/>
      <c r="S10393" s="19"/>
      <c r="T10393" s="19"/>
      <c r="U10393" s="19"/>
      <c r="V10393" s="19"/>
      <c r="W10393" s="19"/>
      <c r="X10393" s="19"/>
      <c r="Y10393" s="19"/>
      <c r="Z10393" s="19"/>
      <c r="AA10393" s="19"/>
    </row>
    <row r="10394" spans="1:27" s="1" customFormat="1" ht="14.1" customHeight="1" outlineLevel="1" x14ac:dyDescent="0.2">
      <c r="A10394" s="17">
        <v>14143</v>
      </c>
      <c r="B10394" s="17"/>
      <c r="C10394" s="17"/>
      <c r="D10394" s="18" t="s">
        <v>5154</v>
      </c>
      <c r="E10394" s="18"/>
      <c r="F10394" s="18"/>
      <c r="G10394" s="18"/>
      <c r="H10394" s="18"/>
      <c r="I10394" s="18"/>
      <c r="J10394" s="18"/>
      <c r="K10394" s="18"/>
      <c r="L10394" s="18"/>
      <c r="M10394" s="18"/>
      <c r="N10394" s="18"/>
      <c r="O10394" s="18"/>
      <c r="P10394" s="19">
        <v>210</v>
      </c>
      <c r="Q10394" s="19"/>
      <c r="R10394" s="19"/>
      <c r="S10394" s="19"/>
      <c r="T10394" s="19">
        <v>160</v>
      </c>
      <c r="U10394" s="19"/>
      <c r="V10394" s="19"/>
      <c r="W10394" s="19"/>
      <c r="X10394" s="19">
        <v>10</v>
      </c>
      <c r="Y10394" s="19"/>
      <c r="Z10394" s="19"/>
      <c r="AA10394" s="19"/>
    </row>
    <row r="10395" spans="1:27" s="1" customFormat="1" ht="14.1" customHeight="1" outlineLevel="1" x14ac:dyDescent="0.2">
      <c r="A10395" s="17"/>
      <c r="B10395" s="17"/>
      <c r="C10395" s="17"/>
      <c r="D10395" s="18"/>
      <c r="E10395" s="18"/>
      <c r="F10395" s="18"/>
      <c r="G10395" s="18"/>
      <c r="H10395" s="18"/>
      <c r="I10395" s="18"/>
      <c r="J10395" s="18"/>
      <c r="K10395" s="18"/>
      <c r="L10395" s="18"/>
      <c r="M10395" s="18"/>
      <c r="N10395" s="18"/>
      <c r="O10395" s="18"/>
      <c r="P10395" s="19"/>
      <c r="Q10395" s="19"/>
      <c r="R10395" s="19"/>
      <c r="S10395" s="19"/>
      <c r="T10395" s="19"/>
      <c r="U10395" s="19"/>
      <c r="V10395" s="19"/>
      <c r="W10395" s="19"/>
      <c r="X10395" s="19"/>
      <c r="Y10395" s="19"/>
      <c r="Z10395" s="19"/>
      <c r="AA10395" s="19"/>
    </row>
    <row r="10396" spans="1:27" s="1" customFormat="1" ht="14.1" customHeight="1" outlineLevel="1" x14ac:dyDescent="0.2">
      <c r="A10396" s="17">
        <v>11746</v>
      </c>
      <c r="B10396" s="17"/>
      <c r="C10396" s="17"/>
      <c r="D10396" s="18" t="s">
        <v>5155</v>
      </c>
      <c r="E10396" s="18"/>
      <c r="F10396" s="18"/>
      <c r="G10396" s="18"/>
      <c r="H10396" s="18"/>
      <c r="I10396" s="18"/>
      <c r="J10396" s="18"/>
      <c r="K10396" s="18"/>
      <c r="L10396" s="18"/>
      <c r="M10396" s="18"/>
      <c r="N10396" s="18"/>
      <c r="O10396" s="18"/>
      <c r="P10396" s="19">
        <v>210</v>
      </c>
      <c r="Q10396" s="19"/>
      <c r="R10396" s="19"/>
      <c r="S10396" s="19"/>
      <c r="T10396" s="19">
        <v>160</v>
      </c>
      <c r="U10396" s="19"/>
      <c r="V10396" s="19"/>
      <c r="W10396" s="19"/>
      <c r="X10396" s="19">
        <v>6</v>
      </c>
      <c r="Y10396" s="19"/>
      <c r="Z10396" s="19"/>
      <c r="AA10396" s="19"/>
    </row>
    <row r="10397" spans="1:27" s="1" customFormat="1" ht="14.1" customHeight="1" outlineLevel="1" x14ac:dyDescent="0.2">
      <c r="A10397" s="17"/>
      <c r="B10397" s="17"/>
      <c r="C10397" s="17"/>
      <c r="D10397" s="18"/>
      <c r="E10397" s="18"/>
      <c r="F10397" s="18"/>
      <c r="G10397" s="18"/>
      <c r="H10397" s="18"/>
      <c r="I10397" s="18"/>
      <c r="J10397" s="18"/>
      <c r="K10397" s="18"/>
      <c r="L10397" s="18"/>
      <c r="M10397" s="18"/>
      <c r="N10397" s="18"/>
      <c r="O10397" s="18"/>
      <c r="P10397" s="19"/>
      <c r="Q10397" s="19"/>
      <c r="R10397" s="19"/>
      <c r="S10397" s="19"/>
      <c r="T10397" s="19"/>
      <c r="U10397" s="19"/>
      <c r="V10397" s="19"/>
      <c r="W10397" s="19"/>
      <c r="X10397" s="19"/>
      <c r="Y10397" s="19"/>
      <c r="Z10397" s="19"/>
      <c r="AA10397" s="19"/>
    </row>
    <row r="10398" spans="1:27" s="1" customFormat="1" ht="14.1" customHeight="1" outlineLevel="1" x14ac:dyDescent="0.2">
      <c r="A10398" s="17">
        <v>14144</v>
      </c>
      <c r="B10398" s="17"/>
      <c r="C10398" s="17"/>
      <c r="D10398" s="18" t="s">
        <v>5156</v>
      </c>
      <c r="E10398" s="18"/>
      <c r="F10398" s="18"/>
      <c r="G10398" s="18"/>
      <c r="H10398" s="18"/>
      <c r="I10398" s="18"/>
      <c r="J10398" s="18"/>
      <c r="K10398" s="18"/>
      <c r="L10398" s="18"/>
      <c r="M10398" s="18"/>
      <c r="N10398" s="18"/>
      <c r="O10398" s="18"/>
      <c r="P10398" s="19">
        <v>200</v>
      </c>
      <c r="Q10398" s="19"/>
      <c r="R10398" s="19"/>
      <c r="S10398" s="19"/>
      <c r="T10398" s="19">
        <v>160</v>
      </c>
      <c r="U10398" s="19"/>
      <c r="V10398" s="19"/>
      <c r="W10398" s="19"/>
      <c r="X10398" s="19">
        <v>7</v>
      </c>
      <c r="Y10398" s="19"/>
      <c r="Z10398" s="19"/>
      <c r="AA10398" s="19"/>
    </row>
    <row r="10399" spans="1:27" s="1" customFormat="1" ht="14.1" customHeight="1" outlineLevel="1" x14ac:dyDescent="0.2">
      <c r="A10399" s="17"/>
      <c r="B10399" s="17"/>
      <c r="C10399" s="17"/>
      <c r="D10399" s="18"/>
      <c r="E10399" s="18"/>
      <c r="F10399" s="18"/>
      <c r="G10399" s="18"/>
      <c r="H10399" s="18"/>
      <c r="I10399" s="18"/>
      <c r="J10399" s="18"/>
      <c r="K10399" s="18"/>
      <c r="L10399" s="18"/>
      <c r="M10399" s="18"/>
      <c r="N10399" s="18"/>
      <c r="O10399" s="18"/>
      <c r="P10399" s="19"/>
      <c r="Q10399" s="19"/>
      <c r="R10399" s="19"/>
      <c r="S10399" s="19"/>
      <c r="T10399" s="19"/>
      <c r="U10399" s="19"/>
      <c r="V10399" s="19"/>
      <c r="W10399" s="19"/>
      <c r="X10399" s="19"/>
      <c r="Y10399" s="19"/>
      <c r="Z10399" s="19"/>
      <c r="AA10399" s="19"/>
    </row>
    <row r="10400" spans="1:27" s="1" customFormat="1" ht="14.1" customHeight="1" outlineLevel="1" x14ac:dyDescent="0.2">
      <c r="A10400" s="17">
        <v>14138</v>
      </c>
      <c r="B10400" s="17"/>
      <c r="C10400" s="17"/>
      <c r="D10400" s="18" t="s">
        <v>5157</v>
      </c>
      <c r="E10400" s="18"/>
      <c r="F10400" s="18"/>
      <c r="G10400" s="18"/>
      <c r="H10400" s="18"/>
      <c r="I10400" s="18"/>
      <c r="J10400" s="18"/>
      <c r="K10400" s="18"/>
      <c r="L10400" s="18"/>
      <c r="M10400" s="18"/>
      <c r="N10400" s="18"/>
      <c r="O10400" s="18"/>
      <c r="P10400" s="19">
        <v>180</v>
      </c>
      <c r="Q10400" s="19"/>
      <c r="R10400" s="19"/>
      <c r="S10400" s="19"/>
      <c r="T10400" s="19">
        <v>140</v>
      </c>
      <c r="U10400" s="19"/>
      <c r="V10400" s="19"/>
      <c r="W10400" s="19"/>
      <c r="X10400" s="19">
        <v>20</v>
      </c>
      <c r="Y10400" s="19"/>
      <c r="Z10400" s="19"/>
      <c r="AA10400" s="19"/>
    </row>
    <row r="10401" spans="1:27" s="1" customFormat="1" ht="14.1" customHeight="1" outlineLevel="1" x14ac:dyDescent="0.2">
      <c r="A10401" s="17"/>
      <c r="B10401" s="17"/>
      <c r="C10401" s="17"/>
      <c r="D10401" s="18"/>
      <c r="E10401" s="18"/>
      <c r="F10401" s="18"/>
      <c r="G10401" s="18"/>
      <c r="H10401" s="18"/>
      <c r="I10401" s="18"/>
      <c r="J10401" s="18"/>
      <c r="K10401" s="18"/>
      <c r="L10401" s="18"/>
      <c r="M10401" s="18"/>
      <c r="N10401" s="18"/>
      <c r="O10401" s="18"/>
      <c r="P10401" s="19"/>
      <c r="Q10401" s="19"/>
      <c r="R10401" s="19"/>
      <c r="S10401" s="19"/>
      <c r="T10401" s="19"/>
      <c r="U10401" s="19"/>
      <c r="V10401" s="19"/>
      <c r="W10401" s="19"/>
      <c r="X10401" s="19"/>
      <c r="Y10401" s="19"/>
      <c r="Z10401" s="19"/>
      <c r="AA10401" s="19"/>
    </row>
    <row r="10402" spans="1:27" s="1" customFormat="1" ht="14.1" customHeight="1" outlineLevel="1" x14ac:dyDescent="0.2">
      <c r="A10402" s="17">
        <v>14139</v>
      </c>
      <c r="B10402" s="17"/>
      <c r="C10402" s="17"/>
      <c r="D10402" s="18" t="s">
        <v>5158</v>
      </c>
      <c r="E10402" s="18"/>
      <c r="F10402" s="18"/>
      <c r="G10402" s="18"/>
      <c r="H10402" s="18"/>
      <c r="I10402" s="18"/>
      <c r="J10402" s="18"/>
      <c r="K10402" s="18"/>
      <c r="L10402" s="18"/>
      <c r="M10402" s="18"/>
      <c r="N10402" s="18"/>
      <c r="O10402" s="18"/>
      <c r="P10402" s="19">
        <v>190</v>
      </c>
      <c r="Q10402" s="19"/>
      <c r="R10402" s="19"/>
      <c r="S10402" s="19"/>
      <c r="T10402" s="19">
        <v>150</v>
      </c>
      <c r="U10402" s="19"/>
      <c r="V10402" s="19"/>
      <c r="W10402" s="19"/>
      <c r="X10402" s="19">
        <v>10</v>
      </c>
      <c r="Y10402" s="19"/>
      <c r="Z10402" s="19"/>
      <c r="AA10402" s="19"/>
    </row>
    <row r="10403" spans="1:27" s="1" customFormat="1" ht="14.1" customHeight="1" outlineLevel="1" x14ac:dyDescent="0.2">
      <c r="A10403" s="17"/>
      <c r="B10403" s="17"/>
      <c r="C10403" s="17"/>
      <c r="D10403" s="18"/>
      <c r="E10403" s="18"/>
      <c r="F10403" s="18"/>
      <c r="G10403" s="18"/>
      <c r="H10403" s="18"/>
      <c r="I10403" s="18"/>
      <c r="J10403" s="18"/>
      <c r="K10403" s="18"/>
      <c r="L10403" s="18"/>
      <c r="M10403" s="18"/>
      <c r="N10403" s="18"/>
      <c r="O10403" s="18"/>
      <c r="P10403" s="19"/>
      <c r="Q10403" s="19"/>
      <c r="R10403" s="19"/>
      <c r="S10403" s="19"/>
      <c r="T10403" s="19"/>
      <c r="U10403" s="19"/>
      <c r="V10403" s="19"/>
      <c r="W10403" s="19"/>
      <c r="X10403" s="19"/>
      <c r="Y10403" s="19"/>
      <c r="Z10403" s="19"/>
      <c r="AA10403" s="19"/>
    </row>
    <row r="10404" spans="1:27" s="1" customFormat="1" ht="11.1" customHeight="1" outlineLevel="1" x14ac:dyDescent="0.2">
      <c r="A10404" s="17">
        <v>9652</v>
      </c>
      <c r="B10404" s="17"/>
      <c r="C10404" s="17"/>
      <c r="D10404" s="18" t="s">
        <v>5159</v>
      </c>
      <c r="E10404" s="18"/>
      <c r="F10404" s="18"/>
      <c r="G10404" s="18"/>
      <c r="H10404" s="18"/>
      <c r="I10404" s="18"/>
      <c r="J10404" s="18"/>
      <c r="K10404" s="18"/>
      <c r="L10404" s="18"/>
      <c r="M10404" s="18"/>
      <c r="N10404" s="18"/>
      <c r="O10404" s="18"/>
      <c r="P10404" s="19">
        <v>130</v>
      </c>
      <c r="Q10404" s="19"/>
      <c r="R10404" s="19"/>
      <c r="S10404" s="19"/>
      <c r="T10404" s="19">
        <v>75</v>
      </c>
      <c r="U10404" s="19"/>
      <c r="V10404" s="19"/>
      <c r="W10404" s="19"/>
      <c r="X10404" s="19">
        <v>1</v>
      </c>
      <c r="Y10404" s="19"/>
      <c r="Z10404" s="19"/>
      <c r="AA10404" s="19"/>
    </row>
    <row r="10405" spans="1:27" s="1" customFormat="1" ht="11.1" customHeight="1" outlineLevel="1" x14ac:dyDescent="0.2">
      <c r="A10405" s="17"/>
      <c r="B10405" s="17"/>
      <c r="C10405" s="17"/>
      <c r="D10405" s="18"/>
      <c r="E10405" s="18"/>
      <c r="F10405" s="18"/>
      <c r="G10405" s="18"/>
      <c r="H10405" s="18"/>
      <c r="I10405" s="18"/>
      <c r="J10405" s="18"/>
      <c r="K10405" s="18"/>
      <c r="L10405" s="18"/>
      <c r="M10405" s="18"/>
      <c r="N10405" s="18"/>
      <c r="O10405" s="18"/>
      <c r="P10405" s="19"/>
      <c r="Q10405" s="19"/>
      <c r="R10405" s="19"/>
      <c r="S10405" s="19"/>
      <c r="T10405" s="19"/>
      <c r="U10405" s="19"/>
      <c r="V10405" s="19"/>
      <c r="W10405" s="19"/>
      <c r="X10405" s="19"/>
      <c r="Y10405" s="19"/>
      <c r="Z10405" s="19"/>
      <c r="AA10405" s="19"/>
    </row>
    <row r="10406" spans="1:27" s="1" customFormat="1" ht="14.1" customHeight="1" outlineLevel="1" x14ac:dyDescent="0.2">
      <c r="A10406" s="17">
        <v>14146</v>
      </c>
      <c r="B10406" s="17"/>
      <c r="C10406" s="17"/>
      <c r="D10406" s="18" t="s">
        <v>5160</v>
      </c>
      <c r="E10406" s="18"/>
      <c r="F10406" s="18"/>
      <c r="G10406" s="18"/>
      <c r="H10406" s="18"/>
      <c r="I10406" s="18"/>
      <c r="J10406" s="18"/>
      <c r="K10406" s="18"/>
      <c r="L10406" s="18"/>
      <c r="M10406" s="18"/>
      <c r="N10406" s="18"/>
      <c r="O10406" s="18"/>
      <c r="P10406" s="19">
        <v>180</v>
      </c>
      <c r="Q10406" s="19"/>
      <c r="R10406" s="19"/>
      <c r="S10406" s="19"/>
      <c r="T10406" s="19">
        <v>140</v>
      </c>
      <c r="U10406" s="19"/>
      <c r="V10406" s="19"/>
      <c r="W10406" s="19"/>
      <c r="X10406" s="19">
        <v>10</v>
      </c>
      <c r="Y10406" s="19"/>
      <c r="Z10406" s="19"/>
      <c r="AA10406" s="19"/>
    </row>
    <row r="10407" spans="1:27" s="1" customFormat="1" ht="14.1" customHeight="1" outlineLevel="1" x14ac:dyDescent="0.2">
      <c r="A10407" s="17"/>
      <c r="B10407" s="17"/>
      <c r="C10407" s="17"/>
      <c r="D10407" s="18"/>
      <c r="E10407" s="18"/>
      <c r="F10407" s="18"/>
      <c r="G10407" s="18"/>
      <c r="H10407" s="18"/>
      <c r="I10407" s="18"/>
      <c r="J10407" s="18"/>
      <c r="K10407" s="18"/>
      <c r="L10407" s="18"/>
      <c r="M10407" s="18"/>
      <c r="N10407" s="18"/>
      <c r="O10407" s="18"/>
      <c r="P10407" s="19"/>
      <c r="Q10407" s="19"/>
      <c r="R10407" s="19"/>
      <c r="S10407" s="19"/>
      <c r="T10407" s="19"/>
      <c r="U10407" s="19"/>
      <c r="V10407" s="19"/>
      <c r="W10407" s="19"/>
      <c r="X10407" s="19"/>
      <c r="Y10407" s="19"/>
      <c r="Z10407" s="19"/>
      <c r="AA10407" s="19"/>
    </row>
    <row r="10408" spans="1:27" s="1" customFormat="1" ht="14.1" customHeight="1" outlineLevel="1" x14ac:dyDescent="0.2">
      <c r="A10408" s="17">
        <v>14145</v>
      </c>
      <c r="B10408" s="17"/>
      <c r="C10408" s="17"/>
      <c r="D10408" s="18" t="s">
        <v>5161</v>
      </c>
      <c r="E10408" s="18"/>
      <c r="F10408" s="18"/>
      <c r="G10408" s="18"/>
      <c r="H10408" s="18"/>
      <c r="I10408" s="18"/>
      <c r="J10408" s="18"/>
      <c r="K10408" s="18"/>
      <c r="L10408" s="18"/>
      <c r="M10408" s="18"/>
      <c r="N10408" s="18"/>
      <c r="O10408" s="18"/>
      <c r="P10408" s="19">
        <v>180</v>
      </c>
      <c r="Q10408" s="19"/>
      <c r="R10408" s="19"/>
      <c r="S10408" s="19"/>
      <c r="T10408" s="19">
        <v>140</v>
      </c>
      <c r="U10408" s="19"/>
      <c r="V10408" s="19"/>
      <c r="W10408" s="19"/>
      <c r="X10408" s="19">
        <v>20</v>
      </c>
      <c r="Y10408" s="19"/>
      <c r="Z10408" s="19"/>
      <c r="AA10408" s="19"/>
    </row>
    <row r="10409" spans="1:27" s="1" customFormat="1" ht="14.1" customHeight="1" outlineLevel="1" x14ac:dyDescent="0.2">
      <c r="A10409" s="17"/>
      <c r="B10409" s="17"/>
      <c r="C10409" s="17"/>
      <c r="D10409" s="18"/>
      <c r="E10409" s="18"/>
      <c r="F10409" s="18"/>
      <c r="G10409" s="18"/>
      <c r="H10409" s="18"/>
      <c r="I10409" s="18"/>
      <c r="J10409" s="18"/>
      <c r="K10409" s="18"/>
      <c r="L10409" s="18"/>
      <c r="M10409" s="18"/>
      <c r="N10409" s="18"/>
      <c r="O10409" s="18"/>
      <c r="P10409" s="19"/>
      <c r="Q10409" s="19"/>
      <c r="R10409" s="19"/>
      <c r="S10409" s="19"/>
      <c r="T10409" s="19"/>
      <c r="U10409" s="19"/>
      <c r="V10409" s="19"/>
      <c r="W10409" s="19"/>
      <c r="X10409" s="19"/>
      <c r="Y10409" s="19"/>
      <c r="Z10409" s="19"/>
      <c r="AA10409" s="19"/>
    </row>
    <row r="10410" spans="1:27" s="1" customFormat="1" ht="14.1" customHeight="1" outlineLevel="1" x14ac:dyDescent="0.2">
      <c r="A10410" s="17">
        <v>14147</v>
      </c>
      <c r="B10410" s="17"/>
      <c r="C10410" s="17"/>
      <c r="D10410" s="18" t="s">
        <v>5162</v>
      </c>
      <c r="E10410" s="18"/>
      <c r="F10410" s="18"/>
      <c r="G10410" s="18"/>
      <c r="H10410" s="18"/>
      <c r="I10410" s="18"/>
      <c r="J10410" s="18"/>
      <c r="K10410" s="18"/>
      <c r="L10410" s="18"/>
      <c r="M10410" s="18"/>
      <c r="N10410" s="18"/>
      <c r="O10410" s="18"/>
      <c r="P10410" s="19">
        <v>170</v>
      </c>
      <c r="Q10410" s="19"/>
      <c r="R10410" s="19"/>
      <c r="S10410" s="19"/>
      <c r="T10410" s="19">
        <v>130</v>
      </c>
      <c r="U10410" s="19"/>
      <c r="V10410" s="19"/>
      <c r="W10410" s="19"/>
      <c r="X10410" s="19">
        <v>10</v>
      </c>
      <c r="Y10410" s="19"/>
      <c r="Z10410" s="19"/>
      <c r="AA10410" s="19"/>
    </row>
    <row r="10411" spans="1:27" s="1" customFormat="1" ht="14.1" customHeight="1" outlineLevel="1" x14ac:dyDescent="0.2">
      <c r="A10411" s="17"/>
      <c r="B10411" s="17"/>
      <c r="C10411" s="17"/>
      <c r="D10411" s="18"/>
      <c r="E10411" s="18"/>
      <c r="F10411" s="18"/>
      <c r="G10411" s="18"/>
      <c r="H10411" s="18"/>
      <c r="I10411" s="18"/>
      <c r="J10411" s="18"/>
      <c r="K10411" s="18"/>
      <c r="L10411" s="18"/>
      <c r="M10411" s="18"/>
      <c r="N10411" s="18"/>
      <c r="O10411" s="18"/>
      <c r="P10411" s="19"/>
      <c r="Q10411" s="19"/>
      <c r="R10411" s="19"/>
      <c r="S10411" s="19"/>
      <c r="T10411" s="19"/>
      <c r="U10411" s="19"/>
      <c r="V10411" s="19"/>
      <c r="W10411" s="19"/>
      <c r="X10411" s="19"/>
      <c r="Y10411" s="19"/>
      <c r="Z10411" s="19"/>
      <c r="AA10411" s="19"/>
    </row>
    <row r="10412" spans="1:27" s="1" customFormat="1" ht="14.1" customHeight="1" outlineLevel="1" x14ac:dyDescent="0.2">
      <c r="A10412" s="17">
        <v>14148</v>
      </c>
      <c r="B10412" s="17"/>
      <c r="C10412" s="17"/>
      <c r="D10412" s="18" t="s">
        <v>5163</v>
      </c>
      <c r="E10412" s="18"/>
      <c r="F10412" s="18"/>
      <c r="G10412" s="18"/>
      <c r="H10412" s="18"/>
      <c r="I10412" s="18"/>
      <c r="J10412" s="18"/>
      <c r="K10412" s="18"/>
      <c r="L10412" s="18"/>
      <c r="M10412" s="18"/>
      <c r="N10412" s="18"/>
      <c r="O10412" s="18"/>
      <c r="P10412" s="19">
        <v>170</v>
      </c>
      <c r="Q10412" s="19"/>
      <c r="R10412" s="19"/>
      <c r="S10412" s="19"/>
      <c r="T10412" s="19">
        <v>130</v>
      </c>
      <c r="U10412" s="19"/>
      <c r="V10412" s="19"/>
      <c r="W10412" s="19"/>
      <c r="X10412" s="19">
        <v>20</v>
      </c>
      <c r="Y10412" s="19"/>
      <c r="Z10412" s="19"/>
      <c r="AA10412" s="19"/>
    </row>
    <row r="10413" spans="1:27" s="1" customFormat="1" ht="14.1" customHeight="1" outlineLevel="1" x14ac:dyDescent="0.2">
      <c r="A10413" s="17"/>
      <c r="B10413" s="17"/>
      <c r="C10413" s="17"/>
      <c r="D10413" s="18"/>
      <c r="E10413" s="18"/>
      <c r="F10413" s="18"/>
      <c r="G10413" s="18"/>
      <c r="H10413" s="18"/>
      <c r="I10413" s="18"/>
      <c r="J10413" s="18"/>
      <c r="K10413" s="18"/>
      <c r="L10413" s="18"/>
      <c r="M10413" s="18"/>
      <c r="N10413" s="18"/>
      <c r="O10413" s="18"/>
      <c r="P10413" s="19"/>
      <c r="Q10413" s="19"/>
      <c r="R10413" s="19"/>
      <c r="S10413" s="19"/>
      <c r="T10413" s="19"/>
      <c r="U10413" s="19"/>
      <c r="V10413" s="19"/>
      <c r="W10413" s="19"/>
      <c r="X10413" s="19"/>
      <c r="Y10413" s="19"/>
      <c r="Z10413" s="19"/>
      <c r="AA10413" s="19"/>
    </row>
    <row r="10414" spans="1:27" s="1" customFormat="1" ht="14.1" customHeight="1" outlineLevel="1" x14ac:dyDescent="0.2">
      <c r="A10414" s="17">
        <v>15107</v>
      </c>
      <c r="B10414" s="17"/>
      <c r="C10414" s="17"/>
      <c r="D10414" s="18" t="s">
        <v>5164</v>
      </c>
      <c r="E10414" s="18"/>
      <c r="F10414" s="18"/>
      <c r="G10414" s="18"/>
      <c r="H10414" s="18"/>
      <c r="I10414" s="18"/>
      <c r="J10414" s="18"/>
      <c r="K10414" s="18"/>
      <c r="L10414" s="18"/>
      <c r="M10414" s="18"/>
      <c r="N10414" s="18"/>
      <c r="O10414" s="18"/>
      <c r="P10414" s="19">
        <v>450</v>
      </c>
      <c r="Q10414" s="19"/>
      <c r="R10414" s="19"/>
      <c r="S10414" s="19"/>
      <c r="T10414" s="19">
        <v>350</v>
      </c>
      <c r="U10414" s="19"/>
      <c r="V10414" s="19"/>
      <c r="W10414" s="19"/>
      <c r="X10414" s="19">
        <v>2</v>
      </c>
      <c r="Y10414" s="19"/>
      <c r="Z10414" s="19"/>
      <c r="AA10414" s="19"/>
    </row>
    <row r="10415" spans="1:27" s="1" customFormat="1" ht="14.1" customHeight="1" outlineLevel="1" x14ac:dyDescent="0.2">
      <c r="A10415" s="17"/>
      <c r="B10415" s="17"/>
      <c r="C10415" s="17"/>
      <c r="D10415" s="18"/>
      <c r="E10415" s="18"/>
      <c r="F10415" s="18"/>
      <c r="G10415" s="18"/>
      <c r="H10415" s="18"/>
      <c r="I10415" s="18"/>
      <c r="J10415" s="18"/>
      <c r="K10415" s="18"/>
      <c r="L10415" s="18"/>
      <c r="M10415" s="18"/>
      <c r="N10415" s="18"/>
      <c r="O10415" s="18"/>
      <c r="P10415" s="19"/>
      <c r="Q10415" s="19"/>
      <c r="R10415" s="19"/>
      <c r="S10415" s="19"/>
      <c r="T10415" s="19"/>
      <c r="U10415" s="19"/>
      <c r="V10415" s="19"/>
      <c r="W10415" s="19"/>
      <c r="X10415" s="19"/>
      <c r="Y10415" s="19"/>
      <c r="Z10415" s="19"/>
      <c r="AA10415" s="19"/>
    </row>
    <row r="10416" spans="1:27" s="1" customFormat="1" ht="14.1" customHeight="1" outlineLevel="1" x14ac:dyDescent="0.2">
      <c r="A10416" s="17">
        <v>14129</v>
      </c>
      <c r="B10416" s="17"/>
      <c r="C10416" s="17"/>
      <c r="D10416" s="18" t="s">
        <v>5165</v>
      </c>
      <c r="E10416" s="18"/>
      <c r="F10416" s="18"/>
      <c r="G10416" s="18"/>
      <c r="H10416" s="18"/>
      <c r="I10416" s="18"/>
      <c r="J10416" s="18"/>
      <c r="K10416" s="18"/>
      <c r="L10416" s="18"/>
      <c r="M10416" s="18"/>
      <c r="N10416" s="18"/>
      <c r="O10416" s="18"/>
      <c r="P10416" s="19">
        <v>170</v>
      </c>
      <c r="Q10416" s="19"/>
      <c r="R10416" s="19"/>
      <c r="S10416" s="19"/>
      <c r="T10416" s="19">
        <v>130</v>
      </c>
      <c r="U10416" s="19"/>
      <c r="V10416" s="19"/>
      <c r="W10416" s="19"/>
      <c r="X10416" s="19">
        <v>15</v>
      </c>
      <c r="Y10416" s="19"/>
      <c r="Z10416" s="19"/>
      <c r="AA10416" s="19"/>
    </row>
    <row r="10417" spans="1:27" s="1" customFormat="1" ht="14.1" customHeight="1" outlineLevel="1" x14ac:dyDescent="0.2">
      <c r="A10417" s="17"/>
      <c r="B10417" s="17"/>
      <c r="C10417" s="17"/>
      <c r="D10417" s="18"/>
      <c r="E10417" s="18"/>
      <c r="F10417" s="18"/>
      <c r="G10417" s="18"/>
      <c r="H10417" s="18"/>
      <c r="I10417" s="18"/>
      <c r="J10417" s="18"/>
      <c r="K10417" s="18"/>
      <c r="L10417" s="18"/>
      <c r="M10417" s="18"/>
      <c r="N10417" s="18"/>
      <c r="O10417" s="18"/>
      <c r="P10417" s="19"/>
      <c r="Q10417" s="19"/>
      <c r="R10417" s="19"/>
      <c r="S10417" s="19"/>
      <c r="T10417" s="19"/>
      <c r="U10417" s="19"/>
      <c r="V10417" s="19"/>
      <c r="W10417" s="19"/>
      <c r="X10417" s="19"/>
      <c r="Y10417" s="19"/>
      <c r="Z10417" s="19"/>
      <c r="AA10417" s="19"/>
    </row>
    <row r="10418" spans="1:27" s="1" customFormat="1" ht="14.1" customHeight="1" outlineLevel="1" x14ac:dyDescent="0.2">
      <c r="A10418" s="17">
        <v>14149</v>
      </c>
      <c r="B10418" s="17"/>
      <c r="C10418" s="17"/>
      <c r="D10418" s="18" t="s">
        <v>5166</v>
      </c>
      <c r="E10418" s="18"/>
      <c r="F10418" s="18"/>
      <c r="G10418" s="18"/>
      <c r="H10418" s="18"/>
      <c r="I10418" s="18"/>
      <c r="J10418" s="18"/>
      <c r="K10418" s="18"/>
      <c r="L10418" s="18"/>
      <c r="M10418" s="18"/>
      <c r="N10418" s="18"/>
      <c r="O10418" s="18"/>
      <c r="P10418" s="19">
        <v>210</v>
      </c>
      <c r="Q10418" s="19"/>
      <c r="R10418" s="19"/>
      <c r="S10418" s="19"/>
      <c r="T10418" s="19">
        <v>160</v>
      </c>
      <c r="U10418" s="19"/>
      <c r="V10418" s="19"/>
      <c r="W10418" s="19"/>
      <c r="X10418" s="19">
        <v>20</v>
      </c>
      <c r="Y10418" s="19"/>
      <c r="Z10418" s="19"/>
      <c r="AA10418" s="19"/>
    </row>
    <row r="10419" spans="1:27" s="1" customFormat="1" ht="14.1" customHeight="1" outlineLevel="1" x14ac:dyDescent="0.2">
      <c r="A10419" s="17"/>
      <c r="B10419" s="17"/>
      <c r="C10419" s="17"/>
      <c r="D10419" s="18"/>
      <c r="E10419" s="18"/>
      <c r="F10419" s="18"/>
      <c r="G10419" s="18"/>
      <c r="H10419" s="18"/>
      <c r="I10419" s="18"/>
      <c r="J10419" s="18"/>
      <c r="K10419" s="18"/>
      <c r="L10419" s="18"/>
      <c r="M10419" s="18"/>
      <c r="N10419" s="18"/>
      <c r="O10419" s="18"/>
      <c r="P10419" s="19"/>
      <c r="Q10419" s="19"/>
      <c r="R10419" s="19"/>
      <c r="S10419" s="19"/>
      <c r="T10419" s="19"/>
      <c r="U10419" s="19"/>
      <c r="V10419" s="19"/>
      <c r="W10419" s="19"/>
      <c r="X10419" s="19"/>
      <c r="Y10419" s="19"/>
      <c r="Z10419" s="19"/>
      <c r="AA10419" s="19"/>
    </row>
    <row r="10420" spans="1:27" s="1" customFormat="1" ht="14.1" customHeight="1" outlineLevel="1" x14ac:dyDescent="0.2">
      <c r="A10420" s="17">
        <v>14150</v>
      </c>
      <c r="B10420" s="17"/>
      <c r="C10420" s="17"/>
      <c r="D10420" s="18" t="s">
        <v>5167</v>
      </c>
      <c r="E10420" s="18"/>
      <c r="F10420" s="18"/>
      <c r="G10420" s="18"/>
      <c r="H10420" s="18"/>
      <c r="I10420" s="18"/>
      <c r="J10420" s="18"/>
      <c r="K10420" s="18"/>
      <c r="L10420" s="18"/>
      <c r="M10420" s="18"/>
      <c r="N10420" s="18"/>
      <c r="O10420" s="18"/>
      <c r="P10420" s="19">
        <v>180</v>
      </c>
      <c r="Q10420" s="19"/>
      <c r="R10420" s="19"/>
      <c r="S10420" s="19"/>
      <c r="T10420" s="19">
        <v>140</v>
      </c>
      <c r="U10420" s="19"/>
      <c r="V10420" s="19"/>
      <c r="W10420" s="19"/>
      <c r="X10420" s="19">
        <v>5</v>
      </c>
      <c r="Y10420" s="19"/>
      <c r="Z10420" s="19"/>
      <c r="AA10420" s="19"/>
    </row>
    <row r="10421" spans="1:27" s="1" customFormat="1" ht="14.1" customHeight="1" outlineLevel="1" x14ac:dyDescent="0.2">
      <c r="A10421" s="17"/>
      <c r="B10421" s="17"/>
      <c r="C10421" s="17"/>
      <c r="D10421" s="18"/>
      <c r="E10421" s="18"/>
      <c r="F10421" s="18"/>
      <c r="G10421" s="18"/>
      <c r="H10421" s="18"/>
      <c r="I10421" s="18"/>
      <c r="J10421" s="18"/>
      <c r="K10421" s="18"/>
      <c r="L10421" s="18"/>
      <c r="M10421" s="18"/>
      <c r="N10421" s="18"/>
      <c r="O10421" s="18"/>
      <c r="P10421" s="19"/>
      <c r="Q10421" s="19"/>
      <c r="R10421" s="19"/>
      <c r="S10421" s="19"/>
      <c r="T10421" s="19"/>
      <c r="U10421" s="19"/>
      <c r="V10421" s="19"/>
      <c r="W10421" s="19"/>
      <c r="X10421" s="19"/>
      <c r="Y10421" s="19"/>
      <c r="Z10421" s="19"/>
      <c r="AA10421" s="19"/>
    </row>
    <row r="10422" spans="1:27" s="1" customFormat="1" ht="14.1" customHeight="1" outlineLevel="1" x14ac:dyDescent="0.2">
      <c r="A10422" s="17">
        <v>16923</v>
      </c>
      <c r="B10422" s="17"/>
      <c r="C10422" s="17"/>
      <c r="D10422" s="18" t="s">
        <v>5168</v>
      </c>
      <c r="E10422" s="18"/>
      <c r="F10422" s="18"/>
      <c r="G10422" s="18"/>
      <c r="H10422" s="18"/>
      <c r="I10422" s="18"/>
      <c r="J10422" s="18"/>
      <c r="K10422" s="18"/>
      <c r="L10422" s="18"/>
      <c r="M10422" s="18"/>
      <c r="N10422" s="18"/>
      <c r="O10422" s="18"/>
      <c r="P10422" s="19">
        <v>590</v>
      </c>
      <c r="Q10422" s="19"/>
      <c r="R10422" s="19"/>
      <c r="S10422" s="19"/>
      <c r="T10422" s="19">
        <v>490</v>
      </c>
      <c r="U10422" s="19"/>
      <c r="V10422" s="19"/>
      <c r="W10422" s="19"/>
      <c r="X10422" s="19">
        <v>2</v>
      </c>
      <c r="Y10422" s="19"/>
      <c r="Z10422" s="19"/>
      <c r="AA10422" s="19"/>
    </row>
    <row r="10423" spans="1:27" s="1" customFormat="1" ht="14.1" customHeight="1" outlineLevel="1" x14ac:dyDescent="0.2">
      <c r="A10423" s="17"/>
      <c r="B10423" s="17"/>
      <c r="C10423" s="17"/>
      <c r="D10423" s="18"/>
      <c r="E10423" s="18"/>
      <c r="F10423" s="18"/>
      <c r="G10423" s="18"/>
      <c r="H10423" s="18"/>
      <c r="I10423" s="18"/>
      <c r="J10423" s="18"/>
      <c r="K10423" s="18"/>
      <c r="L10423" s="18"/>
      <c r="M10423" s="18"/>
      <c r="N10423" s="18"/>
      <c r="O10423" s="18"/>
      <c r="P10423" s="19"/>
      <c r="Q10423" s="19"/>
      <c r="R10423" s="19"/>
      <c r="S10423" s="19"/>
      <c r="T10423" s="19"/>
      <c r="U10423" s="19"/>
      <c r="V10423" s="19"/>
      <c r="W10423" s="19"/>
      <c r="X10423" s="19"/>
      <c r="Y10423" s="19"/>
      <c r="Z10423" s="19"/>
      <c r="AA10423" s="19"/>
    </row>
    <row r="10424" spans="1:27" s="1" customFormat="1" ht="14.1" customHeight="1" outlineLevel="1" x14ac:dyDescent="0.2">
      <c r="A10424" s="17">
        <v>14151</v>
      </c>
      <c r="B10424" s="17"/>
      <c r="C10424" s="17"/>
      <c r="D10424" s="18" t="s">
        <v>5169</v>
      </c>
      <c r="E10424" s="18"/>
      <c r="F10424" s="18"/>
      <c r="G10424" s="18"/>
      <c r="H10424" s="18"/>
      <c r="I10424" s="18"/>
      <c r="J10424" s="18"/>
      <c r="K10424" s="18"/>
      <c r="L10424" s="18"/>
      <c r="M10424" s="18"/>
      <c r="N10424" s="18"/>
      <c r="O10424" s="18"/>
      <c r="P10424" s="19">
        <v>310</v>
      </c>
      <c r="Q10424" s="19"/>
      <c r="R10424" s="19"/>
      <c r="S10424" s="19"/>
      <c r="T10424" s="19">
        <v>240</v>
      </c>
      <c r="U10424" s="19"/>
      <c r="V10424" s="19"/>
      <c r="W10424" s="19"/>
      <c r="X10424" s="19">
        <v>10</v>
      </c>
      <c r="Y10424" s="19"/>
      <c r="Z10424" s="19"/>
      <c r="AA10424" s="19"/>
    </row>
    <row r="10425" spans="1:27" s="1" customFormat="1" ht="14.1" customHeight="1" outlineLevel="1" x14ac:dyDescent="0.2">
      <c r="A10425" s="17"/>
      <c r="B10425" s="17"/>
      <c r="C10425" s="17"/>
      <c r="D10425" s="18"/>
      <c r="E10425" s="18"/>
      <c r="F10425" s="18"/>
      <c r="G10425" s="18"/>
      <c r="H10425" s="18"/>
      <c r="I10425" s="18"/>
      <c r="J10425" s="18"/>
      <c r="K10425" s="18"/>
      <c r="L10425" s="18"/>
      <c r="M10425" s="18"/>
      <c r="N10425" s="18"/>
      <c r="O10425" s="18"/>
      <c r="P10425" s="19"/>
      <c r="Q10425" s="19"/>
      <c r="R10425" s="19"/>
      <c r="S10425" s="19"/>
      <c r="T10425" s="19"/>
      <c r="U10425" s="19"/>
      <c r="V10425" s="19"/>
      <c r="W10425" s="19"/>
      <c r="X10425" s="19"/>
      <c r="Y10425" s="19"/>
      <c r="Z10425" s="19"/>
      <c r="AA10425" s="19"/>
    </row>
    <row r="10426" spans="1:27" s="1" customFormat="1" ht="14.1" customHeight="1" outlineLevel="1" x14ac:dyDescent="0.2">
      <c r="A10426" s="17">
        <v>14166</v>
      </c>
      <c r="B10426" s="17"/>
      <c r="C10426" s="17"/>
      <c r="D10426" s="18" t="s">
        <v>5170</v>
      </c>
      <c r="E10426" s="18"/>
      <c r="F10426" s="18"/>
      <c r="G10426" s="18"/>
      <c r="H10426" s="18"/>
      <c r="I10426" s="18"/>
      <c r="J10426" s="18"/>
      <c r="K10426" s="18"/>
      <c r="L10426" s="18"/>
      <c r="M10426" s="18"/>
      <c r="N10426" s="18"/>
      <c r="O10426" s="18"/>
      <c r="P10426" s="19">
        <v>170</v>
      </c>
      <c r="Q10426" s="19"/>
      <c r="R10426" s="19"/>
      <c r="S10426" s="19"/>
      <c r="T10426" s="19">
        <v>130</v>
      </c>
      <c r="U10426" s="19"/>
      <c r="V10426" s="19"/>
      <c r="W10426" s="19"/>
      <c r="X10426" s="19">
        <v>10</v>
      </c>
      <c r="Y10426" s="19"/>
      <c r="Z10426" s="19"/>
      <c r="AA10426" s="19"/>
    </row>
    <row r="10427" spans="1:27" s="1" customFormat="1" ht="14.1" customHeight="1" outlineLevel="1" x14ac:dyDescent="0.2">
      <c r="A10427" s="17"/>
      <c r="B10427" s="17"/>
      <c r="C10427" s="17"/>
      <c r="D10427" s="18"/>
      <c r="E10427" s="18"/>
      <c r="F10427" s="18"/>
      <c r="G10427" s="18"/>
      <c r="H10427" s="18"/>
      <c r="I10427" s="18"/>
      <c r="J10427" s="18"/>
      <c r="K10427" s="18"/>
      <c r="L10427" s="18"/>
      <c r="M10427" s="18"/>
      <c r="N10427" s="18"/>
      <c r="O10427" s="18"/>
      <c r="P10427" s="19"/>
      <c r="Q10427" s="19"/>
      <c r="R10427" s="19"/>
      <c r="S10427" s="19"/>
      <c r="T10427" s="19"/>
      <c r="U10427" s="19"/>
      <c r="V10427" s="19"/>
      <c r="W10427" s="19"/>
      <c r="X10427" s="19"/>
      <c r="Y10427" s="19"/>
      <c r="Z10427" s="19"/>
      <c r="AA10427" s="19"/>
    </row>
    <row r="10428" spans="1:27" s="1" customFormat="1" ht="14.1" customHeight="1" outlineLevel="1" x14ac:dyDescent="0.2">
      <c r="A10428" s="17">
        <v>14152</v>
      </c>
      <c r="B10428" s="17"/>
      <c r="C10428" s="17"/>
      <c r="D10428" s="18" t="s">
        <v>5171</v>
      </c>
      <c r="E10428" s="18"/>
      <c r="F10428" s="18"/>
      <c r="G10428" s="18"/>
      <c r="H10428" s="18"/>
      <c r="I10428" s="18"/>
      <c r="J10428" s="18"/>
      <c r="K10428" s="18"/>
      <c r="L10428" s="18"/>
      <c r="M10428" s="18"/>
      <c r="N10428" s="18"/>
      <c r="O10428" s="18"/>
      <c r="P10428" s="19">
        <v>170</v>
      </c>
      <c r="Q10428" s="19"/>
      <c r="R10428" s="19"/>
      <c r="S10428" s="19"/>
      <c r="T10428" s="19">
        <v>130</v>
      </c>
      <c r="U10428" s="19"/>
      <c r="V10428" s="19"/>
      <c r="W10428" s="19"/>
      <c r="X10428" s="19">
        <v>9</v>
      </c>
      <c r="Y10428" s="19"/>
      <c r="Z10428" s="19"/>
      <c r="AA10428" s="19"/>
    </row>
    <row r="10429" spans="1:27" s="1" customFormat="1" ht="14.1" customHeight="1" outlineLevel="1" x14ac:dyDescent="0.2">
      <c r="A10429" s="17"/>
      <c r="B10429" s="17"/>
      <c r="C10429" s="17"/>
      <c r="D10429" s="18"/>
      <c r="E10429" s="18"/>
      <c r="F10429" s="18"/>
      <c r="G10429" s="18"/>
      <c r="H10429" s="18"/>
      <c r="I10429" s="18"/>
      <c r="J10429" s="18"/>
      <c r="K10429" s="18"/>
      <c r="L10429" s="18"/>
      <c r="M10429" s="18"/>
      <c r="N10429" s="18"/>
      <c r="O10429" s="18"/>
      <c r="P10429" s="19"/>
      <c r="Q10429" s="19"/>
      <c r="R10429" s="19"/>
      <c r="S10429" s="19"/>
      <c r="T10429" s="19"/>
      <c r="U10429" s="19"/>
      <c r="V10429" s="19"/>
      <c r="W10429" s="19"/>
      <c r="X10429" s="19"/>
      <c r="Y10429" s="19"/>
      <c r="Z10429" s="19"/>
      <c r="AA10429" s="19"/>
    </row>
    <row r="10430" spans="1:27" s="1" customFormat="1" ht="14.1" customHeight="1" outlineLevel="1" x14ac:dyDescent="0.2">
      <c r="A10430" s="17">
        <v>14153</v>
      </c>
      <c r="B10430" s="17"/>
      <c r="C10430" s="17"/>
      <c r="D10430" s="18" t="s">
        <v>5172</v>
      </c>
      <c r="E10430" s="18"/>
      <c r="F10430" s="18"/>
      <c r="G10430" s="18"/>
      <c r="H10430" s="18"/>
      <c r="I10430" s="18"/>
      <c r="J10430" s="18"/>
      <c r="K10430" s="18"/>
      <c r="L10430" s="18"/>
      <c r="M10430" s="18"/>
      <c r="N10430" s="18"/>
      <c r="O10430" s="18"/>
      <c r="P10430" s="19">
        <v>235</v>
      </c>
      <c r="Q10430" s="19"/>
      <c r="R10430" s="19"/>
      <c r="S10430" s="19"/>
      <c r="T10430" s="19">
        <v>180</v>
      </c>
      <c r="U10430" s="19"/>
      <c r="V10430" s="19"/>
      <c r="W10430" s="19"/>
      <c r="X10430" s="19">
        <v>7</v>
      </c>
      <c r="Y10430" s="19"/>
      <c r="Z10430" s="19"/>
      <c r="AA10430" s="19"/>
    </row>
    <row r="10431" spans="1:27" s="1" customFormat="1" ht="14.1" customHeight="1" outlineLevel="1" x14ac:dyDescent="0.2">
      <c r="A10431" s="17"/>
      <c r="B10431" s="17"/>
      <c r="C10431" s="17"/>
      <c r="D10431" s="18"/>
      <c r="E10431" s="18"/>
      <c r="F10431" s="18"/>
      <c r="G10431" s="18"/>
      <c r="H10431" s="18"/>
      <c r="I10431" s="18"/>
      <c r="J10431" s="18"/>
      <c r="K10431" s="18"/>
      <c r="L10431" s="18"/>
      <c r="M10431" s="18"/>
      <c r="N10431" s="18"/>
      <c r="O10431" s="18"/>
      <c r="P10431" s="19"/>
      <c r="Q10431" s="19"/>
      <c r="R10431" s="19"/>
      <c r="S10431" s="19"/>
      <c r="T10431" s="19"/>
      <c r="U10431" s="19"/>
      <c r="V10431" s="19"/>
      <c r="W10431" s="19"/>
      <c r="X10431" s="19"/>
      <c r="Y10431" s="19"/>
      <c r="Z10431" s="19"/>
      <c r="AA10431" s="19"/>
    </row>
    <row r="10432" spans="1:27" s="1" customFormat="1" ht="14.1" customHeight="1" outlineLevel="1" x14ac:dyDescent="0.2">
      <c r="A10432" s="17">
        <v>15793</v>
      </c>
      <c r="B10432" s="17"/>
      <c r="C10432" s="17"/>
      <c r="D10432" s="18" t="s">
        <v>5173</v>
      </c>
      <c r="E10432" s="18"/>
      <c r="F10432" s="18"/>
      <c r="G10432" s="18"/>
      <c r="H10432" s="18"/>
      <c r="I10432" s="18"/>
      <c r="J10432" s="18"/>
      <c r="K10432" s="18"/>
      <c r="L10432" s="18"/>
      <c r="M10432" s="18"/>
      <c r="N10432" s="18"/>
      <c r="O10432" s="18"/>
      <c r="P10432" s="19">
        <v>530</v>
      </c>
      <c r="Q10432" s="19"/>
      <c r="R10432" s="19"/>
      <c r="S10432" s="19"/>
      <c r="T10432" s="19">
        <v>450</v>
      </c>
      <c r="U10432" s="19"/>
      <c r="V10432" s="19"/>
      <c r="W10432" s="19"/>
      <c r="X10432" s="19">
        <v>1</v>
      </c>
      <c r="Y10432" s="19"/>
      <c r="Z10432" s="19"/>
      <c r="AA10432" s="19"/>
    </row>
    <row r="10433" spans="1:27" s="1" customFormat="1" ht="14.1" customHeight="1" outlineLevel="1" x14ac:dyDescent="0.2">
      <c r="A10433" s="17"/>
      <c r="B10433" s="17"/>
      <c r="C10433" s="17"/>
      <c r="D10433" s="18"/>
      <c r="E10433" s="18"/>
      <c r="F10433" s="18"/>
      <c r="G10433" s="18"/>
      <c r="H10433" s="18"/>
      <c r="I10433" s="18"/>
      <c r="J10433" s="18"/>
      <c r="K10433" s="18"/>
      <c r="L10433" s="18"/>
      <c r="M10433" s="18"/>
      <c r="N10433" s="18"/>
      <c r="O10433" s="18"/>
      <c r="P10433" s="19"/>
      <c r="Q10433" s="19"/>
      <c r="R10433" s="19"/>
      <c r="S10433" s="19"/>
      <c r="T10433" s="19"/>
      <c r="U10433" s="19"/>
      <c r="V10433" s="19"/>
      <c r="W10433" s="19"/>
      <c r="X10433" s="19"/>
      <c r="Y10433" s="19"/>
      <c r="Z10433" s="19"/>
      <c r="AA10433" s="19"/>
    </row>
    <row r="10434" spans="1:27" s="1" customFormat="1" ht="14.1" customHeight="1" outlineLevel="1" x14ac:dyDescent="0.2">
      <c r="A10434" s="17">
        <v>18131</v>
      </c>
      <c r="B10434" s="17"/>
      <c r="C10434" s="17"/>
      <c r="D10434" s="18" t="s">
        <v>5174</v>
      </c>
      <c r="E10434" s="18"/>
      <c r="F10434" s="18"/>
      <c r="G10434" s="18"/>
      <c r="H10434" s="18"/>
      <c r="I10434" s="18"/>
      <c r="J10434" s="18"/>
      <c r="K10434" s="18"/>
      <c r="L10434" s="18"/>
      <c r="M10434" s="18"/>
      <c r="N10434" s="18"/>
      <c r="O10434" s="18"/>
      <c r="P10434" s="19">
        <v>450</v>
      </c>
      <c r="Q10434" s="19"/>
      <c r="R10434" s="19"/>
      <c r="S10434" s="19"/>
      <c r="T10434" s="19">
        <v>350</v>
      </c>
      <c r="U10434" s="19"/>
      <c r="V10434" s="19"/>
      <c r="W10434" s="19"/>
      <c r="X10434" s="19">
        <v>2</v>
      </c>
      <c r="Y10434" s="19"/>
      <c r="Z10434" s="19"/>
      <c r="AA10434" s="19"/>
    </row>
    <row r="10435" spans="1:27" s="1" customFormat="1" ht="14.1" customHeight="1" outlineLevel="1" x14ac:dyDescent="0.2">
      <c r="A10435" s="17"/>
      <c r="B10435" s="17"/>
      <c r="C10435" s="17"/>
      <c r="D10435" s="18"/>
      <c r="E10435" s="18"/>
      <c r="F10435" s="18"/>
      <c r="G10435" s="18"/>
      <c r="H10435" s="18"/>
      <c r="I10435" s="18"/>
      <c r="J10435" s="18"/>
      <c r="K10435" s="18"/>
      <c r="L10435" s="18"/>
      <c r="M10435" s="18"/>
      <c r="N10435" s="18"/>
      <c r="O10435" s="18"/>
      <c r="P10435" s="19"/>
      <c r="Q10435" s="19"/>
      <c r="R10435" s="19"/>
      <c r="S10435" s="19"/>
      <c r="T10435" s="19"/>
      <c r="U10435" s="19"/>
      <c r="V10435" s="19"/>
      <c r="W10435" s="19"/>
      <c r="X10435" s="19"/>
      <c r="Y10435" s="19"/>
      <c r="Z10435" s="19"/>
      <c r="AA10435" s="19"/>
    </row>
    <row r="10436" spans="1:27" s="1" customFormat="1" ht="14.1" customHeight="1" outlineLevel="1" x14ac:dyDescent="0.2">
      <c r="A10436" s="17">
        <v>14154</v>
      </c>
      <c r="B10436" s="17"/>
      <c r="C10436" s="17"/>
      <c r="D10436" s="18" t="s">
        <v>5175</v>
      </c>
      <c r="E10436" s="18"/>
      <c r="F10436" s="18"/>
      <c r="G10436" s="18"/>
      <c r="H10436" s="18"/>
      <c r="I10436" s="18"/>
      <c r="J10436" s="18"/>
      <c r="K10436" s="18"/>
      <c r="L10436" s="18"/>
      <c r="M10436" s="18"/>
      <c r="N10436" s="18"/>
      <c r="O10436" s="18"/>
      <c r="P10436" s="19">
        <v>170</v>
      </c>
      <c r="Q10436" s="19"/>
      <c r="R10436" s="19"/>
      <c r="S10436" s="19"/>
      <c r="T10436" s="19">
        <v>130</v>
      </c>
      <c r="U10436" s="19"/>
      <c r="V10436" s="19"/>
      <c r="W10436" s="19"/>
      <c r="X10436" s="19">
        <v>10</v>
      </c>
      <c r="Y10436" s="19"/>
      <c r="Z10436" s="19"/>
      <c r="AA10436" s="19"/>
    </row>
    <row r="10437" spans="1:27" s="1" customFormat="1" ht="14.1" customHeight="1" outlineLevel="1" x14ac:dyDescent="0.2">
      <c r="A10437" s="17"/>
      <c r="B10437" s="17"/>
      <c r="C10437" s="17"/>
      <c r="D10437" s="18"/>
      <c r="E10437" s="18"/>
      <c r="F10437" s="18"/>
      <c r="G10437" s="18"/>
      <c r="H10437" s="18"/>
      <c r="I10437" s="18"/>
      <c r="J10437" s="18"/>
      <c r="K10437" s="18"/>
      <c r="L10437" s="18"/>
      <c r="M10437" s="18"/>
      <c r="N10437" s="18"/>
      <c r="O10437" s="18"/>
      <c r="P10437" s="19"/>
      <c r="Q10437" s="19"/>
      <c r="R10437" s="19"/>
      <c r="S10437" s="19"/>
      <c r="T10437" s="19"/>
      <c r="U10437" s="19"/>
      <c r="V10437" s="19"/>
      <c r="W10437" s="19"/>
      <c r="X10437" s="19"/>
      <c r="Y10437" s="19"/>
      <c r="Z10437" s="19"/>
      <c r="AA10437" s="19"/>
    </row>
    <row r="10438" spans="1:27" s="1" customFormat="1" ht="14.1" customHeight="1" outlineLevel="1" x14ac:dyDescent="0.2">
      <c r="A10438" s="17">
        <v>11162</v>
      </c>
      <c r="B10438" s="17"/>
      <c r="C10438" s="17"/>
      <c r="D10438" s="18" t="s">
        <v>5176</v>
      </c>
      <c r="E10438" s="18"/>
      <c r="F10438" s="18"/>
      <c r="G10438" s="18"/>
      <c r="H10438" s="18"/>
      <c r="I10438" s="18"/>
      <c r="J10438" s="18"/>
      <c r="K10438" s="18"/>
      <c r="L10438" s="18"/>
      <c r="M10438" s="18"/>
      <c r="N10438" s="18"/>
      <c r="O10438" s="18"/>
      <c r="P10438" s="19">
        <v>160</v>
      </c>
      <c r="Q10438" s="19"/>
      <c r="R10438" s="19"/>
      <c r="S10438" s="19"/>
      <c r="T10438" s="19">
        <v>120</v>
      </c>
      <c r="U10438" s="19"/>
      <c r="V10438" s="19"/>
      <c r="W10438" s="19"/>
      <c r="X10438" s="19">
        <v>10</v>
      </c>
      <c r="Y10438" s="19"/>
      <c r="Z10438" s="19"/>
      <c r="AA10438" s="19"/>
    </row>
    <row r="10439" spans="1:27" s="1" customFormat="1" ht="14.1" customHeight="1" outlineLevel="1" x14ac:dyDescent="0.2">
      <c r="A10439" s="17"/>
      <c r="B10439" s="17"/>
      <c r="C10439" s="17"/>
      <c r="D10439" s="18"/>
      <c r="E10439" s="18"/>
      <c r="F10439" s="18"/>
      <c r="G10439" s="18"/>
      <c r="H10439" s="18"/>
      <c r="I10439" s="18"/>
      <c r="J10439" s="18"/>
      <c r="K10439" s="18"/>
      <c r="L10439" s="18"/>
      <c r="M10439" s="18"/>
      <c r="N10439" s="18"/>
      <c r="O10439" s="18"/>
      <c r="P10439" s="19"/>
      <c r="Q10439" s="19"/>
      <c r="R10439" s="19"/>
      <c r="S10439" s="19"/>
      <c r="T10439" s="19"/>
      <c r="U10439" s="19"/>
      <c r="V10439" s="19"/>
      <c r="W10439" s="19"/>
      <c r="X10439" s="19"/>
      <c r="Y10439" s="19"/>
      <c r="Z10439" s="19"/>
      <c r="AA10439" s="19"/>
    </row>
    <row r="10440" spans="1:27" s="1" customFormat="1" ht="14.1" customHeight="1" outlineLevel="1" x14ac:dyDescent="0.2">
      <c r="A10440" s="17">
        <v>9622</v>
      </c>
      <c r="B10440" s="17"/>
      <c r="C10440" s="17"/>
      <c r="D10440" s="18" t="s">
        <v>5177</v>
      </c>
      <c r="E10440" s="18"/>
      <c r="F10440" s="18"/>
      <c r="G10440" s="18"/>
      <c r="H10440" s="18"/>
      <c r="I10440" s="18"/>
      <c r="J10440" s="18"/>
      <c r="K10440" s="18"/>
      <c r="L10440" s="18"/>
      <c r="M10440" s="18"/>
      <c r="N10440" s="18"/>
      <c r="O10440" s="18"/>
      <c r="P10440" s="19">
        <v>120</v>
      </c>
      <c r="Q10440" s="19"/>
      <c r="R10440" s="19"/>
      <c r="S10440" s="19"/>
      <c r="T10440" s="19">
        <v>80</v>
      </c>
      <c r="U10440" s="19"/>
      <c r="V10440" s="19"/>
      <c r="W10440" s="19"/>
      <c r="X10440" s="19">
        <v>1</v>
      </c>
      <c r="Y10440" s="19"/>
      <c r="Z10440" s="19"/>
      <c r="AA10440" s="19"/>
    </row>
    <row r="10441" spans="1:27" s="1" customFormat="1" ht="14.1" customHeight="1" outlineLevel="1" x14ac:dyDescent="0.2">
      <c r="A10441" s="17"/>
      <c r="B10441" s="17"/>
      <c r="C10441" s="17"/>
      <c r="D10441" s="18"/>
      <c r="E10441" s="18"/>
      <c r="F10441" s="18"/>
      <c r="G10441" s="18"/>
      <c r="H10441" s="18"/>
      <c r="I10441" s="18"/>
      <c r="J10441" s="18"/>
      <c r="K10441" s="18"/>
      <c r="L10441" s="18"/>
      <c r="M10441" s="18"/>
      <c r="N10441" s="18"/>
      <c r="O10441" s="18"/>
      <c r="P10441" s="19"/>
      <c r="Q10441" s="19"/>
      <c r="R10441" s="19"/>
      <c r="S10441" s="19"/>
      <c r="T10441" s="19"/>
      <c r="U10441" s="19"/>
      <c r="V10441" s="19"/>
      <c r="W10441" s="19"/>
      <c r="X10441" s="19"/>
      <c r="Y10441" s="19"/>
      <c r="Z10441" s="19"/>
      <c r="AA10441" s="19"/>
    </row>
    <row r="10442" spans="1:27" s="1" customFormat="1" ht="14.1" customHeight="1" outlineLevel="1" x14ac:dyDescent="0.2">
      <c r="A10442" s="17">
        <v>9625</v>
      </c>
      <c r="B10442" s="17"/>
      <c r="C10442" s="17"/>
      <c r="D10442" s="18" t="s">
        <v>5178</v>
      </c>
      <c r="E10442" s="18"/>
      <c r="F10442" s="18"/>
      <c r="G10442" s="18"/>
      <c r="H10442" s="18"/>
      <c r="I10442" s="18"/>
      <c r="J10442" s="18"/>
      <c r="K10442" s="18"/>
      <c r="L10442" s="18"/>
      <c r="M10442" s="18"/>
      <c r="N10442" s="18"/>
      <c r="O10442" s="18"/>
      <c r="P10442" s="19">
        <v>160</v>
      </c>
      <c r="Q10442" s="19"/>
      <c r="R10442" s="19"/>
      <c r="S10442" s="19"/>
      <c r="T10442" s="19">
        <v>120</v>
      </c>
      <c r="U10442" s="19"/>
      <c r="V10442" s="19"/>
      <c r="W10442" s="19"/>
      <c r="X10442" s="19">
        <v>17</v>
      </c>
      <c r="Y10442" s="19"/>
      <c r="Z10442" s="19"/>
      <c r="AA10442" s="19"/>
    </row>
    <row r="10443" spans="1:27" s="1" customFormat="1" ht="14.1" customHeight="1" outlineLevel="1" x14ac:dyDescent="0.2">
      <c r="A10443" s="17"/>
      <c r="B10443" s="17"/>
      <c r="C10443" s="17"/>
      <c r="D10443" s="18"/>
      <c r="E10443" s="18"/>
      <c r="F10443" s="18"/>
      <c r="G10443" s="18"/>
      <c r="H10443" s="18"/>
      <c r="I10443" s="18"/>
      <c r="J10443" s="18"/>
      <c r="K10443" s="18"/>
      <c r="L10443" s="18"/>
      <c r="M10443" s="18"/>
      <c r="N10443" s="18"/>
      <c r="O10443" s="18"/>
      <c r="P10443" s="19"/>
      <c r="Q10443" s="19"/>
      <c r="R10443" s="19"/>
      <c r="S10443" s="19"/>
      <c r="T10443" s="19"/>
      <c r="U10443" s="19"/>
      <c r="V10443" s="19"/>
      <c r="W10443" s="19"/>
      <c r="X10443" s="19"/>
      <c r="Y10443" s="19"/>
      <c r="Z10443" s="19"/>
      <c r="AA10443" s="19"/>
    </row>
    <row r="10444" spans="1:27" s="1" customFormat="1" ht="14.1" customHeight="1" outlineLevel="1" x14ac:dyDescent="0.2">
      <c r="A10444" s="17">
        <v>9626</v>
      </c>
      <c r="B10444" s="17"/>
      <c r="C10444" s="17"/>
      <c r="D10444" s="18" t="s">
        <v>5179</v>
      </c>
      <c r="E10444" s="18"/>
      <c r="F10444" s="18"/>
      <c r="G10444" s="18"/>
      <c r="H10444" s="18"/>
      <c r="I10444" s="18"/>
      <c r="J10444" s="18"/>
      <c r="K10444" s="18"/>
      <c r="L10444" s="18"/>
      <c r="M10444" s="18"/>
      <c r="N10444" s="18"/>
      <c r="O10444" s="18"/>
      <c r="P10444" s="19">
        <v>160</v>
      </c>
      <c r="Q10444" s="19"/>
      <c r="R10444" s="19"/>
      <c r="S10444" s="19"/>
      <c r="T10444" s="19">
        <v>120</v>
      </c>
      <c r="U10444" s="19"/>
      <c r="V10444" s="19"/>
      <c r="W10444" s="19"/>
      <c r="X10444" s="19">
        <v>9</v>
      </c>
      <c r="Y10444" s="19"/>
      <c r="Z10444" s="19"/>
      <c r="AA10444" s="19"/>
    </row>
    <row r="10445" spans="1:27" s="1" customFormat="1" ht="14.1" customHeight="1" outlineLevel="1" x14ac:dyDescent="0.2">
      <c r="A10445" s="17"/>
      <c r="B10445" s="17"/>
      <c r="C10445" s="17"/>
      <c r="D10445" s="18"/>
      <c r="E10445" s="18"/>
      <c r="F10445" s="18"/>
      <c r="G10445" s="18"/>
      <c r="H10445" s="18"/>
      <c r="I10445" s="18"/>
      <c r="J10445" s="18"/>
      <c r="K10445" s="18"/>
      <c r="L10445" s="18"/>
      <c r="M10445" s="18"/>
      <c r="N10445" s="18"/>
      <c r="O10445" s="18"/>
      <c r="P10445" s="19"/>
      <c r="Q10445" s="19"/>
      <c r="R10445" s="19"/>
      <c r="S10445" s="19"/>
      <c r="T10445" s="19"/>
      <c r="U10445" s="19"/>
      <c r="V10445" s="19"/>
      <c r="W10445" s="19"/>
      <c r="X10445" s="19"/>
      <c r="Y10445" s="19"/>
      <c r="Z10445" s="19"/>
      <c r="AA10445" s="19"/>
    </row>
    <row r="10446" spans="1:27" s="1" customFormat="1" ht="14.1" customHeight="1" outlineLevel="1" x14ac:dyDescent="0.2">
      <c r="A10446" s="17">
        <v>6665</v>
      </c>
      <c r="B10446" s="17"/>
      <c r="C10446" s="17"/>
      <c r="D10446" s="18" t="s">
        <v>5180</v>
      </c>
      <c r="E10446" s="18"/>
      <c r="F10446" s="18"/>
      <c r="G10446" s="18"/>
      <c r="H10446" s="18"/>
      <c r="I10446" s="18"/>
      <c r="J10446" s="18"/>
      <c r="K10446" s="18"/>
      <c r="L10446" s="18"/>
      <c r="M10446" s="18"/>
      <c r="N10446" s="18"/>
      <c r="O10446" s="18"/>
      <c r="P10446" s="19">
        <v>180</v>
      </c>
      <c r="Q10446" s="19"/>
      <c r="R10446" s="19"/>
      <c r="S10446" s="19"/>
      <c r="T10446" s="19">
        <v>140</v>
      </c>
      <c r="U10446" s="19"/>
      <c r="V10446" s="19"/>
      <c r="W10446" s="19"/>
      <c r="X10446" s="19">
        <v>1</v>
      </c>
      <c r="Y10446" s="19"/>
      <c r="Z10446" s="19"/>
      <c r="AA10446" s="19"/>
    </row>
    <row r="10447" spans="1:27" s="1" customFormat="1" ht="14.1" customHeight="1" outlineLevel="1" x14ac:dyDescent="0.2">
      <c r="A10447" s="17"/>
      <c r="B10447" s="17"/>
      <c r="C10447" s="17"/>
      <c r="D10447" s="18"/>
      <c r="E10447" s="18"/>
      <c r="F10447" s="18"/>
      <c r="G10447" s="18"/>
      <c r="H10447" s="18"/>
      <c r="I10447" s="18"/>
      <c r="J10447" s="18"/>
      <c r="K10447" s="18"/>
      <c r="L10447" s="18"/>
      <c r="M10447" s="18"/>
      <c r="N10447" s="18"/>
      <c r="O10447" s="18"/>
      <c r="P10447" s="19"/>
      <c r="Q10447" s="19"/>
      <c r="R10447" s="19"/>
      <c r="S10447" s="19"/>
      <c r="T10447" s="19"/>
      <c r="U10447" s="19"/>
      <c r="V10447" s="19"/>
      <c r="W10447" s="19"/>
      <c r="X10447" s="19"/>
      <c r="Y10447" s="19"/>
      <c r="Z10447" s="19"/>
      <c r="AA10447" s="19"/>
    </row>
    <row r="10448" spans="1:27" s="1" customFormat="1" ht="14.1" customHeight="1" outlineLevel="1" x14ac:dyDescent="0.2">
      <c r="A10448" s="17">
        <v>9633</v>
      </c>
      <c r="B10448" s="17"/>
      <c r="C10448" s="17"/>
      <c r="D10448" s="18" t="s">
        <v>5181</v>
      </c>
      <c r="E10448" s="18"/>
      <c r="F10448" s="18"/>
      <c r="G10448" s="18"/>
      <c r="H10448" s="18"/>
      <c r="I10448" s="18"/>
      <c r="J10448" s="18"/>
      <c r="K10448" s="18"/>
      <c r="L10448" s="18"/>
      <c r="M10448" s="18"/>
      <c r="N10448" s="18"/>
      <c r="O10448" s="18"/>
      <c r="P10448" s="19">
        <v>160</v>
      </c>
      <c r="Q10448" s="19"/>
      <c r="R10448" s="19"/>
      <c r="S10448" s="19"/>
      <c r="T10448" s="19">
        <v>120</v>
      </c>
      <c r="U10448" s="19"/>
      <c r="V10448" s="19"/>
      <c r="W10448" s="19"/>
      <c r="X10448" s="19">
        <v>12</v>
      </c>
      <c r="Y10448" s="19"/>
      <c r="Z10448" s="19"/>
      <c r="AA10448" s="19"/>
    </row>
    <row r="10449" spans="1:27" s="1" customFormat="1" ht="14.1" customHeight="1" outlineLevel="1" x14ac:dyDescent="0.2">
      <c r="A10449" s="17"/>
      <c r="B10449" s="17"/>
      <c r="C10449" s="17"/>
      <c r="D10449" s="18"/>
      <c r="E10449" s="18"/>
      <c r="F10449" s="18"/>
      <c r="G10449" s="18"/>
      <c r="H10449" s="18"/>
      <c r="I10449" s="18"/>
      <c r="J10449" s="18"/>
      <c r="K10449" s="18"/>
      <c r="L10449" s="18"/>
      <c r="M10449" s="18"/>
      <c r="N10449" s="18"/>
      <c r="O10449" s="18"/>
      <c r="P10449" s="19"/>
      <c r="Q10449" s="19"/>
      <c r="R10449" s="19"/>
      <c r="S10449" s="19"/>
      <c r="T10449" s="19"/>
      <c r="U10449" s="19"/>
      <c r="V10449" s="19"/>
      <c r="W10449" s="19"/>
      <c r="X10449" s="19"/>
      <c r="Y10449" s="19"/>
      <c r="Z10449" s="19"/>
      <c r="AA10449" s="19"/>
    </row>
    <row r="10450" spans="1:27" s="1" customFormat="1" ht="14.1" customHeight="1" outlineLevel="1" x14ac:dyDescent="0.2">
      <c r="A10450" s="17">
        <v>9635</v>
      </c>
      <c r="B10450" s="17"/>
      <c r="C10450" s="17"/>
      <c r="D10450" s="18" t="s">
        <v>5182</v>
      </c>
      <c r="E10450" s="18"/>
      <c r="F10450" s="18"/>
      <c r="G10450" s="18"/>
      <c r="H10450" s="18"/>
      <c r="I10450" s="18"/>
      <c r="J10450" s="18"/>
      <c r="K10450" s="18"/>
      <c r="L10450" s="18"/>
      <c r="M10450" s="18"/>
      <c r="N10450" s="18"/>
      <c r="O10450" s="18"/>
      <c r="P10450" s="19">
        <v>160</v>
      </c>
      <c r="Q10450" s="19"/>
      <c r="R10450" s="19"/>
      <c r="S10450" s="19"/>
      <c r="T10450" s="19">
        <v>120</v>
      </c>
      <c r="U10450" s="19"/>
      <c r="V10450" s="19"/>
      <c r="W10450" s="19"/>
      <c r="X10450" s="19">
        <v>4</v>
      </c>
      <c r="Y10450" s="19"/>
      <c r="Z10450" s="19"/>
      <c r="AA10450" s="19"/>
    </row>
    <row r="10451" spans="1:27" s="1" customFormat="1" ht="14.1" customHeight="1" outlineLevel="1" x14ac:dyDescent="0.2">
      <c r="A10451" s="17"/>
      <c r="B10451" s="17"/>
      <c r="C10451" s="17"/>
      <c r="D10451" s="18"/>
      <c r="E10451" s="18"/>
      <c r="F10451" s="18"/>
      <c r="G10451" s="18"/>
      <c r="H10451" s="18"/>
      <c r="I10451" s="18"/>
      <c r="J10451" s="18"/>
      <c r="K10451" s="18"/>
      <c r="L10451" s="18"/>
      <c r="M10451" s="18"/>
      <c r="N10451" s="18"/>
      <c r="O10451" s="18"/>
      <c r="P10451" s="19"/>
      <c r="Q10451" s="19"/>
      <c r="R10451" s="19"/>
      <c r="S10451" s="19"/>
      <c r="T10451" s="19"/>
      <c r="U10451" s="19"/>
      <c r="V10451" s="19"/>
      <c r="W10451" s="19"/>
      <c r="X10451" s="19"/>
      <c r="Y10451" s="19"/>
      <c r="Z10451" s="19"/>
      <c r="AA10451" s="19"/>
    </row>
    <row r="10452" spans="1:27" s="1" customFormat="1" ht="14.1" customHeight="1" outlineLevel="1" x14ac:dyDescent="0.2">
      <c r="A10452" s="17">
        <v>8478</v>
      </c>
      <c r="B10452" s="17"/>
      <c r="C10452" s="17"/>
      <c r="D10452" s="18" t="s">
        <v>5183</v>
      </c>
      <c r="E10452" s="18"/>
      <c r="F10452" s="18"/>
      <c r="G10452" s="18"/>
      <c r="H10452" s="18"/>
      <c r="I10452" s="18"/>
      <c r="J10452" s="18"/>
      <c r="K10452" s="18"/>
      <c r="L10452" s="18"/>
      <c r="M10452" s="18"/>
      <c r="N10452" s="18"/>
      <c r="O10452" s="18"/>
      <c r="P10452" s="19">
        <v>150</v>
      </c>
      <c r="Q10452" s="19"/>
      <c r="R10452" s="19"/>
      <c r="S10452" s="19"/>
      <c r="T10452" s="19">
        <v>90</v>
      </c>
      <c r="U10452" s="19"/>
      <c r="V10452" s="19"/>
      <c r="W10452" s="19"/>
      <c r="X10452" s="19">
        <v>2</v>
      </c>
      <c r="Y10452" s="19"/>
      <c r="Z10452" s="19"/>
      <c r="AA10452" s="19"/>
    </row>
    <row r="10453" spans="1:27" s="1" customFormat="1" ht="14.1" customHeight="1" outlineLevel="1" x14ac:dyDescent="0.2">
      <c r="A10453" s="17"/>
      <c r="B10453" s="17"/>
      <c r="C10453" s="17"/>
      <c r="D10453" s="18"/>
      <c r="E10453" s="18"/>
      <c r="F10453" s="18"/>
      <c r="G10453" s="18"/>
      <c r="H10453" s="18"/>
      <c r="I10453" s="18"/>
      <c r="J10453" s="18"/>
      <c r="K10453" s="18"/>
      <c r="L10453" s="18"/>
      <c r="M10453" s="18"/>
      <c r="N10453" s="18"/>
      <c r="O10453" s="18"/>
      <c r="P10453" s="19"/>
      <c r="Q10453" s="19"/>
      <c r="R10453" s="19"/>
      <c r="S10453" s="19"/>
      <c r="T10453" s="19"/>
      <c r="U10453" s="19"/>
      <c r="V10453" s="19"/>
      <c r="W10453" s="19"/>
      <c r="X10453" s="19"/>
      <c r="Y10453" s="19"/>
      <c r="Z10453" s="19"/>
      <c r="AA10453" s="19"/>
    </row>
    <row r="10454" spans="1:27" s="1" customFormat="1" ht="14.1" customHeight="1" outlineLevel="1" x14ac:dyDescent="0.2">
      <c r="A10454" s="17">
        <v>9634</v>
      </c>
      <c r="B10454" s="17"/>
      <c r="C10454" s="17"/>
      <c r="D10454" s="18" t="s">
        <v>5184</v>
      </c>
      <c r="E10454" s="18"/>
      <c r="F10454" s="18"/>
      <c r="G10454" s="18"/>
      <c r="H10454" s="18"/>
      <c r="I10454" s="18"/>
      <c r="J10454" s="18"/>
      <c r="K10454" s="18"/>
      <c r="L10454" s="18"/>
      <c r="M10454" s="18"/>
      <c r="N10454" s="18"/>
      <c r="O10454" s="18"/>
      <c r="P10454" s="19">
        <v>160</v>
      </c>
      <c r="Q10454" s="19"/>
      <c r="R10454" s="19"/>
      <c r="S10454" s="19"/>
      <c r="T10454" s="19">
        <v>120</v>
      </c>
      <c r="U10454" s="19"/>
      <c r="V10454" s="19"/>
      <c r="W10454" s="19"/>
      <c r="X10454" s="19">
        <v>11</v>
      </c>
      <c r="Y10454" s="19"/>
      <c r="Z10454" s="19"/>
      <c r="AA10454" s="19"/>
    </row>
    <row r="10455" spans="1:27" s="1" customFormat="1" ht="14.1" customHeight="1" outlineLevel="1" x14ac:dyDescent="0.2">
      <c r="A10455" s="17"/>
      <c r="B10455" s="17"/>
      <c r="C10455" s="17"/>
      <c r="D10455" s="18"/>
      <c r="E10455" s="18"/>
      <c r="F10455" s="18"/>
      <c r="G10455" s="18"/>
      <c r="H10455" s="18"/>
      <c r="I10455" s="18"/>
      <c r="J10455" s="18"/>
      <c r="K10455" s="18"/>
      <c r="L10455" s="18"/>
      <c r="M10455" s="18"/>
      <c r="N10455" s="18"/>
      <c r="O10455" s="18"/>
      <c r="P10455" s="19"/>
      <c r="Q10455" s="19"/>
      <c r="R10455" s="19"/>
      <c r="S10455" s="19"/>
      <c r="T10455" s="19"/>
      <c r="U10455" s="19"/>
      <c r="V10455" s="19"/>
      <c r="W10455" s="19"/>
      <c r="X10455" s="19"/>
      <c r="Y10455" s="19"/>
      <c r="Z10455" s="19"/>
      <c r="AA10455" s="19"/>
    </row>
    <row r="10456" spans="1:27" s="1" customFormat="1" ht="14.1" customHeight="1" outlineLevel="1" x14ac:dyDescent="0.2">
      <c r="A10456" s="17">
        <v>9644</v>
      </c>
      <c r="B10456" s="17"/>
      <c r="C10456" s="17"/>
      <c r="D10456" s="18" t="s">
        <v>5185</v>
      </c>
      <c r="E10456" s="18"/>
      <c r="F10456" s="18"/>
      <c r="G10456" s="18"/>
      <c r="H10456" s="18"/>
      <c r="I10456" s="18"/>
      <c r="J10456" s="18"/>
      <c r="K10456" s="18"/>
      <c r="L10456" s="18"/>
      <c r="M10456" s="18"/>
      <c r="N10456" s="18"/>
      <c r="O10456" s="18"/>
      <c r="P10456" s="19">
        <v>210</v>
      </c>
      <c r="Q10456" s="19"/>
      <c r="R10456" s="19"/>
      <c r="S10456" s="19"/>
      <c r="T10456" s="19">
        <v>160</v>
      </c>
      <c r="U10456" s="19"/>
      <c r="V10456" s="19"/>
      <c r="W10456" s="19"/>
      <c r="X10456" s="19">
        <v>1</v>
      </c>
      <c r="Y10456" s="19"/>
      <c r="Z10456" s="19"/>
      <c r="AA10456" s="19"/>
    </row>
    <row r="10457" spans="1:27" s="1" customFormat="1" ht="14.1" customHeight="1" outlineLevel="1" x14ac:dyDescent="0.2">
      <c r="A10457" s="17"/>
      <c r="B10457" s="17"/>
      <c r="C10457" s="17"/>
      <c r="D10457" s="18"/>
      <c r="E10457" s="18"/>
      <c r="F10457" s="18"/>
      <c r="G10457" s="18"/>
      <c r="H10457" s="18"/>
      <c r="I10457" s="18"/>
      <c r="J10457" s="18"/>
      <c r="K10457" s="18"/>
      <c r="L10457" s="18"/>
      <c r="M10457" s="18"/>
      <c r="N10457" s="18"/>
      <c r="O10457" s="18"/>
      <c r="P10457" s="19"/>
      <c r="Q10457" s="19"/>
      <c r="R10457" s="19"/>
      <c r="S10457" s="19"/>
      <c r="T10457" s="19"/>
      <c r="U10457" s="19"/>
      <c r="V10457" s="19"/>
      <c r="W10457" s="19"/>
      <c r="X10457" s="19"/>
      <c r="Y10457" s="19"/>
      <c r="Z10457" s="19"/>
      <c r="AA10457" s="19"/>
    </row>
    <row r="10458" spans="1:27" s="1" customFormat="1" ht="14.1" customHeight="1" outlineLevel="1" x14ac:dyDescent="0.2">
      <c r="A10458" s="17">
        <v>11163</v>
      </c>
      <c r="B10458" s="17"/>
      <c r="C10458" s="17"/>
      <c r="D10458" s="18" t="s">
        <v>5186</v>
      </c>
      <c r="E10458" s="18"/>
      <c r="F10458" s="18"/>
      <c r="G10458" s="18"/>
      <c r="H10458" s="18"/>
      <c r="I10458" s="18"/>
      <c r="J10458" s="18"/>
      <c r="K10458" s="18"/>
      <c r="L10458" s="18"/>
      <c r="M10458" s="18"/>
      <c r="N10458" s="18"/>
      <c r="O10458" s="18"/>
      <c r="P10458" s="19">
        <v>360</v>
      </c>
      <c r="Q10458" s="19"/>
      <c r="R10458" s="19"/>
      <c r="S10458" s="19"/>
      <c r="T10458" s="19">
        <v>290</v>
      </c>
      <c r="U10458" s="19"/>
      <c r="V10458" s="19"/>
      <c r="W10458" s="19"/>
      <c r="X10458" s="19">
        <v>2</v>
      </c>
      <c r="Y10458" s="19"/>
      <c r="Z10458" s="19"/>
      <c r="AA10458" s="19"/>
    </row>
    <row r="10459" spans="1:27" s="1" customFormat="1" ht="14.1" customHeight="1" outlineLevel="1" x14ac:dyDescent="0.2">
      <c r="A10459" s="17"/>
      <c r="B10459" s="17"/>
      <c r="C10459" s="17"/>
      <c r="D10459" s="18"/>
      <c r="E10459" s="18"/>
      <c r="F10459" s="18"/>
      <c r="G10459" s="18"/>
      <c r="H10459" s="18"/>
      <c r="I10459" s="18"/>
      <c r="J10459" s="18"/>
      <c r="K10459" s="18"/>
      <c r="L10459" s="18"/>
      <c r="M10459" s="18"/>
      <c r="N10459" s="18"/>
      <c r="O10459" s="18"/>
      <c r="P10459" s="19"/>
      <c r="Q10459" s="19"/>
      <c r="R10459" s="19"/>
      <c r="S10459" s="19"/>
      <c r="T10459" s="19"/>
      <c r="U10459" s="19"/>
      <c r="V10459" s="19"/>
      <c r="W10459" s="19"/>
      <c r="X10459" s="19"/>
      <c r="Y10459" s="19"/>
      <c r="Z10459" s="19"/>
      <c r="AA10459" s="19"/>
    </row>
    <row r="10460" spans="1:27" s="1" customFormat="1" ht="14.1" customHeight="1" outlineLevel="1" x14ac:dyDescent="0.2">
      <c r="A10460" s="17">
        <v>9645</v>
      </c>
      <c r="B10460" s="17"/>
      <c r="C10460" s="17"/>
      <c r="D10460" s="18" t="s">
        <v>5187</v>
      </c>
      <c r="E10460" s="18"/>
      <c r="F10460" s="18"/>
      <c r="G10460" s="18"/>
      <c r="H10460" s="18"/>
      <c r="I10460" s="18"/>
      <c r="J10460" s="18"/>
      <c r="K10460" s="18"/>
      <c r="L10460" s="18"/>
      <c r="M10460" s="18"/>
      <c r="N10460" s="18"/>
      <c r="O10460" s="18"/>
      <c r="P10460" s="19">
        <v>180</v>
      </c>
      <c r="Q10460" s="19"/>
      <c r="R10460" s="19"/>
      <c r="S10460" s="19"/>
      <c r="T10460" s="19">
        <v>140</v>
      </c>
      <c r="U10460" s="19"/>
      <c r="V10460" s="19"/>
      <c r="W10460" s="19"/>
      <c r="X10460" s="19">
        <v>20</v>
      </c>
      <c r="Y10460" s="19"/>
      <c r="Z10460" s="19"/>
      <c r="AA10460" s="19"/>
    </row>
    <row r="10461" spans="1:27" s="1" customFormat="1" ht="14.1" customHeight="1" outlineLevel="1" x14ac:dyDescent="0.2">
      <c r="A10461" s="17"/>
      <c r="B10461" s="17"/>
      <c r="C10461" s="17"/>
      <c r="D10461" s="18"/>
      <c r="E10461" s="18"/>
      <c r="F10461" s="18"/>
      <c r="G10461" s="18"/>
      <c r="H10461" s="18"/>
      <c r="I10461" s="18"/>
      <c r="J10461" s="18"/>
      <c r="K10461" s="18"/>
      <c r="L10461" s="18"/>
      <c r="M10461" s="18"/>
      <c r="N10461" s="18"/>
      <c r="O10461" s="18"/>
      <c r="P10461" s="19"/>
      <c r="Q10461" s="19"/>
      <c r="R10461" s="19"/>
      <c r="S10461" s="19"/>
      <c r="T10461" s="19"/>
      <c r="U10461" s="19"/>
      <c r="V10461" s="19"/>
      <c r="W10461" s="19"/>
      <c r="X10461" s="19"/>
      <c r="Y10461" s="19"/>
      <c r="Z10461" s="19"/>
      <c r="AA10461" s="19"/>
    </row>
    <row r="10462" spans="1:27" s="1" customFormat="1" ht="14.1" customHeight="1" outlineLevel="1" x14ac:dyDescent="0.2">
      <c r="A10462" s="17">
        <v>17372</v>
      </c>
      <c r="B10462" s="17"/>
      <c r="C10462" s="17"/>
      <c r="D10462" s="18" t="s">
        <v>5188</v>
      </c>
      <c r="E10462" s="18"/>
      <c r="F10462" s="18"/>
      <c r="G10462" s="18"/>
      <c r="H10462" s="18"/>
      <c r="I10462" s="18"/>
      <c r="J10462" s="18"/>
      <c r="K10462" s="18"/>
      <c r="L10462" s="18"/>
      <c r="M10462" s="18"/>
      <c r="N10462" s="18"/>
      <c r="O10462" s="18"/>
      <c r="P10462" s="19">
        <v>350</v>
      </c>
      <c r="Q10462" s="19"/>
      <c r="R10462" s="19"/>
      <c r="S10462" s="19"/>
      <c r="T10462" s="19">
        <v>250</v>
      </c>
      <c r="U10462" s="19"/>
      <c r="V10462" s="19"/>
      <c r="W10462" s="19"/>
      <c r="X10462" s="19">
        <v>1</v>
      </c>
      <c r="Y10462" s="19"/>
      <c r="Z10462" s="19"/>
      <c r="AA10462" s="19"/>
    </row>
    <row r="10463" spans="1:27" s="1" customFormat="1" ht="14.1" customHeight="1" outlineLevel="1" x14ac:dyDescent="0.2">
      <c r="A10463" s="17"/>
      <c r="B10463" s="17"/>
      <c r="C10463" s="17"/>
      <c r="D10463" s="18"/>
      <c r="E10463" s="18"/>
      <c r="F10463" s="18"/>
      <c r="G10463" s="18"/>
      <c r="H10463" s="18"/>
      <c r="I10463" s="18"/>
      <c r="J10463" s="18"/>
      <c r="K10463" s="18"/>
      <c r="L10463" s="18"/>
      <c r="M10463" s="18"/>
      <c r="N10463" s="18"/>
      <c r="O10463" s="18"/>
      <c r="P10463" s="19"/>
      <c r="Q10463" s="19"/>
      <c r="R10463" s="19"/>
      <c r="S10463" s="19"/>
      <c r="T10463" s="19"/>
      <c r="U10463" s="19"/>
      <c r="V10463" s="19"/>
      <c r="W10463" s="19"/>
      <c r="X10463" s="19"/>
      <c r="Y10463" s="19"/>
      <c r="Z10463" s="19"/>
      <c r="AA10463" s="19"/>
    </row>
    <row r="10464" spans="1:27" s="1" customFormat="1" ht="14.1" customHeight="1" outlineLevel="1" x14ac:dyDescent="0.2">
      <c r="A10464" s="17">
        <v>11164</v>
      </c>
      <c r="B10464" s="17"/>
      <c r="C10464" s="17"/>
      <c r="D10464" s="18" t="s">
        <v>5189</v>
      </c>
      <c r="E10464" s="18"/>
      <c r="F10464" s="18"/>
      <c r="G10464" s="18"/>
      <c r="H10464" s="18"/>
      <c r="I10464" s="18"/>
      <c r="J10464" s="18"/>
      <c r="K10464" s="18"/>
      <c r="L10464" s="18"/>
      <c r="M10464" s="18"/>
      <c r="N10464" s="18"/>
      <c r="O10464" s="18"/>
      <c r="P10464" s="19">
        <v>165</v>
      </c>
      <c r="Q10464" s="19"/>
      <c r="R10464" s="19"/>
      <c r="S10464" s="19"/>
      <c r="T10464" s="19">
        <v>125</v>
      </c>
      <c r="U10464" s="19"/>
      <c r="V10464" s="19"/>
      <c r="W10464" s="19"/>
      <c r="X10464" s="19">
        <v>11</v>
      </c>
      <c r="Y10464" s="19"/>
      <c r="Z10464" s="19"/>
      <c r="AA10464" s="19"/>
    </row>
    <row r="10465" spans="1:27" s="1" customFormat="1" ht="14.1" customHeight="1" outlineLevel="1" x14ac:dyDescent="0.2">
      <c r="A10465" s="17"/>
      <c r="B10465" s="17"/>
      <c r="C10465" s="17"/>
      <c r="D10465" s="18"/>
      <c r="E10465" s="18"/>
      <c r="F10465" s="18"/>
      <c r="G10465" s="18"/>
      <c r="H10465" s="18"/>
      <c r="I10465" s="18"/>
      <c r="J10465" s="18"/>
      <c r="K10465" s="18"/>
      <c r="L10465" s="18"/>
      <c r="M10465" s="18"/>
      <c r="N10465" s="18"/>
      <c r="O10465" s="18"/>
      <c r="P10465" s="19"/>
      <c r="Q10465" s="19"/>
      <c r="R10465" s="19"/>
      <c r="S10465" s="19"/>
      <c r="T10465" s="19"/>
      <c r="U10465" s="19"/>
      <c r="V10465" s="19"/>
      <c r="W10465" s="19"/>
      <c r="X10465" s="19"/>
      <c r="Y10465" s="19"/>
      <c r="Z10465" s="19"/>
      <c r="AA10465" s="19"/>
    </row>
    <row r="10466" spans="1:27" s="1" customFormat="1" ht="14.1" customHeight="1" outlineLevel="1" x14ac:dyDescent="0.2">
      <c r="A10466" s="17">
        <v>12832</v>
      </c>
      <c r="B10466" s="17"/>
      <c r="C10466" s="17"/>
      <c r="D10466" s="18" t="s">
        <v>5190</v>
      </c>
      <c r="E10466" s="18"/>
      <c r="F10466" s="18"/>
      <c r="G10466" s="18"/>
      <c r="H10466" s="18"/>
      <c r="I10466" s="18"/>
      <c r="J10466" s="18"/>
      <c r="K10466" s="18"/>
      <c r="L10466" s="18"/>
      <c r="M10466" s="18"/>
      <c r="N10466" s="18"/>
      <c r="O10466" s="18"/>
      <c r="P10466" s="19">
        <v>250</v>
      </c>
      <c r="Q10466" s="19"/>
      <c r="R10466" s="19"/>
      <c r="S10466" s="19"/>
      <c r="T10466" s="19">
        <v>200</v>
      </c>
      <c r="U10466" s="19"/>
      <c r="V10466" s="19"/>
      <c r="W10466" s="19"/>
      <c r="X10466" s="19">
        <v>28</v>
      </c>
      <c r="Y10466" s="19"/>
      <c r="Z10466" s="19"/>
      <c r="AA10466" s="19"/>
    </row>
    <row r="10467" spans="1:27" s="1" customFormat="1" ht="14.1" customHeight="1" outlineLevel="1" x14ac:dyDescent="0.2">
      <c r="A10467" s="17"/>
      <c r="B10467" s="17"/>
      <c r="C10467" s="17"/>
      <c r="D10467" s="18"/>
      <c r="E10467" s="18"/>
      <c r="F10467" s="18"/>
      <c r="G10467" s="18"/>
      <c r="H10467" s="18"/>
      <c r="I10467" s="18"/>
      <c r="J10467" s="18"/>
      <c r="K10467" s="18"/>
      <c r="L10467" s="18"/>
      <c r="M10467" s="18"/>
      <c r="N10467" s="18"/>
      <c r="O10467" s="18"/>
      <c r="P10467" s="19"/>
      <c r="Q10467" s="19"/>
      <c r="R10467" s="19"/>
      <c r="S10467" s="19"/>
      <c r="T10467" s="19"/>
      <c r="U10467" s="19"/>
      <c r="V10467" s="19"/>
      <c r="W10467" s="19"/>
      <c r="X10467" s="19"/>
      <c r="Y10467" s="19"/>
      <c r="Z10467" s="19"/>
      <c r="AA10467" s="19"/>
    </row>
    <row r="10468" spans="1:27" s="1" customFormat="1" ht="14.1" customHeight="1" outlineLevel="1" x14ac:dyDescent="0.2">
      <c r="A10468" s="17">
        <v>9340</v>
      </c>
      <c r="B10468" s="17"/>
      <c r="C10468" s="17"/>
      <c r="D10468" s="18" t="s">
        <v>5191</v>
      </c>
      <c r="E10468" s="18"/>
      <c r="F10468" s="18"/>
      <c r="G10468" s="18"/>
      <c r="H10468" s="18"/>
      <c r="I10468" s="18"/>
      <c r="J10468" s="18"/>
      <c r="K10468" s="18"/>
      <c r="L10468" s="18"/>
      <c r="M10468" s="18"/>
      <c r="N10468" s="18"/>
      <c r="O10468" s="18"/>
      <c r="P10468" s="19">
        <v>170</v>
      </c>
      <c r="Q10468" s="19"/>
      <c r="R10468" s="19"/>
      <c r="S10468" s="19"/>
      <c r="T10468" s="19">
        <v>130</v>
      </c>
      <c r="U10468" s="19"/>
      <c r="V10468" s="19"/>
      <c r="W10468" s="19"/>
      <c r="X10468" s="19">
        <v>58</v>
      </c>
      <c r="Y10468" s="19"/>
      <c r="Z10468" s="19"/>
      <c r="AA10468" s="19"/>
    </row>
    <row r="10469" spans="1:27" s="1" customFormat="1" ht="14.1" customHeight="1" outlineLevel="1" x14ac:dyDescent="0.2">
      <c r="A10469" s="17"/>
      <c r="B10469" s="17"/>
      <c r="C10469" s="17"/>
      <c r="D10469" s="18"/>
      <c r="E10469" s="18"/>
      <c r="F10469" s="18"/>
      <c r="G10469" s="18"/>
      <c r="H10469" s="18"/>
      <c r="I10469" s="18"/>
      <c r="J10469" s="18"/>
      <c r="K10469" s="18"/>
      <c r="L10469" s="18"/>
      <c r="M10469" s="18"/>
      <c r="N10469" s="18"/>
      <c r="O10469" s="18"/>
      <c r="P10469" s="19"/>
      <c r="Q10469" s="19"/>
      <c r="R10469" s="19"/>
      <c r="S10469" s="19"/>
      <c r="T10469" s="19"/>
      <c r="U10469" s="19"/>
      <c r="V10469" s="19"/>
      <c r="W10469" s="19"/>
      <c r="X10469" s="19"/>
      <c r="Y10469" s="19"/>
      <c r="Z10469" s="19"/>
      <c r="AA10469" s="19"/>
    </row>
    <row r="10470" spans="1:27" s="1" customFormat="1" ht="14.1" customHeight="1" outlineLevel="1" x14ac:dyDescent="0.2">
      <c r="A10470" s="17">
        <v>14128</v>
      </c>
      <c r="B10470" s="17"/>
      <c r="C10470" s="17"/>
      <c r="D10470" s="18" t="s">
        <v>5192</v>
      </c>
      <c r="E10470" s="18"/>
      <c r="F10470" s="18"/>
      <c r="G10470" s="18"/>
      <c r="H10470" s="18"/>
      <c r="I10470" s="18"/>
      <c r="J10470" s="18"/>
      <c r="K10470" s="18"/>
      <c r="L10470" s="18"/>
      <c r="M10470" s="18"/>
      <c r="N10470" s="18"/>
      <c r="O10470" s="18"/>
      <c r="P10470" s="19">
        <v>170</v>
      </c>
      <c r="Q10470" s="19"/>
      <c r="R10470" s="19"/>
      <c r="S10470" s="19"/>
      <c r="T10470" s="19">
        <v>130</v>
      </c>
      <c r="U10470" s="19"/>
      <c r="V10470" s="19"/>
      <c r="W10470" s="19"/>
      <c r="X10470" s="19">
        <v>9</v>
      </c>
      <c r="Y10470" s="19"/>
      <c r="Z10470" s="19"/>
      <c r="AA10470" s="19"/>
    </row>
    <row r="10471" spans="1:27" s="1" customFormat="1" ht="14.1" customHeight="1" outlineLevel="1" x14ac:dyDescent="0.2">
      <c r="A10471" s="17"/>
      <c r="B10471" s="17"/>
      <c r="C10471" s="17"/>
      <c r="D10471" s="18"/>
      <c r="E10471" s="18"/>
      <c r="F10471" s="18"/>
      <c r="G10471" s="18"/>
      <c r="H10471" s="18"/>
      <c r="I10471" s="18"/>
      <c r="J10471" s="18"/>
      <c r="K10471" s="18"/>
      <c r="L10471" s="18"/>
      <c r="M10471" s="18"/>
      <c r="N10471" s="18"/>
      <c r="O10471" s="18"/>
      <c r="P10471" s="19"/>
      <c r="Q10471" s="19"/>
      <c r="R10471" s="19"/>
      <c r="S10471" s="19"/>
      <c r="T10471" s="19"/>
      <c r="U10471" s="19"/>
      <c r="V10471" s="19"/>
      <c r="W10471" s="19"/>
      <c r="X10471" s="19"/>
      <c r="Y10471" s="19"/>
      <c r="Z10471" s="19"/>
      <c r="AA10471" s="19"/>
    </row>
    <row r="10472" spans="1:27" s="1" customFormat="1" ht="14.1" customHeight="1" outlineLevel="1" x14ac:dyDescent="0.2">
      <c r="A10472" s="17">
        <v>14130</v>
      </c>
      <c r="B10472" s="17"/>
      <c r="C10472" s="17"/>
      <c r="D10472" s="18" t="s">
        <v>5193</v>
      </c>
      <c r="E10472" s="18"/>
      <c r="F10472" s="18"/>
      <c r="G10472" s="18"/>
      <c r="H10472" s="18"/>
      <c r="I10472" s="18"/>
      <c r="J10472" s="18"/>
      <c r="K10472" s="18"/>
      <c r="L10472" s="18"/>
      <c r="M10472" s="18"/>
      <c r="N10472" s="18"/>
      <c r="O10472" s="18"/>
      <c r="P10472" s="19">
        <v>160</v>
      </c>
      <c r="Q10472" s="19"/>
      <c r="R10472" s="19"/>
      <c r="S10472" s="19"/>
      <c r="T10472" s="19">
        <v>120</v>
      </c>
      <c r="U10472" s="19"/>
      <c r="V10472" s="19"/>
      <c r="W10472" s="19"/>
      <c r="X10472" s="19">
        <v>10</v>
      </c>
      <c r="Y10472" s="19"/>
      <c r="Z10472" s="19"/>
      <c r="AA10472" s="19"/>
    </row>
    <row r="10473" spans="1:27" s="1" customFormat="1" ht="14.1" customHeight="1" outlineLevel="1" x14ac:dyDescent="0.2">
      <c r="A10473" s="17"/>
      <c r="B10473" s="17"/>
      <c r="C10473" s="17"/>
      <c r="D10473" s="18"/>
      <c r="E10473" s="18"/>
      <c r="F10473" s="18"/>
      <c r="G10473" s="18"/>
      <c r="H10473" s="18"/>
      <c r="I10473" s="18"/>
      <c r="J10473" s="18"/>
      <c r="K10473" s="18"/>
      <c r="L10473" s="18"/>
      <c r="M10473" s="18"/>
      <c r="N10473" s="18"/>
      <c r="O10473" s="18"/>
      <c r="P10473" s="19"/>
      <c r="Q10473" s="19"/>
      <c r="R10473" s="19"/>
      <c r="S10473" s="19"/>
      <c r="T10473" s="19"/>
      <c r="U10473" s="19"/>
      <c r="V10473" s="19"/>
      <c r="W10473" s="19"/>
      <c r="X10473" s="19"/>
      <c r="Y10473" s="19"/>
      <c r="Z10473" s="19"/>
      <c r="AA10473" s="19"/>
    </row>
    <row r="10474" spans="1:27" s="1" customFormat="1" ht="14.1" customHeight="1" outlineLevel="1" x14ac:dyDescent="0.2">
      <c r="A10474" s="17">
        <v>8849</v>
      </c>
      <c r="B10474" s="17"/>
      <c r="C10474" s="17"/>
      <c r="D10474" s="18" t="s">
        <v>5194</v>
      </c>
      <c r="E10474" s="18"/>
      <c r="F10474" s="18"/>
      <c r="G10474" s="18"/>
      <c r="H10474" s="18"/>
      <c r="I10474" s="18"/>
      <c r="J10474" s="18"/>
      <c r="K10474" s="18"/>
      <c r="L10474" s="18"/>
      <c r="M10474" s="18"/>
      <c r="N10474" s="18"/>
      <c r="O10474" s="18"/>
      <c r="P10474" s="19">
        <v>350</v>
      </c>
      <c r="Q10474" s="19"/>
      <c r="R10474" s="19"/>
      <c r="S10474" s="19"/>
      <c r="T10474" s="19">
        <v>250</v>
      </c>
      <c r="U10474" s="19"/>
      <c r="V10474" s="19"/>
      <c r="W10474" s="19"/>
      <c r="X10474" s="19">
        <v>1</v>
      </c>
      <c r="Y10474" s="19"/>
      <c r="Z10474" s="19"/>
      <c r="AA10474" s="19"/>
    </row>
    <row r="10475" spans="1:27" s="1" customFormat="1" ht="14.1" customHeight="1" outlineLevel="1" x14ac:dyDescent="0.2">
      <c r="A10475" s="17"/>
      <c r="B10475" s="17"/>
      <c r="C10475" s="17"/>
      <c r="D10475" s="18"/>
      <c r="E10475" s="18"/>
      <c r="F10475" s="18"/>
      <c r="G10475" s="18"/>
      <c r="H10475" s="18"/>
      <c r="I10475" s="18"/>
      <c r="J10475" s="18"/>
      <c r="K10475" s="18"/>
      <c r="L10475" s="18"/>
      <c r="M10475" s="18"/>
      <c r="N10475" s="18"/>
      <c r="O10475" s="18"/>
      <c r="P10475" s="19"/>
      <c r="Q10475" s="19"/>
      <c r="R10475" s="19"/>
      <c r="S10475" s="19"/>
      <c r="T10475" s="19"/>
      <c r="U10475" s="19"/>
      <c r="V10475" s="19"/>
      <c r="W10475" s="19"/>
      <c r="X10475" s="19"/>
      <c r="Y10475" s="19"/>
      <c r="Z10475" s="19"/>
      <c r="AA10475" s="19"/>
    </row>
    <row r="10476" spans="1:27" s="1" customFormat="1" ht="14.1" customHeight="1" outlineLevel="1" x14ac:dyDescent="0.2">
      <c r="A10476" s="17">
        <v>14132</v>
      </c>
      <c r="B10476" s="17"/>
      <c r="C10476" s="17"/>
      <c r="D10476" s="18" t="s">
        <v>5195</v>
      </c>
      <c r="E10476" s="18"/>
      <c r="F10476" s="18"/>
      <c r="G10476" s="18"/>
      <c r="H10476" s="18"/>
      <c r="I10476" s="18"/>
      <c r="J10476" s="18"/>
      <c r="K10476" s="18"/>
      <c r="L10476" s="18"/>
      <c r="M10476" s="18"/>
      <c r="N10476" s="18"/>
      <c r="O10476" s="18"/>
      <c r="P10476" s="19">
        <v>170</v>
      </c>
      <c r="Q10476" s="19"/>
      <c r="R10476" s="19"/>
      <c r="S10476" s="19"/>
      <c r="T10476" s="19">
        <v>130</v>
      </c>
      <c r="U10476" s="19"/>
      <c r="V10476" s="19"/>
      <c r="W10476" s="19"/>
      <c r="X10476" s="19">
        <v>10</v>
      </c>
      <c r="Y10476" s="19"/>
      <c r="Z10476" s="19"/>
      <c r="AA10476" s="19"/>
    </row>
    <row r="10477" spans="1:27" s="1" customFormat="1" ht="14.1" customHeight="1" outlineLevel="1" x14ac:dyDescent="0.2">
      <c r="A10477" s="17"/>
      <c r="B10477" s="17"/>
      <c r="C10477" s="17"/>
      <c r="D10477" s="18"/>
      <c r="E10477" s="18"/>
      <c r="F10477" s="18"/>
      <c r="G10477" s="18"/>
      <c r="H10477" s="18"/>
      <c r="I10477" s="18"/>
      <c r="J10477" s="18"/>
      <c r="K10477" s="18"/>
      <c r="L10477" s="18"/>
      <c r="M10477" s="18"/>
      <c r="N10477" s="18"/>
      <c r="O10477" s="18"/>
      <c r="P10477" s="19"/>
      <c r="Q10477" s="19"/>
      <c r="R10477" s="19"/>
      <c r="S10477" s="19"/>
      <c r="T10477" s="19"/>
      <c r="U10477" s="19"/>
      <c r="V10477" s="19"/>
      <c r="W10477" s="19"/>
      <c r="X10477" s="19"/>
      <c r="Y10477" s="19"/>
      <c r="Z10477" s="19"/>
      <c r="AA10477" s="19"/>
    </row>
    <row r="10478" spans="1:27" s="1" customFormat="1" ht="14.1" customHeight="1" outlineLevel="1" x14ac:dyDescent="0.2">
      <c r="A10478" s="17">
        <v>14131</v>
      </c>
      <c r="B10478" s="17"/>
      <c r="C10478" s="17"/>
      <c r="D10478" s="18" t="s">
        <v>5196</v>
      </c>
      <c r="E10478" s="18"/>
      <c r="F10478" s="18"/>
      <c r="G10478" s="18"/>
      <c r="H10478" s="18"/>
      <c r="I10478" s="18"/>
      <c r="J10478" s="18"/>
      <c r="K10478" s="18"/>
      <c r="L10478" s="18"/>
      <c r="M10478" s="18"/>
      <c r="N10478" s="18"/>
      <c r="O10478" s="18"/>
      <c r="P10478" s="19">
        <v>210</v>
      </c>
      <c r="Q10478" s="19"/>
      <c r="R10478" s="19"/>
      <c r="S10478" s="19"/>
      <c r="T10478" s="19">
        <v>160</v>
      </c>
      <c r="U10478" s="19"/>
      <c r="V10478" s="19"/>
      <c r="W10478" s="19"/>
      <c r="X10478" s="19">
        <v>10</v>
      </c>
      <c r="Y10478" s="19"/>
      <c r="Z10478" s="19"/>
      <c r="AA10478" s="19"/>
    </row>
    <row r="10479" spans="1:27" s="1" customFormat="1" ht="14.1" customHeight="1" outlineLevel="1" x14ac:dyDescent="0.2">
      <c r="A10479" s="17"/>
      <c r="B10479" s="17"/>
      <c r="C10479" s="17"/>
      <c r="D10479" s="18"/>
      <c r="E10479" s="18"/>
      <c r="F10479" s="18"/>
      <c r="G10479" s="18"/>
      <c r="H10479" s="18"/>
      <c r="I10479" s="18"/>
      <c r="J10479" s="18"/>
      <c r="K10479" s="18"/>
      <c r="L10479" s="18"/>
      <c r="M10479" s="18"/>
      <c r="N10479" s="18"/>
      <c r="O10479" s="18"/>
      <c r="P10479" s="19"/>
      <c r="Q10479" s="19"/>
      <c r="R10479" s="19"/>
      <c r="S10479" s="19"/>
      <c r="T10479" s="19"/>
      <c r="U10479" s="19"/>
      <c r="V10479" s="19"/>
      <c r="W10479" s="19"/>
      <c r="X10479" s="19"/>
      <c r="Y10479" s="19"/>
      <c r="Z10479" s="19"/>
      <c r="AA10479" s="19"/>
    </row>
    <row r="10480" spans="1:27" s="1" customFormat="1" ht="14.1" customHeight="1" outlineLevel="1" x14ac:dyDescent="0.2">
      <c r="A10480" s="17">
        <v>14134</v>
      </c>
      <c r="B10480" s="17"/>
      <c r="C10480" s="17"/>
      <c r="D10480" s="18" t="s">
        <v>5197</v>
      </c>
      <c r="E10480" s="18"/>
      <c r="F10480" s="18"/>
      <c r="G10480" s="18"/>
      <c r="H10480" s="18"/>
      <c r="I10480" s="18"/>
      <c r="J10480" s="18"/>
      <c r="K10480" s="18"/>
      <c r="L10480" s="18"/>
      <c r="M10480" s="18"/>
      <c r="N10480" s="18"/>
      <c r="O10480" s="18"/>
      <c r="P10480" s="19">
        <v>180</v>
      </c>
      <c r="Q10480" s="19"/>
      <c r="R10480" s="19"/>
      <c r="S10480" s="19"/>
      <c r="T10480" s="19">
        <v>140</v>
      </c>
      <c r="U10480" s="19"/>
      <c r="V10480" s="19"/>
      <c r="W10480" s="19"/>
      <c r="X10480" s="19">
        <v>8</v>
      </c>
      <c r="Y10480" s="19"/>
      <c r="Z10480" s="19"/>
      <c r="AA10480" s="19"/>
    </row>
    <row r="10481" spans="1:27" s="1" customFormat="1" ht="14.1" customHeight="1" outlineLevel="1" x14ac:dyDescent="0.2">
      <c r="A10481" s="17"/>
      <c r="B10481" s="17"/>
      <c r="C10481" s="17"/>
      <c r="D10481" s="18"/>
      <c r="E10481" s="18"/>
      <c r="F10481" s="18"/>
      <c r="G10481" s="18"/>
      <c r="H10481" s="18"/>
      <c r="I10481" s="18"/>
      <c r="J10481" s="18"/>
      <c r="K10481" s="18"/>
      <c r="L10481" s="18"/>
      <c r="M10481" s="18"/>
      <c r="N10481" s="18"/>
      <c r="O10481" s="18"/>
      <c r="P10481" s="19"/>
      <c r="Q10481" s="19"/>
      <c r="R10481" s="19"/>
      <c r="S10481" s="19"/>
      <c r="T10481" s="19"/>
      <c r="U10481" s="19"/>
      <c r="V10481" s="19"/>
      <c r="W10481" s="19"/>
      <c r="X10481" s="19"/>
      <c r="Y10481" s="19"/>
      <c r="Z10481" s="19"/>
      <c r="AA10481" s="19"/>
    </row>
    <row r="10482" spans="1:27" s="1" customFormat="1" ht="14.1" customHeight="1" outlineLevel="1" x14ac:dyDescent="0.2">
      <c r="A10482" s="17">
        <v>14135</v>
      </c>
      <c r="B10482" s="17"/>
      <c r="C10482" s="17"/>
      <c r="D10482" s="18" t="s">
        <v>5198</v>
      </c>
      <c r="E10482" s="18"/>
      <c r="F10482" s="18"/>
      <c r="G10482" s="18"/>
      <c r="H10482" s="18"/>
      <c r="I10482" s="18"/>
      <c r="J10482" s="18"/>
      <c r="K10482" s="18"/>
      <c r="L10482" s="18"/>
      <c r="M10482" s="18"/>
      <c r="N10482" s="18"/>
      <c r="O10482" s="18"/>
      <c r="P10482" s="19">
        <v>190</v>
      </c>
      <c r="Q10482" s="19"/>
      <c r="R10482" s="19"/>
      <c r="S10482" s="19"/>
      <c r="T10482" s="19">
        <v>150</v>
      </c>
      <c r="U10482" s="19"/>
      <c r="V10482" s="19"/>
      <c r="W10482" s="19"/>
      <c r="X10482" s="19">
        <v>8</v>
      </c>
      <c r="Y10482" s="19"/>
      <c r="Z10482" s="19"/>
      <c r="AA10482" s="19"/>
    </row>
    <row r="10483" spans="1:27" s="1" customFormat="1" ht="14.1" customHeight="1" outlineLevel="1" x14ac:dyDescent="0.2">
      <c r="A10483" s="17"/>
      <c r="B10483" s="17"/>
      <c r="C10483" s="17"/>
      <c r="D10483" s="18"/>
      <c r="E10483" s="18"/>
      <c r="F10483" s="18"/>
      <c r="G10483" s="18"/>
      <c r="H10483" s="18"/>
      <c r="I10483" s="18"/>
      <c r="J10483" s="18"/>
      <c r="K10483" s="18"/>
      <c r="L10483" s="18"/>
      <c r="M10483" s="18"/>
      <c r="N10483" s="18"/>
      <c r="O10483" s="18"/>
      <c r="P10483" s="19"/>
      <c r="Q10483" s="19"/>
      <c r="R10483" s="19"/>
      <c r="S10483" s="19"/>
      <c r="T10483" s="19"/>
      <c r="U10483" s="19"/>
      <c r="V10483" s="19"/>
      <c r="W10483" s="19"/>
      <c r="X10483" s="19"/>
      <c r="Y10483" s="19"/>
      <c r="Z10483" s="19"/>
      <c r="AA10483" s="19"/>
    </row>
    <row r="10484" spans="1:27" s="1" customFormat="1" ht="14.1" customHeight="1" outlineLevel="1" x14ac:dyDescent="0.2">
      <c r="A10484" s="17">
        <v>15556</v>
      </c>
      <c r="B10484" s="17"/>
      <c r="C10484" s="17"/>
      <c r="D10484" s="18" t="s">
        <v>5199</v>
      </c>
      <c r="E10484" s="18"/>
      <c r="F10484" s="18"/>
      <c r="G10484" s="18"/>
      <c r="H10484" s="18"/>
      <c r="I10484" s="18"/>
      <c r="J10484" s="18"/>
      <c r="K10484" s="18"/>
      <c r="L10484" s="18"/>
      <c r="M10484" s="18"/>
      <c r="N10484" s="18"/>
      <c r="O10484" s="18"/>
      <c r="P10484" s="19">
        <v>800</v>
      </c>
      <c r="Q10484" s="19"/>
      <c r="R10484" s="19"/>
      <c r="S10484" s="19"/>
      <c r="T10484" s="19">
        <v>600</v>
      </c>
      <c r="U10484" s="19"/>
      <c r="V10484" s="19"/>
      <c r="W10484" s="19"/>
      <c r="X10484" s="19">
        <v>2</v>
      </c>
      <c r="Y10484" s="19"/>
      <c r="Z10484" s="19"/>
      <c r="AA10484" s="19"/>
    </row>
    <row r="10485" spans="1:27" s="1" customFormat="1" ht="14.1" customHeight="1" outlineLevel="1" x14ac:dyDescent="0.2">
      <c r="A10485" s="17"/>
      <c r="B10485" s="17"/>
      <c r="C10485" s="17"/>
      <c r="D10485" s="18"/>
      <c r="E10485" s="18"/>
      <c r="F10485" s="18"/>
      <c r="G10485" s="18"/>
      <c r="H10485" s="18"/>
      <c r="I10485" s="18"/>
      <c r="J10485" s="18"/>
      <c r="K10485" s="18"/>
      <c r="L10485" s="18"/>
      <c r="M10485" s="18"/>
      <c r="N10485" s="18"/>
      <c r="O10485" s="18"/>
      <c r="P10485" s="19"/>
      <c r="Q10485" s="19"/>
      <c r="R10485" s="19"/>
      <c r="S10485" s="19"/>
      <c r="T10485" s="19"/>
      <c r="U10485" s="19"/>
      <c r="V10485" s="19"/>
      <c r="W10485" s="19"/>
      <c r="X10485" s="19"/>
      <c r="Y10485" s="19"/>
      <c r="Z10485" s="19"/>
      <c r="AA10485" s="19"/>
    </row>
    <row r="10486" spans="1:27" s="1" customFormat="1" ht="14.1" customHeight="1" outlineLevel="1" x14ac:dyDescent="0.2">
      <c r="A10486" s="17">
        <v>13732</v>
      </c>
      <c r="B10486" s="17"/>
      <c r="C10486" s="17"/>
      <c r="D10486" s="18" t="s">
        <v>5200</v>
      </c>
      <c r="E10486" s="18"/>
      <c r="F10486" s="18"/>
      <c r="G10486" s="18"/>
      <c r="H10486" s="18"/>
      <c r="I10486" s="18"/>
      <c r="J10486" s="18"/>
      <c r="K10486" s="18"/>
      <c r="L10486" s="18"/>
      <c r="M10486" s="18"/>
      <c r="N10486" s="18"/>
      <c r="O10486" s="18"/>
      <c r="P10486" s="19">
        <v>200</v>
      </c>
      <c r="Q10486" s="19"/>
      <c r="R10486" s="19"/>
      <c r="S10486" s="19"/>
      <c r="T10486" s="19">
        <v>150</v>
      </c>
      <c r="U10486" s="19"/>
      <c r="V10486" s="19"/>
      <c r="W10486" s="19"/>
      <c r="X10486" s="19">
        <v>10</v>
      </c>
      <c r="Y10486" s="19"/>
      <c r="Z10486" s="19"/>
      <c r="AA10486" s="19"/>
    </row>
    <row r="10487" spans="1:27" s="1" customFormat="1" ht="14.1" customHeight="1" outlineLevel="1" x14ac:dyDescent="0.2">
      <c r="A10487" s="17"/>
      <c r="B10487" s="17"/>
      <c r="C10487" s="17"/>
      <c r="D10487" s="18"/>
      <c r="E10487" s="18"/>
      <c r="F10487" s="18"/>
      <c r="G10487" s="18"/>
      <c r="H10487" s="18"/>
      <c r="I10487" s="18"/>
      <c r="J10487" s="18"/>
      <c r="K10487" s="18"/>
      <c r="L10487" s="18"/>
      <c r="M10487" s="18"/>
      <c r="N10487" s="18"/>
      <c r="O10487" s="18"/>
      <c r="P10487" s="19"/>
      <c r="Q10487" s="19"/>
      <c r="R10487" s="19"/>
      <c r="S10487" s="19"/>
      <c r="T10487" s="19"/>
      <c r="U10487" s="19"/>
      <c r="V10487" s="19"/>
      <c r="W10487" s="19"/>
      <c r="X10487" s="19"/>
      <c r="Y10487" s="19"/>
      <c r="Z10487" s="19"/>
      <c r="AA10487" s="19"/>
    </row>
    <row r="10488" spans="1:27" s="1" customFormat="1" ht="14.1" customHeight="1" outlineLevel="1" x14ac:dyDescent="0.2">
      <c r="A10488" s="17">
        <v>14136</v>
      </c>
      <c r="B10488" s="17"/>
      <c r="C10488" s="17"/>
      <c r="D10488" s="18" t="s">
        <v>5201</v>
      </c>
      <c r="E10488" s="18"/>
      <c r="F10488" s="18"/>
      <c r="G10488" s="18"/>
      <c r="H10488" s="18"/>
      <c r="I10488" s="18"/>
      <c r="J10488" s="18"/>
      <c r="K10488" s="18"/>
      <c r="L10488" s="18"/>
      <c r="M10488" s="18"/>
      <c r="N10488" s="18"/>
      <c r="O10488" s="18"/>
      <c r="P10488" s="19">
        <v>180</v>
      </c>
      <c r="Q10488" s="19"/>
      <c r="R10488" s="19"/>
      <c r="S10488" s="19"/>
      <c r="T10488" s="19">
        <v>150</v>
      </c>
      <c r="U10488" s="19"/>
      <c r="V10488" s="19"/>
      <c r="W10488" s="19"/>
      <c r="X10488" s="19">
        <v>18</v>
      </c>
      <c r="Y10488" s="19"/>
      <c r="Z10488" s="19"/>
      <c r="AA10488" s="19"/>
    </row>
    <row r="10489" spans="1:27" s="1" customFormat="1" ht="14.1" customHeight="1" outlineLevel="1" x14ac:dyDescent="0.2">
      <c r="A10489" s="17"/>
      <c r="B10489" s="17"/>
      <c r="C10489" s="17"/>
      <c r="D10489" s="18"/>
      <c r="E10489" s="18"/>
      <c r="F10489" s="18"/>
      <c r="G10489" s="18"/>
      <c r="H10489" s="18"/>
      <c r="I10489" s="18"/>
      <c r="J10489" s="18"/>
      <c r="K10489" s="18"/>
      <c r="L10489" s="18"/>
      <c r="M10489" s="18"/>
      <c r="N10489" s="18"/>
      <c r="O10489" s="18"/>
      <c r="P10489" s="19"/>
      <c r="Q10489" s="19"/>
      <c r="R10489" s="19"/>
      <c r="S10489" s="19"/>
      <c r="T10489" s="19"/>
      <c r="U10489" s="19"/>
      <c r="V10489" s="19"/>
      <c r="W10489" s="19"/>
      <c r="X10489" s="19"/>
      <c r="Y10489" s="19"/>
      <c r="Z10489" s="19"/>
      <c r="AA10489" s="19"/>
    </row>
    <row r="10490" spans="1:27" s="1" customFormat="1" ht="14.1" customHeight="1" outlineLevel="1" x14ac:dyDescent="0.2">
      <c r="A10490" s="17">
        <v>13965</v>
      </c>
      <c r="B10490" s="17"/>
      <c r="C10490" s="17"/>
      <c r="D10490" s="18" t="s">
        <v>5202</v>
      </c>
      <c r="E10490" s="18"/>
      <c r="F10490" s="18"/>
      <c r="G10490" s="18"/>
      <c r="H10490" s="18"/>
      <c r="I10490" s="18"/>
      <c r="J10490" s="18"/>
      <c r="K10490" s="18"/>
      <c r="L10490" s="18"/>
      <c r="M10490" s="18"/>
      <c r="N10490" s="18"/>
      <c r="O10490" s="18"/>
      <c r="P10490" s="19">
        <v>240</v>
      </c>
      <c r="Q10490" s="19"/>
      <c r="R10490" s="19"/>
      <c r="S10490" s="19"/>
      <c r="T10490" s="19">
        <v>180</v>
      </c>
      <c r="U10490" s="19"/>
      <c r="V10490" s="19"/>
      <c r="W10490" s="19"/>
      <c r="X10490" s="19">
        <v>1</v>
      </c>
      <c r="Y10490" s="19"/>
      <c r="Z10490" s="19"/>
      <c r="AA10490" s="19"/>
    </row>
    <row r="10491" spans="1:27" s="1" customFormat="1" ht="14.1" customHeight="1" outlineLevel="1" x14ac:dyDescent="0.2">
      <c r="A10491" s="17"/>
      <c r="B10491" s="17"/>
      <c r="C10491" s="17"/>
      <c r="D10491" s="18"/>
      <c r="E10491" s="18"/>
      <c r="F10491" s="18"/>
      <c r="G10491" s="18"/>
      <c r="H10491" s="18"/>
      <c r="I10491" s="18"/>
      <c r="J10491" s="18"/>
      <c r="K10491" s="18"/>
      <c r="L10491" s="18"/>
      <c r="M10491" s="18"/>
      <c r="N10491" s="18"/>
      <c r="O10491" s="18"/>
      <c r="P10491" s="19"/>
      <c r="Q10491" s="19"/>
      <c r="R10491" s="19"/>
      <c r="S10491" s="19"/>
      <c r="T10491" s="19"/>
      <c r="U10491" s="19"/>
      <c r="V10491" s="19"/>
      <c r="W10491" s="19"/>
      <c r="X10491" s="19"/>
      <c r="Y10491" s="19"/>
      <c r="Z10491" s="19"/>
      <c r="AA10491" s="19"/>
    </row>
    <row r="10492" spans="1:27" s="1" customFormat="1" ht="14.1" customHeight="1" outlineLevel="1" x14ac:dyDescent="0.2">
      <c r="A10492" s="17">
        <v>14137</v>
      </c>
      <c r="B10492" s="17"/>
      <c r="C10492" s="17"/>
      <c r="D10492" s="18" t="s">
        <v>5203</v>
      </c>
      <c r="E10492" s="18"/>
      <c r="F10492" s="18"/>
      <c r="G10492" s="18"/>
      <c r="H10492" s="18"/>
      <c r="I10492" s="18"/>
      <c r="J10492" s="18"/>
      <c r="K10492" s="18"/>
      <c r="L10492" s="18"/>
      <c r="M10492" s="18"/>
      <c r="N10492" s="18"/>
      <c r="O10492" s="18"/>
      <c r="P10492" s="19">
        <v>180</v>
      </c>
      <c r="Q10492" s="19"/>
      <c r="R10492" s="19"/>
      <c r="S10492" s="19"/>
      <c r="T10492" s="19">
        <v>140</v>
      </c>
      <c r="U10492" s="19"/>
      <c r="V10492" s="19"/>
      <c r="W10492" s="19"/>
      <c r="X10492" s="19">
        <v>10</v>
      </c>
      <c r="Y10492" s="19"/>
      <c r="Z10492" s="19"/>
      <c r="AA10492" s="19"/>
    </row>
    <row r="10493" spans="1:27" s="1" customFormat="1" ht="14.1" customHeight="1" outlineLevel="1" x14ac:dyDescent="0.2">
      <c r="A10493" s="17"/>
      <c r="B10493" s="17"/>
      <c r="C10493" s="17"/>
      <c r="D10493" s="18"/>
      <c r="E10493" s="18"/>
      <c r="F10493" s="18"/>
      <c r="G10493" s="18"/>
      <c r="H10493" s="18"/>
      <c r="I10493" s="18"/>
      <c r="J10493" s="18"/>
      <c r="K10493" s="18"/>
      <c r="L10493" s="18"/>
      <c r="M10493" s="18"/>
      <c r="N10493" s="18"/>
      <c r="O10493" s="18"/>
      <c r="P10493" s="19"/>
      <c r="Q10493" s="19"/>
      <c r="R10493" s="19"/>
      <c r="S10493" s="19"/>
      <c r="T10493" s="19"/>
      <c r="U10493" s="19"/>
      <c r="V10493" s="19"/>
      <c r="W10493" s="19"/>
      <c r="X10493" s="19"/>
      <c r="Y10493" s="19"/>
      <c r="Z10493" s="19"/>
      <c r="AA10493" s="19"/>
    </row>
    <row r="10494" spans="1:27" s="1" customFormat="1" ht="14.1" customHeight="1" outlineLevel="1" x14ac:dyDescent="0.2">
      <c r="A10494" s="17">
        <v>18051</v>
      </c>
      <c r="B10494" s="17"/>
      <c r="C10494" s="17"/>
      <c r="D10494" s="18" t="s">
        <v>5204</v>
      </c>
      <c r="E10494" s="18"/>
      <c r="F10494" s="18"/>
      <c r="G10494" s="18"/>
      <c r="H10494" s="18"/>
      <c r="I10494" s="18"/>
      <c r="J10494" s="18"/>
      <c r="K10494" s="18"/>
      <c r="L10494" s="18"/>
      <c r="M10494" s="18"/>
      <c r="N10494" s="18"/>
      <c r="O10494" s="18"/>
      <c r="P10494" s="20">
        <v>1000</v>
      </c>
      <c r="Q10494" s="20"/>
      <c r="R10494" s="20"/>
      <c r="S10494" s="20"/>
      <c r="T10494" s="19">
        <v>800</v>
      </c>
      <c r="U10494" s="19"/>
      <c r="V10494" s="19"/>
      <c r="W10494" s="19"/>
      <c r="X10494" s="19">
        <v>1</v>
      </c>
      <c r="Y10494" s="19"/>
      <c r="Z10494" s="19"/>
      <c r="AA10494" s="19"/>
    </row>
    <row r="10495" spans="1:27" s="1" customFormat="1" ht="14.1" customHeight="1" outlineLevel="1" x14ac:dyDescent="0.2">
      <c r="A10495" s="17"/>
      <c r="B10495" s="17"/>
      <c r="C10495" s="17"/>
      <c r="D10495" s="18"/>
      <c r="E10495" s="18"/>
      <c r="F10495" s="18"/>
      <c r="G10495" s="18"/>
      <c r="H10495" s="18"/>
      <c r="I10495" s="18"/>
      <c r="J10495" s="18"/>
      <c r="K10495" s="18"/>
      <c r="L10495" s="18"/>
      <c r="M10495" s="18"/>
      <c r="N10495" s="18"/>
      <c r="O10495" s="18"/>
      <c r="P10495" s="20"/>
      <c r="Q10495" s="20"/>
      <c r="R10495" s="20"/>
      <c r="S10495" s="20"/>
      <c r="T10495" s="19"/>
      <c r="U10495" s="19"/>
      <c r="V10495" s="19"/>
      <c r="W10495" s="19"/>
      <c r="X10495" s="19"/>
      <c r="Y10495" s="19"/>
      <c r="Z10495" s="19"/>
      <c r="AA10495" s="19"/>
    </row>
    <row r="10496" spans="1:27" s="1" customFormat="1" ht="14.1" customHeight="1" outlineLevel="1" x14ac:dyDescent="0.2">
      <c r="A10496" s="17">
        <v>9616</v>
      </c>
      <c r="B10496" s="17"/>
      <c r="C10496" s="17"/>
      <c r="D10496" s="18" t="s">
        <v>5205</v>
      </c>
      <c r="E10496" s="18"/>
      <c r="F10496" s="18"/>
      <c r="G10496" s="18"/>
      <c r="H10496" s="18"/>
      <c r="I10496" s="18"/>
      <c r="J10496" s="18"/>
      <c r="K10496" s="18"/>
      <c r="L10496" s="18"/>
      <c r="M10496" s="18"/>
      <c r="N10496" s="18"/>
      <c r="O10496" s="18"/>
      <c r="P10496" s="19">
        <v>170</v>
      </c>
      <c r="Q10496" s="19"/>
      <c r="R10496" s="19"/>
      <c r="S10496" s="19"/>
      <c r="T10496" s="19">
        <v>130</v>
      </c>
      <c r="U10496" s="19"/>
      <c r="V10496" s="19"/>
      <c r="W10496" s="19"/>
      <c r="X10496" s="19">
        <v>11</v>
      </c>
      <c r="Y10496" s="19"/>
      <c r="Z10496" s="19"/>
      <c r="AA10496" s="19"/>
    </row>
    <row r="10497" spans="1:27" s="1" customFormat="1" ht="14.1" customHeight="1" outlineLevel="1" x14ac:dyDescent="0.2">
      <c r="A10497" s="17"/>
      <c r="B10497" s="17"/>
      <c r="C10497" s="17"/>
      <c r="D10497" s="18"/>
      <c r="E10497" s="18"/>
      <c r="F10497" s="18"/>
      <c r="G10497" s="18"/>
      <c r="H10497" s="18"/>
      <c r="I10497" s="18"/>
      <c r="J10497" s="18"/>
      <c r="K10497" s="18"/>
      <c r="L10497" s="18"/>
      <c r="M10497" s="18"/>
      <c r="N10497" s="18"/>
      <c r="O10497" s="18"/>
      <c r="P10497" s="19"/>
      <c r="Q10497" s="19"/>
      <c r="R10497" s="19"/>
      <c r="S10497" s="19"/>
      <c r="T10497" s="19"/>
      <c r="U10497" s="19"/>
      <c r="V10497" s="19"/>
      <c r="W10497" s="19"/>
      <c r="X10497" s="19"/>
      <c r="Y10497" s="19"/>
      <c r="Z10497" s="19"/>
      <c r="AA10497" s="19"/>
    </row>
    <row r="10498" spans="1:27" s="1" customFormat="1" ht="14.1" customHeight="1" outlineLevel="1" x14ac:dyDescent="0.2">
      <c r="A10498" s="17">
        <v>8588</v>
      </c>
      <c r="B10498" s="17"/>
      <c r="C10498" s="17"/>
      <c r="D10498" s="18" t="s">
        <v>5206</v>
      </c>
      <c r="E10498" s="18"/>
      <c r="F10498" s="18"/>
      <c r="G10498" s="18"/>
      <c r="H10498" s="18"/>
      <c r="I10498" s="18"/>
      <c r="J10498" s="18"/>
      <c r="K10498" s="18"/>
      <c r="L10498" s="18"/>
      <c r="M10498" s="18"/>
      <c r="N10498" s="18"/>
      <c r="O10498" s="18"/>
      <c r="P10498" s="19">
        <v>170</v>
      </c>
      <c r="Q10498" s="19"/>
      <c r="R10498" s="19"/>
      <c r="S10498" s="19"/>
      <c r="T10498" s="19">
        <v>130</v>
      </c>
      <c r="U10498" s="19"/>
      <c r="V10498" s="19"/>
      <c r="W10498" s="19"/>
      <c r="X10498" s="19">
        <v>10</v>
      </c>
      <c r="Y10498" s="19"/>
      <c r="Z10498" s="19"/>
      <c r="AA10498" s="19"/>
    </row>
    <row r="10499" spans="1:27" s="1" customFormat="1" ht="14.1" customHeight="1" outlineLevel="1" x14ac:dyDescent="0.2">
      <c r="A10499" s="17"/>
      <c r="B10499" s="17"/>
      <c r="C10499" s="17"/>
      <c r="D10499" s="18"/>
      <c r="E10499" s="18"/>
      <c r="F10499" s="18"/>
      <c r="G10499" s="18"/>
      <c r="H10499" s="18"/>
      <c r="I10499" s="18"/>
      <c r="J10499" s="18"/>
      <c r="K10499" s="18"/>
      <c r="L10499" s="18"/>
      <c r="M10499" s="18"/>
      <c r="N10499" s="18"/>
      <c r="O10499" s="18"/>
      <c r="P10499" s="19"/>
      <c r="Q10499" s="19"/>
      <c r="R10499" s="19"/>
      <c r="S10499" s="19"/>
      <c r="T10499" s="19"/>
      <c r="U10499" s="19"/>
      <c r="V10499" s="19"/>
      <c r="W10499" s="19"/>
      <c r="X10499" s="19"/>
      <c r="Y10499" s="19"/>
      <c r="Z10499" s="19"/>
      <c r="AA10499" s="19"/>
    </row>
    <row r="10500" spans="1:27" s="1" customFormat="1" ht="14.1" customHeight="1" outlineLevel="1" x14ac:dyDescent="0.2">
      <c r="A10500" s="17">
        <v>6422</v>
      </c>
      <c r="B10500" s="17"/>
      <c r="C10500" s="17"/>
      <c r="D10500" s="18" t="s">
        <v>5207</v>
      </c>
      <c r="E10500" s="18"/>
      <c r="F10500" s="18"/>
      <c r="G10500" s="18"/>
      <c r="H10500" s="18"/>
      <c r="I10500" s="18"/>
      <c r="J10500" s="18"/>
      <c r="K10500" s="18"/>
      <c r="L10500" s="18"/>
      <c r="M10500" s="18"/>
      <c r="N10500" s="18"/>
      <c r="O10500" s="18"/>
      <c r="P10500" s="19">
        <v>170</v>
      </c>
      <c r="Q10500" s="19"/>
      <c r="R10500" s="19"/>
      <c r="S10500" s="19"/>
      <c r="T10500" s="19">
        <v>130</v>
      </c>
      <c r="U10500" s="19"/>
      <c r="V10500" s="19"/>
      <c r="W10500" s="19"/>
      <c r="X10500" s="19">
        <v>9</v>
      </c>
      <c r="Y10500" s="19"/>
      <c r="Z10500" s="19"/>
      <c r="AA10500" s="19"/>
    </row>
    <row r="10501" spans="1:27" s="1" customFormat="1" ht="14.1" customHeight="1" outlineLevel="1" x14ac:dyDescent="0.2">
      <c r="A10501" s="17"/>
      <c r="B10501" s="17"/>
      <c r="C10501" s="17"/>
      <c r="D10501" s="18"/>
      <c r="E10501" s="18"/>
      <c r="F10501" s="18"/>
      <c r="G10501" s="18"/>
      <c r="H10501" s="18"/>
      <c r="I10501" s="18"/>
      <c r="J10501" s="18"/>
      <c r="K10501" s="18"/>
      <c r="L10501" s="18"/>
      <c r="M10501" s="18"/>
      <c r="N10501" s="18"/>
      <c r="O10501" s="18"/>
      <c r="P10501" s="19"/>
      <c r="Q10501" s="19"/>
      <c r="R10501" s="19"/>
      <c r="S10501" s="19"/>
      <c r="T10501" s="19"/>
      <c r="U10501" s="19"/>
      <c r="V10501" s="19"/>
      <c r="W10501" s="19"/>
      <c r="X10501" s="19"/>
      <c r="Y10501" s="19"/>
      <c r="Z10501" s="19"/>
      <c r="AA10501" s="19"/>
    </row>
    <row r="10502" spans="1:27" s="1" customFormat="1" ht="11.1" customHeight="1" outlineLevel="1" x14ac:dyDescent="0.2">
      <c r="A10502" s="17">
        <v>8319</v>
      </c>
      <c r="B10502" s="17"/>
      <c r="C10502" s="17"/>
      <c r="D10502" s="18" t="s">
        <v>5208</v>
      </c>
      <c r="E10502" s="18"/>
      <c r="F10502" s="18"/>
      <c r="G10502" s="18"/>
      <c r="H10502" s="18"/>
      <c r="I10502" s="18"/>
      <c r="J10502" s="18"/>
      <c r="K10502" s="18"/>
      <c r="L10502" s="18"/>
      <c r="M10502" s="18"/>
      <c r="N10502" s="18"/>
      <c r="O10502" s="18"/>
      <c r="P10502" s="19">
        <v>170</v>
      </c>
      <c r="Q10502" s="19"/>
      <c r="R10502" s="19"/>
      <c r="S10502" s="19"/>
      <c r="T10502" s="19">
        <v>130</v>
      </c>
      <c r="U10502" s="19"/>
      <c r="V10502" s="19"/>
      <c r="W10502" s="19"/>
      <c r="X10502" s="19">
        <v>11</v>
      </c>
      <c r="Y10502" s="19"/>
      <c r="Z10502" s="19"/>
      <c r="AA10502" s="19"/>
    </row>
    <row r="10503" spans="1:27" s="1" customFormat="1" ht="11.1" customHeight="1" outlineLevel="1" x14ac:dyDescent="0.2">
      <c r="A10503" s="17"/>
      <c r="B10503" s="17"/>
      <c r="C10503" s="17"/>
      <c r="D10503" s="18"/>
      <c r="E10503" s="18"/>
      <c r="F10503" s="18"/>
      <c r="G10503" s="18"/>
      <c r="H10503" s="18"/>
      <c r="I10503" s="18"/>
      <c r="J10503" s="18"/>
      <c r="K10503" s="18"/>
      <c r="L10503" s="18"/>
      <c r="M10503" s="18"/>
      <c r="N10503" s="18"/>
      <c r="O10503" s="18"/>
      <c r="P10503" s="19"/>
      <c r="Q10503" s="19"/>
      <c r="R10503" s="19"/>
      <c r="S10503" s="19"/>
      <c r="T10503" s="19"/>
      <c r="U10503" s="19"/>
      <c r="V10503" s="19"/>
      <c r="W10503" s="19"/>
      <c r="X10503" s="19"/>
      <c r="Y10503" s="19"/>
      <c r="Z10503" s="19"/>
      <c r="AA10503" s="19"/>
    </row>
    <row r="10504" spans="1:27" s="1" customFormat="1" ht="14.1" customHeight="1" outlineLevel="1" x14ac:dyDescent="0.2">
      <c r="A10504" s="17">
        <v>8449</v>
      </c>
      <c r="B10504" s="17"/>
      <c r="C10504" s="17"/>
      <c r="D10504" s="18" t="s">
        <v>5209</v>
      </c>
      <c r="E10504" s="18"/>
      <c r="F10504" s="18"/>
      <c r="G10504" s="18"/>
      <c r="H10504" s="18"/>
      <c r="I10504" s="18"/>
      <c r="J10504" s="18"/>
      <c r="K10504" s="18"/>
      <c r="L10504" s="18"/>
      <c r="M10504" s="18"/>
      <c r="N10504" s="18"/>
      <c r="O10504" s="18"/>
      <c r="P10504" s="19">
        <v>170</v>
      </c>
      <c r="Q10504" s="19"/>
      <c r="R10504" s="19"/>
      <c r="S10504" s="19"/>
      <c r="T10504" s="19">
        <v>130</v>
      </c>
      <c r="U10504" s="19"/>
      <c r="V10504" s="19"/>
      <c r="W10504" s="19"/>
      <c r="X10504" s="19">
        <v>13</v>
      </c>
      <c r="Y10504" s="19"/>
      <c r="Z10504" s="19"/>
      <c r="AA10504" s="19"/>
    </row>
    <row r="10505" spans="1:27" s="1" customFormat="1" ht="14.1" customHeight="1" outlineLevel="1" x14ac:dyDescent="0.2">
      <c r="A10505" s="17"/>
      <c r="B10505" s="17"/>
      <c r="C10505" s="17"/>
      <c r="D10505" s="18"/>
      <c r="E10505" s="18"/>
      <c r="F10505" s="18"/>
      <c r="G10505" s="18"/>
      <c r="H10505" s="18"/>
      <c r="I10505" s="18"/>
      <c r="J10505" s="18"/>
      <c r="K10505" s="18"/>
      <c r="L10505" s="18"/>
      <c r="M10505" s="18"/>
      <c r="N10505" s="18"/>
      <c r="O10505" s="18"/>
      <c r="P10505" s="19"/>
      <c r="Q10505" s="19"/>
      <c r="R10505" s="19"/>
      <c r="S10505" s="19"/>
      <c r="T10505" s="19"/>
      <c r="U10505" s="19"/>
      <c r="V10505" s="19"/>
      <c r="W10505" s="19"/>
      <c r="X10505" s="19"/>
      <c r="Y10505" s="19"/>
      <c r="Z10505" s="19"/>
      <c r="AA10505" s="19"/>
    </row>
    <row r="10506" spans="1:27" s="1" customFormat="1" ht="14.1" customHeight="1" outlineLevel="1" x14ac:dyDescent="0.2">
      <c r="A10506" s="17">
        <v>14155</v>
      </c>
      <c r="B10506" s="17"/>
      <c r="C10506" s="17"/>
      <c r="D10506" s="18" t="s">
        <v>5210</v>
      </c>
      <c r="E10506" s="18"/>
      <c r="F10506" s="18"/>
      <c r="G10506" s="18"/>
      <c r="H10506" s="18"/>
      <c r="I10506" s="18"/>
      <c r="J10506" s="18"/>
      <c r="K10506" s="18"/>
      <c r="L10506" s="18"/>
      <c r="M10506" s="18"/>
      <c r="N10506" s="18"/>
      <c r="O10506" s="18"/>
      <c r="P10506" s="19">
        <v>165</v>
      </c>
      <c r="Q10506" s="19"/>
      <c r="R10506" s="19"/>
      <c r="S10506" s="19"/>
      <c r="T10506" s="19">
        <v>125</v>
      </c>
      <c r="U10506" s="19"/>
      <c r="V10506" s="19"/>
      <c r="W10506" s="19"/>
      <c r="X10506" s="19">
        <v>8</v>
      </c>
      <c r="Y10506" s="19"/>
      <c r="Z10506" s="19"/>
      <c r="AA10506" s="19"/>
    </row>
    <row r="10507" spans="1:27" s="1" customFormat="1" ht="14.1" customHeight="1" outlineLevel="1" x14ac:dyDescent="0.2">
      <c r="A10507" s="17"/>
      <c r="B10507" s="17"/>
      <c r="C10507" s="17"/>
      <c r="D10507" s="18"/>
      <c r="E10507" s="18"/>
      <c r="F10507" s="18"/>
      <c r="G10507" s="18"/>
      <c r="H10507" s="18"/>
      <c r="I10507" s="18"/>
      <c r="J10507" s="18"/>
      <c r="K10507" s="18"/>
      <c r="L10507" s="18"/>
      <c r="M10507" s="18"/>
      <c r="N10507" s="18"/>
      <c r="O10507" s="18"/>
      <c r="P10507" s="19"/>
      <c r="Q10507" s="19"/>
      <c r="R10507" s="19"/>
      <c r="S10507" s="19"/>
      <c r="T10507" s="19"/>
      <c r="U10507" s="19"/>
      <c r="V10507" s="19"/>
      <c r="W10507" s="19"/>
      <c r="X10507" s="19"/>
      <c r="Y10507" s="19"/>
      <c r="Z10507" s="19"/>
      <c r="AA10507" s="19"/>
    </row>
    <row r="10508" spans="1:27" s="1" customFormat="1" ht="14.1" customHeight="1" outlineLevel="1" x14ac:dyDescent="0.2">
      <c r="A10508" s="17">
        <v>9620</v>
      </c>
      <c r="B10508" s="17"/>
      <c r="C10508" s="17"/>
      <c r="D10508" s="18" t="s">
        <v>5211</v>
      </c>
      <c r="E10508" s="18"/>
      <c r="F10508" s="18"/>
      <c r="G10508" s="18"/>
      <c r="H10508" s="18"/>
      <c r="I10508" s="18"/>
      <c r="J10508" s="18"/>
      <c r="K10508" s="18"/>
      <c r="L10508" s="18"/>
      <c r="M10508" s="18"/>
      <c r="N10508" s="18"/>
      <c r="O10508" s="18"/>
      <c r="P10508" s="19">
        <v>165</v>
      </c>
      <c r="Q10508" s="19"/>
      <c r="R10508" s="19"/>
      <c r="S10508" s="19"/>
      <c r="T10508" s="19">
        <v>125</v>
      </c>
      <c r="U10508" s="19"/>
      <c r="V10508" s="19"/>
      <c r="W10508" s="19"/>
      <c r="X10508" s="19">
        <v>10</v>
      </c>
      <c r="Y10508" s="19"/>
      <c r="Z10508" s="19"/>
      <c r="AA10508" s="19"/>
    </row>
    <row r="10509" spans="1:27" s="1" customFormat="1" ht="14.1" customHeight="1" outlineLevel="1" x14ac:dyDescent="0.2">
      <c r="A10509" s="17"/>
      <c r="B10509" s="17"/>
      <c r="C10509" s="17"/>
      <c r="D10509" s="18"/>
      <c r="E10509" s="18"/>
      <c r="F10509" s="18"/>
      <c r="G10509" s="18"/>
      <c r="H10509" s="18"/>
      <c r="I10509" s="18"/>
      <c r="J10509" s="18"/>
      <c r="K10509" s="18"/>
      <c r="L10509" s="18"/>
      <c r="M10509" s="18"/>
      <c r="N10509" s="18"/>
      <c r="O10509" s="18"/>
      <c r="P10509" s="19"/>
      <c r="Q10509" s="19"/>
      <c r="R10509" s="19"/>
      <c r="S10509" s="19"/>
      <c r="T10509" s="19"/>
      <c r="U10509" s="19"/>
      <c r="V10509" s="19"/>
      <c r="W10509" s="19"/>
      <c r="X10509" s="19"/>
      <c r="Y10509" s="19"/>
      <c r="Z10509" s="19"/>
      <c r="AA10509" s="19"/>
    </row>
    <row r="10510" spans="1:27" s="1" customFormat="1" ht="14.1" customHeight="1" outlineLevel="1" x14ac:dyDescent="0.2">
      <c r="A10510" s="17">
        <v>8738</v>
      </c>
      <c r="B10510" s="17"/>
      <c r="C10510" s="17"/>
      <c r="D10510" s="18" t="s">
        <v>5212</v>
      </c>
      <c r="E10510" s="18"/>
      <c r="F10510" s="18"/>
      <c r="G10510" s="18"/>
      <c r="H10510" s="18"/>
      <c r="I10510" s="18"/>
      <c r="J10510" s="18"/>
      <c r="K10510" s="18"/>
      <c r="L10510" s="18"/>
      <c r="M10510" s="18"/>
      <c r="N10510" s="18"/>
      <c r="O10510" s="18"/>
      <c r="P10510" s="19">
        <v>170</v>
      </c>
      <c r="Q10510" s="19"/>
      <c r="R10510" s="19"/>
      <c r="S10510" s="19"/>
      <c r="T10510" s="19">
        <v>130</v>
      </c>
      <c r="U10510" s="19"/>
      <c r="V10510" s="19"/>
      <c r="W10510" s="19"/>
      <c r="X10510" s="19">
        <v>14</v>
      </c>
      <c r="Y10510" s="19"/>
      <c r="Z10510" s="19"/>
      <c r="AA10510" s="19"/>
    </row>
    <row r="10511" spans="1:27" s="1" customFormat="1" ht="14.1" customHeight="1" outlineLevel="1" x14ac:dyDescent="0.2">
      <c r="A10511" s="17"/>
      <c r="B10511" s="17"/>
      <c r="C10511" s="17"/>
      <c r="D10511" s="18"/>
      <c r="E10511" s="18"/>
      <c r="F10511" s="18"/>
      <c r="G10511" s="18"/>
      <c r="H10511" s="18"/>
      <c r="I10511" s="18"/>
      <c r="J10511" s="18"/>
      <c r="K10511" s="18"/>
      <c r="L10511" s="18"/>
      <c r="M10511" s="18"/>
      <c r="N10511" s="18"/>
      <c r="O10511" s="18"/>
      <c r="P10511" s="19"/>
      <c r="Q10511" s="19"/>
      <c r="R10511" s="19"/>
      <c r="S10511" s="19"/>
      <c r="T10511" s="19"/>
      <c r="U10511" s="19"/>
      <c r="V10511" s="19"/>
      <c r="W10511" s="19"/>
      <c r="X10511" s="19"/>
      <c r="Y10511" s="19"/>
      <c r="Z10511" s="19"/>
      <c r="AA10511" s="19"/>
    </row>
    <row r="10512" spans="1:27" s="1" customFormat="1" ht="21" customHeight="1" outlineLevel="1" x14ac:dyDescent="0.2">
      <c r="A10512" s="17">
        <v>16712</v>
      </c>
      <c r="B10512" s="17"/>
      <c r="C10512" s="17"/>
      <c r="D10512" s="18" t="s">
        <v>5213</v>
      </c>
      <c r="E10512" s="18"/>
      <c r="F10512" s="18"/>
      <c r="G10512" s="18"/>
      <c r="H10512" s="18"/>
      <c r="I10512" s="18"/>
      <c r="J10512" s="18"/>
      <c r="K10512" s="18"/>
      <c r="L10512" s="18"/>
      <c r="M10512" s="18"/>
      <c r="N10512" s="18"/>
      <c r="O10512" s="18"/>
      <c r="P10512" s="19">
        <v>350</v>
      </c>
      <c r="Q10512" s="19"/>
      <c r="R10512" s="19"/>
      <c r="S10512" s="19"/>
      <c r="T10512" s="19">
        <v>250</v>
      </c>
      <c r="U10512" s="19"/>
      <c r="V10512" s="19"/>
      <c r="W10512" s="19"/>
      <c r="X10512" s="19">
        <v>1</v>
      </c>
      <c r="Y10512" s="19"/>
      <c r="Z10512" s="19"/>
      <c r="AA10512" s="19"/>
    </row>
    <row r="10513" spans="1:27" s="1" customFormat="1" ht="21" customHeight="1" outlineLevel="1" x14ac:dyDescent="0.2">
      <c r="A10513" s="17"/>
      <c r="B10513" s="17"/>
      <c r="C10513" s="17"/>
      <c r="D10513" s="18"/>
      <c r="E10513" s="18"/>
      <c r="F10513" s="18"/>
      <c r="G10513" s="18"/>
      <c r="H10513" s="18"/>
      <c r="I10513" s="18"/>
      <c r="J10513" s="18"/>
      <c r="K10513" s="18"/>
      <c r="L10513" s="18"/>
      <c r="M10513" s="18"/>
      <c r="N10513" s="18"/>
      <c r="O10513" s="18"/>
      <c r="P10513" s="19"/>
      <c r="Q10513" s="19"/>
      <c r="R10513" s="19"/>
      <c r="S10513" s="19"/>
      <c r="T10513" s="19"/>
      <c r="U10513" s="19"/>
      <c r="V10513" s="19"/>
      <c r="W10513" s="19"/>
      <c r="X10513" s="19"/>
      <c r="Y10513" s="19"/>
      <c r="Z10513" s="19"/>
      <c r="AA10513" s="19"/>
    </row>
    <row r="10514" spans="1:27" s="1" customFormat="1" ht="14.1" customHeight="1" outlineLevel="1" x14ac:dyDescent="0.2">
      <c r="A10514" s="17">
        <v>14156</v>
      </c>
      <c r="B10514" s="17"/>
      <c r="C10514" s="17"/>
      <c r="D10514" s="18" t="s">
        <v>5214</v>
      </c>
      <c r="E10514" s="18"/>
      <c r="F10514" s="18"/>
      <c r="G10514" s="18"/>
      <c r="H10514" s="18"/>
      <c r="I10514" s="18"/>
      <c r="J10514" s="18"/>
      <c r="K10514" s="18"/>
      <c r="L10514" s="18"/>
      <c r="M10514" s="18"/>
      <c r="N10514" s="18"/>
      <c r="O10514" s="18"/>
      <c r="P10514" s="19">
        <v>160</v>
      </c>
      <c r="Q10514" s="19"/>
      <c r="R10514" s="19"/>
      <c r="S10514" s="19"/>
      <c r="T10514" s="19">
        <v>120</v>
      </c>
      <c r="U10514" s="19"/>
      <c r="V10514" s="19"/>
      <c r="W10514" s="19"/>
      <c r="X10514" s="19">
        <v>10</v>
      </c>
      <c r="Y10514" s="19"/>
      <c r="Z10514" s="19"/>
      <c r="AA10514" s="19"/>
    </row>
    <row r="10515" spans="1:27" s="1" customFormat="1" ht="14.1" customHeight="1" outlineLevel="1" x14ac:dyDescent="0.2">
      <c r="A10515" s="17"/>
      <c r="B10515" s="17"/>
      <c r="C10515" s="17"/>
      <c r="D10515" s="18"/>
      <c r="E10515" s="18"/>
      <c r="F10515" s="18"/>
      <c r="G10515" s="18"/>
      <c r="H10515" s="18"/>
      <c r="I10515" s="18"/>
      <c r="J10515" s="18"/>
      <c r="K10515" s="18"/>
      <c r="L10515" s="18"/>
      <c r="M10515" s="18"/>
      <c r="N10515" s="18"/>
      <c r="O10515" s="18"/>
      <c r="P10515" s="19"/>
      <c r="Q10515" s="19"/>
      <c r="R10515" s="19"/>
      <c r="S10515" s="19"/>
      <c r="T10515" s="19"/>
      <c r="U10515" s="19"/>
      <c r="V10515" s="19"/>
      <c r="W10515" s="19"/>
      <c r="X10515" s="19"/>
      <c r="Y10515" s="19"/>
      <c r="Z10515" s="19"/>
      <c r="AA10515" s="19"/>
    </row>
    <row r="10516" spans="1:27" s="1" customFormat="1" ht="14.1" customHeight="1" outlineLevel="1" x14ac:dyDescent="0.2">
      <c r="A10516" s="17">
        <v>8585</v>
      </c>
      <c r="B10516" s="17"/>
      <c r="C10516" s="17"/>
      <c r="D10516" s="18" t="s">
        <v>5215</v>
      </c>
      <c r="E10516" s="18"/>
      <c r="F10516" s="18"/>
      <c r="G10516" s="18"/>
      <c r="H10516" s="18"/>
      <c r="I10516" s="18"/>
      <c r="J10516" s="18"/>
      <c r="K10516" s="18"/>
      <c r="L10516" s="18"/>
      <c r="M10516" s="18"/>
      <c r="N10516" s="18"/>
      <c r="O10516" s="18"/>
      <c r="P10516" s="19">
        <v>125</v>
      </c>
      <c r="Q10516" s="19"/>
      <c r="R10516" s="19"/>
      <c r="S10516" s="19"/>
      <c r="T10516" s="19">
        <v>80</v>
      </c>
      <c r="U10516" s="19"/>
      <c r="V10516" s="19"/>
      <c r="W10516" s="19"/>
      <c r="X10516" s="19">
        <v>1</v>
      </c>
      <c r="Y10516" s="19"/>
      <c r="Z10516" s="19"/>
      <c r="AA10516" s="19"/>
    </row>
    <row r="10517" spans="1:27" s="1" customFormat="1" ht="14.1" customHeight="1" outlineLevel="1" x14ac:dyDescent="0.2">
      <c r="A10517" s="17"/>
      <c r="B10517" s="17"/>
      <c r="C10517" s="17"/>
      <c r="D10517" s="18"/>
      <c r="E10517" s="18"/>
      <c r="F10517" s="18"/>
      <c r="G10517" s="18"/>
      <c r="H10517" s="18"/>
      <c r="I10517" s="18"/>
      <c r="J10517" s="18"/>
      <c r="K10517" s="18"/>
      <c r="L10517" s="18"/>
      <c r="M10517" s="18"/>
      <c r="N10517" s="18"/>
      <c r="O10517" s="18"/>
      <c r="P10517" s="19"/>
      <c r="Q10517" s="19"/>
      <c r="R10517" s="19"/>
      <c r="S10517" s="19"/>
      <c r="T10517" s="19"/>
      <c r="U10517" s="19"/>
      <c r="V10517" s="19"/>
      <c r="W10517" s="19"/>
      <c r="X10517" s="19"/>
      <c r="Y10517" s="19"/>
      <c r="Z10517" s="19"/>
      <c r="AA10517" s="19"/>
    </row>
    <row r="10518" spans="1:27" s="1" customFormat="1" ht="14.1" customHeight="1" outlineLevel="1" x14ac:dyDescent="0.2">
      <c r="A10518" s="17">
        <v>12011</v>
      </c>
      <c r="B10518" s="17"/>
      <c r="C10518" s="17"/>
      <c r="D10518" s="18" t="s">
        <v>5216</v>
      </c>
      <c r="E10518" s="18"/>
      <c r="F10518" s="18"/>
      <c r="G10518" s="18"/>
      <c r="H10518" s="18"/>
      <c r="I10518" s="18"/>
      <c r="J10518" s="18"/>
      <c r="K10518" s="18"/>
      <c r="L10518" s="18"/>
      <c r="M10518" s="18"/>
      <c r="N10518" s="18"/>
      <c r="O10518" s="18"/>
      <c r="P10518" s="19">
        <v>170</v>
      </c>
      <c r="Q10518" s="19"/>
      <c r="R10518" s="19"/>
      <c r="S10518" s="19"/>
      <c r="T10518" s="19">
        <v>130</v>
      </c>
      <c r="U10518" s="19"/>
      <c r="V10518" s="19"/>
      <c r="W10518" s="19"/>
      <c r="X10518" s="19">
        <v>12</v>
      </c>
      <c r="Y10518" s="19"/>
      <c r="Z10518" s="19"/>
      <c r="AA10518" s="19"/>
    </row>
    <row r="10519" spans="1:27" s="1" customFormat="1" ht="14.1" customHeight="1" outlineLevel="1" x14ac:dyDescent="0.2">
      <c r="A10519" s="17"/>
      <c r="B10519" s="17"/>
      <c r="C10519" s="17"/>
      <c r="D10519" s="18"/>
      <c r="E10519" s="18"/>
      <c r="F10519" s="18"/>
      <c r="G10519" s="18"/>
      <c r="H10519" s="18"/>
      <c r="I10519" s="18"/>
      <c r="J10519" s="18"/>
      <c r="K10519" s="18"/>
      <c r="L10519" s="18"/>
      <c r="M10519" s="18"/>
      <c r="N10519" s="18"/>
      <c r="O10519" s="18"/>
      <c r="P10519" s="19"/>
      <c r="Q10519" s="19"/>
      <c r="R10519" s="19"/>
      <c r="S10519" s="19"/>
      <c r="T10519" s="19"/>
      <c r="U10519" s="19"/>
      <c r="V10519" s="19"/>
      <c r="W10519" s="19"/>
      <c r="X10519" s="19"/>
      <c r="Y10519" s="19"/>
      <c r="Z10519" s="19"/>
      <c r="AA10519" s="19"/>
    </row>
    <row r="10520" spans="1:27" s="1" customFormat="1" ht="14.1" customHeight="1" outlineLevel="1" x14ac:dyDescent="0.2">
      <c r="A10520" s="17">
        <v>9648</v>
      </c>
      <c r="B10520" s="17"/>
      <c r="C10520" s="17"/>
      <c r="D10520" s="18" t="s">
        <v>5217</v>
      </c>
      <c r="E10520" s="18"/>
      <c r="F10520" s="18"/>
      <c r="G10520" s="18"/>
      <c r="H10520" s="18"/>
      <c r="I10520" s="18"/>
      <c r="J10520" s="18"/>
      <c r="K10520" s="18"/>
      <c r="L10520" s="18"/>
      <c r="M10520" s="18"/>
      <c r="N10520" s="18"/>
      <c r="O10520" s="18"/>
      <c r="P10520" s="19">
        <v>170</v>
      </c>
      <c r="Q10520" s="19"/>
      <c r="R10520" s="19"/>
      <c r="S10520" s="19"/>
      <c r="T10520" s="19">
        <v>130</v>
      </c>
      <c r="U10520" s="19"/>
      <c r="V10520" s="19"/>
      <c r="W10520" s="19"/>
      <c r="X10520" s="19">
        <v>10</v>
      </c>
      <c r="Y10520" s="19"/>
      <c r="Z10520" s="19"/>
      <c r="AA10520" s="19"/>
    </row>
    <row r="10521" spans="1:27" s="1" customFormat="1" ht="14.1" customHeight="1" outlineLevel="1" x14ac:dyDescent="0.2">
      <c r="A10521" s="17"/>
      <c r="B10521" s="17"/>
      <c r="C10521" s="17"/>
      <c r="D10521" s="18"/>
      <c r="E10521" s="18"/>
      <c r="F10521" s="18"/>
      <c r="G10521" s="18"/>
      <c r="H10521" s="18"/>
      <c r="I10521" s="18"/>
      <c r="J10521" s="18"/>
      <c r="K10521" s="18"/>
      <c r="L10521" s="18"/>
      <c r="M10521" s="18"/>
      <c r="N10521" s="18"/>
      <c r="O10521" s="18"/>
      <c r="P10521" s="19"/>
      <c r="Q10521" s="19"/>
      <c r="R10521" s="19"/>
      <c r="S10521" s="19"/>
      <c r="T10521" s="19"/>
      <c r="U10521" s="19"/>
      <c r="V10521" s="19"/>
      <c r="W10521" s="19"/>
      <c r="X10521" s="19"/>
      <c r="Y10521" s="19"/>
      <c r="Z10521" s="19"/>
      <c r="AA10521" s="19"/>
    </row>
    <row r="10522" spans="1:27" s="1" customFormat="1" ht="14.1" customHeight="1" outlineLevel="1" x14ac:dyDescent="0.2">
      <c r="A10522" s="17">
        <v>11575</v>
      </c>
      <c r="B10522" s="17"/>
      <c r="C10522" s="17"/>
      <c r="D10522" s="18" t="s">
        <v>5218</v>
      </c>
      <c r="E10522" s="18"/>
      <c r="F10522" s="18"/>
      <c r="G10522" s="18"/>
      <c r="H10522" s="18"/>
      <c r="I10522" s="18"/>
      <c r="J10522" s="18"/>
      <c r="K10522" s="18"/>
      <c r="L10522" s="18"/>
      <c r="M10522" s="18"/>
      <c r="N10522" s="18"/>
      <c r="O10522" s="18"/>
      <c r="P10522" s="19">
        <v>170</v>
      </c>
      <c r="Q10522" s="19"/>
      <c r="R10522" s="19"/>
      <c r="S10522" s="19"/>
      <c r="T10522" s="19">
        <v>130</v>
      </c>
      <c r="U10522" s="19"/>
      <c r="V10522" s="19"/>
      <c r="W10522" s="19"/>
      <c r="X10522" s="19">
        <v>50</v>
      </c>
      <c r="Y10522" s="19"/>
      <c r="Z10522" s="19"/>
      <c r="AA10522" s="19"/>
    </row>
    <row r="10523" spans="1:27" s="1" customFormat="1" ht="14.1" customHeight="1" outlineLevel="1" x14ac:dyDescent="0.2">
      <c r="A10523" s="17"/>
      <c r="B10523" s="17"/>
      <c r="C10523" s="17"/>
      <c r="D10523" s="18"/>
      <c r="E10523" s="18"/>
      <c r="F10523" s="18"/>
      <c r="G10523" s="18"/>
      <c r="H10523" s="18"/>
      <c r="I10523" s="18"/>
      <c r="J10523" s="18"/>
      <c r="K10523" s="18"/>
      <c r="L10523" s="18"/>
      <c r="M10523" s="18"/>
      <c r="N10523" s="18"/>
      <c r="O10523" s="18"/>
      <c r="P10523" s="19"/>
      <c r="Q10523" s="19"/>
      <c r="R10523" s="19"/>
      <c r="S10523" s="19"/>
      <c r="T10523" s="19"/>
      <c r="U10523" s="19"/>
      <c r="V10523" s="19"/>
      <c r="W10523" s="19"/>
      <c r="X10523" s="19"/>
      <c r="Y10523" s="19"/>
      <c r="Z10523" s="19"/>
      <c r="AA10523" s="19"/>
    </row>
    <row r="10524" spans="1:27" s="1" customFormat="1" ht="14.1" customHeight="1" outlineLevel="1" x14ac:dyDescent="0.2">
      <c r="A10524" s="17">
        <v>14157</v>
      </c>
      <c r="B10524" s="17"/>
      <c r="C10524" s="17"/>
      <c r="D10524" s="18" t="s">
        <v>5219</v>
      </c>
      <c r="E10524" s="18"/>
      <c r="F10524" s="18"/>
      <c r="G10524" s="18"/>
      <c r="H10524" s="18"/>
      <c r="I10524" s="18"/>
      <c r="J10524" s="18"/>
      <c r="K10524" s="18"/>
      <c r="L10524" s="18"/>
      <c r="M10524" s="18"/>
      <c r="N10524" s="18"/>
      <c r="O10524" s="18"/>
      <c r="P10524" s="19">
        <v>190</v>
      </c>
      <c r="Q10524" s="19"/>
      <c r="R10524" s="19"/>
      <c r="S10524" s="19"/>
      <c r="T10524" s="19">
        <v>150</v>
      </c>
      <c r="U10524" s="19"/>
      <c r="V10524" s="19"/>
      <c r="W10524" s="19"/>
      <c r="X10524" s="19">
        <v>10</v>
      </c>
      <c r="Y10524" s="19"/>
      <c r="Z10524" s="19"/>
      <c r="AA10524" s="19"/>
    </row>
    <row r="10525" spans="1:27" s="1" customFormat="1" ht="14.1" customHeight="1" outlineLevel="1" x14ac:dyDescent="0.2">
      <c r="A10525" s="17"/>
      <c r="B10525" s="17"/>
      <c r="C10525" s="17"/>
      <c r="D10525" s="18"/>
      <c r="E10525" s="18"/>
      <c r="F10525" s="18"/>
      <c r="G10525" s="18"/>
      <c r="H10525" s="18"/>
      <c r="I10525" s="18"/>
      <c r="J10525" s="18"/>
      <c r="K10525" s="18"/>
      <c r="L10525" s="18"/>
      <c r="M10525" s="18"/>
      <c r="N10525" s="18"/>
      <c r="O10525" s="18"/>
      <c r="P10525" s="19"/>
      <c r="Q10525" s="19"/>
      <c r="R10525" s="19"/>
      <c r="S10525" s="19"/>
      <c r="T10525" s="19"/>
      <c r="U10525" s="19"/>
      <c r="V10525" s="19"/>
      <c r="W10525" s="19"/>
      <c r="X10525" s="19"/>
      <c r="Y10525" s="19"/>
      <c r="Z10525" s="19"/>
      <c r="AA10525" s="19"/>
    </row>
    <row r="10526" spans="1:27" s="1" customFormat="1" ht="14.1" customHeight="1" outlineLevel="1" x14ac:dyDescent="0.2">
      <c r="A10526" s="17">
        <v>9309</v>
      </c>
      <c r="B10526" s="17"/>
      <c r="C10526" s="17"/>
      <c r="D10526" s="18" t="s">
        <v>5220</v>
      </c>
      <c r="E10526" s="18"/>
      <c r="F10526" s="18"/>
      <c r="G10526" s="18"/>
      <c r="H10526" s="18"/>
      <c r="I10526" s="18"/>
      <c r="J10526" s="18"/>
      <c r="K10526" s="18"/>
      <c r="L10526" s="18"/>
      <c r="M10526" s="18"/>
      <c r="N10526" s="18"/>
      <c r="O10526" s="18"/>
      <c r="P10526" s="19">
        <v>170</v>
      </c>
      <c r="Q10526" s="19"/>
      <c r="R10526" s="19"/>
      <c r="S10526" s="19"/>
      <c r="T10526" s="19">
        <v>130</v>
      </c>
      <c r="U10526" s="19"/>
      <c r="V10526" s="19"/>
      <c r="W10526" s="19"/>
      <c r="X10526" s="19">
        <v>6</v>
      </c>
      <c r="Y10526" s="19"/>
      <c r="Z10526" s="19"/>
      <c r="AA10526" s="19"/>
    </row>
    <row r="10527" spans="1:27" s="1" customFormat="1" ht="14.1" customHeight="1" outlineLevel="1" x14ac:dyDescent="0.2">
      <c r="A10527" s="17"/>
      <c r="B10527" s="17"/>
      <c r="C10527" s="17"/>
      <c r="D10527" s="18"/>
      <c r="E10527" s="18"/>
      <c r="F10527" s="18"/>
      <c r="G10527" s="18"/>
      <c r="H10527" s="18"/>
      <c r="I10527" s="18"/>
      <c r="J10527" s="18"/>
      <c r="K10527" s="18"/>
      <c r="L10527" s="18"/>
      <c r="M10527" s="18"/>
      <c r="N10527" s="18"/>
      <c r="O10527" s="18"/>
      <c r="P10527" s="19"/>
      <c r="Q10527" s="19"/>
      <c r="R10527" s="19"/>
      <c r="S10527" s="19"/>
      <c r="T10527" s="19"/>
      <c r="U10527" s="19"/>
      <c r="V10527" s="19"/>
      <c r="W10527" s="19"/>
      <c r="X10527" s="19"/>
      <c r="Y10527" s="19"/>
      <c r="Z10527" s="19"/>
      <c r="AA10527" s="19"/>
    </row>
    <row r="10528" spans="1:27" s="1" customFormat="1" ht="14.1" customHeight="1" outlineLevel="1" x14ac:dyDescent="0.2">
      <c r="A10528" s="17">
        <v>12705</v>
      </c>
      <c r="B10528" s="17"/>
      <c r="C10528" s="17"/>
      <c r="D10528" s="18" t="s">
        <v>5221</v>
      </c>
      <c r="E10528" s="18"/>
      <c r="F10528" s="18"/>
      <c r="G10528" s="18"/>
      <c r="H10528" s="18"/>
      <c r="I10528" s="18"/>
      <c r="J10528" s="18"/>
      <c r="K10528" s="18"/>
      <c r="L10528" s="18"/>
      <c r="M10528" s="18"/>
      <c r="N10528" s="18"/>
      <c r="O10528" s="18"/>
      <c r="P10528" s="19">
        <v>550</v>
      </c>
      <c r="Q10528" s="19"/>
      <c r="R10528" s="19"/>
      <c r="S10528" s="19"/>
      <c r="T10528" s="19">
        <v>450</v>
      </c>
      <c r="U10528" s="19"/>
      <c r="V10528" s="19"/>
      <c r="W10528" s="19"/>
      <c r="X10528" s="19">
        <v>1</v>
      </c>
      <c r="Y10528" s="19"/>
      <c r="Z10528" s="19"/>
      <c r="AA10528" s="19"/>
    </row>
    <row r="10529" spans="1:27" s="1" customFormat="1" ht="14.1" customHeight="1" outlineLevel="1" x14ac:dyDescent="0.2">
      <c r="A10529" s="17"/>
      <c r="B10529" s="17"/>
      <c r="C10529" s="17"/>
      <c r="D10529" s="18"/>
      <c r="E10529" s="18"/>
      <c r="F10529" s="18"/>
      <c r="G10529" s="18"/>
      <c r="H10529" s="18"/>
      <c r="I10529" s="18"/>
      <c r="J10529" s="18"/>
      <c r="K10529" s="18"/>
      <c r="L10529" s="18"/>
      <c r="M10529" s="18"/>
      <c r="N10529" s="18"/>
      <c r="O10529" s="18"/>
      <c r="P10529" s="19"/>
      <c r="Q10529" s="19"/>
      <c r="R10529" s="19"/>
      <c r="S10529" s="19"/>
      <c r="T10529" s="19"/>
      <c r="U10529" s="19"/>
      <c r="V10529" s="19"/>
      <c r="W10529" s="19"/>
      <c r="X10529" s="19"/>
      <c r="Y10529" s="19"/>
      <c r="Z10529" s="19"/>
      <c r="AA10529" s="19"/>
    </row>
    <row r="10530" spans="1:27" s="1" customFormat="1" ht="14.1" customHeight="1" outlineLevel="1" x14ac:dyDescent="0.2">
      <c r="A10530" s="17">
        <v>10335</v>
      </c>
      <c r="B10530" s="17"/>
      <c r="C10530" s="17"/>
      <c r="D10530" s="18" t="s">
        <v>5222</v>
      </c>
      <c r="E10530" s="18"/>
      <c r="F10530" s="18"/>
      <c r="G10530" s="18"/>
      <c r="H10530" s="18"/>
      <c r="I10530" s="18"/>
      <c r="J10530" s="18"/>
      <c r="K10530" s="18"/>
      <c r="L10530" s="18"/>
      <c r="M10530" s="18"/>
      <c r="N10530" s="18"/>
      <c r="O10530" s="18"/>
      <c r="P10530" s="19">
        <v>170</v>
      </c>
      <c r="Q10530" s="19"/>
      <c r="R10530" s="19"/>
      <c r="S10530" s="19"/>
      <c r="T10530" s="19">
        <v>130</v>
      </c>
      <c r="U10530" s="19"/>
      <c r="V10530" s="19"/>
      <c r="W10530" s="19"/>
      <c r="X10530" s="19">
        <v>5</v>
      </c>
      <c r="Y10530" s="19"/>
      <c r="Z10530" s="19"/>
      <c r="AA10530" s="19"/>
    </row>
    <row r="10531" spans="1:27" s="1" customFormat="1" ht="14.1" customHeight="1" outlineLevel="1" x14ac:dyDescent="0.2">
      <c r="A10531" s="17"/>
      <c r="B10531" s="17"/>
      <c r="C10531" s="17"/>
      <c r="D10531" s="18"/>
      <c r="E10531" s="18"/>
      <c r="F10531" s="18"/>
      <c r="G10531" s="18"/>
      <c r="H10531" s="18"/>
      <c r="I10531" s="18"/>
      <c r="J10531" s="18"/>
      <c r="K10531" s="18"/>
      <c r="L10531" s="18"/>
      <c r="M10531" s="18"/>
      <c r="N10531" s="18"/>
      <c r="O10531" s="18"/>
      <c r="P10531" s="19"/>
      <c r="Q10531" s="19"/>
      <c r="R10531" s="19"/>
      <c r="S10531" s="19"/>
      <c r="T10531" s="19"/>
      <c r="U10531" s="19"/>
      <c r="V10531" s="19"/>
      <c r="W10531" s="19"/>
      <c r="X10531" s="19"/>
      <c r="Y10531" s="19"/>
      <c r="Z10531" s="19"/>
      <c r="AA10531" s="19"/>
    </row>
    <row r="10532" spans="1:27" s="1" customFormat="1" ht="14.1" customHeight="1" outlineLevel="1" x14ac:dyDescent="0.2">
      <c r="A10532" s="17">
        <v>13682</v>
      </c>
      <c r="B10532" s="17"/>
      <c r="C10532" s="17"/>
      <c r="D10532" s="18" t="s">
        <v>5223</v>
      </c>
      <c r="E10532" s="18"/>
      <c r="F10532" s="18"/>
      <c r="G10532" s="18"/>
      <c r="H10532" s="18"/>
      <c r="I10532" s="18"/>
      <c r="J10532" s="18"/>
      <c r="K10532" s="18"/>
      <c r="L10532" s="18"/>
      <c r="M10532" s="18"/>
      <c r="N10532" s="18"/>
      <c r="O10532" s="18"/>
      <c r="P10532" s="19">
        <v>170</v>
      </c>
      <c r="Q10532" s="19"/>
      <c r="R10532" s="19"/>
      <c r="S10532" s="19"/>
      <c r="T10532" s="19">
        <v>130</v>
      </c>
      <c r="U10532" s="19"/>
      <c r="V10532" s="19"/>
      <c r="W10532" s="19"/>
      <c r="X10532" s="19">
        <v>4</v>
      </c>
      <c r="Y10532" s="19"/>
      <c r="Z10532" s="19"/>
      <c r="AA10532" s="19"/>
    </row>
    <row r="10533" spans="1:27" s="1" customFormat="1" ht="14.1" customHeight="1" outlineLevel="1" x14ac:dyDescent="0.2">
      <c r="A10533" s="17"/>
      <c r="B10533" s="17"/>
      <c r="C10533" s="17"/>
      <c r="D10533" s="18"/>
      <c r="E10533" s="18"/>
      <c r="F10533" s="18"/>
      <c r="G10533" s="18"/>
      <c r="H10533" s="18"/>
      <c r="I10533" s="18"/>
      <c r="J10533" s="18"/>
      <c r="K10533" s="18"/>
      <c r="L10533" s="18"/>
      <c r="M10533" s="18"/>
      <c r="N10533" s="18"/>
      <c r="O10533" s="18"/>
      <c r="P10533" s="19"/>
      <c r="Q10533" s="19"/>
      <c r="R10533" s="19"/>
      <c r="S10533" s="19"/>
      <c r="T10533" s="19"/>
      <c r="U10533" s="19"/>
      <c r="V10533" s="19"/>
      <c r="W10533" s="19"/>
      <c r="X10533" s="19"/>
      <c r="Y10533" s="19"/>
      <c r="Z10533" s="19"/>
      <c r="AA10533" s="19"/>
    </row>
    <row r="10534" spans="1:27" s="1" customFormat="1" ht="14.1" customHeight="1" outlineLevel="1" x14ac:dyDescent="0.2">
      <c r="A10534" s="17">
        <v>14158</v>
      </c>
      <c r="B10534" s="17"/>
      <c r="C10534" s="17"/>
      <c r="D10534" s="18" t="s">
        <v>5224</v>
      </c>
      <c r="E10534" s="18"/>
      <c r="F10534" s="18"/>
      <c r="G10534" s="18"/>
      <c r="H10534" s="18"/>
      <c r="I10534" s="18"/>
      <c r="J10534" s="18"/>
      <c r="K10534" s="18"/>
      <c r="L10534" s="18"/>
      <c r="M10534" s="18"/>
      <c r="N10534" s="18"/>
      <c r="O10534" s="18"/>
      <c r="P10534" s="19">
        <v>170</v>
      </c>
      <c r="Q10534" s="19"/>
      <c r="R10534" s="19"/>
      <c r="S10534" s="19"/>
      <c r="T10534" s="19">
        <v>130</v>
      </c>
      <c r="U10534" s="19"/>
      <c r="V10534" s="19"/>
      <c r="W10534" s="19"/>
      <c r="X10534" s="19">
        <v>1</v>
      </c>
      <c r="Y10534" s="19"/>
      <c r="Z10534" s="19"/>
      <c r="AA10534" s="19"/>
    </row>
    <row r="10535" spans="1:27" s="1" customFormat="1" ht="14.1" customHeight="1" outlineLevel="1" x14ac:dyDescent="0.2">
      <c r="A10535" s="17"/>
      <c r="B10535" s="17"/>
      <c r="C10535" s="17"/>
      <c r="D10535" s="18"/>
      <c r="E10535" s="18"/>
      <c r="F10535" s="18"/>
      <c r="G10535" s="18"/>
      <c r="H10535" s="18"/>
      <c r="I10535" s="18"/>
      <c r="J10535" s="18"/>
      <c r="K10535" s="18"/>
      <c r="L10535" s="18"/>
      <c r="M10535" s="18"/>
      <c r="N10535" s="18"/>
      <c r="O10535" s="18"/>
      <c r="P10535" s="19"/>
      <c r="Q10535" s="19"/>
      <c r="R10535" s="19"/>
      <c r="S10535" s="19"/>
      <c r="T10535" s="19"/>
      <c r="U10535" s="19"/>
      <c r="V10535" s="19"/>
      <c r="W10535" s="19"/>
      <c r="X10535" s="19"/>
      <c r="Y10535" s="19"/>
      <c r="Z10535" s="19"/>
      <c r="AA10535" s="19"/>
    </row>
    <row r="10536" spans="1:27" s="1" customFormat="1" ht="14.1" customHeight="1" outlineLevel="1" x14ac:dyDescent="0.2">
      <c r="A10536" s="17">
        <v>14159</v>
      </c>
      <c r="B10536" s="17"/>
      <c r="C10536" s="17"/>
      <c r="D10536" s="18" t="s">
        <v>5225</v>
      </c>
      <c r="E10536" s="18"/>
      <c r="F10536" s="18"/>
      <c r="G10536" s="18"/>
      <c r="H10536" s="18"/>
      <c r="I10536" s="18"/>
      <c r="J10536" s="18"/>
      <c r="K10536" s="18"/>
      <c r="L10536" s="18"/>
      <c r="M10536" s="18"/>
      <c r="N10536" s="18"/>
      <c r="O10536" s="18"/>
      <c r="P10536" s="19">
        <v>170</v>
      </c>
      <c r="Q10536" s="19"/>
      <c r="R10536" s="19"/>
      <c r="S10536" s="19"/>
      <c r="T10536" s="19">
        <v>130</v>
      </c>
      <c r="U10536" s="19"/>
      <c r="V10536" s="19"/>
      <c r="W10536" s="19"/>
      <c r="X10536" s="19">
        <v>6</v>
      </c>
      <c r="Y10536" s="19"/>
      <c r="Z10536" s="19"/>
      <c r="AA10536" s="19"/>
    </row>
    <row r="10537" spans="1:27" s="1" customFormat="1" ht="14.1" customHeight="1" outlineLevel="1" x14ac:dyDescent="0.2">
      <c r="A10537" s="17"/>
      <c r="B10537" s="17"/>
      <c r="C10537" s="17"/>
      <c r="D10537" s="18"/>
      <c r="E10537" s="18"/>
      <c r="F10537" s="18"/>
      <c r="G10537" s="18"/>
      <c r="H10537" s="18"/>
      <c r="I10537" s="18"/>
      <c r="J10537" s="18"/>
      <c r="K10537" s="18"/>
      <c r="L10537" s="18"/>
      <c r="M10537" s="18"/>
      <c r="N10537" s="18"/>
      <c r="O10537" s="18"/>
      <c r="P10537" s="19"/>
      <c r="Q10537" s="19"/>
      <c r="R10537" s="19"/>
      <c r="S10537" s="19"/>
      <c r="T10537" s="19"/>
      <c r="U10537" s="19"/>
      <c r="V10537" s="19"/>
      <c r="W10537" s="19"/>
      <c r="X10537" s="19"/>
      <c r="Y10537" s="19"/>
      <c r="Z10537" s="19"/>
      <c r="AA10537" s="19"/>
    </row>
    <row r="10538" spans="1:27" s="1" customFormat="1" ht="14.1" customHeight="1" outlineLevel="1" x14ac:dyDescent="0.2">
      <c r="A10538" s="17">
        <v>14160</v>
      </c>
      <c r="B10538" s="17"/>
      <c r="C10538" s="17"/>
      <c r="D10538" s="18" t="s">
        <v>5226</v>
      </c>
      <c r="E10538" s="18"/>
      <c r="F10538" s="18"/>
      <c r="G10538" s="18"/>
      <c r="H10538" s="18"/>
      <c r="I10538" s="18"/>
      <c r="J10538" s="18"/>
      <c r="K10538" s="18"/>
      <c r="L10538" s="18"/>
      <c r="M10538" s="18"/>
      <c r="N10538" s="18"/>
      <c r="O10538" s="18"/>
      <c r="P10538" s="19">
        <v>170</v>
      </c>
      <c r="Q10538" s="19"/>
      <c r="R10538" s="19"/>
      <c r="S10538" s="19"/>
      <c r="T10538" s="19">
        <v>130</v>
      </c>
      <c r="U10538" s="19"/>
      <c r="V10538" s="19"/>
      <c r="W10538" s="19"/>
      <c r="X10538" s="19">
        <v>10</v>
      </c>
      <c r="Y10538" s="19"/>
      <c r="Z10538" s="19"/>
      <c r="AA10538" s="19"/>
    </row>
    <row r="10539" spans="1:27" s="1" customFormat="1" ht="14.1" customHeight="1" outlineLevel="1" x14ac:dyDescent="0.2">
      <c r="A10539" s="17"/>
      <c r="B10539" s="17"/>
      <c r="C10539" s="17"/>
      <c r="D10539" s="18"/>
      <c r="E10539" s="18"/>
      <c r="F10539" s="18"/>
      <c r="G10539" s="18"/>
      <c r="H10539" s="18"/>
      <c r="I10539" s="18"/>
      <c r="J10539" s="18"/>
      <c r="K10539" s="18"/>
      <c r="L10539" s="18"/>
      <c r="M10539" s="18"/>
      <c r="N10539" s="18"/>
      <c r="O10539" s="18"/>
      <c r="P10539" s="19"/>
      <c r="Q10539" s="19"/>
      <c r="R10539" s="19"/>
      <c r="S10539" s="19"/>
      <c r="T10539" s="19"/>
      <c r="U10539" s="19"/>
      <c r="V10539" s="19"/>
      <c r="W10539" s="19"/>
      <c r="X10539" s="19"/>
      <c r="Y10539" s="19"/>
      <c r="Z10539" s="19"/>
      <c r="AA10539" s="19"/>
    </row>
    <row r="10540" spans="1:27" s="1" customFormat="1" ht="14.1" customHeight="1" outlineLevel="1" x14ac:dyDescent="0.2">
      <c r="A10540" s="17">
        <v>11166</v>
      </c>
      <c r="B10540" s="17"/>
      <c r="C10540" s="17"/>
      <c r="D10540" s="18" t="s">
        <v>5227</v>
      </c>
      <c r="E10540" s="18"/>
      <c r="F10540" s="18"/>
      <c r="G10540" s="18"/>
      <c r="H10540" s="18"/>
      <c r="I10540" s="18"/>
      <c r="J10540" s="18"/>
      <c r="K10540" s="18"/>
      <c r="L10540" s="18"/>
      <c r="M10540" s="18"/>
      <c r="N10540" s="18"/>
      <c r="O10540" s="18"/>
      <c r="P10540" s="19">
        <v>160</v>
      </c>
      <c r="Q10540" s="19"/>
      <c r="R10540" s="19"/>
      <c r="S10540" s="19"/>
      <c r="T10540" s="19">
        <v>120</v>
      </c>
      <c r="U10540" s="19"/>
      <c r="V10540" s="19"/>
      <c r="W10540" s="19"/>
      <c r="X10540" s="19">
        <v>9</v>
      </c>
      <c r="Y10540" s="19"/>
      <c r="Z10540" s="19"/>
      <c r="AA10540" s="19"/>
    </row>
    <row r="10541" spans="1:27" s="1" customFormat="1" ht="14.1" customHeight="1" outlineLevel="1" x14ac:dyDescent="0.2">
      <c r="A10541" s="17"/>
      <c r="B10541" s="17"/>
      <c r="C10541" s="17"/>
      <c r="D10541" s="18"/>
      <c r="E10541" s="18"/>
      <c r="F10541" s="18"/>
      <c r="G10541" s="18"/>
      <c r="H10541" s="18"/>
      <c r="I10541" s="18"/>
      <c r="J10541" s="18"/>
      <c r="K10541" s="18"/>
      <c r="L10541" s="18"/>
      <c r="M10541" s="18"/>
      <c r="N10541" s="18"/>
      <c r="O10541" s="18"/>
      <c r="P10541" s="19"/>
      <c r="Q10541" s="19"/>
      <c r="R10541" s="19"/>
      <c r="S10541" s="19"/>
      <c r="T10541" s="19"/>
      <c r="U10541" s="19"/>
      <c r="V10541" s="19"/>
      <c r="W10541" s="19"/>
      <c r="X10541" s="19"/>
      <c r="Y10541" s="19"/>
      <c r="Z10541" s="19"/>
      <c r="AA10541" s="19"/>
    </row>
    <row r="10542" spans="1:27" s="1" customFormat="1" ht="14.1" customHeight="1" outlineLevel="1" x14ac:dyDescent="0.2">
      <c r="A10542" s="17">
        <v>12089</v>
      </c>
      <c r="B10542" s="17"/>
      <c r="C10542" s="17"/>
      <c r="D10542" s="18" t="s">
        <v>5228</v>
      </c>
      <c r="E10542" s="18"/>
      <c r="F10542" s="18"/>
      <c r="G10542" s="18"/>
      <c r="H10542" s="18"/>
      <c r="I10542" s="18"/>
      <c r="J10542" s="18"/>
      <c r="K10542" s="18"/>
      <c r="L10542" s="18"/>
      <c r="M10542" s="18"/>
      <c r="N10542" s="18"/>
      <c r="O10542" s="18"/>
      <c r="P10542" s="19">
        <v>80</v>
      </c>
      <c r="Q10542" s="19"/>
      <c r="R10542" s="19"/>
      <c r="S10542" s="19"/>
      <c r="T10542" s="19">
        <v>50</v>
      </c>
      <c r="U10542" s="19"/>
      <c r="V10542" s="19"/>
      <c r="W10542" s="19"/>
      <c r="X10542" s="19">
        <v>1</v>
      </c>
      <c r="Y10542" s="19"/>
      <c r="Z10542" s="19"/>
      <c r="AA10542" s="19"/>
    </row>
    <row r="10543" spans="1:27" s="1" customFormat="1" ht="14.1" customHeight="1" outlineLevel="1" x14ac:dyDescent="0.2">
      <c r="A10543" s="17"/>
      <c r="B10543" s="17"/>
      <c r="C10543" s="17"/>
      <c r="D10543" s="18"/>
      <c r="E10543" s="18"/>
      <c r="F10543" s="18"/>
      <c r="G10543" s="18"/>
      <c r="H10543" s="18"/>
      <c r="I10543" s="18"/>
      <c r="J10543" s="18"/>
      <c r="K10543" s="18"/>
      <c r="L10543" s="18"/>
      <c r="M10543" s="18"/>
      <c r="N10543" s="18"/>
      <c r="O10543" s="18"/>
      <c r="P10543" s="19"/>
      <c r="Q10543" s="19"/>
      <c r="R10543" s="19"/>
      <c r="S10543" s="19"/>
      <c r="T10543" s="19"/>
      <c r="U10543" s="19"/>
      <c r="V10543" s="19"/>
      <c r="W10543" s="19"/>
      <c r="X10543" s="19"/>
      <c r="Y10543" s="19"/>
      <c r="Z10543" s="19"/>
      <c r="AA10543" s="19"/>
    </row>
    <row r="10544" spans="1:27" s="1" customFormat="1" ht="14.1" customHeight="1" outlineLevel="1" x14ac:dyDescent="0.2">
      <c r="A10544" s="17">
        <v>15823</v>
      </c>
      <c r="B10544" s="17"/>
      <c r="C10544" s="17"/>
      <c r="D10544" s="18" t="s">
        <v>5229</v>
      </c>
      <c r="E10544" s="18"/>
      <c r="F10544" s="18"/>
      <c r="G10544" s="18"/>
      <c r="H10544" s="18"/>
      <c r="I10544" s="18"/>
      <c r="J10544" s="18"/>
      <c r="K10544" s="18"/>
      <c r="L10544" s="18"/>
      <c r="M10544" s="18"/>
      <c r="N10544" s="18"/>
      <c r="O10544" s="18"/>
      <c r="P10544" s="19">
        <v>250</v>
      </c>
      <c r="Q10544" s="19"/>
      <c r="R10544" s="19"/>
      <c r="S10544" s="19"/>
      <c r="T10544" s="19">
        <v>200</v>
      </c>
      <c r="U10544" s="19"/>
      <c r="V10544" s="19"/>
      <c r="W10544" s="19"/>
      <c r="X10544" s="19">
        <v>1</v>
      </c>
      <c r="Y10544" s="19"/>
      <c r="Z10544" s="19"/>
      <c r="AA10544" s="19"/>
    </row>
    <row r="10545" spans="1:27" s="1" customFormat="1" ht="14.1" customHeight="1" outlineLevel="1" x14ac:dyDescent="0.2">
      <c r="A10545" s="17"/>
      <c r="B10545" s="17"/>
      <c r="C10545" s="17"/>
      <c r="D10545" s="18"/>
      <c r="E10545" s="18"/>
      <c r="F10545" s="18"/>
      <c r="G10545" s="18"/>
      <c r="H10545" s="18"/>
      <c r="I10545" s="18"/>
      <c r="J10545" s="18"/>
      <c r="K10545" s="18"/>
      <c r="L10545" s="18"/>
      <c r="M10545" s="18"/>
      <c r="N10545" s="18"/>
      <c r="O10545" s="18"/>
      <c r="P10545" s="19"/>
      <c r="Q10545" s="19"/>
      <c r="R10545" s="19"/>
      <c r="S10545" s="19"/>
      <c r="T10545" s="19"/>
      <c r="U10545" s="19"/>
      <c r="V10545" s="19"/>
      <c r="W10545" s="19"/>
      <c r="X10545" s="19"/>
      <c r="Y10545" s="19"/>
      <c r="Z10545" s="19"/>
      <c r="AA10545" s="19"/>
    </row>
    <row r="10546" spans="1:27" s="1" customFormat="1" ht="14.1" customHeight="1" outlineLevel="1" x14ac:dyDescent="0.2">
      <c r="A10546" s="17">
        <v>17024</v>
      </c>
      <c r="B10546" s="17"/>
      <c r="C10546" s="17"/>
      <c r="D10546" s="18" t="s">
        <v>5230</v>
      </c>
      <c r="E10546" s="18"/>
      <c r="F10546" s="18"/>
      <c r="G10546" s="18"/>
      <c r="H10546" s="18"/>
      <c r="I10546" s="18"/>
      <c r="J10546" s="18"/>
      <c r="K10546" s="18"/>
      <c r="L10546" s="18"/>
      <c r="M10546" s="18"/>
      <c r="N10546" s="18"/>
      <c r="O10546" s="18"/>
      <c r="P10546" s="19">
        <v>150</v>
      </c>
      <c r="Q10546" s="19"/>
      <c r="R10546" s="19"/>
      <c r="S10546" s="19"/>
      <c r="T10546" s="19">
        <v>100</v>
      </c>
      <c r="U10546" s="19"/>
      <c r="V10546" s="19"/>
      <c r="W10546" s="19"/>
      <c r="X10546" s="19">
        <v>1</v>
      </c>
      <c r="Y10546" s="19"/>
      <c r="Z10546" s="19"/>
      <c r="AA10546" s="19"/>
    </row>
    <row r="10547" spans="1:27" s="1" customFormat="1" ht="14.1" customHeight="1" outlineLevel="1" x14ac:dyDescent="0.2">
      <c r="A10547" s="17"/>
      <c r="B10547" s="17"/>
      <c r="C10547" s="17"/>
      <c r="D10547" s="18"/>
      <c r="E10547" s="18"/>
      <c r="F10547" s="18"/>
      <c r="G10547" s="18"/>
      <c r="H10547" s="18"/>
      <c r="I10547" s="18"/>
      <c r="J10547" s="18"/>
      <c r="K10547" s="18"/>
      <c r="L10547" s="18"/>
      <c r="M10547" s="18"/>
      <c r="N10547" s="18"/>
      <c r="O10547" s="18"/>
      <c r="P10547" s="19"/>
      <c r="Q10547" s="19"/>
      <c r="R10547" s="19"/>
      <c r="S10547" s="19"/>
      <c r="T10547" s="19"/>
      <c r="U10547" s="19"/>
      <c r="V10547" s="19"/>
      <c r="W10547" s="19"/>
      <c r="X10547" s="19"/>
      <c r="Y10547" s="19"/>
      <c r="Z10547" s="19"/>
      <c r="AA10547" s="19"/>
    </row>
    <row r="10548" spans="1:27" s="1" customFormat="1" ht="14.1" customHeight="1" outlineLevel="1" x14ac:dyDescent="0.2">
      <c r="A10548" s="17">
        <v>17025</v>
      </c>
      <c r="B10548" s="17"/>
      <c r="C10548" s="17"/>
      <c r="D10548" s="18" t="s">
        <v>5231</v>
      </c>
      <c r="E10548" s="18"/>
      <c r="F10548" s="18"/>
      <c r="G10548" s="18"/>
      <c r="H10548" s="18"/>
      <c r="I10548" s="18"/>
      <c r="J10548" s="18"/>
      <c r="K10548" s="18"/>
      <c r="L10548" s="18"/>
      <c r="M10548" s="18"/>
      <c r="N10548" s="18"/>
      <c r="O10548" s="18"/>
      <c r="P10548" s="19">
        <v>590</v>
      </c>
      <c r="Q10548" s="19"/>
      <c r="R10548" s="19"/>
      <c r="S10548" s="19"/>
      <c r="T10548" s="19">
        <v>400</v>
      </c>
      <c r="U10548" s="19"/>
      <c r="V10548" s="19"/>
      <c r="W10548" s="19"/>
      <c r="X10548" s="19">
        <v>2</v>
      </c>
      <c r="Y10548" s="19"/>
      <c r="Z10548" s="19"/>
      <c r="AA10548" s="19"/>
    </row>
    <row r="10549" spans="1:27" s="1" customFormat="1" ht="14.1" customHeight="1" outlineLevel="1" x14ac:dyDescent="0.2">
      <c r="A10549" s="17"/>
      <c r="B10549" s="17"/>
      <c r="C10549" s="17"/>
      <c r="D10549" s="18"/>
      <c r="E10549" s="18"/>
      <c r="F10549" s="18"/>
      <c r="G10549" s="18"/>
      <c r="H10549" s="18"/>
      <c r="I10549" s="18"/>
      <c r="J10549" s="18"/>
      <c r="K10549" s="18"/>
      <c r="L10549" s="18"/>
      <c r="M10549" s="18"/>
      <c r="N10549" s="18"/>
      <c r="O10549" s="18"/>
      <c r="P10549" s="19"/>
      <c r="Q10549" s="19"/>
      <c r="R10549" s="19"/>
      <c r="S10549" s="19"/>
      <c r="T10549" s="19"/>
      <c r="U10549" s="19"/>
      <c r="V10549" s="19"/>
      <c r="W10549" s="19"/>
      <c r="X10549" s="19"/>
      <c r="Y10549" s="19"/>
      <c r="Z10549" s="19"/>
      <c r="AA10549" s="19"/>
    </row>
    <row r="10550" spans="1:27" s="1" customFormat="1" ht="14.1" customHeight="1" outlineLevel="1" x14ac:dyDescent="0.2">
      <c r="A10550" s="17">
        <v>15110</v>
      </c>
      <c r="B10550" s="17"/>
      <c r="C10550" s="17"/>
      <c r="D10550" s="18" t="s">
        <v>5232</v>
      </c>
      <c r="E10550" s="18"/>
      <c r="F10550" s="18"/>
      <c r="G10550" s="18"/>
      <c r="H10550" s="18"/>
      <c r="I10550" s="18"/>
      <c r="J10550" s="18"/>
      <c r="K10550" s="18"/>
      <c r="L10550" s="18"/>
      <c r="M10550" s="18"/>
      <c r="N10550" s="18"/>
      <c r="O10550" s="18"/>
      <c r="P10550" s="19">
        <v>600</v>
      </c>
      <c r="Q10550" s="19"/>
      <c r="R10550" s="19"/>
      <c r="S10550" s="19"/>
      <c r="T10550" s="19">
        <v>500</v>
      </c>
      <c r="U10550" s="19"/>
      <c r="V10550" s="19"/>
      <c r="W10550" s="19"/>
      <c r="X10550" s="19">
        <v>3</v>
      </c>
      <c r="Y10550" s="19"/>
      <c r="Z10550" s="19"/>
      <c r="AA10550" s="19"/>
    </row>
    <row r="10551" spans="1:27" s="1" customFormat="1" ht="14.1" customHeight="1" outlineLevel="1" x14ac:dyDescent="0.2">
      <c r="A10551" s="17"/>
      <c r="B10551" s="17"/>
      <c r="C10551" s="17"/>
      <c r="D10551" s="18"/>
      <c r="E10551" s="18"/>
      <c r="F10551" s="18"/>
      <c r="G10551" s="18"/>
      <c r="H10551" s="18"/>
      <c r="I10551" s="18"/>
      <c r="J10551" s="18"/>
      <c r="K10551" s="18"/>
      <c r="L10551" s="18"/>
      <c r="M10551" s="18"/>
      <c r="N10551" s="18"/>
      <c r="O10551" s="18"/>
      <c r="P10551" s="19"/>
      <c r="Q10551" s="19"/>
      <c r="R10551" s="19"/>
      <c r="S10551" s="19"/>
      <c r="T10551" s="19"/>
      <c r="U10551" s="19"/>
      <c r="V10551" s="19"/>
      <c r="W10551" s="19"/>
      <c r="X10551" s="19"/>
      <c r="Y10551" s="19"/>
      <c r="Z10551" s="19"/>
      <c r="AA10551" s="19"/>
    </row>
    <row r="10552" spans="1:27" s="1" customFormat="1" ht="14.1" customHeight="1" outlineLevel="1" x14ac:dyDescent="0.2">
      <c r="A10552" s="17">
        <v>17538</v>
      </c>
      <c r="B10552" s="17"/>
      <c r="C10552" s="17"/>
      <c r="D10552" s="18" t="s">
        <v>5233</v>
      </c>
      <c r="E10552" s="18"/>
      <c r="F10552" s="18"/>
      <c r="G10552" s="18"/>
      <c r="H10552" s="18"/>
      <c r="I10552" s="18"/>
      <c r="J10552" s="18"/>
      <c r="K10552" s="18"/>
      <c r="L10552" s="18"/>
      <c r="M10552" s="18"/>
      <c r="N10552" s="18"/>
      <c r="O10552" s="18"/>
      <c r="P10552" s="19">
        <v>150</v>
      </c>
      <c r="Q10552" s="19"/>
      <c r="R10552" s="19"/>
      <c r="S10552" s="19"/>
      <c r="T10552" s="19">
        <v>100</v>
      </c>
      <c r="U10552" s="19"/>
      <c r="V10552" s="19"/>
      <c r="W10552" s="19"/>
      <c r="X10552" s="19">
        <v>1</v>
      </c>
      <c r="Y10552" s="19"/>
      <c r="Z10552" s="19"/>
      <c r="AA10552" s="19"/>
    </row>
    <row r="10553" spans="1:27" s="1" customFormat="1" ht="14.1" customHeight="1" outlineLevel="1" x14ac:dyDescent="0.2">
      <c r="A10553" s="17"/>
      <c r="B10553" s="17"/>
      <c r="C10553" s="17"/>
      <c r="D10553" s="18"/>
      <c r="E10553" s="18"/>
      <c r="F10553" s="18"/>
      <c r="G10553" s="18"/>
      <c r="H10553" s="18"/>
      <c r="I10553" s="18"/>
      <c r="J10553" s="18"/>
      <c r="K10553" s="18"/>
      <c r="L10553" s="18"/>
      <c r="M10553" s="18"/>
      <c r="N10553" s="18"/>
      <c r="O10553" s="18"/>
      <c r="P10553" s="19"/>
      <c r="Q10553" s="19"/>
      <c r="R10553" s="19"/>
      <c r="S10553" s="19"/>
      <c r="T10553" s="19"/>
      <c r="U10553" s="19"/>
      <c r="V10553" s="19"/>
      <c r="W10553" s="19"/>
      <c r="X10553" s="19"/>
      <c r="Y10553" s="19"/>
      <c r="Z10553" s="19"/>
      <c r="AA10553" s="19"/>
    </row>
    <row r="10554" spans="1:27" s="1" customFormat="1" ht="14.1" customHeight="1" outlineLevel="1" x14ac:dyDescent="0.2">
      <c r="A10554" s="17">
        <v>15819</v>
      </c>
      <c r="B10554" s="17"/>
      <c r="C10554" s="17"/>
      <c r="D10554" s="18" t="s">
        <v>5234</v>
      </c>
      <c r="E10554" s="18"/>
      <c r="F10554" s="18"/>
      <c r="G10554" s="18"/>
      <c r="H10554" s="18"/>
      <c r="I10554" s="18"/>
      <c r="J10554" s="18"/>
      <c r="K10554" s="18"/>
      <c r="L10554" s="18"/>
      <c r="M10554" s="18"/>
      <c r="N10554" s="18"/>
      <c r="O10554" s="18"/>
      <c r="P10554" s="19">
        <v>990</v>
      </c>
      <c r="Q10554" s="19"/>
      <c r="R10554" s="19"/>
      <c r="S10554" s="19"/>
      <c r="T10554" s="19">
        <v>900</v>
      </c>
      <c r="U10554" s="19"/>
      <c r="V10554" s="19"/>
      <c r="W10554" s="19"/>
      <c r="X10554" s="19">
        <v>1</v>
      </c>
      <c r="Y10554" s="19"/>
      <c r="Z10554" s="19"/>
      <c r="AA10554" s="19"/>
    </row>
    <row r="10555" spans="1:27" s="1" customFormat="1" ht="14.1" customHeight="1" outlineLevel="1" x14ac:dyDescent="0.2">
      <c r="A10555" s="17"/>
      <c r="B10555" s="17"/>
      <c r="C10555" s="17"/>
      <c r="D10555" s="18"/>
      <c r="E10555" s="18"/>
      <c r="F10555" s="18"/>
      <c r="G10555" s="18"/>
      <c r="H10555" s="18"/>
      <c r="I10555" s="18"/>
      <c r="J10555" s="18"/>
      <c r="K10555" s="18"/>
      <c r="L10555" s="18"/>
      <c r="M10555" s="18"/>
      <c r="N10555" s="18"/>
      <c r="O10555" s="18"/>
      <c r="P10555" s="19"/>
      <c r="Q10555" s="19"/>
      <c r="R10555" s="19"/>
      <c r="S10555" s="19"/>
      <c r="T10555" s="19"/>
      <c r="U10555" s="19"/>
      <c r="V10555" s="19"/>
      <c r="W10555" s="19"/>
      <c r="X10555" s="19"/>
      <c r="Y10555" s="19"/>
      <c r="Z10555" s="19"/>
      <c r="AA10555" s="19"/>
    </row>
    <row r="10556" spans="1:27" s="1" customFormat="1" ht="14.1" customHeight="1" outlineLevel="1" x14ac:dyDescent="0.2">
      <c r="A10556" s="17">
        <v>17537</v>
      </c>
      <c r="B10556" s="17"/>
      <c r="C10556" s="17"/>
      <c r="D10556" s="18" t="s">
        <v>5235</v>
      </c>
      <c r="E10556" s="18"/>
      <c r="F10556" s="18"/>
      <c r="G10556" s="18"/>
      <c r="H10556" s="18"/>
      <c r="I10556" s="18"/>
      <c r="J10556" s="18"/>
      <c r="K10556" s="18"/>
      <c r="L10556" s="18"/>
      <c r="M10556" s="18"/>
      <c r="N10556" s="18"/>
      <c r="O10556" s="18"/>
      <c r="P10556" s="19">
        <v>600</v>
      </c>
      <c r="Q10556" s="19"/>
      <c r="R10556" s="19"/>
      <c r="S10556" s="19"/>
      <c r="T10556" s="19">
        <v>500</v>
      </c>
      <c r="U10556" s="19"/>
      <c r="V10556" s="19"/>
      <c r="W10556" s="19"/>
      <c r="X10556" s="19">
        <v>1</v>
      </c>
      <c r="Y10556" s="19"/>
      <c r="Z10556" s="19"/>
      <c r="AA10556" s="19"/>
    </row>
    <row r="10557" spans="1:27" s="1" customFormat="1" ht="14.1" customHeight="1" outlineLevel="1" x14ac:dyDescent="0.2">
      <c r="A10557" s="17"/>
      <c r="B10557" s="17"/>
      <c r="C10557" s="17"/>
      <c r="D10557" s="18"/>
      <c r="E10557" s="18"/>
      <c r="F10557" s="18"/>
      <c r="G10557" s="18"/>
      <c r="H10557" s="18"/>
      <c r="I10557" s="18"/>
      <c r="J10557" s="18"/>
      <c r="K10557" s="18"/>
      <c r="L10557" s="18"/>
      <c r="M10557" s="18"/>
      <c r="N10557" s="18"/>
      <c r="O10557" s="18"/>
      <c r="P10557" s="19"/>
      <c r="Q10557" s="19"/>
      <c r="R10557" s="19"/>
      <c r="S10557" s="19"/>
      <c r="T10557" s="19"/>
      <c r="U10557" s="19"/>
      <c r="V10557" s="19"/>
      <c r="W10557" s="19"/>
      <c r="X10557" s="19"/>
      <c r="Y10557" s="19"/>
      <c r="Z10557" s="19"/>
      <c r="AA10557" s="19"/>
    </row>
    <row r="10558" spans="1:27" s="1" customFormat="1" ht="14.1" customHeight="1" outlineLevel="1" x14ac:dyDescent="0.2">
      <c r="A10558" s="17">
        <v>15789</v>
      </c>
      <c r="B10558" s="17"/>
      <c r="C10558" s="17"/>
      <c r="D10558" s="18" t="s">
        <v>5236</v>
      </c>
      <c r="E10558" s="18"/>
      <c r="F10558" s="18"/>
      <c r="G10558" s="18"/>
      <c r="H10558" s="18"/>
      <c r="I10558" s="18"/>
      <c r="J10558" s="18"/>
      <c r="K10558" s="18"/>
      <c r="L10558" s="18"/>
      <c r="M10558" s="18"/>
      <c r="N10558" s="18"/>
      <c r="O10558" s="18"/>
      <c r="P10558" s="19">
        <v>880</v>
      </c>
      <c r="Q10558" s="19"/>
      <c r="R10558" s="19"/>
      <c r="S10558" s="19"/>
      <c r="T10558" s="19">
        <v>800</v>
      </c>
      <c r="U10558" s="19"/>
      <c r="V10558" s="19"/>
      <c r="W10558" s="19"/>
      <c r="X10558" s="19">
        <v>1</v>
      </c>
      <c r="Y10558" s="19"/>
      <c r="Z10558" s="19"/>
      <c r="AA10558" s="19"/>
    </row>
    <row r="10559" spans="1:27" s="1" customFormat="1" ht="14.1" customHeight="1" outlineLevel="1" x14ac:dyDescent="0.2">
      <c r="A10559" s="17"/>
      <c r="B10559" s="17"/>
      <c r="C10559" s="17"/>
      <c r="D10559" s="18"/>
      <c r="E10559" s="18"/>
      <c r="F10559" s="18"/>
      <c r="G10559" s="18"/>
      <c r="H10559" s="18"/>
      <c r="I10559" s="18"/>
      <c r="J10559" s="18"/>
      <c r="K10559" s="18"/>
      <c r="L10559" s="18"/>
      <c r="M10559" s="18"/>
      <c r="N10559" s="18"/>
      <c r="O10559" s="18"/>
      <c r="P10559" s="19"/>
      <c r="Q10559" s="19"/>
      <c r="R10559" s="19"/>
      <c r="S10559" s="19"/>
      <c r="T10559" s="19"/>
      <c r="U10559" s="19"/>
      <c r="V10559" s="19"/>
      <c r="W10559" s="19"/>
      <c r="X10559" s="19"/>
      <c r="Y10559" s="19"/>
      <c r="Z10559" s="19"/>
      <c r="AA10559" s="19"/>
    </row>
    <row r="10560" spans="1:27" s="1" customFormat="1" ht="14.1" customHeight="1" outlineLevel="1" x14ac:dyDescent="0.2">
      <c r="A10560" s="17">
        <v>18135</v>
      </c>
      <c r="B10560" s="17"/>
      <c r="C10560" s="17"/>
      <c r="D10560" s="18" t="s">
        <v>5237</v>
      </c>
      <c r="E10560" s="18"/>
      <c r="F10560" s="18"/>
      <c r="G10560" s="18"/>
      <c r="H10560" s="18"/>
      <c r="I10560" s="18"/>
      <c r="J10560" s="18"/>
      <c r="K10560" s="18"/>
      <c r="L10560" s="18"/>
      <c r="M10560" s="18"/>
      <c r="N10560" s="18"/>
      <c r="O10560" s="18"/>
      <c r="P10560" s="19">
        <v>350</v>
      </c>
      <c r="Q10560" s="19"/>
      <c r="R10560" s="19"/>
      <c r="S10560" s="19"/>
      <c r="T10560" s="19">
        <v>250</v>
      </c>
      <c r="U10560" s="19"/>
      <c r="V10560" s="19"/>
      <c r="W10560" s="19"/>
      <c r="X10560" s="19">
        <v>2</v>
      </c>
      <c r="Y10560" s="19"/>
      <c r="Z10560" s="19"/>
      <c r="AA10560" s="19"/>
    </row>
    <row r="10561" spans="1:27" s="1" customFormat="1" ht="14.1" customHeight="1" outlineLevel="1" x14ac:dyDescent="0.2">
      <c r="A10561" s="17"/>
      <c r="B10561" s="17"/>
      <c r="C10561" s="17"/>
      <c r="D10561" s="18"/>
      <c r="E10561" s="18"/>
      <c r="F10561" s="18"/>
      <c r="G10561" s="18"/>
      <c r="H10561" s="18"/>
      <c r="I10561" s="18"/>
      <c r="J10561" s="18"/>
      <c r="K10561" s="18"/>
      <c r="L10561" s="18"/>
      <c r="M10561" s="18"/>
      <c r="N10561" s="18"/>
      <c r="O10561" s="18"/>
      <c r="P10561" s="19"/>
      <c r="Q10561" s="19"/>
      <c r="R10561" s="19"/>
      <c r="S10561" s="19"/>
      <c r="T10561" s="19"/>
      <c r="U10561" s="19"/>
      <c r="V10561" s="19"/>
      <c r="W10561" s="19"/>
      <c r="X10561" s="19"/>
      <c r="Y10561" s="19"/>
      <c r="Z10561" s="19"/>
      <c r="AA10561" s="19"/>
    </row>
    <row r="10562" spans="1:27" s="1" customFormat="1" ht="14.1" customHeight="1" outlineLevel="1" x14ac:dyDescent="0.2">
      <c r="A10562" s="17">
        <v>17806</v>
      </c>
      <c r="B10562" s="17"/>
      <c r="C10562" s="17"/>
      <c r="D10562" s="18" t="s">
        <v>5238</v>
      </c>
      <c r="E10562" s="18"/>
      <c r="F10562" s="18"/>
      <c r="G10562" s="18"/>
      <c r="H10562" s="18"/>
      <c r="I10562" s="18"/>
      <c r="J10562" s="18"/>
      <c r="K10562" s="18"/>
      <c r="L10562" s="18"/>
      <c r="M10562" s="18"/>
      <c r="N10562" s="18"/>
      <c r="O10562" s="18"/>
      <c r="P10562" s="19">
        <v>550</v>
      </c>
      <c r="Q10562" s="19"/>
      <c r="R10562" s="19"/>
      <c r="S10562" s="19"/>
      <c r="T10562" s="19">
        <v>410</v>
      </c>
      <c r="U10562" s="19"/>
      <c r="V10562" s="19"/>
      <c r="W10562" s="19"/>
      <c r="X10562" s="19">
        <v>10</v>
      </c>
      <c r="Y10562" s="19"/>
      <c r="Z10562" s="19"/>
      <c r="AA10562" s="19"/>
    </row>
    <row r="10563" spans="1:27" s="1" customFormat="1" ht="14.1" customHeight="1" outlineLevel="1" x14ac:dyDescent="0.2">
      <c r="A10563" s="17"/>
      <c r="B10563" s="17"/>
      <c r="C10563" s="17"/>
      <c r="D10563" s="18"/>
      <c r="E10563" s="18"/>
      <c r="F10563" s="18"/>
      <c r="G10563" s="18"/>
      <c r="H10563" s="18"/>
      <c r="I10563" s="18"/>
      <c r="J10563" s="18"/>
      <c r="K10563" s="18"/>
      <c r="L10563" s="18"/>
      <c r="M10563" s="18"/>
      <c r="N10563" s="18"/>
      <c r="O10563" s="18"/>
      <c r="P10563" s="19"/>
      <c r="Q10563" s="19"/>
      <c r="R10563" s="19"/>
      <c r="S10563" s="19"/>
      <c r="T10563" s="19"/>
      <c r="U10563" s="19"/>
      <c r="V10563" s="19"/>
      <c r="W10563" s="19"/>
      <c r="X10563" s="19"/>
      <c r="Y10563" s="19"/>
      <c r="Z10563" s="19"/>
      <c r="AA10563" s="19"/>
    </row>
    <row r="10564" spans="1:27" s="1" customFormat="1" ht="14.1" customHeight="1" outlineLevel="1" x14ac:dyDescent="0.2">
      <c r="A10564" s="17">
        <v>16969</v>
      </c>
      <c r="B10564" s="17"/>
      <c r="C10564" s="17"/>
      <c r="D10564" s="18" t="s">
        <v>5239</v>
      </c>
      <c r="E10564" s="18"/>
      <c r="F10564" s="18"/>
      <c r="G10564" s="18"/>
      <c r="H10564" s="18"/>
      <c r="I10564" s="18"/>
      <c r="J10564" s="18"/>
      <c r="K10564" s="18"/>
      <c r="L10564" s="18"/>
      <c r="M10564" s="18"/>
      <c r="N10564" s="18"/>
      <c r="O10564" s="18"/>
      <c r="P10564" s="20">
        <v>1200</v>
      </c>
      <c r="Q10564" s="20"/>
      <c r="R10564" s="20"/>
      <c r="S10564" s="20"/>
      <c r="T10564" s="19">
        <v>900</v>
      </c>
      <c r="U10564" s="19"/>
      <c r="V10564" s="19"/>
      <c r="W10564" s="19"/>
      <c r="X10564" s="19">
        <v>1</v>
      </c>
      <c r="Y10564" s="19"/>
      <c r="Z10564" s="19"/>
      <c r="AA10564" s="19"/>
    </row>
    <row r="10565" spans="1:27" s="1" customFormat="1" ht="14.1" customHeight="1" outlineLevel="1" x14ac:dyDescent="0.2">
      <c r="A10565" s="17"/>
      <c r="B10565" s="17"/>
      <c r="C10565" s="17"/>
      <c r="D10565" s="18"/>
      <c r="E10565" s="18"/>
      <c r="F10565" s="18"/>
      <c r="G10565" s="18"/>
      <c r="H10565" s="18"/>
      <c r="I10565" s="18"/>
      <c r="J10565" s="18"/>
      <c r="K10565" s="18"/>
      <c r="L10565" s="18"/>
      <c r="M10565" s="18"/>
      <c r="N10565" s="18"/>
      <c r="O10565" s="18"/>
      <c r="P10565" s="20"/>
      <c r="Q10565" s="20"/>
      <c r="R10565" s="20"/>
      <c r="S10565" s="20"/>
      <c r="T10565" s="19"/>
      <c r="U10565" s="19"/>
      <c r="V10565" s="19"/>
      <c r="W10565" s="19"/>
      <c r="X10565" s="19"/>
      <c r="Y10565" s="19"/>
      <c r="Z10565" s="19"/>
      <c r="AA10565" s="19"/>
    </row>
    <row r="10566" spans="1:27" s="1" customFormat="1" ht="14.1" customHeight="1" outlineLevel="1" x14ac:dyDescent="0.2">
      <c r="A10566" s="17">
        <v>17808</v>
      </c>
      <c r="B10566" s="17"/>
      <c r="C10566" s="17"/>
      <c r="D10566" s="18" t="s">
        <v>5240</v>
      </c>
      <c r="E10566" s="18"/>
      <c r="F10566" s="18"/>
      <c r="G10566" s="18"/>
      <c r="H10566" s="18"/>
      <c r="I10566" s="18"/>
      <c r="J10566" s="18"/>
      <c r="K10566" s="18"/>
      <c r="L10566" s="18"/>
      <c r="M10566" s="18"/>
      <c r="N10566" s="18"/>
      <c r="O10566" s="18"/>
      <c r="P10566" s="19">
        <v>550</v>
      </c>
      <c r="Q10566" s="19"/>
      <c r="R10566" s="19"/>
      <c r="S10566" s="19"/>
      <c r="T10566" s="19">
        <v>410</v>
      </c>
      <c r="U10566" s="19"/>
      <c r="V10566" s="19"/>
      <c r="W10566" s="19"/>
      <c r="X10566" s="19">
        <v>7</v>
      </c>
      <c r="Y10566" s="19"/>
      <c r="Z10566" s="19"/>
      <c r="AA10566" s="19"/>
    </row>
    <row r="10567" spans="1:27" s="1" customFormat="1" ht="14.1" customHeight="1" outlineLevel="1" x14ac:dyDescent="0.2">
      <c r="A10567" s="17"/>
      <c r="B10567" s="17"/>
      <c r="C10567" s="17"/>
      <c r="D10567" s="18"/>
      <c r="E10567" s="18"/>
      <c r="F10567" s="18"/>
      <c r="G10567" s="18"/>
      <c r="H10567" s="18"/>
      <c r="I10567" s="18"/>
      <c r="J10567" s="18"/>
      <c r="K10567" s="18"/>
      <c r="L10567" s="18"/>
      <c r="M10567" s="18"/>
      <c r="N10567" s="18"/>
      <c r="O10567" s="18"/>
      <c r="P10567" s="19"/>
      <c r="Q10567" s="19"/>
      <c r="R10567" s="19"/>
      <c r="S10567" s="19"/>
      <c r="T10567" s="19"/>
      <c r="U10567" s="19"/>
      <c r="V10567" s="19"/>
      <c r="W10567" s="19"/>
      <c r="X10567" s="19"/>
      <c r="Y10567" s="19"/>
      <c r="Z10567" s="19"/>
      <c r="AA10567" s="19"/>
    </row>
    <row r="10568" spans="1:27" s="1" customFormat="1" ht="14.1" customHeight="1" outlineLevel="1" x14ac:dyDescent="0.2">
      <c r="A10568" s="17">
        <v>17807</v>
      </c>
      <c r="B10568" s="17"/>
      <c r="C10568" s="17"/>
      <c r="D10568" s="18" t="s">
        <v>5241</v>
      </c>
      <c r="E10568" s="18"/>
      <c r="F10568" s="18"/>
      <c r="G10568" s="18"/>
      <c r="H10568" s="18"/>
      <c r="I10568" s="18"/>
      <c r="J10568" s="18"/>
      <c r="K10568" s="18"/>
      <c r="L10568" s="18"/>
      <c r="M10568" s="18"/>
      <c r="N10568" s="18"/>
      <c r="O10568" s="18"/>
      <c r="P10568" s="19">
        <v>550</v>
      </c>
      <c r="Q10568" s="19"/>
      <c r="R10568" s="19"/>
      <c r="S10568" s="19"/>
      <c r="T10568" s="19">
        <v>410</v>
      </c>
      <c r="U10568" s="19"/>
      <c r="V10568" s="19"/>
      <c r="W10568" s="19"/>
      <c r="X10568" s="19">
        <v>8</v>
      </c>
      <c r="Y10568" s="19"/>
      <c r="Z10568" s="19"/>
      <c r="AA10568" s="19"/>
    </row>
    <row r="10569" spans="1:27" s="1" customFormat="1" ht="14.1" customHeight="1" outlineLevel="1" x14ac:dyDescent="0.2">
      <c r="A10569" s="17"/>
      <c r="B10569" s="17"/>
      <c r="C10569" s="17"/>
      <c r="D10569" s="18"/>
      <c r="E10569" s="18"/>
      <c r="F10569" s="18"/>
      <c r="G10569" s="18"/>
      <c r="H10569" s="18"/>
      <c r="I10569" s="18"/>
      <c r="J10569" s="18"/>
      <c r="K10569" s="18"/>
      <c r="L10569" s="18"/>
      <c r="M10569" s="18"/>
      <c r="N10569" s="18"/>
      <c r="O10569" s="18"/>
      <c r="P10569" s="19"/>
      <c r="Q10569" s="19"/>
      <c r="R10569" s="19"/>
      <c r="S10569" s="19"/>
      <c r="T10569" s="19"/>
      <c r="U10569" s="19"/>
      <c r="V10569" s="19"/>
      <c r="W10569" s="19"/>
      <c r="X10569" s="19"/>
      <c r="Y10569" s="19"/>
      <c r="Z10569" s="19"/>
      <c r="AA10569" s="19"/>
    </row>
    <row r="10570" spans="1:27" s="1" customFormat="1" ht="14.1" customHeight="1" outlineLevel="1" x14ac:dyDescent="0.2">
      <c r="A10570" s="17">
        <v>15559</v>
      </c>
      <c r="B10570" s="17"/>
      <c r="C10570" s="17"/>
      <c r="D10570" s="18" t="s">
        <v>5242</v>
      </c>
      <c r="E10570" s="18"/>
      <c r="F10570" s="18"/>
      <c r="G10570" s="18"/>
      <c r="H10570" s="18"/>
      <c r="I10570" s="18"/>
      <c r="J10570" s="18"/>
      <c r="K10570" s="18"/>
      <c r="L10570" s="18"/>
      <c r="M10570" s="18"/>
      <c r="N10570" s="18"/>
      <c r="O10570" s="18"/>
      <c r="P10570" s="19">
        <v>990</v>
      </c>
      <c r="Q10570" s="19"/>
      <c r="R10570" s="19"/>
      <c r="S10570" s="19"/>
      <c r="T10570" s="19">
        <v>900</v>
      </c>
      <c r="U10570" s="19"/>
      <c r="V10570" s="19"/>
      <c r="W10570" s="19"/>
      <c r="X10570" s="19">
        <v>1</v>
      </c>
      <c r="Y10570" s="19"/>
      <c r="Z10570" s="19"/>
      <c r="AA10570" s="19"/>
    </row>
    <row r="10571" spans="1:27" s="1" customFormat="1" ht="14.1" customHeight="1" outlineLevel="1" x14ac:dyDescent="0.2">
      <c r="A10571" s="17"/>
      <c r="B10571" s="17"/>
      <c r="C10571" s="17"/>
      <c r="D10571" s="18"/>
      <c r="E10571" s="18"/>
      <c r="F10571" s="18"/>
      <c r="G10571" s="18"/>
      <c r="H10571" s="18"/>
      <c r="I10571" s="18"/>
      <c r="J10571" s="18"/>
      <c r="K10571" s="18"/>
      <c r="L10571" s="18"/>
      <c r="M10571" s="18"/>
      <c r="N10571" s="18"/>
      <c r="O10571" s="18"/>
      <c r="P10571" s="19"/>
      <c r="Q10571" s="19"/>
      <c r="R10571" s="19"/>
      <c r="S10571" s="19"/>
      <c r="T10571" s="19"/>
      <c r="U10571" s="19"/>
      <c r="V10571" s="19"/>
      <c r="W10571" s="19"/>
      <c r="X10571" s="19"/>
      <c r="Y10571" s="19"/>
      <c r="Z10571" s="19"/>
      <c r="AA10571" s="19"/>
    </row>
    <row r="10572" spans="1:27" s="1" customFormat="1" ht="14.1" customHeight="1" outlineLevel="1" x14ac:dyDescent="0.2">
      <c r="A10572" s="17">
        <v>16885</v>
      </c>
      <c r="B10572" s="17"/>
      <c r="C10572" s="17"/>
      <c r="D10572" s="18" t="s">
        <v>5243</v>
      </c>
      <c r="E10572" s="18"/>
      <c r="F10572" s="18"/>
      <c r="G10572" s="18"/>
      <c r="H10572" s="18"/>
      <c r="I10572" s="18"/>
      <c r="J10572" s="18"/>
      <c r="K10572" s="18"/>
      <c r="L10572" s="18"/>
      <c r="M10572" s="18"/>
      <c r="N10572" s="18"/>
      <c r="O10572" s="18"/>
      <c r="P10572" s="19">
        <v>700</v>
      </c>
      <c r="Q10572" s="19"/>
      <c r="R10572" s="19"/>
      <c r="S10572" s="19"/>
      <c r="T10572" s="19">
        <v>490</v>
      </c>
      <c r="U10572" s="19"/>
      <c r="V10572" s="19"/>
      <c r="W10572" s="19"/>
      <c r="X10572" s="19">
        <v>1</v>
      </c>
      <c r="Y10572" s="19"/>
      <c r="Z10572" s="19"/>
      <c r="AA10572" s="19"/>
    </row>
    <row r="10573" spans="1:27" s="1" customFormat="1" ht="14.1" customHeight="1" outlineLevel="1" x14ac:dyDescent="0.2">
      <c r="A10573" s="17"/>
      <c r="B10573" s="17"/>
      <c r="C10573" s="17"/>
      <c r="D10573" s="18"/>
      <c r="E10573" s="18"/>
      <c r="F10573" s="18"/>
      <c r="G10573" s="18"/>
      <c r="H10573" s="18"/>
      <c r="I10573" s="18"/>
      <c r="J10573" s="18"/>
      <c r="K10573" s="18"/>
      <c r="L10573" s="18"/>
      <c r="M10573" s="18"/>
      <c r="N10573" s="18"/>
      <c r="O10573" s="18"/>
      <c r="P10573" s="19"/>
      <c r="Q10573" s="19"/>
      <c r="R10573" s="19"/>
      <c r="S10573" s="19"/>
      <c r="T10573" s="19"/>
      <c r="U10573" s="19"/>
      <c r="V10573" s="19"/>
      <c r="W10573" s="19"/>
      <c r="X10573" s="19"/>
      <c r="Y10573" s="19"/>
      <c r="Z10573" s="19"/>
      <c r="AA10573" s="19"/>
    </row>
    <row r="10574" spans="1:27" s="1" customFormat="1" ht="14.1" customHeight="1" outlineLevel="1" x14ac:dyDescent="0.2">
      <c r="A10574" s="17">
        <v>18050</v>
      </c>
      <c r="B10574" s="17"/>
      <c r="C10574" s="17"/>
      <c r="D10574" s="18" t="s">
        <v>5244</v>
      </c>
      <c r="E10574" s="18"/>
      <c r="F10574" s="18"/>
      <c r="G10574" s="18"/>
      <c r="H10574" s="18"/>
      <c r="I10574" s="18"/>
      <c r="J10574" s="18"/>
      <c r="K10574" s="18"/>
      <c r="L10574" s="18"/>
      <c r="M10574" s="18"/>
      <c r="N10574" s="18"/>
      <c r="O10574" s="18"/>
      <c r="P10574" s="19">
        <v>650</v>
      </c>
      <c r="Q10574" s="19"/>
      <c r="R10574" s="19"/>
      <c r="S10574" s="19"/>
      <c r="T10574" s="19">
        <v>500</v>
      </c>
      <c r="U10574" s="19"/>
      <c r="V10574" s="19"/>
      <c r="W10574" s="19"/>
      <c r="X10574" s="19">
        <v>1</v>
      </c>
      <c r="Y10574" s="19"/>
      <c r="Z10574" s="19"/>
      <c r="AA10574" s="19"/>
    </row>
    <row r="10575" spans="1:27" s="1" customFormat="1" ht="14.1" customHeight="1" outlineLevel="1" x14ac:dyDescent="0.2">
      <c r="A10575" s="17"/>
      <c r="B10575" s="17"/>
      <c r="C10575" s="17"/>
      <c r="D10575" s="18"/>
      <c r="E10575" s="18"/>
      <c r="F10575" s="18"/>
      <c r="G10575" s="18"/>
      <c r="H10575" s="18"/>
      <c r="I10575" s="18"/>
      <c r="J10575" s="18"/>
      <c r="K10575" s="18"/>
      <c r="L10575" s="18"/>
      <c r="M10575" s="18"/>
      <c r="N10575" s="18"/>
      <c r="O10575" s="18"/>
      <c r="P10575" s="19"/>
      <c r="Q10575" s="19"/>
      <c r="R10575" s="19"/>
      <c r="S10575" s="19"/>
      <c r="T10575" s="19"/>
      <c r="U10575" s="19"/>
      <c r="V10575" s="19"/>
      <c r="W10575" s="19"/>
      <c r="X10575" s="19"/>
      <c r="Y10575" s="19"/>
      <c r="Z10575" s="19"/>
      <c r="AA10575" s="19"/>
    </row>
    <row r="10576" spans="1:27" s="1" customFormat="1" ht="14.1" customHeight="1" outlineLevel="1" x14ac:dyDescent="0.2">
      <c r="A10576" s="17">
        <v>16672</v>
      </c>
      <c r="B10576" s="17"/>
      <c r="C10576" s="17"/>
      <c r="D10576" s="18" t="s">
        <v>5245</v>
      </c>
      <c r="E10576" s="18"/>
      <c r="F10576" s="18"/>
      <c r="G10576" s="18"/>
      <c r="H10576" s="18"/>
      <c r="I10576" s="18"/>
      <c r="J10576" s="18"/>
      <c r="K10576" s="18"/>
      <c r="L10576" s="18"/>
      <c r="M10576" s="18"/>
      <c r="N10576" s="18"/>
      <c r="O10576" s="18"/>
      <c r="P10576" s="19">
        <v>500</v>
      </c>
      <c r="Q10576" s="19"/>
      <c r="R10576" s="19"/>
      <c r="S10576" s="19"/>
      <c r="T10576" s="19">
        <v>400</v>
      </c>
      <c r="U10576" s="19"/>
      <c r="V10576" s="19"/>
      <c r="W10576" s="19"/>
      <c r="X10576" s="19">
        <v>1</v>
      </c>
      <c r="Y10576" s="19"/>
      <c r="Z10576" s="19"/>
      <c r="AA10576" s="19"/>
    </row>
    <row r="10577" spans="1:27" s="1" customFormat="1" ht="14.1" customHeight="1" outlineLevel="1" x14ac:dyDescent="0.2">
      <c r="A10577" s="17"/>
      <c r="B10577" s="17"/>
      <c r="C10577" s="17"/>
      <c r="D10577" s="18"/>
      <c r="E10577" s="18"/>
      <c r="F10577" s="18"/>
      <c r="G10577" s="18"/>
      <c r="H10577" s="18"/>
      <c r="I10577" s="18"/>
      <c r="J10577" s="18"/>
      <c r="K10577" s="18"/>
      <c r="L10577" s="18"/>
      <c r="M10577" s="18"/>
      <c r="N10577" s="18"/>
      <c r="O10577" s="18"/>
      <c r="P10577" s="19"/>
      <c r="Q10577" s="19"/>
      <c r="R10577" s="19"/>
      <c r="S10577" s="19"/>
      <c r="T10577" s="19"/>
      <c r="U10577" s="19"/>
      <c r="V10577" s="19"/>
      <c r="W10577" s="19"/>
      <c r="X10577" s="19"/>
      <c r="Y10577" s="19"/>
      <c r="Z10577" s="19"/>
      <c r="AA10577" s="19"/>
    </row>
    <row r="10578" spans="1:27" s="1" customFormat="1" ht="14.1" customHeight="1" outlineLevel="1" x14ac:dyDescent="0.2">
      <c r="A10578" s="17">
        <v>16743</v>
      </c>
      <c r="B10578" s="17"/>
      <c r="C10578" s="17"/>
      <c r="D10578" s="18" t="s">
        <v>5246</v>
      </c>
      <c r="E10578" s="18"/>
      <c r="F10578" s="18"/>
      <c r="G10578" s="18"/>
      <c r="H10578" s="18"/>
      <c r="I10578" s="18"/>
      <c r="J10578" s="18"/>
      <c r="K10578" s="18"/>
      <c r="L10578" s="18"/>
      <c r="M10578" s="18"/>
      <c r="N10578" s="18"/>
      <c r="O10578" s="18"/>
      <c r="P10578" s="19">
        <v>250</v>
      </c>
      <c r="Q10578" s="19"/>
      <c r="R10578" s="19"/>
      <c r="S10578" s="19"/>
      <c r="T10578" s="19">
        <v>200</v>
      </c>
      <c r="U10578" s="19"/>
      <c r="V10578" s="19"/>
      <c r="W10578" s="19"/>
      <c r="X10578" s="19">
        <v>1</v>
      </c>
      <c r="Y10578" s="19"/>
      <c r="Z10578" s="19"/>
      <c r="AA10578" s="19"/>
    </row>
    <row r="10579" spans="1:27" s="1" customFormat="1" ht="14.1" customHeight="1" outlineLevel="1" x14ac:dyDescent="0.2">
      <c r="A10579" s="17"/>
      <c r="B10579" s="17"/>
      <c r="C10579" s="17"/>
      <c r="D10579" s="18"/>
      <c r="E10579" s="18"/>
      <c r="F10579" s="18"/>
      <c r="G10579" s="18"/>
      <c r="H10579" s="18"/>
      <c r="I10579" s="18"/>
      <c r="J10579" s="18"/>
      <c r="K10579" s="18"/>
      <c r="L10579" s="18"/>
      <c r="M10579" s="18"/>
      <c r="N10579" s="18"/>
      <c r="O10579" s="18"/>
      <c r="P10579" s="19"/>
      <c r="Q10579" s="19"/>
      <c r="R10579" s="19"/>
      <c r="S10579" s="19"/>
      <c r="T10579" s="19"/>
      <c r="U10579" s="19"/>
      <c r="V10579" s="19"/>
      <c r="W10579" s="19"/>
      <c r="X10579" s="19"/>
      <c r="Y10579" s="19"/>
      <c r="Z10579" s="19"/>
      <c r="AA10579" s="19"/>
    </row>
    <row r="10580" spans="1:27" s="1" customFormat="1" ht="14.1" customHeight="1" outlineLevel="1" x14ac:dyDescent="0.2">
      <c r="A10580" s="17">
        <v>13670</v>
      </c>
      <c r="B10580" s="17"/>
      <c r="C10580" s="17"/>
      <c r="D10580" s="18" t="s">
        <v>5247</v>
      </c>
      <c r="E10580" s="18"/>
      <c r="F10580" s="18"/>
      <c r="G10580" s="18"/>
      <c r="H10580" s="18"/>
      <c r="I10580" s="18"/>
      <c r="J10580" s="18"/>
      <c r="K10580" s="18"/>
      <c r="L10580" s="18"/>
      <c r="M10580" s="18"/>
      <c r="N10580" s="18"/>
      <c r="O10580" s="18"/>
      <c r="P10580" s="19">
        <v>240</v>
      </c>
      <c r="Q10580" s="19"/>
      <c r="R10580" s="19"/>
      <c r="S10580" s="19"/>
      <c r="T10580" s="19">
        <v>190</v>
      </c>
      <c r="U10580" s="19"/>
      <c r="V10580" s="19"/>
      <c r="W10580" s="19"/>
      <c r="X10580" s="19">
        <v>1</v>
      </c>
      <c r="Y10580" s="19"/>
      <c r="Z10580" s="19"/>
      <c r="AA10580" s="19"/>
    </row>
    <row r="10581" spans="1:27" s="1" customFormat="1" ht="14.1" customHeight="1" outlineLevel="1" x14ac:dyDescent="0.2">
      <c r="A10581" s="17"/>
      <c r="B10581" s="17"/>
      <c r="C10581" s="17"/>
      <c r="D10581" s="18"/>
      <c r="E10581" s="18"/>
      <c r="F10581" s="18"/>
      <c r="G10581" s="18"/>
      <c r="H10581" s="18"/>
      <c r="I10581" s="18"/>
      <c r="J10581" s="18"/>
      <c r="K10581" s="18"/>
      <c r="L10581" s="18"/>
      <c r="M10581" s="18"/>
      <c r="N10581" s="18"/>
      <c r="O10581" s="18"/>
      <c r="P10581" s="19"/>
      <c r="Q10581" s="19"/>
      <c r="R10581" s="19"/>
      <c r="S10581" s="19"/>
      <c r="T10581" s="19"/>
      <c r="U10581" s="19"/>
      <c r="V10581" s="19"/>
      <c r="W10581" s="19"/>
      <c r="X10581" s="19"/>
      <c r="Y10581" s="19"/>
      <c r="Z10581" s="19"/>
      <c r="AA10581" s="19"/>
    </row>
    <row r="10582" spans="1:27" s="1" customFormat="1" ht="14.1" customHeight="1" outlineLevel="1" x14ac:dyDescent="0.2">
      <c r="A10582" s="17">
        <v>15504</v>
      </c>
      <c r="B10582" s="17"/>
      <c r="C10582" s="17"/>
      <c r="D10582" s="18" t="s">
        <v>5248</v>
      </c>
      <c r="E10582" s="18"/>
      <c r="F10582" s="18"/>
      <c r="G10582" s="18"/>
      <c r="H10582" s="18"/>
      <c r="I10582" s="18"/>
      <c r="J10582" s="18"/>
      <c r="K10582" s="18"/>
      <c r="L10582" s="18"/>
      <c r="M10582" s="18"/>
      <c r="N10582" s="18"/>
      <c r="O10582" s="18"/>
      <c r="P10582" s="19">
        <v>790</v>
      </c>
      <c r="Q10582" s="19"/>
      <c r="R10582" s="19"/>
      <c r="S10582" s="19"/>
      <c r="T10582" s="19">
        <v>700</v>
      </c>
      <c r="U10582" s="19"/>
      <c r="V10582" s="19"/>
      <c r="W10582" s="19"/>
      <c r="X10582" s="19">
        <v>1</v>
      </c>
      <c r="Y10582" s="19"/>
      <c r="Z10582" s="19"/>
      <c r="AA10582" s="19"/>
    </row>
    <row r="10583" spans="1:27" s="1" customFormat="1" ht="14.1" customHeight="1" outlineLevel="1" x14ac:dyDescent="0.2">
      <c r="A10583" s="17"/>
      <c r="B10583" s="17"/>
      <c r="C10583" s="17"/>
      <c r="D10583" s="18"/>
      <c r="E10583" s="18"/>
      <c r="F10583" s="18"/>
      <c r="G10583" s="18"/>
      <c r="H10583" s="18"/>
      <c r="I10583" s="18"/>
      <c r="J10583" s="18"/>
      <c r="K10583" s="18"/>
      <c r="L10583" s="18"/>
      <c r="M10583" s="18"/>
      <c r="N10583" s="18"/>
      <c r="O10583" s="18"/>
      <c r="P10583" s="19"/>
      <c r="Q10583" s="19"/>
      <c r="R10583" s="19"/>
      <c r="S10583" s="19"/>
      <c r="T10583" s="19"/>
      <c r="U10583" s="19"/>
      <c r="V10583" s="19"/>
      <c r="W10583" s="19"/>
      <c r="X10583" s="19"/>
      <c r="Y10583" s="19"/>
      <c r="Z10583" s="19"/>
      <c r="AA10583" s="19"/>
    </row>
    <row r="10584" spans="1:27" s="1" customFormat="1" ht="14.1" customHeight="1" outlineLevel="1" x14ac:dyDescent="0.2">
      <c r="A10584" s="17">
        <v>17389</v>
      </c>
      <c r="B10584" s="17"/>
      <c r="C10584" s="17"/>
      <c r="D10584" s="18" t="s">
        <v>5249</v>
      </c>
      <c r="E10584" s="18"/>
      <c r="F10584" s="18"/>
      <c r="G10584" s="18"/>
      <c r="H10584" s="18"/>
      <c r="I10584" s="18"/>
      <c r="J10584" s="18"/>
      <c r="K10584" s="18"/>
      <c r="L10584" s="18"/>
      <c r="M10584" s="18"/>
      <c r="N10584" s="18"/>
      <c r="O10584" s="18"/>
      <c r="P10584" s="19">
        <v>590</v>
      </c>
      <c r="Q10584" s="19"/>
      <c r="R10584" s="19"/>
      <c r="S10584" s="19"/>
      <c r="T10584" s="19">
        <v>450</v>
      </c>
      <c r="U10584" s="19"/>
      <c r="V10584" s="19"/>
      <c r="W10584" s="19"/>
      <c r="X10584" s="19">
        <v>2</v>
      </c>
      <c r="Y10584" s="19"/>
      <c r="Z10584" s="19"/>
      <c r="AA10584" s="19"/>
    </row>
    <row r="10585" spans="1:27" s="1" customFormat="1" ht="14.1" customHeight="1" outlineLevel="1" x14ac:dyDescent="0.2">
      <c r="A10585" s="17"/>
      <c r="B10585" s="17"/>
      <c r="C10585" s="17"/>
      <c r="D10585" s="18"/>
      <c r="E10585" s="18"/>
      <c r="F10585" s="18"/>
      <c r="G10585" s="18"/>
      <c r="H10585" s="18"/>
      <c r="I10585" s="18"/>
      <c r="J10585" s="18"/>
      <c r="K10585" s="18"/>
      <c r="L10585" s="18"/>
      <c r="M10585" s="18"/>
      <c r="N10585" s="18"/>
      <c r="O10585" s="18"/>
      <c r="P10585" s="19"/>
      <c r="Q10585" s="19"/>
      <c r="R10585" s="19"/>
      <c r="S10585" s="19"/>
      <c r="T10585" s="19"/>
      <c r="U10585" s="19"/>
      <c r="V10585" s="19"/>
      <c r="W10585" s="19"/>
      <c r="X10585" s="19"/>
      <c r="Y10585" s="19"/>
      <c r="Z10585" s="19"/>
      <c r="AA10585" s="19"/>
    </row>
    <row r="10586" spans="1:27" s="1" customFormat="1" ht="14.1" customHeight="1" outlineLevel="1" x14ac:dyDescent="0.2">
      <c r="A10586" s="17">
        <v>12115</v>
      </c>
      <c r="B10586" s="17"/>
      <c r="C10586" s="17"/>
      <c r="D10586" s="18" t="s">
        <v>5250</v>
      </c>
      <c r="E10586" s="18"/>
      <c r="F10586" s="18"/>
      <c r="G10586" s="18"/>
      <c r="H10586" s="18"/>
      <c r="I10586" s="18"/>
      <c r="J10586" s="18"/>
      <c r="K10586" s="18"/>
      <c r="L10586" s="18"/>
      <c r="M10586" s="18"/>
      <c r="N10586" s="18"/>
      <c r="O10586" s="18"/>
      <c r="P10586" s="19">
        <v>590</v>
      </c>
      <c r="Q10586" s="19"/>
      <c r="R10586" s="19"/>
      <c r="S10586" s="19"/>
      <c r="T10586" s="19">
        <v>450</v>
      </c>
      <c r="U10586" s="19"/>
      <c r="V10586" s="19"/>
      <c r="W10586" s="19"/>
      <c r="X10586" s="19">
        <v>3</v>
      </c>
      <c r="Y10586" s="19"/>
      <c r="Z10586" s="19"/>
      <c r="AA10586" s="19"/>
    </row>
    <row r="10587" spans="1:27" s="1" customFormat="1" ht="14.1" customHeight="1" outlineLevel="1" x14ac:dyDescent="0.2">
      <c r="A10587" s="17"/>
      <c r="B10587" s="17"/>
      <c r="C10587" s="17"/>
      <c r="D10587" s="18"/>
      <c r="E10587" s="18"/>
      <c r="F10587" s="18"/>
      <c r="G10587" s="18"/>
      <c r="H10587" s="18"/>
      <c r="I10587" s="18"/>
      <c r="J10587" s="18"/>
      <c r="K10587" s="18"/>
      <c r="L10587" s="18"/>
      <c r="M10587" s="18"/>
      <c r="N10587" s="18"/>
      <c r="O10587" s="18"/>
      <c r="P10587" s="19"/>
      <c r="Q10587" s="19"/>
      <c r="R10587" s="19"/>
      <c r="S10587" s="19"/>
      <c r="T10587" s="19"/>
      <c r="U10587" s="19"/>
      <c r="V10587" s="19"/>
      <c r="W10587" s="19"/>
      <c r="X10587" s="19"/>
      <c r="Y10587" s="19"/>
      <c r="Z10587" s="19"/>
      <c r="AA10587" s="19"/>
    </row>
    <row r="10588" spans="1:27" s="1" customFormat="1" ht="14.1" customHeight="1" outlineLevel="1" x14ac:dyDescent="0.2">
      <c r="A10588" s="17">
        <v>12826</v>
      </c>
      <c r="B10588" s="17"/>
      <c r="C10588" s="17"/>
      <c r="D10588" s="18" t="s">
        <v>5251</v>
      </c>
      <c r="E10588" s="18"/>
      <c r="F10588" s="18"/>
      <c r="G10588" s="18"/>
      <c r="H10588" s="18"/>
      <c r="I10588" s="18"/>
      <c r="J10588" s="18"/>
      <c r="K10588" s="18"/>
      <c r="L10588" s="18"/>
      <c r="M10588" s="18"/>
      <c r="N10588" s="18"/>
      <c r="O10588" s="18"/>
      <c r="P10588" s="19">
        <v>500</v>
      </c>
      <c r="Q10588" s="19"/>
      <c r="R10588" s="19"/>
      <c r="S10588" s="19"/>
      <c r="T10588" s="19">
        <v>400</v>
      </c>
      <c r="U10588" s="19"/>
      <c r="V10588" s="19"/>
      <c r="W10588" s="19"/>
      <c r="X10588" s="19">
        <v>18</v>
      </c>
      <c r="Y10588" s="19"/>
      <c r="Z10588" s="19"/>
      <c r="AA10588" s="19"/>
    </row>
    <row r="10589" spans="1:27" s="1" customFormat="1" ht="14.1" customHeight="1" outlineLevel="1" x14ac:dyDescent="0.2">
      <c r="A10589" s="17"/>
      <c r="B10589" s="17"/>
      <c r="C10589" s="17"/>
      <c r="D10589" s="18"/>
      <c r="E10589" s="18"/>
      <c r="F10589" s="18"/>
      <c r="G10589" s="18"/>
      <c r="H10589" s="18"/>
      <c r="I10589" s="18"/>
      <c r="J10589" s="18"/>
      <c r="K10589" s="18"/>
      <c r="L10589" s="18"/>
      <c r="M10589" s="18"/>
      <c r="N10589" s="18"/>
      <c r="O10589" s="18"/>
      <c r="P10589" s="19"/>
      <c r="Q10589" s="19"/>
      <c r="R10589" s="19"/>
      <c r="S10589" s="19"/>
      <c r="T10589" s="19"/>
      <c r="U10589" s="19"/>
      <c r="V10589" s="19"/>
      <c r="W10589" s="19"/>
      <c r="X10589" s="19"/>
      <c r="Y10589" s="19"/>
      <c r="Z10589" s="19"/>
      <c r="AA10589" s="19"/>
    </row>
    <row r="10590" spans="1:27" s="1" customFormat="1" ht="11.1" customHeight="1" outlineLevel="1" x14ac:dyDescent="0.2">
      <c r="A10590" s="17">
        <v>12845</v>
      </c>
      <c r="B10590" s="17"/>
      <c r="C10590" s="17"/>
      <c r="D10590" s="18" t="s">
        <v>5252</v>
      </c>
      <c r="E10590" s="18"/>
      <c r="F10590" s="18"/>
      <c r="G10590" s="18"/>
      <c r="H10590" s="18"/>
      <c r="I10590" s="18"/>
      <c r="J10590" s="18"/>
      <c r="K10590" s="18"/>
      <c r="L10590" s="18"/>
      <c r="M10590" s="18"/>
      <c r="N10590" s="18"/>
      <c r="O10590" s="18"/>
      <c r="P10590" s="19">
        <v>120</v>
      </c>
      <c r="Q10590" s="19"/>
      <c r="R10590" s="19"/>
      <c r="S10590" s="19"/>
      <c r="T10590" s="19">
        <v>90</v>
      </c>
      <c r="U10590" s="19"/>
      <c r="V10590" s="19"/>
      <c r="W10590" s="19"/>
      <c r="X10590" s="19">
        <v>1</v>
      </c>
      <c r="Y10590" s="19"/>
      <c r="Z10590" s="19"/>
      <c r="AA10590" s="19"/>
    </row>
    <row r="10591" spans="1:27" s="1" customFormat="1" ht="11.1" customHeight="1" outlineLevel="1" x14ac:dyDescent="0.2">
      <c r="A10591" s="17"/>
      <c r="B10591" s="17"/>
      <c r="C10591" s="17"/>
      <c r="D10591" s="18"/>
      <c r="E10591" s="18"/>
      <c r="F10591" s="18"/>
      <c r="G10591" s="18"/>
      <c r="H10591" s="18"/>
      <c r="I10591" s="18"/>
      <c r="J10591" s="18"/>
      <c r="K10591" s="18"/>
      <c r="L10591" s="18"/>
      <c r="M10591" s="18"/>
      <c r="N10591" s="18"/>
      <c r="O10591" s="18"/>
      <c r="P10591" s="19"/>
      <c r="Q10591" s="19"/>
      <c r="R10591" s="19"/>
      <c r="S10591" s="19"/>
      <c r="T10591" s="19"/>
      <c r="U10591" s="19"/>
      <c r="V10591" s="19"/>
      <c r="W10591" s="19"/>
      <c r="X10591" s="19"/>
      <c r="Y10591" s="19"/>
      <c r="Z10591" s="19"/>
      <c r="AA10591" s="19"/>
    </row>
    <row r="10592" spans="1:27" s="1" customFormat="1" ht="11.1" customHeight="1" outlineLevel="1" x14ac:dyDescent="0.2">
      <c r="A10592" s="17">
        <v>12874</v>
      </c>
      <c r="B10592" s="17"/>
      <c r="C10592" s="17"/>
      <c r="D10592" s="18" t="s">
        <v>5253</v>
      </c>
      <c r="E10592" s="18"/>
      <c r="F10592" s="18"/>
      <c r="G10592" s="18"/>
      <c r="H10592" s="18"/>
      <c r="I10592" s="18"/>
      <c r="J10592" s="18"/>
      <c r="K10592" s="18"/>
      <c r="L10592" s="18"/>
      <c r="M10592" s="18"/>
      <c r="N10592" s="18"/>
      <c r="O10592" s="18"/>
      <c r="P10592" s="19">
        <v>170</v>
      </c>
      <c r="Q10592" s="19"/>
      <c r="R10592" s="19"/>
      <c r="S10592" s="19"/>
      <c r="T10592" s="19">
        <v>130</v>
      </c>
      <c r="U10592" s="19"/>
      <c r="V10592" s="19"/>
      <c r="W10592" s="19"/>
      <c r="X10592" s="19">
        <v>1</v>
      </c>
      <c r="Y10592" s="19"/>
      <c r="Z10592" s="19"/>
      <c r="AA10592" s="19"/>
    </row>
    <row r="10593" spans="1:27" s="1" customFormat="1" ht="11.1" customHeight="1" outlineLevel="1" x14ac:dyDescent="0.2">
      <c r="A10593" s="17"/>
      <c r="B10593" s="17"/>
      <c r="C10593" s="17"/>
      <c r="D10593" s="18"/>
      <c r="E10593" s="18"/>
      <c r="F10593" s="18"/>
      <c r="G10593" s="18"/>
      <c r="H10593" s="18"/>
      <c r="I10593" s="18"/>
      <c r="J10593" s="18"/>
      <c r="K10593" s="18"/>
      <c r="L10593" s="18"/>
      <c r="M10593" s="18"/>
      <c r="N10593" s="18"/>
      <c r="O10593" s="18"/>
      <c r="P10593" s="19"/>
      <c r="Q10593" s="19"/>
      <c r="R10593" s="19"/>
      <c r="S10593" s="19"/>
      <c r="T10593" s="19"/>
      <c r="U10593" s="19"/>
      <c r="V10593" s="19"/>
      <c r="W10593" s="19"/>
      <c r="X10593" s="19"/>
      <c r="Y10593" s="19"/>
      <c r="Z10593" s="19"/>
      <c r="AA10593" s="19"/>
    </row>
    <row r="10594" spans="1:27" s="1" customFormat="1" ht="14.1" customHeight="1" outlineLevel="1" x14ac:dyDescent="0.2">
      <c r="A10594" s="17">
        <v>14631</v>
      </c>
      <c r="B10594" s="17"/>
      <c r="C10594" s="17"/>
      <c r="D10594" s="18" t="s">
        <v>5254</v>
      </c>
      <c r="E10594" s="18"/>
      <c r="F10594" s="18"/>
      <c r="G10594" s="18"/>
      <c r="H10594" s="18"/>
      <c r="I10594" s="18"/>
      <c r="J10594" s="18"/>
      <c r="K10594" s="18"/>
      <c r="L10594" s="18"/>
      <c r="M10594" s="18"/>
      <c r="N10594" s="18"/>
      <c r="O10594" s="18"/>
      <c r="P10594" s="19">
        <v>750</v>
      </c>
      <c r="Q10594" s="19"/>
      <c r="R10594" s="19"/>
      <c r="S10594" s="19"/>
      <c r="T10594" s="19">
        <v>650</v>
      </c>
      <c r="U10594" s="19"/>
      <c r="V10594" s="19"/>
      <c r="W10594" s="19"/>
      <c r="X10594" s="19">
        <v>2</v>
      </c>
      <c r="Y10594" s="19"/>
      <c r="Z10594" s="19"/>
      <c r="AA10594" s="19"/>
    </row>
    <row r="10595" spans="1:27" s="1" customFormat="1" ht="14.1" customHeight="1" outlineLevel="1" x14ac:dyDescent="0.2">
      <c r="A10595" s="17"/>
      <c r="B10595" s="17"/>
      <c r="C10595" s="17"/>
      <c r="D10595" s="18"/>
      <c r="E10595" s="18"/>
      <c r="F10595" s="18"/>
      <c r="G10595" s="18"/>
      <c r="H10595" s="18"/>
      <c r="I10595" s="18"/>
      <c r="J10595" s="18"/>
      <c r="K10595" s="18"/>
      <c r="L10595" s="18"/>
      <c r="M10595" s="18"/>
      <c r="N10595" s="18"/>
      <c r="O10595" s="18"/>
      <c r="P10595" s="19"/>
      <c r="Q10595" s="19"/>
      <c r="R10595" s="19"/>
      <c r="S10595" s="19"/>
      <c r="T10595" s="19"/>
      <c r="U10595" s="19"/>
      <c r="V10595" s="19"/>
      <c r="W10595" s="19"/>
      <c r="X10595" s="19"/>
      <c r="Y10595" s="19"/>
      <c r="Z10595" s="19"/>
      <c r="AA10595" s="19"/>
    </row>
    <row r="10596" spans="1:27" s="1" customFormat="1" ht="14.1" customHeight="1" outlineLevel="1" x14ac:dyDescent="0.2">
      <c r="A10596" s="17">
        <v>14646</v>
      </c>
      <c r="B10596" s="17"/>
      <c r="C10596" s="17"/>
      <c r="D10596" s="18" t="s">
        <v>5255</v>
      </c>
      <c r="E10596" s="18"/>
      <c r="F10596" s="18"/>
      <c r="G10596" s="18"/>
      <c r="H10596" s="18"/>
      <c r="I10596" s="18"/>
      <c r="J10596" s="18"/>
      <c r="K10596" s="18"/>
      <c r="L10596" s="18"/>
      <c r="M10596" s="18"/>
      <c r="N10596" s="18"/>
      <c r="O10596" s="18"/>
      <c r="P10596" s="19">
        <v>750</v>
      </c>
      <c r="Q10596" s="19"/>
      <c r="R10596" s="19"/>
      <c r="S10596" s="19"/>
      <c r="T10596" s="19">
        <v>650</v>
      </c>
      <c r="U10596" s="19"/>
      <c r="V10596" s="19"/>
      <c r="W10596" s="19"/>
      <c r="X10596" s="19">
        <v>1</v>
      </c>
      <c r="Y10596" s="19"/>
      <c r="Z10596" s="19"/>
      <c r="AA10596" s="19"/>
    </row>
    <row r="10597" spans="1:27" s="1" customFormat="1" ht="14.1" customHeight="1" outlineLevel="1" x14ac:dyDescent="0.2">
      <c r="A10597" s="17"/>
      <c r="B10597" s="17"/>
      <c r="C10597" s="17"/>
      <c r="D10597" s="18"/>
      <c r="E10597" s="18"/>
      <c r="F10597" s="18"/>
      <c r="G10597" s="18"/>
      <c r="H10597" s="18"/>
      <c r="I10597" s="18"/>
      <c r="J10597" s="18"/>
      <c r="K10597" s="18"/>
      <c r="L10597" s="18"/>
      <c r="M10597" s="18"/>
      <c r="N10597" s="18"/>
      <c r="O10597" s="18"/>
      <c r="P10597" s="19"/>
      <c r="Q10597" s="19"/>
      <c r="R10597" s="19"/>
      <c r="S10597" s="19"/>
      <c r="T10597" s="19"/>
      <c r="U10597" s="19"/>
      <c r="V10597" s="19"/>
      <c r="W10597" s="19"/>
      <c r="X10597" s="19"/>
      <c r="Y10597" s="19"/>
      <c r="Z10597" s="19"/>
      <c r="AA10597" s="19"/>
    </row>
    <row r="10598" spans="1:27" s="1" customFormat="1" ht="14.1" customHeight="1" outlineLevel="1" x14ac:dyDescent="0.2">
      <c r="A10598" s="17">
        <v>13291</v>
      </c>
      <c r="B10598" s="17"/>
      <c r="C10598" s="17"/>
      <c r="D10598" s="18" t="s">
        <v>5256</v>
      </c>
      <c r="E10598" s="18"/>
      <c r="F10598" s="18"/>
      <c r="G10598" s="18"/>
      <c r="H10598" s="18"/>
      <c r="I10598" s="18"/>
      <c r="J10598" s="18"/>
      <c r="K10598" s="18"/>
      <c r="L10598" s="18"/>
      <c r="M10598" s="18"/>
      <c r="N10598" s="18"/>
      <c r="O10598" s="18"/>
      <c r="P10598" s="19">
        <v>440</v>
      </c>
      <c r="Q10598" s="19"/>
      <c r="R10598" s="19"/>
      <c r="S10598" s="19"/>
      <c r="T10598" s="19">
        <v>350</v>
      </c>
      <c r="U10598" s="19"/>
      <c r="V10598" s="19"/>
      <c r="W10598" s="19"/>
      <c r="X10598" s="19">
        <v>9</v>
      </c>
      <c r="Y10598" s="19"/>
      <c r="Z10598" s="19"/>
      <c r="AA10598" s="19"/>
    </row>
    <row r="10599" spans="1:27" s="1" customFormat="1" ht="14.1" customHeight="1" outlineLevel="1" x14ac:dyDescent="0.2">
      <c r="A10599" s="17"/>
      <c r="B10599" s="17"/>
      <c r="C10599" s="17"/>
      <c r="D10599" s="18"/>
      <c r="E10599" s="18"/>
      <c r="F10599" s="18"/>
      <c r="G10599" s="18"/>
      <c r="H10599" s="18"/>
      <c r="I10599" s="18"/>
      <c r="J10599" s="18"/>
      <c r="K10599" s="18"/>
      <c r="L10599" s="18"/>
      <c r="M10599" s="18"/>
      <c r="N10599" s="18"/>
      <c r="O10599" s="18"/>
      <c r="P10599" s="19"/>
      <c r="Q10599" s="19"/>
      <c r="R10599" s="19"/>
      <c r="S10599" s="19"/>
      <c r="T10599" s="19"/>
      <c r="U10599" s="19"/>
      <c r="V10599" s="19"/>
      <c r="W10599" s="19"/>
      <c r="X10599" s="19"/>
      <c r="Y10599" s="19"/>
      <c r="Z10599" s="19"/>
      <c r="AA10599" s="19"/>
    </row>
    <row r="10600" spans="1:27" s="1" customFormat="1" ht="14.1" customHeight="1" outlineLevel="1" x14ac:dyDescent="0.2">
      <c r="A10600" s="17">
        <v>13290</v>
      </c>
      <c r="B10600" s="17"/>
      <c r="C10600" s="17"/>
      <c r="D10600" s="18" t="s">
        <v>5257</v>
      </c>
      <c r="E10600" s="18"/>
      <c r="F10600" s="18"/>
      <c r="G10600" s="18"/>
      <c r="H10600" s="18"/>
      <c r="I10600" s="18"/>
      <c r="J10600" s="18"/>
      <c r="K10600" s="18"/>
      <c r="L10600" s="18"/>
      <c r="M10600" s="18"/>
      <c r="N10600" s="18"/>
      <c r="O10600" s="18"/>
      <c r="P10600" s="19">
        <v>440</v>
      </c>
      <c r="Q10600" s="19"/>
      <c r="R10600" s="19"/>
      <c r="S10600" s="19"/>
      <c r="T10600" s="19">
        <v>350</v>
      </c>
      <c r="U10600" s="19"/>
      <c r="V10600" s="19"/>
      <c r="W10600" s="19"/>
      <c r="X10600" s="19">
        <v>7</v>
      </c>
      <c r="Y10600" s="19"/>
      <c r="Z10600" s="19"/>
      <c r="AA10600" s="19"/>
    </row>
    <row r="10601" spans="1:27" s="1" customFormat="1" ht="14.1" customHeight="1" outlineLevel="1" x14ac:dyDescent="0.2">
      <c r="A10601" s="17"/>
      <c r="B10601" s="17"/>
      <c r="C10601" s="17"/>
      <c r="D10601" s="18"/>
      <c r="E10601" s="18"/>
      <c r="F10601" s="18"/>
      <c r="G10601" s="18"/>
      <c r="H10601" s="18"/>
      <c r="I10601" s="18"/>
      <c r="J10601" s="18"/>
      <c r="K10601" s="18"/>
      <c r="L10601" s="18"/>
      <c r="M10601" s="18"/>
      <c r="N10601" s="18"/>
      <c r="O10601" s="18"/>
      <c r="P10601" s="19"/>
      <c r="Q10601" s="19"/>
      <c r="R10601" s="19"/>
      <c r="S10601" s="19"/>
      <c r="T10601" s="19"/>
      <c r="U10601" s="19"/>
      <c r="V10601" s="19"/>
      <c r="W10601" s="19"/>
      <c r="X10601" s="19"/>
      <c r="Y10601" s="19"/>
      <c r="Z10601" s="19"/>
      <c r="AA10601" s="19"/>
    </row>
    <row r="10602" spans="1:27" s="1" customFormat="1" ht="14.1" customHeight="1" outlineLevel="1" x14ac:dyDescent="0.2">
      <c r="A10602" s="17">
        <v>16651</v>
      </c>
      <c r="B10602" s="17"/>
      <c r="C10602" s="17"/>
      <c r="D10602" s="18" t="s">
        <v>5258</v>
      </c>
      <c r="E10602" s="18"/>
      <c r="F10602" s="18"/>
      <c r="G10602" s="18"/>
      <c r="H10602" s="18"/>
      <c r="I10602" s="18"/>
      <c r="J10602" s="18"/>
      <c r="K10602" s="18"/>
      <c r="L10602" s="18"/>
      <c r="M10602" s="18"/>
      <c r="N10602" s="18"/>
      <c r="O10602" s="18"/>
      <c r="P10602" s="19">
        <v>650</v>
      </c>
      <c r="Q10602" s="19"/>
      <c r="R10602" s="19"/>
      <c r="S10602" s="19"/>
      <c r="T10602" s="19">
        <v>500</v>
      </c>
      <c r="U10602" s="19"/>
      <c r="V10602" s="19"/>
      <c r="W10602" s="19"/>
      <c r="X10602" s="19">
        <v>1</v>
      </c>
      <c r="Y10602" s="19"/>
      <c r="Z10602" s="19"/>
      <c r="AA10602" s="19"/>
    </row>
    <row r="10603" spans="1:27" s="1" customFormat="1" ht="14.1" customHeight="1" outlineLevel="1" x14ac:dyDescent="0.2">
      <c r="A10603" s="17"/>
      <c r="B10603" s="17"/>
      <c r="C10603" s="17"/>
      <c r="D10603" s="18"/>
      <c r="E10603" s="18"/>
      <c r="F10603" s="18"/>
      <c r="G10603" s="18"/>
      <c r="H10603" s="18"/>
      <c r="I10603" s="18"/>
      <c r="J10603" s="18"/>
      <c r="K10603" s="18"/>
      <c r="L10603" s="18"/>
      <c r="M10603" s="18"/>
      <c r="N10603" s="18"/>
      <c r="O10603" s="18"/>
      <c r="P10603" s="19"/>
      <c r="Q10603" s="19"/>
      <c r="R10603" s="19"/>
      <c r="S10603" s="19"/>
      <c r="T10603" s="19"/>
      <c r="U10603" s="19"/>
      <c r="V10603" s="19"/>
      <c r="W10603" s="19"/>
      <c r="X10603" s="19"/>
      <c r="Y10603" s="19"/>
      <c r="Z10603" s="19"/>
      <c r="AA10603" s="19"/>
    </row>
    <row r="10604" spans="1:27" s="1" customFormat="1" ht="14.1" customHeight="1" outlineLevel="1" x14ac:dyDescent="0.2">
      <c r="A10604" s="17">
        <v>13665</v>
      </c>
      <c r="B10604" s="17"/>
      <c r="C10604" s="17"/>
      <c r="D10604" s="18" t="s">
        <v>5259</v>
      </c>
      <c r="E10604" s="18"/>
      <c r="F10604" s="18"/>
      <c r="G10604" s="18"/>
      <c r="H10604" s="18"/>
      <c r="I10604" s="18"/>
      <c r="J10604" s="18"/>
      <c r="K10604" s="18"/>
      <c r="L10604" s="18"/>
      <c r="M10604" s="18"/>
      <c r="N10604" s="18"/>
      <c r="O10604" s="18"/>
      <c r="P10604" s="19">
        <v>240</v>
      </c>
      <c r="Q10604" s="19"/>
      <c r="R10604" s="19"/>
      <c r="S10604" s="19"/>
      <c r="T10604" s="19">
        <v>190</v>
      </c>
      <c r="U10604" s="19"/>
      <c r="V10604" s="19"/>
      <c r="W10604" s="19"/>
      <c r="X10604" s="19">
        <v>1</v>
      </c>
      <c r="Y10604" s="19"/>
      <c r="Z10604" s="19"/>
      <c r="AA10604" s="19"/>
    </row>
    <row r="10605" spans="1:27" s="1" customFormat="1" ht="14.1" customHeight="1" outlineLevel="1" x14ac:dyDescent="0.2">
      <c r="A10605" s="17"/>
      <c r="B10605" s="17"/>
      <c r="C10605" s="17"/>
      <c r="D10605" s="18"/>
      <c r="E10605" s="18"/>
      <c r="F10605" s="18"/>
      <c r="G10605" s="18"/>
      <c r="H10605" s="18"/>
      <c r="I10605" s="18"/>
      <c r="J10605" s="18"/>
      <c r="K10605" s="18"/>
      <c r="L10605" s="18"/>
      <c r="M10605" s="18"/>
      <c r="N10605" s="18"/>
      <c r="O10605" s="18"/>
      <c r="P10605" s="19"/>
      <c r="Q10605" s="19"/>
      <c r="R10605" s="19"/>
      <c r="S10605" s="19"/>
      <c r="T10605" s="19"/>
      <c r="U10605" s="19"/>
      <c r="V10605" s="19"/>
      <c r="W10605" s="19"/>
      <c r="X10605" s="19"/>
      <c r="Y10605" s="19"/>
      <c r="Z10605" s="19"/>
      <c r="AA10605" s="19"/>
    </row>
    <row r="10606" spans="1:27" s="1" customFormat="1" ht="14.1" customHeight="1" outlineLevel="1" x14ac:dyDescent="0.2">
      <c r="A10606" s="17">
        <v>12710</v>
      </c>
      <c r="B10606" s="17"/>
      <c r="C10606" s="17"/>
      <c r="D10606" s="18" t="s">
        <v>5260</v>
      </c>
      <c r="E10606" s="18"/>
      <c r="F10606" s="18"/>
      <c r="G10606" s="18"/>
      <c r="H10606" s="18"/>
      <c r="I10606" s="18"/>
      <c r="J10606" s="18"/>
      <c r="K10606" s="18"/>
      <c r="L10606" s="18"/>
      <c r="M10606" s="18"/>
      <c r="N10606" s="18"/>
      <c r="O10606" s="18"/>
      <c r="P10606" s="19">
        <v>390</v>
      </c>
      <c r="Q10606" s="19"/>
      <c r="R10606" s="19"/>
      <c r="S10606" s="19"/>
      <c r="T10606" s="19">
        <v>300</v>
      </c>
      <c r="U10606" s="19"/>
      <c r="V10606" s="19"/>
      <c r="W10606" s="19"/>
      <c r="X10606" s="19">
        <v>1</v>
      </c>
      <c r="Y10606" s="19"/>
      <c r="Z10606" s="19"/>
      <c r="AA10606" s="19"/>
    </row>
    <row r="10607" spans="1:27" s="1" customFormat="1" ht="14.1" customHeight="1" outlineLevel="1" x14ac:dyDescent="0.2">
      <c r="A10607" s="17"/>
      <c r="B10607" s="17"/>
      <c r="C10607" s="17"/>
      <c r="D10607" s="18"/>
      <c r="E10607" s="18"/>
      <c r="F10607" s="18"/>
      <c r="G10607" s="18"/>
      <c r="H10607" s="18"/>
      <c r="I10607" s="18"/>
      <c r="J10607" s="18"/>
      <c r="K10607" s="18"/>
      <c r="L10607" s="18"/>
      <c r="M10607" s="18"/>
      <c r="N10607" s="18"/>
      <c r="O10607" s="18"/>
      <c r="P10607" s="19"/>
      <c r="Q10607" s="19"/>
      <c r="R10607" s="19"/>
      <c r="S10607" s="19"/>
      <c r="T10607" s="19"/>
      <c r="U10607" s="19"/>
      <c r="V10607" s="19"/>
      <c r="W10607" s="19"/>
      <c r="X10607" s="19"/>
      <c r="Y10607" s="19"/>
      <c r="Z10607" s="19"/>
      <c r="AA10607" s="19"/>
    </row>
    <row r="10608" spans="1:27" s="1" customFormat="1" ht="14.1" customHeight="1" outlineLevel="1" x14ac:dyDescent="0.2">
      <c r="A10608" s="17">
        <v>16802</v>
      </c>
      <c r="B10608" s="17"/>
      <c r="C10608" s="17"/>
      <c r="D10608" s="18" t="s">
        <v>5261</v>
      </c>
      <c r="E10608" s="18"/>
      <c r="F10608" s="18"/>
      <c r="G10608" s="18"/>
      <c r="H10608" s="18"/>
      <c r="I10608" s="18"/>
      <c r="J10608" s="18"/>
      <c r="K10608" s="18"/>
      <c r="L10608" s="18"/>
      <c r="M10608" s="18"/>
      <c r="N10608" s="18"/>
      <c r="O10608" s="18"/>
      <c r="P10608" s="19">
        <v>330</v>
      </c>
      <c r="Q10608" s="19"/>
      <c r="R10608" s="19"/>
      <c r="S10608" s="19"/>
      <c r="T10608" s="19">
        <v>230</v>
      </c>
      <c r="U10608" s="19"/>
      <c r="V10608" s="19"/>
      <c r="W10608" s="19"/>
      <c r="X10608" s="19">
        <v>1</v>
      </c>
      <c r="Y10608" s="19"/>
      <c r="Z10608" s="19"/>
      <c r="AA10608" s="19"/>
    </row>
    <row r="10609" spans="1:27" s="1" customFormat="1" ht="14.1" customHeight="1" outlineLevel="1" x14ac:dyDescent="0.2">
      <c r="A10609" s="17"/>
      <c r="B10609" s="17"/>
      <c r="C10609" s="17"/>
      <c r="D10609" s="18"/>
      <c r="E10609" s="18"/>
      <c r="F10609" s="18"/>
      <c r="G10609" s="18"/>
      <c r="H10609" s="18"/>
      <c r="I10609" s="18"/>
      <c r="J10609" s="18"/>
      <c r="K10609" s="18"/>
      <c r="L10609" s="18"/>
      <c r="M10609" s="18"/>
      <c r="N10609" s="18"/>
      <c r="O10609" s="18"/>
      <c r="P10609" s="19"/>
      <c r="Q10609" s="19"/>
      <c r="R10609" s="19"/>
      <c r="S10609" s="19"/>
      <c r="T10609" s="19"/>
      <c r="U10609" s="19"/>
      <c r="V10609" s="19"/>
      <c r="W10609" s="19"/>
      <c r="X10609" s="19"/>
      <c r="Y10609" s="19"/>
      <c r="Z10609" s="19"/>
      <c r="AA10609" s="19"/>
    </row>
    <row r="10610" spans="1:27" s="1" customFormat="1" ht="14.1" customHeight="1" outlineLevel="1" x14ac:dyDescent="0.2">
      <c r="A10610" s="17">
        <v>17368</v>
      </c>
      <c r="B10610" s="17"/>
      <c r="C10610" s="17"/>
      <c r="D10610" s="18" t="s">
        <v>5262</v>
      </c>
      <c r="E10610" s="18"/>
      <c r="F10610" s="18"/>
      <c r="G10610" s="18"/>
      <c r="H10610" s="18"/>
      <c r="I10610" s="18"/>
      <c r="J10610" s="18"/>
      <c r="K10610" s="18"/>
      <c r="L10610" s="18"/>
      <c r="M10610" s="18"/>
      <c r="N10610" s="18"/>
      <c r="O10610" s="18"/>
      <c r="P10610" s="19">
        <v>150</v>
      </c>
      <c r="Q10610" s="19"/>
      <c r="R10610" s="19"/>
      <c r="S10610" s="19"/>
      <c r="T10610" s="19">
        <v>100</v>
      </c>
      <c r="U10610" s="19"/>
      <c r="V10610" s="19"/>
      <c r="W10610" s="19"/>
      <c r="X10610" s="19">
        <v>1</v>
      </c>
      <c r="Y10610" s="19"/>
      <c r="Z10610" s="19"/>
      <c r="AA10610" s="19"/>
    </row>
    <row r="10611" spans="1:27" s="1" customFormat="1" ht="14.1" customHeight="1" outlineLevel="1" x14ac:dyDescent="0.2">
      <c r="A10611" s="17"/>
      <c r="B10611" s="17"/>
      <c r="C10611" s="17"/>
      <c r="D10611" s="18"/>
      <c r="E10611" s="18"/>
      <c r="F10611" s="18"/>
      <c r="G10611" s="18"/>
      <c r="H10611" s="18"/>
      <c r="I10611" s="18"/>
      <c r="J10611" s="18"/>
      <c r="K10611" s="18"/>
      <c r="L10611" s="18"/>
      <c r="M10611" s="18"/>
      <c r="N10611" s="18"/>
      <c r="O10611" s="18"/>
      <c r="P10611" s="19"/>
      <c r="Q10611" s="19"/>
      <c r="R10611" s="19"/>
      <c r="S10611" s="19"/>
      <c r="T10611" s="19"/>
      <c r="U10611" s="19"/>
      <c r="V10611" s="19"/>
      <c r="W10611" s="19"/>
      <c r="X10611" s="19"/>
      <c r="Y10611" s="19"/>
      <c r="Z10611" s="19"/>
      <c r="AA10611" s="19"/>
    </row>
    <row r="10612" spans="1:27" s="1" customFormat="1" ht="14.1" customHeight="1" outlineLevel="1" x14ac:dyDescent="0.2">
      <c r="A10612" s="17">
        <v>16715</v>
      </c>
      <c r="B10612" s="17"/>
      <c r="C10612" s="17"/>
      <c r="D10612" s="18" t="s">
        <v>5263</v>
      </c>
      <c r="E10612" s="18"/>
      <c r="F10612" s="18"/>
      <c r="G10612" s="18"/>
      <c r="H10612" s="18"/>
      <c r="I10612" s="18"/>
      <c r="J10612" s="18"/>
      <c r="K10612" s="18"/>
      <c r="L10612" s="18"/>
      <c r="M10612" s="18"/>
      <c r="N10612" s="18"/>
      <c r="O10612" s="18"/>
      <c r="P10612" s="19">
        <v>350</v>
      </c>
      <c r="Q10612" s="19"/>
      <c r="R10612" s="19"/>
      <c r="S10612" s="19"/>
      <c r="T10612" s="19">
        <v>250</v>
      </c>
      <c r="U10612" s="19"/>
      <c r="V10612" s="19"/>
      <c r="W10612" s="19"/>
      <c r="X10612" s="19">
        <v>1</v>
      </c>
      <c r="Y10612" s="19"/>
      <c r="Z10612" s="19"/>
      <c r="AA10612" s="19"/>
    </row>
    <row r="10613" spans="1:27" s="1" customFormat="1" ht="14.1" customHeight="1" outlineLevel="1" x14ac:dyDescent="0.2">
      <c r="A10613" s="17"/>
      <c r="B10613" s="17"/>
      <c r="C10613" s="17"/>
      <c r="D10613" s="18"/>
      <c r="E10613" s="18"/>
      <c r="F10613" s="18"/>
      <c r="G10613" s="18"/>
      <c r="H10613" s="18"/>
      <c r="I10613" s="18"/>
      <c r="J10613" s="18"/>
      <c r="K10613" s="18"/>
      <c r="L10613" s="18"/>
      <c r="M10613" s="18"/>
      <c r="N10613" s="18"/>
      <c r="O10613" s="18"/>
      <c r="P10613" s="19"/>
      <c r="Q10613" s="19"/>
      <c r="R10613" s="19"/>
      <c r="S10613" s="19"/>
      <c r="T10613" s="19"/>
      <c r="U10613" s="19"/>
      <c r="V10613" s="19"/>
      <c r="W10613" s="19"/>
      <c r="X10613" s="19"/>
      <c r="Y10613" s="19"/>
      <c r="Z10613" s="19"/>
      <c r="AA10613" s="19"/>
    </row>
    <row r="10614" spans="1:27" s="1" customFormat="1" ht="11.1" customHeight="1" x14ac:dyDescent="0.2">
      <c r="A10614" s="16" t="s">
        <v>5264</v>
      </c>
      <c r="B10614" s="16"/>
      <c r="C10614" s="16"/>
      <c r="D10614" s="16"/>
      <c r="E10614" s="16"/>
      <c r="F10614" s="16"/>
      <c r="G10614" s="16"/>
      <c r="H10614" s="16"/>
      <c r="I10614" s="16"/>
      <c r="J10614" s="16"/>
      <c r="K10614" s="16"/>
      <c r="L10614" s="16"/>
      <c r="M10614" s="16"/>
      <c r="N10614" s="16"/>
      <c r="O10614" s="16"/>
      <c r="P10614" s="16"/>
      <c r="Q10614" s="16"/>
      <c r="R10614" s="16"/>
      <c r="S10614" s="16"/>
      <c r="T10614" s="16"/>
      <c r="U10614" s="16"/>
      <c r="V10614" s="16"/>
      <c r="W10614" s="16"/>
      <c r="X10614" s="16"/>
      <c r="Y10614" s="16"/>
      <c r="Z10614" s="16"/>
      <c r="AA10614" s="16"/>
    </row>
    <row r="10615" spans="1:27" s="1" customFormat="1" ht="11.1" customHeight="1" x14ac:dyDescent="0.2">
      <c r="A10615" s="16"/>
      <c r="B10615" s="16"/>
      <c r="C10615" s="16"/>
      <c r="D10615" s="16"/>
      <c r="E10615" s="16"/>
      <c r="F10615" s="16"/>
      <c r="G10615" s="16"/>
      <c r="H10615" s="16"/>
      <c r="I10615" s="16"/>
      <c r="J10615" s="16"/>
      <c r="K10615" s="16"/>
      <c r="L10615" s="16"/>
      <c r="M10615" s="16"/>
      <c r="N10615" s="16"/>
      <c r="O10615" s="16"/>
      <c r="P10615" s="16"/>
      <c r="Q10615" s="16"/>
      <c r="R10615" s="16"/>
      <c r="S10615" s="16"/>
      <c r="T10615" s="16"/>
      <c r="U10615" s="16"/>
      <c r="V10615" s="16"/>
      <c r="W10615" s="16"/>
      <c r="X10615" s="16"/>
      <c r="Y10615" s="16"/>
      <c r="Z10615" s="16"/>
      <c r="AA10615" s="16"/>
    </row>
    <row r="10616" spans="1:27" s="1" customFormat="1" ht="14.1" customHeight="1" outlineLevel="1" x14ac:dyDescent="0.2">
      <c r="A10616" s="17">
        <v>17601</v>
      </c>
      <c r="B10616" s="17"/>
      <c r="C10616" s="17"/>
      <c r="D10616" s="18" t="s">
        <v>5265</v>
      </c>
      <c r="E10616" s="18"/>
      <c r="F10616" s="18"/>
      <c r="G10616" s="18"/>
      <c r="H10616" s="18"/>
      <c r="I10616" s="18"/>
      <c r="J10616" s="18"/>
      <c r="K10616" s="18"/>
      <c r="L10616" s="18"/>
      <c r="M10616" s="18"/>
      <c r="N10616" s="18"/>
      <c r="O10616" s="18"/>
      <c r="P10616" s="20">
        <v>1400</v>
      </c>
      <c r="Q10616" s="20"/>
      <c r="R10616" s="20"/>
      <c r="S10616" s="20"/>
      <c r="T10616" s="20">
        <v>1200</v>
      </c>
      <c r="U10616" s="20"/>
      <c r="V10616" s="20"/>
      <c r="W10616" s="20"/>
      <c r="X10616" s="19">
        <v>1</v>
      </c>
      <c r="Y10616" s="19"/>
      <c r="Z10616" s="19"/>
      <c r="AA10616" s="19"/>
    </row>
    <row r="10617" spans="1:27" s="1" customFormat="1" ht="14.1" customHeight="1" outlineLevel="1" x14ac:dyDescent="0.2">
      <c r="A10617" s="17"/>
      <c r="B10617" s="17"/>
      <c r="C10617" s="17"/>
      <c r="D10617" s="18"/>
      <c r="E10617" s="18"/>
      <c r="F10617" s="18"/>
      <c r="G10617" s="18"/>
      <c r="H10617" s="18"/>
      <c r="I10617" s="18"/>
      <c r="J10617" s="18"/>
      <c r="K10617" s="18"/>
      <c r="L10617" s="18"/>
      <c r="M10617" s="18"/>
      <c r="N10617" s="18"/>
      <c r="O10617" s="18"/>
      <c r="P10617" s="20"/>
      <c r="Q10617" s="20"/>
      <c r="R10617" s="20"/>
      <c r="S10617" s="20"/>
      <c r="T10617" s="20"/>
      <c r="U10617" s="20"/>
      <c r="V10617" s="20"/>
      <c r="W10617" s="20"/>
      <c r="X10617" s="19"/>
      <c r="Y10617" s="19"/>
      <c r="Z10617" s="19"/>
      <c r="AA10617" s="19"/>
    </row>
    <row r="10618" spans="1:27" s="1" customFormat="1" ht="11.1" customHeight="1" outlineLevel="1" x14ac:dyDescent="0.2">
      <c r="A10618" s="17">
        <v>8872</v>
      </c>
      <c r="B10618" s="17"/>
      <c r="C10618" s="17"/>
      <c r="D10618" s="18" t="s">
        <v>5266</v>
      </c>
      <c r="E10618" s="18"/>
      <c r="F10618" s="18"/>
      <c r="G10618" s="18"/>
      <c r="H10618" s="18"/>
      <c r="I10618" s="18"/>
      <c r="J10618" s="18"/>
      <c r="K10618" s="18"/>
      <c r="L10618" s="18"/>
      <c r="M10618" s="18"/>
      <c r="N10618" s="18"/>
      <c r="O10618" s="18"/>
      <c r="P10618" s="19">
        <v>350</v>
      </c>
      <c r="Q10618" s="19"/>
      <c r="R10618" s="19"/>
      <c r="S10618" s="19"/>
      <c r="T10618" s="19">
        <v>200</v>
      </c>
      <c r="U10618" s="19"/>
      <c r="V10618" s="19"/>
      <c r="W10618" s="19"/>
      <c r="X10618" s="19">
        <v>1</v>
      </c>
      <c r="Y10618" s="19"/>
      <c r="Z10618" s="19"/>
      <c r="AA10618" s="19"/>
    </row>
    <row r="10619" spans="1:27" s="1" customFormat="1" ht="11.1" customHeight="1" outlineLevel="1" x14ac:dyDescent="0.2">
      <c r="A10619" s="17"/>
      <c r="B10619" s="17"/>
      <c r="C10619" s="17"/>
      <c r="D10619" s="18"/>
      <c r="E10619" s="18"/>
      <c r="F10619" s="18"/>
      <c r="G10619" s="18"/>
      <c r="H10619" s="18"/>
      <c r="I10619" s="18"/>
      <c r="J10619" s="18"/>
      <c r="K10619" s="18"/>
      <c r="L10619" s="18"/>
      <c r="M10619" s="18"/>
      <c r="N10619" s="18"/>
      <c r="O10619" s="18"/>
      <c r="P10619" s="19"/>
      <c r="Q10619" s="19"/>
      <c r="R10619" s="19"/>
      <c r="S10619" s="19"/>
      <c r="T10619" s="19"/>
      <c r="U10619" s="19"/>
      <c r="V10619" s="19"/>
      <c r="W10619" s="19"/>
      <c r="X10619" s="19"/>
      <c r="Y10619" s="19"/>
      <c r="Z10619" s="19"/>
      <c r="AA10619" s="19"/>
    </row>
    <row r="10620" spans="1:27" s="1" customFormat="1" ht="14.1" customHeight="1" outlineLevel="1" x14ac:dyDescent="0.2">
      <c r="A10620" s="17">
        <v>17595</v>
      </c>
      <c r="B10620" s="17"/>
      <c r="C10620" s="17"/>
      <c r="D10620" s="18" t="s">
        <v>5267</v>
      </c>
      <c r="E10620" s="18"/>
      <c r="F10620" s="18"/>
      <c r="G10620" s="18"/>
      <c r="H10620" s="18"/>
      <c r="I10620" s="18"/>
      <c r="J10620" s="18"/>
      <c r="K10620" s="18"/>
      <c r="L10620" s="18"/>
      <c r="M10620" s="18"/>
      <c r="N10620" s="18"/>
      <c r="O10620" s="18"/>
      <c r="P10620" s="19">
        <v>150</v>
      </c>
      <c r="Q10620" s="19"/>
      <c r="R10620" s="19"/>
      <c r="S10620" s="19"/>
      <c r="T10620" s="19">
        <v>100</v>
      </c>
      <c r="U10620" s="19"/>
      <c r="V10620" s="19"/>
      <c r="W10620" s="19"/>
      <c r="X10620" s="19">
        <v>1</v>
      </c>
      <c r="Y10620" s="19"/>
      <c r="Z10620" s="19"/>
      <c r="AA10620" s="19"/>
    </row>
    <row r="10621" spans="1:27" s="1" customFormat="1" ht="14.1" customHeight="1" outlineLevel="1" x14ac:dyDescent="0.2">
      <c r="A10621" s="17"/>
      <c r="B10621" s="17"/>
      <c r="C10621" s="17"/>
      <c r="D10621" s="18"/>
      <c r="E10621" s="18"/>
      <c r="F10621" s="18"/>
      <c r="G10621" s="18"/>
      <c r="H10621" s="18"/>
      <c r="I10621" s="18"/>
      <c r="J10621" s="18"/>
      <c r="K10621" s="18"/>
      <c r="L10621" s="18"/>
      <c r="M10621" s="18"/>
      <c r="N10621" s="18"/>
      <c r="O10621" s="18"/>
      <c r="P10621" s="19"/>
      <c r="Q10621" s="19"/>
      <c r="R10621" s="19"/>
      <c r="S10621" s="19"/>
      <c r="T10621" s="19"/>
      <c r="U10621" s="19"/>
      <c r="V10621" s="19"/>
      <c r="W10621" s="19"/>
      <c r="X10621" s="19"/>
      <c r="Y10621" s="19"/>
      <c r="Z10621" s="19"/>
      <c r="AA10621" s="19"/>
    </row>
    <row r="10622" spans="1:27" s="1" customFormat="1" ht="14.1" customHeight="1" outlineLevel="1" x14ac:dyDescent="0.2">
      <c r="A10622" s="17">
        <v>17609</v>
      </c>
      <c r="B10622" s="17"/>
      <c r="C10622" s="17"/>
      <c r="D10622" s="18" t="s">
        <v>5268</v>
      </c>
      <c r="E10622" s="18"/>
      <c r="F10622" s="18"/>
      <c r="G10622" s="18"/>
      <c r="H10622" s="18"/>
      <c r="I10622" s="18"/>
      <c r="J10622" s="18"/>
      <c r="K10622" s="18"/>
      <c r="L10622" s="18"/>
      <c r="M10622" s="18"/>
      <c r="N10622" s="18"/>
      <c r="O10622" s="18"/>
      <c r="P10622" s="20">
        <v>1500</v>
      </c>
      <c r="Q10622" s="20"/>
      <c r="R10622" s="20"/>
      <c r="S10622" s="20"/>
      <c r="T10622" s="20">
        <v>1000</v>
      </c>
      <c r="U10622" s="20"/>
      <c r="V10622" s="20"/>
      <c r="W10622" s="20"/>
      <c r="X10622" s="19">
        <v>1</v>
      </c>
      <c r="Y10622" s="19"/>
      <c r="Z10622" s="19"/>
      <c r="AA10622" s="19"/>
    </row>
    <row r="10623" spans="1:27" s="1" customFormat="1" ht="14.1" customHeight="1" outlineLevel="1" x14ac:dyDescent="0.2">
      <c r="A10623" s="17"/>
      <c r="B10623" s="17"/>
      <c r="C10623" s="17"/>
      <c r="D10623" s="18"/>
      <c r="E10623" s="18"/>
      <c r="F10623" s="18"/>
      <c r="G10623" s="18"/>
      <c r="H10623" s="18"/>
      <c r="I10623" s="18"/>
      <c r="J10623" s="18"/>
      <c r="K10623" s="18"/>
      <c r="L10623" s="18"/>
      <c r="M10623" s="18"/>
      <c r="N10623" s="18"/>
      <c r="O10623" s="18"/>
      <c r="P10623" s="20"/>
      <c r="Q10623" s="20"/>
      <c r="R10623" s="20"/>
      <c r="S10623" s="20"/>
      <c r="T10623" s="20"/>
      <c r="U10623" s="20"/>
      <c r="V10623" s="20"/>
      <c r="W10623" s="20"/>
      <c r="X10623" s="19"/>
      <c r="Y10623" s="19"/>
      <c r="Z10623" s="19"/>
      <c r="AA10623" s="19"/>
    </row>
    <row r="10624" spans="1:27" s="1" customFormat="1" ht="14.1" customHeight="1" outlineLevel="1" x14ac:dyDescent="0.2">
      <c r="A10624" s="17">
        <v>17608</v>
      </c>
      <c r="B10624" s="17"/>
      <c r="C10624" s="17"/>
      <c r="D10624" s="18" t="s">
        <v>5269</v>
      </c>
      <c r="E10624" s="18"/>
      <c r="F10624" s="18"/>
      <c r="G10624" s="18"/>
      <c r="H10624" s="18"/>
      <c r="I10624" s="18"/>
      <c r="J10624" s="18"/>
      <c r="K10624" s="18"/>
      <c r="L10624" s="18"/>
      <c r="M10624" s="18"/>
      <c r="N10624" s="18"/>
      <c r="O10624" s="18"/>
      <c r="P10624" s="19">
        <v>200</v>
      </c>
      <c r="Q10624" s="19"/>
      <c r="R10624" s="19"/>
      <c r="S10624" s="19"/>
      <c r="T10624" s="19">
        <v>150</v>
      </c>
      <c r="U10624" s="19"/>
      <c r="V10624" s="19"/>
      <c r="W10624" s="19"/>
      <c r="X10624" s="19">
        <v>1</v>
      </c>
      <c r="Y10624" s="19"/>
      <c r="Z10624" s="19"/>
      <c r="AA10624" s="19"/>
    </row>
    <row r="10625" spans="1:27" s="1" customFormat="1" ht="14.1" customHeight="1" outlineLevel="1" x14ac:dyDescent="0.2">
      <c r="A10625" s="17"/>
      <c r="B10625" s="17"/>
      <c r="C10625" s="17"/>
      <c r="D10625" s="18"/>
      <c r="E10625" s="18"/>
      <c r="F10625" s="18"/>
      <c r="G10625" s="18"/>
      <c r="H10625" s="18"/>
      <c r="I10625" s="18"/>
      <c r="J10625" s="18"/>
      <c r="K10625" s="18"/>
      <c r="L10625" s="18"/>
      <c r="M10625" s="18"/>
      <c r="N10625" s="18"/>
      <c r="O10625" s="18"/>
      <c r="P10625" s="19"/>
      <c r="Q10625" s="19"/>
      <c r="R10625" s="19"/>
      <c r="S10625" s="19"/>
      <c r="T10625" s="19"/>
      <c r="U10625" s="19"/>
      <c r="V10625" s="19"/>
      <c r="W10625" s="19"/>
      <c r="X10625" s="19"/>
      <c r="Y10625" s="19"/>
      <c r="Z10625" s="19"/>
      <c r="AA10625" s="19"/>
    </row>
    <row r="10626" spans="1:27" s="1" customFormat="1" ht="14.1" customHeight="1" outlineLevel="1" x14ac:dyDescent="0.2">
      <c r="A10626" s="17">
        <v>17607</v>
      </c>
      <c r="B10626" s="17"/>
      <c r="C10626" s="17"/>
      <c r="D10626" s="18" t="s">
        <v>5270</v>
      </c>
      <c r="E10626" s="18"/>
      <c r="F10626" s="18"/>
      <c r="G10626" s="18"/>
      <c r="H10626" s="18"/>
      <c r="I10626" s="18"/>
      <c r="J10626" s="18"/>
      <c r="K10626" s="18"/>
      <c r="L10626" s="18"/>
      <c r="M10626" s="18"/>
      <c r="N10626" s="18"/>
      <c r="O10626" s="18"/>
      <c r="P10626" s="19">
        <v>200</v>
      </c>
      <c r="Q10626" s="19"/>
      <c r="R10626" s="19"/>
      <c r="S10626" s="19"/>
      <c r="T10626" s="19">
        <v>150</v>
      </c>
      <c r="U10626" s="19"/>
      <c r="V10626" s="19"/>
      <c r="W10626" s="19"/>
      <c r="X10626" s="19">
        <v>1</v>
      </c>
      <c r="Y10626" s="19"/>
      <c r="Z10626" s="19"/>
      <c r="AA10626" s="19"/>
    </row>
    <row r="10627" spans="1:27" s="1" customFormat="1" ht="14.1" customHeight="1" outlineLevel="1" x14ac:dyDescent="0.2">
      <c r="A10627" s="17"/>
      <c r="B10627" s="17"/>
      <c r="C10627" s="17"/>
      <c r="D10627" s="18"/>
      <c r="E10627" s="18"/>
      <c r="F10627" s="18"/>
      <c r="G10627" s="18"/>
      <c r="H10627" s="18"/>
      <c r="I10627" s="18"/>
      <c r="J10627" s="18"/>
      <c r="K10627" s="18"/>
      <c r="L10627" s="18"/>
      <c r="M10627" s="18"/>
      <c r="N10627" s="18"/>
      <c r="O10627" s="18"/>
      <c r="P10627" s="19"/>
      <c r="Q10627" s="19"/>
      <c r="R10627" s="19"/>
      <c r="S10627" s="19"/>
      <c r="T10627" s="19"/>
      <c r="U10627" s="19"/>
      <c r="V10627" s="19"/>
      <c r="W10627" s="19"/>
      <c r="X10627" s="19"/>
      <c r="Y10627" s="19"/>
      <c r="Z10627" s="19"/>
      <c r="AA10627" s="19"/>
    </row>
    <row r="10628" spans="1:27" s="1" customFormat="1" ht="11.1" customHeight="1" outlineLevel="1" x14ac:dyDescent="0.2">
      <c r="A10628" s="17">
        <v>8873</v>
      </c>
      <c r="B10628" s="17"/>
      <c r="C10628" s="17"/>
      <c r="D10628" s="18" t="s">
        <v>5271</v>
      </c>
      <c r="E10628" s="18"/>
      <c r="F10628" s="18"/>
      <c r="G10628" s="18"/>
      <c r="H10628" s="18"/>
      <c r="I10628" s="18"/>
      <c r="J10628" s="18"/>
      <c r="K10628" s="18"/>
      <c r="L10628" s="18"/>
      <c r="M10628" s="18"/>
      <c r="N10628" s="18"/>
      <c r="O10628" s="18"/>
      <c r="P10628" s="19">
        <v>150</v>
      </c>
      <c r="Q10628" s="19"/>
      <c r="R10628" s="19"/>
      <c r="S10628" s="19"/>
      <c r="T10628" s="19">
        <v>100</v>
      </c>
      <c r="U10628" s="19"/>
      <c r="V10628" s="19"/>
      <c r="W10628" s="19"/>
      <c r="X10628" s="19">
        <v>1</v>
      </c>
      <c r="Y10628" s="19"/>
      <c r="Z10628" s="19"/>
      <c r="AA10628" s="19"/>
    </row>
    <row r="10629" spans="1:27" s="1" customFormat="1" ht="11.1" customHeight="1" outlineLevel="1" x14ac:dyDescent="0.2">
      <c r="A10629" s="17"/>
      <c r="B10629" s="17"/>
      <c r="C10629" s="17"/>
      <c r="D10629" s="18"/>
      <c r="E10629" s="18"/>
      <c r="F10629" s="18"/>
      <c r="G10629" s="18"/>
      <c r="H10629" s="18"/>
      <c r="I10629" s="18"/>
      <c r="J10629" s="18"/>
      <c r="K10629" s="18"/>
      <c r="L10629" s="18"/>
      <c r="M10629" s="18"/>
      <c r="N10629" s="18"/>
      <c r="O10629" s="18"/>
      <c r="P10629" s="19"/>
      <c r="Q10629" s="19"/>
      <c r="R10629" s="19"/>
      <c r="S10629" s="19"/>
      <c r="T10629" s="19"/>
      <c r="U10629" s="19"/>
      <c r="V10629" s="19"/>
      <c r="W10629" s="19"/>
      <c r="X10629" s="19"/>
      <c r="Y10629" s="19"/>
      <c r="Z10629" s="19"/>
      <c r="AA10629" s="19"/>
    </row>
    <row r="10630" spans="1:27" s="1" customFormat="1" ht="14.1" customHeight="1" outlineLevel="1" x14ac:dyDescent="0.2">
      <c r="A10630" s="17">
        <v>17602</v>
      </c>
      <c r="B10630" s="17"/>
      <c r="C10630" s="17"/>
      <c r="D10630" s="18" t="s">
        <v>5272</v>
      </c>
      <c r="E10630" s="18"/>
      <c r="F10630" s="18"/>
      <c r="G10630" s="18"/>
      <c r="H10630" s="18"/>
      <c r="I10630" s="18"/>
      <c r="J10630" s="18"/>
      <c r="K10630" s="18"/>
      <c r="L10630" s="18"/>
      <c r="M10630" s="18"/>
      <c r="N10630" s="18"/>
      <c r="O10630" s="18"/>
      <c r="P10630" s="19">
        <v>500</v>
      </c>
      <c r="Q10630" s="19"/>
      <c r="R10630" s="19"/>
      <c r="S10630" s="19"/>
      <c r="T10630" s="19">
        <v>400</v>
      </c>
      <c r="U10630" s="19"/>
      <c r="V10630" s="19"/>
      <c r="W10630" s="19"/>
      <c r="X10630" s="19">
        <v>1</v>
      </c>
      <c r="Y10630" s="19"/>
      <c r="Z10630" s="19"/>
      <c r="AA10630" s="19"/>
    </row>
    <row r="10631" spans="1:27" s="1" customFormat="1" ht="14.1" customHeight="1" outlineLevel="1" x14ac:dyDescent="0.2">
      <c r="A10631" s="17"/>
      <c r="B10631" s="17"/>
      <c r="C10631" s="17"/>
      <c r="D10631" s="18"/>
      <c r="E10631" s="18"/>
      <c r="F10631" s="18"/>
      <c r="G10631" s="18"/>
      <c r="H10631" s="18"/>
      <c r="I10631" s="18"/>
      <c r="J10631" s="18"/>
      <c r="K10631" s="18"/>
      <c r="L10631" s="18"/>
      <c r="M10631" s="18"/>
      <c r="N10631" s="18"/>
      <c r="O10631" s="18"/>
      <c r="P10631" s="19"/>
      <c r="Q10631" s="19"/>
      <c r="R10631" s="19"/>
      <c r="S10631" s="19"/>
      <c r="T10631" s="19"/>
      <c r="U10631" s="19"/>
      <c r="V10631" s="19"/>
      <c r="W10631" s="19"/>
      <c r="X10631" s="19"/>
      <c r="Y10631" s="19"/>
      <c r="Z10631" s="19"/>
      <c r="AA10631" s="19"/>
    </row>
    <row r="10632" spans="1:27" s="1" customFormat="1" ht="14.1" customHeight="1" outlineLevel="1" x14ac:dyDescent="0.2">
      <c r="A10632" s="17">
        <v>9397</v>
      </c>
      <c r="B10632" s="17"/>
      <c r="C10632" s="17"/>
      <c r="D10632" s="18" t="s">
        <v>5273</v>
      </c>
      <c r="E10632" s="18"/>
      <c r="F10632" s="18"/>
      <c r="G10632" s="18"/>
      <c r="H10632" s="18"/>
      <c r="I10632" s="18"/>
      <c r="J10632" s="18"/>
      <c r="K10632" s="18"/>
      <c r="L10632" s="18"/>
      <c r="M10632" s="18"/>
      <c r="N10632" s="18"/>
      <c r="O10632" s="18"/>
      <c r="P10632" s="19">
        <v>350</v>
      </c>
      <c r="Q10632" s="19"/>
      <c r="R10632" s="19"/>
      <c r="S10632" s="19"/>
      <c r="T10632" s="19">
        <v>350</v>
      </c>
      <c r="U10632" s="19"/>
      <c r="V10632" s="19"/>
      <c r="W10632" s="19"/>
      <c r="X10632" s="19">
        <v>2</v>
      </c>
      <c r="Y10632" s="19"/>
      <c r="Z10632" s="19"/>
      <c r="AA10632" s="19"/>
    </row>
    <row r="10633" spans="1:27" s="1" customFormat="1" ht="14.1" customHeight="1" outlineLevel="1" x14ac:dyDescent="0.2">
      <c r="A10633" s="17"/>
      <c r="B10633" s="17"/>
      <c r="C10633" s="17"/>
      <c r="D10633" s="18"/>
      <c r="E10633" s="18"/>
      <c r="F10633" s="18"/>
      <c r="G10633" s="18"/>
      <c r="H10633" s="18"/>
      <c r="I10633" s="18"/>
      <c r="J10633" s="18"/>
      <c r="K10633" s="18"/>
      <c r="L10633" s="18"/>
      <c r="M10633" s="18"/>
      <c r="N10633" s="18"/>
      <c r="O10633" s="18"/>
      <c r="P10633" s="19"/>
      <c r="Q10633" s="19"/>
      <c r="R10633" s="19"/>
      <c r="S10633" s="19"/>
      <c r="T10633" s="19"/>
      <c r="U10633" s="19"/>
      <c r="V10633" s="19"/>
      <c r="W10633" s="19"/>
      <c r="X10633" s="19"/>
      <c r="Y10633" s="19"/>
      <c r="Z10633" s="19"/>
      <c r="AA10633" s="19"/>
    </row>
    <row r="10634" spans="1:27" s="1" customFormat="1" ht="14.1" customHeight="1" outlineLevel="1" x14ac:dyDescent="0.2">
      <c r="A10634" s="17">
        <v>7049</v>
      </c>
      <c r="B10634" s="17"/>
      <c r="C10634" s="17"/>
      <c r="D10634" s="18" t="s">
        <v>5274</v>
      </c>
      <c r="E10634" s="18"/>
      <c r="F10634" s="18"/>
      <c r="G10634" s="18"/>
      <c r="H10634" s="18"/>
      <c r="I10634" s="18"/>
      <c r="J10634" s="18"/>
      <c r="K10634" s="18"/>
      <c r="L10634" s="18"/>
      <c r="M10634" s="18"/>
      <c r="N10634" s="18"/>
      <c r="O10634" s="18"/>
      <c r="P10634" s="19">
        <v>90</v>
      </c>
      <c r="Q10634" s="19"/>
      <c r="R10634" s="19"/>
      <c r="S10634" s="19"/>
      <c r="T10634" s="19">
        <v>75</v>
      </c>
      <c r="U10634" s="19"/>
      <c r="V10634" s="19"/>
      <c r="W10634" s="19"/>
      <c r="X10634" s="19">
        <v>1</v>
      </c>
      <c r="Y10634" s="19"/>
      <c r="Z10634" s="19"/>
      <c r="AA10634" s="19"/>
    </row>
    <row r="10635" spans="1:27" s="1" customFormat="1" ht="14.1" customHeight="1" outlineLevel="1" x14ac:dyDescent="0.2">
      <c r="A10635" s="17"/>
      <c r="B10635" s="17"/>
      <c r="C10635" s="17"/>
      <c r="D10635" s="18"/>
      <c r="E10635" s="18"/>
      <c r="F10635" s="18"/>
      <c r="G10635" s="18"/>
      <c r="H10635" s="18"/>
      <c r="I10635" s="18"/>
      <c r="J10635" s="18"/>
      <c r="K10635" s="18"/>
      <c r="L10635" s="18"/>
      <c r="M10635" s="18"/>
      <c r="N10635" s="18"/>
      <c r="O10635" s="18"/>
      <c r="P10635" s="19"/>
      <c r="Q10635" s="19"/>
      <c r="R10635" s="19"/>
      <c r="S10635" s="19"/>
      <c r="T10635" s="19"/>
      <c r="U10635" s="19"/>
      <c r="V10635" s="19"/>
      <c r="W10635" s="19"/>
      <c r="X10635" s="19"/>
      <c r="Y10635" s="19"/>
      <c r="Z10635" s="19"/>
      <c r="AA10635" s="19"/>
    </row>
    <row r="10636" spans="1:27" s="1" customFormat="1" ht="14.1" customHeight="1" outlineLevel="1" x14ac:dyDescent="0.2">
      <c r="A10636" s="17">
        <v>17605</v>
      </c>
      <c r="B10636" s="17"/>
      <c r="C10636" s="17"/>
      <c r="D10636" s="18" t="s">
        <v>5275</v>
      </c>
      <c r="E10636" s="18"/>
      <c r="F10636" s="18"/>
      <c r="G10636" s="18"/>
      <c r="H10636" s="18"/>
      <c r="I10636" s="18"/>
      <c r="J10636" s="18"/>
      <c r="K10636" s="18"/>
      <c r="L10636" s="18"/>
      <c r="M10636" s="18"/>
      <c r="N10636" s="18"/>
      <c r="O10636" s="18"/>
      <c r="P10636" s="19">
        <v>250</v>
      </c>
      <c r="Q10636" s="19"/>
      <c r="R10636" s="19"/>
      <c r="S10636" s="19"/>
      <c r="T10636" s="19">
        <v>150</v>
      </c>
      <c r="U10636" s="19"/>
      <c r="V10636" s="19"/>
      <c r="W10636" s="19"/>
      <c r="X10636" s="19">
        <v>1</v>
      </c>
      <c r="Y10636" s="19"/>
      <c r="Z10636" s="19"/>
      <c r="AA10636" s="19"/>
    </row>
    <row r="10637" spans="1:27" s="1" customFormat="1" ht="14.1" customHeight="1" outlineLevel="1" x14ac:dyDescent="0.2">
      <c r="A10637" s="17"/>
      <c r="B10637" s="17"/>
      <c r="C10637" s="17"/>
      <c r="D10637" s="18"/>
      <c r="E10637" s="18"/>
      <c r="F10637" s="18"/>
      <c r="G10637" s="18"/>
      <c r="H10637" s="18"/>
      <c r="I10637" s="18"/>
      <c r="J10637" s="18"/>
      <c r="K10637" s="18"/>
      <c r="L10637" s="18"/>
      <c r="M10637" s="18"/>
      <c r="N10637" s="18"/>
      <c r="O10637" s="18"/>
      <c r="P10637" s="19"/>
      <c r="Q10637" s="19"/>
      <c r="R10637" s="19"/>
      <c r="S10637" s="19"/>
      <c r="T10637" s="19"/>
      <c r="U10637" s="19"/>
      <c r="V10637" s="19"/>
      <c r="W10637" s="19"/>
      <c r="X10637" s="19"/>
      <c r="Y10637" s="19"/>
      <c r="Z10637" s="19"/>
      <c r="AA10637" s="19"/>
    </row>
    <row r="10638" spans="1:27" s="1" customFormat="1" ht="14.1" customHeight="1" outlineLevel="1" x14ac:dyDescent="0.2">
      <c r="A10638" s="17">
        <v>10301</v>
      </c>
      <c r="B10638" s="17"/>
      <c r="C10638" s="17"/>
      <c r="D10638" s="18" t="s">
        <v>5276</v>
      </c>
      <c r="E10638" s="18"/>
      <c r="F10638" s="18"/>
      <c r="G10638" s="18"/>
      <c r="H10638" s="18"/>
      <c r="I10638" s="18"/>
      <c r="J10638" s="18"/>
      <c r="K10638" s="18"/>
      <c r="L10638" s="18"/>
      <c r="M10638" s="18"/>
      <c r="N10638" s="18"/>
      <c r="O10638" s="18"/>
      <c r="P10638" s="19">
        <v>220</v>
      </c>
      <c r="Q10638" s="19"/>
      <c r="R10638" s="19"/>
      <c r="S10638" s="19"/>
      <c r="T10638" s="19">
        <v>160</v>
      </c>
      <c r="U10638" s="19"/>
      <c r="V10638" s="19"/>
      <c r="W10638" s="19"/>
      <c r="X10638" s="19">
        <v>1</v>
      </c>
      <c r="Y10638" s="19"/>
      <c r="Z10638" s="19"/>
      <c r="AA10638" s="19"/>
    </row>
    <row r="10639" spans="1:27" s="1" customFormat="1" ht="14.1" customHeight="1" outlineLevel="1" x14ac:dyDescent="0.2">
      <c r="A10639" s="17"/>
      <c r="B10639" s="17"/>
      <c r="C10639" s="17"/>
      <c r="D10639" s="18"/>
      <c r="E10639" s="18"/>
      <c r="F10639" s="18"/>
      <c r="G10639" s="18"/>
      <c r="H10639" s="18"/>
      <c r="I10639" s="18"/>
      <c r="J10639" s="18"/>
      <c r="K10639" s="18"/>
      <c r="L10639" s="18"/>
      <c r="M10639" s="18"/>
      <c r="N10639" s="18"/>
      <c r="O10639" s="18"/>
      <c r="P10639" s="19"/>
      <c r="Q10639" s="19"/>
      <c r="R10639" s="19"/>
      <c r="S10639" s="19"/>
      <c r="T10639" s="19"/>
      <c r="U10639" s="19"/>
      <c r="V10639" s="19"/>
      <c r="W10639" s="19"/>
      <c r="X10639" s="19"/>
      <c r="Y10639" s="19"/>
      <c r="Z10639" s="19"/>
      <c r="AA10639" s="19"/>
    </row>
    <row r="10640" spans="1:27" s="1" customFormat="1" ht="14.1" customHeight="1" outlineLevel="1" x14ac:dyDescent="0.2">
      <c r="A10640" s="17">
        <v>17606</v>
      </c>
      <c r="B10640" s="17"/>
      <c r="C10640" s="17"/>
      <c r="D10640" s="18" t="s">
        <v>5277</v>
      </c>
      <c r="E10640" s="18"/>
      <c r="F10640" s="18"/>
      <c r="G10640" s="18"/>
      <c r="H10640" s="18"/>
      <c r="I10640" s="18"/>
      <c r="J10640" s="18"/>
      <c r="K10640" s="18"/>
      <c r="L10640" s="18"/>
      <c r="M10640" s="18"/>
      <c r="N10640" s="18"/>
      <c r="O10640" s="18"/>
      <c r="P10640" s="19">
        <v>350</v>
      </c>
      <c r="Q10640" s="19"/>
      <c r="R10640" s="19"/>
      <c r="S10640" s="19"/>
      <c r="T10640" s="19">
        <v>250</v>
      </c>
      <c r="U10640" s="19"/>
      <c r="V10640" s="19"/>
      <c r="W10640" s="19"/>
      <c r="X10640" s="19">
        <v>1</v>
      </c>
      <c r="Y10640" s="19"/>
      <c r="Z10640" s="19"/>
      <c r="AA10640" s="19"/>
    </row>
    <row r="10641" spans="1:27" s="1" customFormat="1" ht="14.1" customHeight="1" outlineLevel="1" x14ac:dyDescent="0.2">
      <c r="A10641" s="17"/>
      <c r="B10641" s="17"/>
      <c r="C10641" s="17"/>
      <c r="D10641" s="18"/>
      <c r="E10641" s="18"/>
      <c r="F10641" s="18"/>
      <c r="G10641" s="18"/>
      <c r="H10641" s="18"/>
      <c r="I10641" s="18"/>
      <c r="J10641" s="18"/>
      <c r="K10641" s="18"/>
      <c r="L10641" s="18"/>
      <c r="M10641" s="18"/>
      <c r="N10641" s="18"/>
      <c r="O10641" s="18"/>
      <c r="P10641" s="19"/>
      <c r="Q10641" s="19"/>
      <c r="R10641" s="19"/>
      <c r="S10641" s="19"/>
      <c r="T10641" s="19"/>
      <c r="U10641" s="19"/>
      <c r="V10641" s="19"/>
      <c r="W10641" s="19"/>
      <c r="X10641" s="19"/>
      <c r="Y10641" s="19"/>
      <c r="Z10641" s="19"/>
      <c r="AA10641" s="19"/>
    </row>
    <row r="10642" spans="1:27" s="1" customFormat="1" ht="14.1" customHeight="1" x14ac:dyDescent="0.2">
      <c r="A10642" s="17">
        <v>17468</v>
      </c>
      <c r="B10642" s="17"/>
      <c r="C10642" s="17"/>
      <c r="D10642" s="18" t="s">
        <v>5278</v>
      </c>
      <c r="E10642" s="18"/>
      <c r="F10642" s="18"/>
      <c r="G10642" s="18"/>
      <c r="H10642" s="18"/>
      <c r="I10642" s="18"/>
      <c r="J10642" s="18"/>
      <c r="K10642" s="18"/>
      <c r="L10642" s="18"/>
      <c r="M10642" s="18"/>
      <c r="N10642" s="18"/>
      <c r="O10642" s="18"/>
      <c r="P10642" s="19">
        <v>550</v>
      </c>
      <c r="Q10642" s="19"/>
      <c r="R10642" s="19"/>
      <c r="S10642" s="19"/>
      <c r="T10642" s="19">
        <v>450</v>
      </c>
      <c r="U10642" s="19"/>
      <c r="V10642" s="19"/>
      <c r="W10642" s="19"/>
      <c r="X10642" s="19">
        <v>1</v>
      </c>
      <c r="Y10642" s="19"/>
      <c r="Z10642" s="19"/>
      <c r="AA10642" s="19"/>
    </row>
    <row r="10643" spans="1:27" s="1" customFormat="1" ht="14.1" customHeight="1" x14ac:dyDescent="0.2">
      <c r="A10643" s="17"/>
      <c r="B10643" s="17"/>
      <c r="C10643" s="17"/>
      <c r="D10643" s="18"/>
      <c r="E10643" s="18"/>
      <c r="F10643" s="18"/>
      <c r="G10643" s="18"/>
      <c r="H10643" s="18"/>
      <c r="I10643" s="18"/>
      <c r="J10643" s="18"/>
      <c r="K10643" s="18"/>
      <c r="L10643" s="18"/>
      <c r="M10643" s="18"/>
      <c r="N10643" s="18"/>
      <c r="O10643" s="18"/>
      <c r="P10643" s="19"/>
      <c r="Q10643" s="19"/>
      <c r="R10643" s="19"/>
      <c r="S10643" s="19"/>
      <c r="T10643" s="19"/>
      <c r="U10643" s="19"/>
      <c r="V10643" s="19"/>
      <c r="W10643" s="19"/>
      <c r="X10643" s="19"/>
      <c r="Y10643" s="19"/>
      <c r="Z10643" s="19"/>
      <c r="AA10643" s="19"/>
    </row>
    <row r="10644" spans="1:27" s="1" customFormat="1" ht="11.1" customHeight="1" x14ac:dyDescent="0.2">
      <c r="A10644" s="15" t="s">
        <v>5279</v>
      </c>
      <c r="B10644" s="15"/>
      <c r="C10644" s="15"/>
      <c r="D10644" s="15"/>
      <c r="E10644" s="15"/>
      <c r="F10644" s="15"/>
      <c r="G10644" s="15"/>
      <c r="H10644" s="15"/>
      <c r="I10644" s="15"/>
      <c r="J10644" s="15"/>
      <c r="K10644" s="15"/>
      <c r="L10644" s="15"/>
      <c r="M10644" s="15"/>
      <c r="N10644" s="15"/>
      <c r="O10644" s="15"/>
      <c r="P10644" s="15"/>
      <c r="Q10644" s="15"/>
      <c r="R10644" s="15"/>
      <c r="S10644" s="15"/>
      <c r="T10644" s="15"/>
      <c r="U10644" s="15"/>
      <c r="V10644" s="15"/>
      <c r="W10644" s="15"/>
      <c r="X10644" s="15"/>
      <c r="Y10644" s="15"/>
      <c r="Z10644" s="15"/>
      <c r="AA10644" s="15"/>
    </row>
    <row r="10645" spans="1:27" s="1" customFormat="1" ht="11.1" customHeight="1" x14ac:dyDescent="0.2">
      <c r="A10645" s="15"/>
      <c r="B10645" s="15"/>
      <c r="C10645" s="15"/>
      <c r="D10645" s="15"/>
      <c r="E10645" s="15"/>
      <c r="F10645" s="15"/>
      <c r="G10645" s="15"/>
      <c r="H10645" s="15"/>
      <c r="I10645" s="15"/>
      <c r="J10645" s="15"/>
      <c r="K10645" s="15"/>
      <c r="L10645" s="15"/>
      <c r="M10645" s="15"/>
      <c r="N10645" s="15"/>
      <c r="O10645" s="15"/>
      <c r="P10645" s="15"/>
      <c r="Q10645" s="15"/>
      <c r="R10645" s="15"/>
      <c r="S10645" s="15"/>
      <c r="T10645" s="15"/>
      <c r="U10645" s="15"/>
      <c r="V10645" s="15"/>
      <c r="W10645" s="15"/>
      <c r="X10645" s="15"/>
      <c r="Y10645" s="15"/>
      <c r="Z10645" s="15"/>
      <c r="AA10645" s="15"/>
    </row>
    <row r="10646" spans="1:27" s="1" customFormat="1" ht="11.1" customHeight="1" outlineLevel="1" x14ac:dyDescent="0.2">
      <c r="A10646" s="16" t="s">
        <v>5280</v>
      </c>
      <c r="B10646" s="16"/>
      <c r="C10646" s="16"/>
      <c r="D10646" s="16"/>
      <c r="E10646" s="16"/>
      <c r="F10646" s="16"/>
      <c r="G10646" s="16"/>
      <c r="H10646" s="16"/>
      <c r="I10646" s="16"/>
      <c r="J10646" s="16"/>
      <c r="K10646" s="16"/>
      <c r="L10646" s="16"/>
      <c r="M10646" s="16"/>
      <c r="N10646" s="16"/>
      <c r="O10646" s="16"/>
      <c r="P10646" s="16"/>
      <c r="Q10646" s="16"/>
      <c r="R10646" s="16"/>
      <c r="S10646" s="16"/>
      <c r="T10646" s="16"/>
      <c r="U10646" s="16"/>
      <c r="V10646" s="16"/>
      <c r="W10646" s="16"/>
      <c r="X10646" s="16"/>
      <c r="Y10646" s="16"/>
      <c r="Z10646" s="16"/>
      <c r="AA10646" s="16"/>
    </row>
    <row r="10647" spans="1:27" s="1" customFormat="1" ht="11.1" customHeight="1" outlineLevel="1" x14ac:dyDescent="0.2">
      <c r="A10647" s="16"/>
      <c r="B10647" s="16"/>
      <c r="C10647" s="16"/>
      <c r="D10647" s="16"/>
      <c r="E10647" s="16"/>
      <c r="F10647" s="16"/>
      <c r="G10647" s="16"/>
      <c r="H10647" s="16"/>
      <c r="I10647" s="16"/>
      <c r="J10647" s="16"/>
      <c r="K10647" s="16"/>
      <c r="L10647" s="16"/>
      <c r="M10647" s="16"/>
      <c r="N10647" s="16"/>
      <c r="O10647" s="16"/>
      <c r="P10647" s="16"/>
      <c r="Q10647" s="16"/>
      <c r="R10647" s="16"/>
      <c r="S10647" s="16"/>
      <c r="T10647" s="16"/>
      <c r="U10647" s="16"/>
      <c r="V10647" s="16"/>
      <c r="W10647" s="16"/>
      <c r="X10647" s="16"/>
      <c r="Y10647" s="16"/>
      <c r="Z10647" s="16"/>
      <c r="AA10647" s="16"/>
    </row>
    <row r="10648" spans="1:27" s="1" customFormat="1" ht="11.1" customHeight="1" outlineLevel="2" x14ac:dyDescent="0.2">
      <c r="A10648" s="16" t="s">
        <v>5281</v>
      </c>
      <c r="B10648" s="16"/>
      <c r="C10648" s="16"/>
      <c r="D10648" s="16"/>
      <c r="E10648" s="16"/>
      <c r="F10648" s="16"/>
      <c r="G10648" s="16"/>
      <c r="H10648" s="16"/>
      <c r="I10648" s="16"/>
      <c r="J10648" s="16"/>
      <c r="K10648" s="16"/>
      <c r="L10648" s="16"/>
      <c r="M10648" s="16"/>
      <c r="N10648" s="16"/>
      <c r="O10648" s="16"/>
      <c r="P10648" s="16"/>
      <c r="Q10648" s="16"/>
      <c r="R10648" s="16"/>
      <c r="S10648" s="16"/>
      <c r="T10648" s="16"/>
      <c r="U10648" s="16"/>
      <c r="V10648" s="16"/>
      <c r="W10648" s="16"/>
      <c r="X10648" s="16"/>
      <c r="Y10648" s="16"/>
      <c r="Z10648" s="16"/>
      <c r="AA10648" s="16"/>
    </row>
    <row r="10649" spans="1:27" s="1" customFormat="1" ht="11.1" customHeight="1" outlineLevel="2" x14ac:dyDescent="0.2">
      <c r="A10649" s="16"/>
      <c r="B10649" s="16"/>
      <c r="C10649" s="16"/>
      <c r="D10649" s="16"/>
      <c r="E10649" s="16"/>
      <c r="F10649" s="16"/>
      <c r="G10649" s="16"/>
      <c r="H10649" s="16"/>
      <c r="I10649" s="16"/>
      <c r="J10649" s="16"/>
      <c r="K10649" s="16"/>
      <c r="L10649" s="16"/>
      <c r="M10649" s="16"/>
      <c r="N10649" s="16"/>
      <c r="O10649" s="16"/>
      <c r="P10649" s="16"/>
      <c r="Q10649" s="16"/>
      <c r="R10649" s="16"/>
      <c r="S10649" s="16"/>
      <c r="T10649" s="16"/>
      <c r="U10649" s="16"/>
      <c r="V10649" s="16"/>
      <c r="W10649" s="16"/>
      <c r="X10649" s="16"/>
      <c r="Y10649" s="16"/>
      <c r="Z10649" s="16"/>
      <c r="AA10649" s="16"/>
    </row>
    <row r="10650" spans="1:27" s="1" customFormat="1" ht="11.1" customHeight="1" outlineLevel="3" x14ac:dyDescent="0.2">
      <c r="A10650" s="17">
        <v>7947</v>
      </c>
      <c r="B10650" s="17"/>
      <c r="C10650" s="17"/>
      <c r="D10650" s="18" t="s">
        <v>5282</v>
      </c>
      <c r="E10650" s="18"/>
      <c r="F10650" s="18"/>
      <c r="G10650" s="18"/>
      <c r="H10650" s="18"/>
      <c r="I10650" s="18"/>
      <c r="J10650" s="18"/>
      <c r="K10650" s="18"/>
      <c r="L10650" s="18"/>
      <c r="M10650" s="18"/>
      <c r="N10650" s="18"/>
      <c r="O10650" s="18"/>
      <c r="P10650" s="19">
        <v>220</v>
      </c>
      <c r="Q10650" s="19"/>
      <c r="R10650" s="19"/>
      <c r="S10650" s="19"/>
      <c r="T10650" s="19">
        <v>135</v>
      </c>
      <c r="U10650" s="19"/>
      <c r="V10650" s="19"/>
      <c r="W10650" s="19"/>
      <c r="X10650" s="19">
        <v>4</v>
      </c>
      <c r="Y10650" s="19"/>
      <c r="Z10650" s="19"/>
      <c r="AA10650" s="19"/>
    </row>
    <row r="10651" spans="1:27" s="1" customFormat="1" ht="11.1" customHeight="1" outlineLevel="3" x14ac:dyDescent="0.2">
      <c r="A10651" s="17"/>
      <c r="B10651" s="17"/>
      <c r="C10651" s="17"/>
      <c r="D10651" s="18"/>
      <c r="E10651" s="18"/>
      <c r="F10651" s="18"/>
      <c r="G10651" s="18"/>
      <c r="H10651" s="18"/>
      <c r="I10651" s="18"/>
      <c r="J10651" s="18"/>
      <c r="K10651" s="18"/>
      <c r="L10651" s="18"/>
      <c r="M10651" s="18"/>
      <c r="N10651" s="18"/>
      <c r="O10651" s="18"/>
      <c r="P10651" s="19"/>
      <c r="Q10651" s="19"/>
      <c r="R10651" s="19"/>
      <c r="S10651" s="19"/>
      <c r="T10651" s="19"/>
      <c r="U10651" s="19"/>
      <c r="V10651" s="19"/>
      <c r="W10651" s="19"/>
      <c r="X10651" s="19"/>
      <c r="Y10651" s="19"/>
      <c r="Z10651" s="19"/>
      <c r="AA10651" s="19"/>
    </row>
    <row r="10652" spans="1:27" s="1" customFormat="1" ht="11.1" customHeight="1" outlineLevel="3" x14ac:dyDescent="0.2">
      <c r="A10652" s="17">
        <v>13778</v>
      </c>
      <c r="B10652" s="17"/>
      <c r="C10652" s="17"/>
      <c r="D10652" s="18" t="s">
        <v>5283</v>
      </c>
      <c r="E10652" s="18"/>
      <c r="F10652" s="18"/>
      <c r="G10652" s="18"/>
      <c r="H10652" s="18"/>
      <c r="I10652" s="18"/>
      <c r="J10652" s="18"/>
      <c r="K10652" s="18"/>
      <c r="L10652" s="18"/>
      <c r="M10652" s="18"/>
      <c r="N10652" s="18"/>
      <c r="O10652" s="18"/>
      <c r="P10652" s="19">
        <v>360</v>
      </c>
      <c r="Q10652" s="19"/>
      <c r="R10652" s="19"/>
      <c r="S10652" s="19"/>
      <c r="T10652" s="19">
        <v>240</v>
      </c>
      <c r="U10652" s="19"/>
      <c r="V10652" s="19"/>
      <c r="W10652" s="19"/>
      <c r="X10652" s="19">
        <v>1</v>
      </c>
      <c r="Y10652" s="19"/>
      <c r="Z10652" s="19"/>
      <c r="AA10652" s="19"/>
    </row>
    <row r="10653" spans="1:27" s="1" customFormat="1" ht="11.1" customHeight="1" outlineLevel="3" x14ac:dyDescent="0.2">
      <c r="A10653" s="17"/>
      <c r="B10653" s="17"/>
      <c r="C10653" s="17"/>
      <c r="D10653" s="18"/>
      <c r="E10653" s="18"/>
      <c r="F10653" s="18"/>
      <c r="G10653" s="18"/>
      <c r="H10653" s="18"/>
      <c r="I10653" s="18"/>
      <c r="J10653" s="18"/>
      <c r="K10653" s="18"/>
      <c r="L10653" s="18"/>
      <c r="M10653" s="18"/>
      <c r="N10653" s="18"/>
      <c r="O10653" s="18"/>
      <c r="P10653" s="19"/>
      <c r="Q10653" s="19"/>
      <c r="R10653" s="19"/>
      <c r="S10653" s="19"/>
      <c r="T10653" s="19"/>
      <c r="U10653" s="19"/>
      <c r="V10653" s="19"/>
      <c r="W10653" s="19"/>
      <c r="X10653" s="19"/>
      <c r="Y10653" s="19"/>
      <c r="Z10653" s="19"/>
      <c r="AA10653" s="19"/>
    </row>
    <row r="10654" spans="1:27" s="1" customFormat="1" ht="11.1" customHeight="1" outlineLevel="3" x14ac:dyDescent="0.2">
      <c r="A10654" s="17">
        <v>13780</v>
      </c>
      <c r="B10654" s="17"/>
      <c r="C10654" s="17"/>
      <c r="D10654" s="18" t="s">
        <v>5284</v>
      </c>
      <c r="E10654" s="18"/>
      <c r="F10654" s="18"/>
      <c r="G10654" s="18"/>
      <c r="H10654" s="18"/>
      <c r="I10654" s="18"/>
      <c r="J10654" s="18"/>
      <c r="K10654" s="18"/>
      <c r="L10654" s="18"/>
      <c r="M10654" s="18"/>
      <c r="N10654" s="18"/>
      <c r="O10654" s="18"/>
      <c r="P10654" s="19">
        <v>380</v>
      </c>
      <c r="Q10654" s="19"/>
      <c r="R10654" s="19"/>
      <c r="S10654" s="19"/>
      <c r="T10654" s="19">
        <v>250</v>
      </c>
      <c r="U10654" s="19"/>
      <c r="V10654" s="19"/>
      <c r="W10654" s="19"/>
      <c r="X10654" s="19">
        <v>2</v>
      </c>
      <c r="Y10654" s="19"/>
      <c r="Z10654" s="19"/>
      <c r="AA10654" s="19"/>
    </row>
    <row r="10655" spans="1:27" s="1" customFormat="1" ht="11.1" customHeight="1" outlineLevel="3" x14ac:dyDescent="0.2">
      <c r="A10655" s="17"/>
      <c r="B10655" s="17"/>
      <c r="C10655" s="17"/>
      <c r="D10655" s="18"/>
      <c r="E10655" s="18"/>
      <c r="F10655" s="18"/>
      <c r="G10655" s="18"/>
      <c r="H10655" s="18"/>
      <c r="I10655" s="18"/>
      <c r="J10655" s="18"/>
      <c r="K10655" s="18"/>
      <c r="L10655" s="18"/>
      <c r="M10655" s="18"/>
      <c r="N10655" s="18"/>
      <c r="O10655" s="18"/>
      <c r="P10655" s="19"/>
      <c r="Q10655" s="19"/>
      <c r="R10655" s="19"/>
      <c r="S10655" s="19"/>
      <c r="T10655" s="19"/>
      <c r="U10655" s="19"/>
      <c r="V10655" s="19"/>
      <c r="W10655" s="19"/>
      <c r="X10655" s="19"/>
      <c r="Y10655" s="19"/>
      <c r="Z10655" s="19"/>
      <c r="AA10655" s="19"/>
    </row>
    <row r="10656" spans="1:27" s="1" customFormat="1" ht="11.1" customHeight="1" outlineLevel="3" x14ac:dyDescent="0.2">
      <c r="A10656" s="17">
        <v>10431</v>
      </c>
      <c r="B10656" s="17"/>
      <c r="C10656" s="17"/>
      <c r="D10656" s="18" t="s">
        <v>5285</v>
      </c>
      <c r="E10656" s="18"/>
      <c r="F10656" s="18"/>
      <c r="G10656" s="18"/>
      <c r="H10656" s="18"/>
      <c r="I10656" s="18"/>
      <c r="J10656" s="18"/>
      <c r="K10656" s="18"/>
      <c r="L10656" s="18"/>
      <c r="M10656" s="18"/>
      <c r="N10656" s="18"/>
      <c r="O10656" s="18"/>
      <c r="P10656" s="19">
        <v>390</v>
      </c>
      <c r="Q10656" s="19"/>
      <c r="R10656" s="19"/>
      <c r="S10656" s="19"/>
      <c r="T10656" s="19">
        <v>290</v>
      </c>
      <c r="U10656" s="19"/>
      <c r="V10656" s="19"/>
      <c r="W10656" s="19"/>
      <c r="X10656" s="19">
        <v>2</v>
      </c>
      <c r="Y10656" s="19"/>
      <c r="Z10656" s="19"/>
      <c r="AA10656" s="19"/>
    </row>
    <row r="10657" spans="1:27" s="1" customFormat="1" ht="11.1" customHeight="1" outlineLevel="3" x14ac:dyDescent="0.2">
      <c r="A10657" s="17"/>
      <c r="B10657" s="17"/>
      <c r="C10657" s="17"/>
      <c r="D10657" s="18"/>
      <c r="E10657" s="18"/>
      <c r="F10657" s="18"/>
      <c r="G10657" s="18"/>
      <c r="H10657" s="18"/>
      <c r="I10657" s="18"/>
      <c r="J10657" s="18"/>
      <c r="K10657" s="18"/>
      <c r="L10657" s="18"/>
      <c r="M10657" s="18"/>
      <c r="N10657" s="18"/>
      <c r="O10657" s="18"/>
      <c r="P10657" s="19"/>
      <c r="Q10657" s="19"/>
      <c r="R10657" s="19"/>
      <c r="S10657" s="19"/>
      <c r="T10657" s="19"/>
      <c r="U10657" s="19"/>
      <c r="V10657" s="19"/>
      <c r="W10657" s="19"/>
      <c r="X10657" s="19"/>
      <c r="Y10657" s="19"/>
      <c r="Z10657" s="19"/>
      <c r="AA10657" s="19"/>
    </row>
    <row r="10658" spans="1:27" s="1" customFormat="1" ht="11.1" customHeight="1" outlineLevel="3" x14ac:dyDescent="0.2">
      <c r="A10658" s="17">
        <v>10432</v>
      </c>
      <c r="B10658" s="17"/>
      <c r="C10658" s="17"/>
      <c r="D10658" s="18" t="s">
        <v>5286</v>
      </c>
      <c r="E10658" s="18"/>
      <c r="F10658" s="18"/>
      <c r="G10658" s="18"/>
      <c r="H10658" s="18"/>
      <c r="I10658" s="18"/>
      <c r="J10658" s="18"/>
      <c r="K10658" s="18"/>
      <c r="L10658" s="18"/>
      <c r="M10658" s="18"/>
      <c r="N10658" s="18"/>
      <c r="O10658" s="18"/>
      <c r="P10658" s="19">
        <v>390</v>
      </c>
      <c r="Q10658" s="19"/>
      <c r="R10658" s="19"/>
      <c r="S10658" s="19"/>
      <c r="T10658" s="19">
        <v>290</v>
      </c>
      <c r="U10658" s="19"/>
      <c r="V10658" s="19"/>
      <c r="W10658" s="19"/>
      <c r="X10658" s="19">
        <v>1</v>
      </c>
      <c r="Y10658" s="19"/>
      <c r="Z10658" s="19"/>
      <c r="AA10658" s="19"/>
    </row>
    <row r="10659" spans="1:27" s="1" customFormat="1" ht="11.1" customHeight="1" outlineLevel="3" x14ac:dyDescent="0.2">
      <c r="A10659" s="17"/>
      <c r="B10659" s="17"/>
      <c r="C10659" s="17"/>
      <c r="D10659" s="18"/>
      <c r="E10659" s="18"/>
      <c r="F10659" s="18"/>
      <c r="G10659" s="18"/>
      <c r="H10659" s="18"/>
      <c r="I10659" s="18"/>
      <c r="J10659" s="18"/>
      <c r="K10659" s="18"/>
      <c r="L10659" s="18"/>
      <c r="M10659" s="18"/>
      <c r="N10659" s="18"/>
      <c r="O10659" s="18"/>
      <c r="P10659" s="19"/>
      <c r="Q10659" s="19"/>
      <c r="R10659" s="19"/>
      <c r="S10659" s="19"/>
      <c r="T10659" s="19"/>
      <c r="U10659" s="19"/>
      <c r="V10659" s="19"/>
      <c r="W10659" s="19"/>
      <c r="X10659" s="19"/>
      <c r="Y10659" s="19"/>
      <c r="Z10659" s="19"/>
      <c r="AA10659" s="19"/>
    </row>
    <row r="10660" spans="1:27" s="1" customFormat="1" ht="11.1" customHeight="1" outlineLevel="3" x14ac:dyDescent="0.2">
      <c r="A10660" s="17">
        <v>7949</v>
      </c>
      <c r="B10660" s="17"/>
      <c r="C10660" s="17"/>
      <c r="D10660" s="18" t="s">
        <v>5287</v>
      </c>
      <c r="E10660" s="18"/>
      <c r="F10660" s="18"/>
      <c r="G10660" s="18"/>
      <c r="H10660" s="18"/>
      <c r="I10660" s="18"/>
      <c r="J10660" s="18"/>
      <c r="K10660" s="18"/>
      <c r="L10660" s="18"/>
      <c r="M10660" s="18"/>
      <c r="N10660" s="18"/>
      <c r="O10660" s="18"/>
      <c r="P10660" s="19">
        <v>220</v>
      </c>
      <c r="Q10660" s="19"/>
      <c r="R10660" s="19"/>
      <c r="S10660" s="19"/>
      <c r="T10660" s="19">
        <v>135</v>
      </c>
      <c r="U10660" s="19"/>
      <c r="V10660" s="19"/>
      <c r="W10660" s="19"/>
      <c r="X10660" s="19">
        <v>4</v>
      </c>
      <c r="Y10660" s="19"/>
      <c r="Z10660" s="19"/>
      <c r="AA10660" s="19"/>
    </row>
    <row r="10661" spans="1:27" s="1" customFormat="1" ht="11.1" customHeight="1" outlineLevel="3" x14ac:dyDescent="0.2">
      <c r="A10661" s="17"/>
      <c r="B10661" s="17"/>
      <c r="C10661" s="17"/>
      <c r="D10661" s="18"/>
      <c r="E10661" s="18"/>
      <c r="F10661" s="18"/>
      <c r="G10661" s="18"/>
      <c r="H10661" s="18"/>
      <c r="I10661" s="18"/>
      <c r="J10661" s="18"/>
      <c r="K10661" s="18"/>
      <c r="L10661" s="18"/>
      <c r="M10661" s="18"/>
      <c r="N10661" s="18"/>
      <c r="O10661" s="18"/>
      <c r="P10661" s="19"/>
      <c r="Q10661" s="19"/>
      <c r="R10661" s="19"/>
      <c r="S10661" s="19"/>
      <c r="T10661" s="19"/>
      <c r="U10661" s="19"/>
      <c r="V10661" s="19"/>
      <c r="W10661" s="19"/>
      <c r="X10661" s="19"/>
      <c r="Y10661" s="19"/>
      <c r="Z10661" s="19"/>
      <c r="AA10661" s="19"/>
    </row>
    <row r="10662" spans="1:27" s="1" customFormat="1" ht="14.1" customHeight="1" outlineLevel="3" x14ac:dyDescent="0.2">
      <c r="A10662" s="17">
        <v>9327</v>
      </c>
      <c r="B10662" s="17"/>
      <c r="C10662" s="17"/>
      <c r="D10662" s="18" t="s">
        <v>5288</v>
      </c>
      <c r="E10662" s="18"/>
      <c r="F10662" s="18"/>
      <c r="G10662" s="18"/>
      <c r="H10662" s="18"/>
      <c r="I10662" s="18"/>
      <c r="J10662" s="18"/>
      <c r="K10662" s="18"/>
      <c r="L10662" s="18"/>
      <c r="M10662" s="18"/>
      <c r="N10662" s="18"/>
      <c r="O10662" s="18"/>
      <c r="P10662" s="19">
        <v>350</v>
      </c>
      <c r="Q10662" s="19"/>
      <c r="R10662" s="19"/>
      <c r="S10662" s="19"/>
      <c r="T10662" s="19">
        <v>230</v>
      </c>
      <c r="U10662" s="19"/>
      <c r="V10662" s="19"/>
      <c r="W10662" s="19"/>
      <c r="X10662" s="19">
        <v>2</v>
      </c>
      <c r="Y10662" s="19"/>
      <c r="Z10662" s="19"/>
      <c r="AA10662" s="19"/>
    </row>
    <row r="10663" spans="1:27" s="1" customFormat="1" ht="14.1" customHeight="1" outlineLevel="3" x14ac:dyDescent="0.2">
      <c r="A10663" s="17"/>
      <c r="B10663" s="17"/>
      <c r="C10663" s="17"/>
      <c r="D10663" s="18"/>
      <c r="E10663" s="18"/>
      <c r="F10663" s="18"/>
      <c r="G10663" s="18"/>
      <c r="H10663" s="18"/>
      <c r="I10663" s="18"/>
      <c r="J10663" s="18"/>
      <c r="K10663" s="18"/>
      <c r="L10663" s="18"/>
      <c r="M10663" s="18"/>
      <c r="N10663" s="18"/>
      <c r="O10663" s="18"/>
      <c r="P10663" s="19"/>
      <c r="Q10663" s="19"/>
      <c r="R10663" s="19"/>
      <c r="S10663" s="19"/>
      <c r="T10663" s="19"/>
      <c r="U10663" s="19"/>
      <c r="V10663" s="19"/>
      <c r="W10663" s="19"/>
      <c r="X10663" s="19"/>
      <c r="Y10663" s="19"/>
      <c r="Z10663" s="19"/>
      <c r="AA10663" s="19"/>
    </row>
    <row r="10664" spans="1:27" s="1" customFormat="1" ht="14.1" customHeight="1" outlineLevel="3" x14ac:dyDescent="0.2">
      <c r="A10664" s="17">
        <v>9326</v>
      </c>
      <c r="B10664" s="17"/>
      <c r="C10664" s="17"/>
      <c r="D10664" s="18" t="s">
        <v>5289</v>
      </c>
      <c r="E10664" s="18"/>
      <c r="F10664" s="18"/>
      <c r="G10664" s="18"/>
      <c r="H10664" s="18"/>
      <c r="I10664" s="18"/>
      <c r="J10664" s="18"/>
      <c r="K10664" s="18"/>
      <c r="L10664" s="18"/>
      <c r="M10664" s="18"/>
      <c r="N10664" s="18"/>
      <c r="O10664" s="18"/>
      <c r="P10664" s="19">
        <v>360</v>
      </c>
      <c r="Q10664" s="19"/>
      <c r="R10664" s="19"/>
      <c r="S10664" s="19"/>
      <c r="T10664" s="19">
        <v>240</v>
      </c>
      <c r="U10664" s="19"/>
      <c r="V10664" s="19"/>
      <c r="W10664" s="19"/>
      <c r="X10664" s="19">
        <v>1</v>
      </c>
      <c r="Y10664" s="19"/>
      <c r="Z10664" s="19"/>
      <c r="AA10664" s="19"/>
    </row>
    <row r="10665" spans="1:27" s="1" customFormat="1" ht="14.1" customHeight="1" outlineLevel="3" x14ac:dyDescent="0.2">
      <c r="A10665" s="17"/>
      <c r="B10665" s="17"/>
      <c r="C10665" s="17"/>
      <c r="D10665" s="18"/>
      <c r="E10665" s="18"/>
      <c r="F10665" s="18"/>
      <c r="G10665" s="18"/>
      <c r="H10665" s="18"/>
      <c r="I10665" s="18"/>
      <c r="J10665" s="18"/>
      <c r="K10665" s="18"/>
      <c r="L10665" s="18"/>
      <c r="M10665" s="18"/>
      <c r="N10665" s="18"/>
      <c r="O10665" s="18"/>
      <c r="P10665" s="19"/>
      <c r="Q10665" s="19"/>
      <c r="R10665" s="19"/>
      <c r="S10665" s="19"/>
      <c r="T10665" s="19"/>
      <c r="U10665" s="19"/>
      <c r="V10665" s="19"/>
      <c r="W10665" s="19"/>
      <c r="X10665" s="19"/>
      <c r="Y10665" s="19"/>
      <c r="Z10665" s="19"/>
      <c r="AA10665" s="19"/>
    </row>
    <row r="10666" spans="1:27" s="1" customFormat="1" ht="11.1" customHeight="1" outlineLevel="3" x14ac:dyDescent="0.2">
      <c r="A10666" s="17">
        <v>7912</v>
      </c>
      <c r="B10666" s="17"/>
      <c r="C10666" s="17"/>
      <c r="D10666" s="18" t="s">
        <v>5290</v>
      </c>
      <c r="E10666" s="18"/>
      <c r="F10666" s="18"/>
      <c r="G10666" s="18"/>
      <c r="H10666" s="18"/>
      <c r="I10666" s="18"/>
      <c r="J10666" s="18"/>
      <c r="K10666" s="18"/>
      <c r="L10666" s="18"/>
      <c r="M10666" s="18"/>
      <c r="N10666" s="18"/>
      <c r="O10666" s="18"/>
      <c r="P10666" s="19">
        <v>320</v>
      </c>
      <c r="Q10666" s="19"/>
      <c r="R10666" s="19"/>
      <c r="S10666" s="19"/>
      <c r="T10666" s="19">
        <v>220</v>
      </c>
      <c r="U10666" s="19"/>
      <c r="V10666" s="19"/>
      <c r="W10666" s="19"/>
      <c r="X10666" s="19">
        <v>4</v>
      </c>
      <c r="Y10666" s="19"/>
      <c r="Z10666" s="19"/>
      <c r="AA10666" s="19"/>
    </row>
    <row r="10667" spans="1:27" s="1" customFormat="1" ht="11.1" customHeight="1" outlineLevel="3" x14ac:dyDescent="0.2">
      <c r="A10667" s="17"/>
      <c r="B10667" s="17"/>
      <c r="C10667" s="17"/>
      <c r="D10667" s="18"/>
      <c r="E10667" s="18"/>
      <c r="F10667" s="18"/>
      <c r="G10667" s="18"/>
      <c r="H10667" s="18"/>
      <c r="I10667" s="18"/>
      <c r="J10667" s="18"/>
      <c r="K10667" s="18"/>
      <c r="L10667" s="18"/>
      <c r="M10667" s="18"/>
      <c r="N10667" s="18"/>
      <c r="O10667" s="18"/>
      <c r="P10667" s="19"/>
      <c r="Q10667" s="19"/>
      <c r="R10667" s="19"/>
      <c r="S10667" s="19"/>
      <c r="T10667" s="19"/>
      <c r="U10667" s="19"/>
      <c r="V10667" s="19"/>
      <c r="W10667" s="19"/>
      <c r="X10667" s="19"/>
      <c r="Y10667" s="19"/>
      <c r="Z10667" s="19"/>
      <c r="AA10667" s="19"/>
    </row>
    <row r="10668" spans="1:27" s="1" customFormat="1" ht="14.1" customHeight="1" outlineLevel="3" x14ac:dyDescent="0.2">
      <c r="A10668" s="17">
        <v>9324</v>
      </c>
      <c r="B10668" s="17"/>
      <c r="C10668" s="17"/>
      <c r="D10668" s="18" t="s">
        <v>5291</v>
      </c>
      <c r="E10668" s="18"/>
      <c r="F10668" s="18"/>
      <c r="G10668" s="18"/>
      <c r="H10668" s="18"/>
      <c r="I10668" s="18"/>
      <c r="J10668" s="18"/>
      <c r="K10668" s="18"/>
      <c r="L10668" s="18"/>
      <c r="M10668" s="18"/>
      <c r="N10668" s="18"/>
      <c r="O10668" s="18"/>
      <c r="P10668" s="19">
        <v>350</v>
      </c>
      <c r="Q10668" s="19"/>
      <c r="R10668" s="19"/>
      <c r="S10668" s="19"/>
      <c r="T10668" s="19">
        <v>230</v>
      </c>
      <c r="U10668" s="19"/>
      <c r="V10668" s="19"/>
      <c r="W10668" s="19"/>
      <c r="X10668" s="19">
        <v>1</v>
      </c>
      <c r="Y10668" s="19"/>
      <c r="Z10668" s="19"/>
      <c r="AA10668" s="19"/>
    </row>
    <row r="10669" spans="1:27" s="1" customFormat="1" ht="14.1" customHeight="1" outlineLevel="3" x14ac:dyDescent="0.2">
      <c r="A10669" s="17"/>
      <c r="B10669" s="17"/>
      <c r="C10669" s="17"/>
      <c r="D10669" s="18"/>
      <c r="E10669" s="18"/>
      <c r="F10669" s="18"/>
      <c r="G10669" s="18"/>
      <c r="H10669" s="18"/>
      <c r="I10669" s="18"/>
      <c r="J10669" s="18"/>
      <c r="K10669" s="18"/>
      <c r="L10669" s="18"/>
      <c r="M10669" s="18"/>
      <c r="N10669" s="18"/>
      <c r="O10669" s="18"/>
      <c r="P10669" s="19"/>
      <c r="Q10669" s="19"/>
      <c r="R10669" s="19"/>
      <c r="S10669" s="19"/>
      <c r="T10669" s="19"/>
      <c r="U10669" s="19"/>
      <c r="V10669" s="19"/>
      <c r="W10669" s="19"/>
      <c r="X10669" s="19"/>
      <c r="Y10669" s="19"/>
      <c r="Z10669" s="19"/>
      <c r="AA10669" s="19"/>
    </row>
    <row r="10670" spans="1:27" s="1" customFormat="1" ht="11.1" customHeight="1" outlineLevel="2" x14ac:dyDescent="0.2">
      <c r="A10670" s="16" t="s">
        <v>5292</v>
      </c>
      <c r="B10670" s="16"/>
      <c r="C10670" s="16"/>
      <c r="D10670" s="16"/>
      <c r="E10670" s="16"/>
      <c r="F10670" s="16"/>
      <c r="G10670" s="16"/>
      <c r="H10670" s="16"/>
      <c r="I10670" s="16"/>
      <c r="J10670" s="16"/>
      <c r="K10670" s="16"/>
      <c r="L10670" s="16"/>
      <c r="M10670" s="16"/>
      <c r="N10670" s="16"/>
      <c r="O10670" s="16"/>
      <c r="P10670" s="16"/>
      <c r="Q10670" s="16"/>
      <c r="R10670" s="16"/>
      <c r="S10670" s="16"/>
      <c r="T10670" s="16"/>
      <c r="U10670" s="16"/>
      <c r="V10670" s="16"/>
      <c r="W10670" s="16"/>
      <c r="X10670" s="16"/>
      <c r="Y10670" s="16"/>
      <c r="Z10670" s="16"/>
      <c r="AA10670" s="16"/>
    </row>
    <row r="10671" spans="1:27" s="1" customFormat="1" ht="11.1" customHeight="1" outlineLevel="2" x14ac:dyDescent="0.2">
      <c r="A10671" s="16"/>
      <c r="B10671" s="16"/>
      <c r="C10671" s="16"/>
      <c r="D10671" s="16"/>
      <c r="E10671" s="16"/>
      <c r="F10671" s="16"/>
      <c r="G10671" s="16"/>
      <c r="H10671" s="16"/>
      <c r="I10671" s="16"/>
      <c r="J10671" s="16"/>
      <c r="K10671" s="16"/>
      <c r="L10671" s="16"/>
      <c r="M10671" s="16"/>
      <c r="N10671" s="16"/>
      <c r="O10671" s="16"/>
      <c r="P10671" s="16"/>
      <c r="Q10671" s="16"/>
      <c r="R10671" s="16"/>
      <c r="S10671" s="16"/>
      <c r="T10671" s="16"/>
      <c r="U10671" s="16"/>
      <c r="V10671" s="16"/>
      <c r="W10671" s="16"/>
      <c r="X10671" s="16"/>
      <c r="Y10671" s="16"/>
      <c r="Z10671" s="16"/>
      <c r="AA10671" s="16"/>
    </row>
    <row r="10672" spans="1:27" s="1" customFormat="1" ht="11.1" customHeight="1" outlineLevel="3" x14ac:dyDescent="0.2">
      <c r="A10672" s="17">
        <v>7378</v>
      </c>
      <c r="B10672" s="17"/>
      <c r="C10672" s="17"/>
      <c r="D10672" s="18" t="s">
        <v>5293</v>
      </c>
      <c r="E10672" s="18"/>
      <c r="F10672" s="18"/>
      <c r="G10672" s="18"/>
      <c r="H10672" s="18"/>
      <c r="I10672" s="18"/>
      <c r="J10672" s="18"/>
      <c r="K10672" s="18"/>
      <c r="L10672" s="18"/>
      <c r="M10672" s="18"/>
      <c r="N10672" s="18"/>
      <c r="O10672" s="18"/>
      <c r="P10672" s="20">
        <v>1400</v>
      </c>
      <c r="Q10672" s="20"/>
      <c r="R10672" s="20"/>
      <c r="S10672" s="20"/>
      <c r="T10672" s="20">
        <v>1150</v>
      </c>
      <c r="U10672" s="20"/>
      <c r="V10672" s="20"/>
      <c r="W10672" s="20"/>
      <c r="X10672" s="19">
        <v>4</v>
      </c>
      <c r="Y10672" s="19"/>
      <c r="Z10672" s="19"/>
      <c r="AA10672" s="19"/>
    </row>
    <row r="10673" spans="1:27" s="1" customFormat="1" ht="11.1" customHeight="1" outlineLevel="3" x14ac:dyDescent="0.2">
      <c r="A10673" s="17"/>
      <c r="B10673" s="17"/>
      <c r="C10673" s="17"/>
      <c r="D10673" s="18"/>
      <c r="E10673" s="18"/>
      <c r="F10673" s="18"/>
      <c r="G10673" s="18"/>
      <c r="H10673" s="18"/>
      <c r="I10673" s="18"/>
      <c r="J10673" s="18"/>
      <c r="K10673" s="18"/>
      <c r="L10673" s="18"/>
      <c r="M10673" s="18"/>
      <c r="N10673" s="18"/>
      <c r="O10673" s="18"/>
      <c r="P10673" s="20"/>
      <c r="Q10673" s="20"/>
      <c r="R10673" s="20"/>
      <c r="S10673" s="20"/>
      <c r="T10673" s="20"/>
      <c r="U10673" s="20"/>
      <c r="V10673" s="20"/>
      <c r="W10673" s="20"/>
      <c r="X10673" s="19"/>
      <c r="Y10673" s="19"/>
      <c r="Z10673" s="19"/>
      <c r="AA10673" s="19"/>
    </row>
    <row r="10674" spans="1:27" s="1" customFormat="1" ht="14.1" customHeight="1" outlineLevel="3" x14ac:dyDescent="0.2">
      <c r="A10674" s="17">
        <v>9077</v>
      </c>
      <c r="B10674" s="17"/>
      <c r="C10674" s="17"/>
      <c r="D10674" s="18" t="s">
        <v>5294</v>
      </c>
      <c r="E10674" s="18"/>
      <c r="F10674" s="18"/>
      <c r="G10674" s="18"/>
      <c r="H10674" s="18"/>
      <c r="I10674" s="18"/>
      <c r="J10674" s="18"/>
      <c r="K10674" s="18"/>
      <c r="L10674" s="18"/>
      <c r="M10674" s="18"/>
      <c r="N10674" s="18"/>
      <c r="O10674" s="18"/>
      <c r="P10674" s="20">
        <v>1800</v>
      </c>
      <c r="Q10674" s="20"/>
      <c r="R10674" s="20"/>
      <c r="S10674" s="20"/>
      <c r="T10674" s="20">
        <v>1300</v>
      </c>
      <c r="U10674" s="20"/>
      <c r="V10674" s="20"/>
      <c r="W10674" s="20"/>
      <c r="X10674" s="19">
        <v>2</v>
      </c>
      <c r="Y10674" s="19"/>
      <c r="Z10674" s="19"/>
      <c r="AA10674" s="19"/>
    </row>
    <row r="10675" spans="1:27" s="1" customFormat="1" ht="14.1" customHeight="1" outlineLevel="3" x14ac:dyDescent="0.2">
      <c r="A10675" s="17"/>
      <c r="B10675" s="17"/>
      <c r="C10675" s="17"/>
      <c r="D10675" s="18"/>
      <c r="E10675" s="18"/>
      <c r="F10675" s="18"/>
      <c r="G10675" s="18"/>
      <c r="H10675" s="18"/>
      <c r="I10675" s="18"/>
      <c r="J10675" s="18"/>
      <c r="K10675" s="18"/>
      <c r="L10675" s="18"/>
      <c r="M10675" s="18"/>
      <c r="N10675" s="18"/>
      <c r="O10675" s="18"/>
      <c r="P10675" s="20"/>
      <c r="Q10675" s="20"/>
      <c r="R10675" s="20"/>
      <c r="S10675" s="20"/>
      <c r="T10675" s="20"/>
      <c r="U10675" s="20"/>
      <c r="V10675" s="20"/>
      <c r="W10675" s="20"/>
      <c r="X10675" s="19"/>
      <c r="Y10675" s="19"/>
      <c r="Z10675" s="19"/>
      <c r="AA10675" s="19"/>
    </row>
    <row r="10676" spans="1:27" s="1" customFormat="1" ht="14.1" customHeight="1" outlineLevel="3" x14ac:dyDescent="0.2">
      <c r="A10676" s="17">
        <v>13447</v>
      </c>
      <c r="B10676" s="17"/>
      <c r="C10676" s="17"/>
      <c r="D10676" s="18" t="s">
        <v>5295</v>
      </c>
      <c r="E10676" s="18"/>
      <c r="F10676" s="18"/>
      <c r="G10676" s="18"/>
      <c r="H10676" s="18"/>
      <c r="I10676" s="18"/>
      <c r="J10676" s="18"/>
      <c r="K10676" s="18"/>
      <c r="L10676" s="18"/>
      <c r="M10676" s="18"/>
      <c r="N10676" s="18"/>
      <c r="O10676" s="18"/>
      <c r="P10676" s="20">
        <v>3600</v>
      </c>
      <c r="Q10676" s="20"/>
      <c r="R10676" s="20"/>
      <c r="S10676" s="20"/>
      <c r="T10676" s="20">
        <v>3400</v>
      </c>
      <c r="U10676" s="20"/>
      <c r="V10676" s="20"/>
      <c r="W10676" s="20"/>
      <c r="X10676" s="19">
        <v>1</v>
      </c>
      <c r="Y10676" s="19"/>
      <c r="Z10676" s="19"/>
      <c r="AA10676" s="19"/>
    </row>
    <row r="10677" spans="1:27" s="1" customFormat="1" ht="14.1" customHeight="1" outlineLevel="3" x14ac:dyDescent="0.2">
      <c r="A10677" s="17"/>
      <c r="B10677" s="17"/>
      <c r="C10677" s="17"/>
      <c r="D10677" s="18"/>
      <c r="E10677" s="18"/>
      <c r="F10677" s="18"/>
      <c r="G10677" s="18"/>
      <c r="H10677" s="18"/>
      <c r="I10677" s="18"/>
      <c r="J10677" s="18"/>
      <c r="K10677" s="18"/>
      <c r="L10677" s="18"/>
      <c r="M10677" s="18"/>
      <c r="N10677" s="18"/>
      <c r="O10677" s="18"/>
      <c r="P10677" s="20"/>
      <c r="Q10677" s="20"/>
      <c r="R10677" s="20"/>
      <c r="S10677" s="20"/>
      <c r="T10677" s="20"/>
      <c r="U10677" s="20"/>
      <c r="V10677" s="20"/>
      <c r="W10677" s="20"/>
      <c r="X10677" s="19"/>
      <c r="Y10677" s="19"/>
      <c r="Z10677" s="19"/>
      <c r="AA10677" s="19"/>
    </row>
    <row r="10678" spans="1:27" s="1" customFormat="1" ht="14.1" customHeight="1" outlineLevel="3" x14ac:dyDescent="0.2">
      <c r="A10678" s="17">
        <v>12228</v>
      </c>
      <c r="B10678" s="17"/>
      <c r="C10678" s="17"/>
      <c r="D10678" s="18" t="s">
        <v>5296</v>
      </c>
      <c r="E10678" s="18"/>
      <c r="F10678" s="18"/>
      <c r="G10678" s="18"/>
      <c r="H10678" s="18"/>
      <c r="I10678" s="18"/>
      <c r="J10678" s="18"/>
      <c r="K10678" s="18"/>
      <c r="L10678" s="18"/>
      <c r="M10678" s="18"/>
      <c r="N10678" s="18"/>
      <c r="O10678" s="18"/>
      <c r="P10678" s="20">
        <v>13000</v>
      </c>
      <c r="Q10678" s="20"/>
      <c r="R10678" s="20"/>
      <c r="S10678" s="20"/>
      <c r="T10678" s="20">
        <v>12500</v>
      </c>
      <c r="U10678" s="20"/>
      <c r="V10678" s="20"/>
      <c r="W10678" s="20"/>
      <c r="X10678" s="19">
        <v>1</v>
      </c>
      <c r="Y10678" s="19"/>
      <c r="Z10678" s="19"/>
      <c r="AA10678" s="19"/>
    </row>
    <row r="10679" spans="1:27" s="1" customFormat="1" ht="14.1" customHeight="1" outlineLevel="3" x14ac:dyDescent="0.2">
      <c r="A10679" s="17"/>
      <c r="B10679" s="17"/>
      <c r="C10679" s="17"/>
      <c r="D10679" s="18"/>
      <c r="E10679" s="18"/>
      <c r="F10679" s="18"/>
      <c r="G10679" s="18"/>
      <c r="H10679" s="18"/>
      <c r="I10679" s="18"/>
      <c r="J10679" s="18"/>
      <c r="K10679" s="18"/>
      <c r="L10679" s="18"/>
      <c r="M10679" s="18"/>
      <c r="N10679" s="18"/>
      <c r="O10679" s="18"/>
      <c r="P10679" s="20"/>
      <c r="Q10679" s="20"/>
      <c r="R10679" s="20"/>
      <c r="S10679" s="20"/>
      <c r="T10679" s="20"/>
      <c r="U10679" s="20"/>
      <c r="V10679" s="20"/>
      <c r="W10679" s="20"/>
      <c r="X10679" s="19"/>
      <c r="Y10679" s="19"/>
      <c r="Z10679" s="19"/>
      <c r="AA10679" s="19"/>
    </row>
    <row r="10680" spans="1:27" s="1" customFormat="1" ht="11.1" customHeight="1" outlineLevel="3" x14ac:dyDescent="0.2">
      <c r="A10680" s="17">
        <v>11438</v>
      </c>
      <c r="B10680" s="17"/>
      <c r="C10680" s="17"/>
      <c r="D10680" s="18" t="s">
        <v>5297</v>
      </c>
      <c r="E10680" s="18"/>
      <c r="F10680" s="18"/>
      <c r="G10680" s="18"/>
      <c r="H10680" s="18"/>
      <c r="I10680" s="18"/>
      <c r="J10680" s="18"/>
      <c r="K10680" s="18"/>
      <c r="L10680" s="18"/>
      <c r="M10680" s="18"/>
      <c r="N10680" s="18"/>
      <c r="O10680" s="18"/>
      <c r="P10680" s="20">
        <v>1100</v>
      </c>
      <c r="Q10680" s="20"/>
      <c r="R10680" s="20"/>
      <c r="S10680" s="20"/>
      <c r="T10680" s="19">
        <v>750</v>
      </c>
      <c r="U10680" s="19"/>
      <c r="V10680" s="19"/>
      <c r="W10680" s="19"/>
      <c r="X10680" s="19">
        <v>23</v>
      </c>
      <c r="Y10680" s="19"/>
      <c r="Z10680" s="19"/>
      <c r="AA10680" s="19"/>
    </row>
    <row r="10681" spans="1:27" s="1" customFormat="1" ht="11.1" customHeight="1" outlineLevel="3" x14ac:dyDescent="0.2">
      <c r="A10681" s="17"/>
      <c r="B10681" s="17"/>
      <c r="C10681" s="17"/>
      <c r="D10681" s="18"/>
      <c r="E10681" s="18"/>
      <c r="F10681" s="18"/>
      <c r="G10681" s="18"/>
      <c r="H10681" s="18"/>
      <c r="I10681" s="18"/>
      <c r="J10681" s="18"/>
      <c r="K10681" s="18"/>
      <c r="L10681" s="18"/>
      <c r="M10681" s="18"/>
      <c r="N10681" s="18"/>
      <c r="O10681" s="18"/>
      <c r="P10681" s="20"/>
      <c r="Q10681" s="20"/>
      <c r="R10681" s="20"/>
      <c r="S10681" s="20"/>
      <c r="T10681" s="19"/>
      <c r="U10681" s="19"/>
      <c r="V10681" s="19"/>
      <c r="W10681" s="19"/>
      <c r="X10681" s="19"/>
      <c r="Y10681" s="19"/>
      <c r="Z10681" s="19"/>
      <c r="AA10681" s="19"/>
    </row>
    <row r="10682" spans="1:27" s="1" customFormat="1" ht="11.1" customHeight="1" outlineLevel="2" x14ac:dyDescent="0.2">
      <c r="A10682" s="16" t="s">
        <v>5298</v>
      </c>
      <c r="B10682" s="16"/>
      <c r="C10682" s="16"/>
      <c r="D10682" s="16"/>
      <c r="E10682" s="16"/>
      <c r="F10682" s="16"/>
      <c r="G10682" s="16"/>
      <c r="H10682" s="16"/>
      <c r="I10682" s="16"/>
      <c r="J10682" s="16"/>
      <c r="K10682" s="16"/>
      <c r="L10682" s="16"/>
      <c r="M10682" s="16"/>
      <c r="N10682" s="16"/>
      <c r="O10682" s="16"/>
      <c r="P10682" s="16"/>
      <c r="Q10682" s="16"/>
      <c r="R10682" s="16"/>
      <c r="S10682" s="16"/>
      <c r="T10682" s="16"/>
      <c r="U10682" s="16"/>
      <c r="V10682" s="16"/>
      <c r="W10682" s="16"/>
      <c r="X10682" s="16"/>
      <c r="Y10682" s="16"/>
      <c r="Z10682" s="16"/>
      <c r="AA10682" s="16"/>
    </row>
    <row r="10683" spans="1:27" s="1" customFormat="1" ht="11.1" customHeight="1" outlineLevel="2" x14ac:dyDescent="0.2">
      <c r="A10683" s="16"/>
      <c r="B10683" s="16"/>
      <c r="C10683" s="16"/>
      <c r="D10683" s="16"/>
      <c r="E10683" s="16"/>
      <c r="F10683" s="16"/>
      <c r="G10683" s="16"/>
      <c r="H10683" s="16"/>
      <c r="I10683" s="16"/>
      <c r="J10683" s="16"/>
      <c r="K10683" s="16"/>
      <c r="L10683" s="16"/>
      <c r="M10683" s="16"/>
      <c r="N10683" s="16"/>
      <c r="O10683" s="16"/>
      <c r="P10683" s="16"/>
      <c r="Q10683" s="16"/>
      <c r="R10683" s="16"/>
      <c r="S10683" s="16"/>
      <c r="T10683" s="16"/>
      <c r="U10683" s="16"/>
      <c r="V10683" s="16"/>
      <c r="W10683" s="16"/>
      <c r="X10683" s="16"/>
      <c r="Y10683" s="16"/>
      <c r="Z10683" s="16"/>
      <c r="AA10683" s="16"/>
    </row>
    <row r="10684" spans="1:27" s="1" customFormat="1" ht="11.1" customHeight="1" outlineLevel="3" x14ac:dyDescent="0.2">
      <c r="A10684" s="17">
        <v>5279</v>
      </c>
      <c r="B10684" s="17"/>
      <c r="C10684" s="17"/>
      <c r="D10684" s="18" t="s">
        <v>5299</v>
      </c>
      <c r="E10684" s="18"/>
      <c r="F10684" s="18"/>
      <c r="G10684" s="18"/>
      <c r="H10684" s="18"/>
      <c r="I10684" s="18"/>
      <c r="J10684" s="18"/>
      <c r="K10684" s="18"/>
      <c r="L10684" s="18"/>
      <c r="M10684" s="18"/>
      <c r="N10684" s="18"/>
      <c r="O10684" s="18"/>
      <c r="P10684" s="19">
        <v>140</v>
      </c>
      <c r="Q10684" s="19"/>
      <c r="R10684" s="19"/>
      <c r="S10684" s="19"/>
      <c r="T10684" s="19">
        <v>95</v>
      </c>
      <c r="U10684" s="19"/>
      <c r="V10684" s="19"/>
      <c r="W10684" s="19"/>
      <c r="X10684" s="19">
        <v>21</v>
      </c>
      <c r="Y10684" s="19"/>
      <c r="Z10684" s="19"/>
      <c r="AA10684" s="19"/>
    </row>
    <row r="10685" spans="1:27" s="1" customFormat="1" ht="11.1" customHeight="1" outlineLevel="3" x14ac:dyDescent="0.2">
      <c r="A10685" s="17"/>
      <c r="B10685" s="17"/>
      <c r="C10685" s="17"/>
      <c r="D10685" s="18"/>
      <c r="E10685" s="18"/>
      <c r="F10685" s="18"/>
      <c r="G10685" s="18"/>
      <c r="H10685" s="18"/>
      <c r="I10685" s="18"/>
      <c r="J10685" s="18"/>
      <c r="K10685" s="18"/>
      <c r="L10685" s="18"/>
      <c r="M10685" s="18"/>
      <c r="N10685" s="18"/>
      <c r="O10685" s="18"/>
      <c r="P10685" s="19"/>
      <c r="Q10685" s="19"/>
      <c r="R10685" s="19"/>
      <c r="S10685" s="19"/>
      <c r="T10685" s="19"/>
      <c r="U10685" s="19"/>
      <c r="V10685" s="19"/>
      <c r="W10685" s="19"/>
      <c r="X10685" s="19"/>
      <c r="Y10685" s="19"/>
      <c r="Z10685" s="19"/>
      <c r="AA10685" s="19"/>
    </row>
    <row r="10686" spans="1:27" s="1" customFormat="1" ht="14.1" customHeight="1" outlineLevel="3" x14ac:dyDescent="0.2">
      <c r="A10686" s="17">
        <v>14403</v>
      </c>
      <c r="B10686" s="17"/>
      <c r="C10686" s="17"/>
      <c r="D10686" s="18" t="s">
        <v>5300</v>
      </c>
      <c r="E10686" s="18"/>
      <c r="F10686" s="18"/>
      <c r="G10686" s="18"/>
      <c r="H10686" s="18"/>
      <c r="I10686" s="18"/>
      <c r="J10686" s="18"/>
      <c r="K10686" s="18"/>
      <c r="L10686" s="18"/>
      <c r="M10686" s="18"/>
      <c r="N10686" s="18"/>
      <c r="O10686" s="18"/>
      <c r="P10686" s="19">
        <v>550</v>
      </c>
      <c r="Q10686" s="19"/>
      <c r="R10686" s="19"/>
      <c r="S10686" s="19"/>
      <c r="T10686" s="19">
        <v>380</v>
      </c>
      <c r="U10686" s="19"/>
      <c r="V10686" s="19"/>
      <c r="W10686" s="19"/>
      <c r="X10686" s="19">
        <v>4</v>
      </c>
      <c r="Y10686" s="19"/>
      <c r="Z10686" s="19"/>
      <c r="AA10686" s="19"/>
    </row>
    <row r="10687" spans="1:27" s="1" customFormat="1" ht="14.1" customHeight="1" outlineLevel="3" x14ac:dyDescent="0.2">
      <c r="A10687" s="17"/>
      <c r="B10687" s="17"/>
      <c r="C10687" s="17"/>
      <c r="D10687" s="18"/>
      <c r="E10687" s="18"/>
      <c r="F10687" s="18"/>
      <c r="G10687" s="18"/>
      <c r="H10687" s="18"/>
      <c r="I10687" s="18"/>
      <c r="J10687" s="18"/>
      <c r="K10687" s="18"/>
      <c r="L10687" s="18"/>
      <c r="M10687" s="18"/>
      <c r="N10687" s="18"/>
      <c r="O10687" s="18"/>
      <c r="P10687" s="19"/>
      <c r="Q10687" s="19"/>
      <c r="R10687" s="19"/>
      <c r="S10687" s="19"/>
      <c r="T10687" s="19"/>
      <c r="U10687" s="19"/>
      <c r="V10687" s="19"/>
      <c r="W10687" s="19"/>
      <c r="X10687" s="19"/>
      <c r="Y10687" s="19"/>
      <c r="Z10687" s="19"/>
      <c r="AA10687" s="19"/>
    </row>
    <row r="10688" spans="1:27" s="1" customFormat="1" ht="14.1" customHeight="1" outlineLevel="3" x14ac:dyDescent="0.2">
      <c r="A10688" s="17">
        <v>14404</v>
      </c>
      <c r="B10688" s="17"/>
      <c r="C10688" s="17"/>
      <c r="D10688" s="18" t="s">
        <v>5301</v>
      </c>
      <c r="E10688" s="18"/>
      <c r="F10688" s="18"/>
      <c r="G10688" s="18"/>
      <c r="H10688" s="18"/>
      <c r="I10688" s="18"/>
      <c r="J10688" s="18"/>
      <c r="K10688" s="18"/>
      <c r="L10688" s="18"/>
      <c r="M10688" s="18"/>
      <c r="N10688" s="18"/>
      <c r="O10688" s="18"/>
      <c r="P10688" s="19">
        <v>550</v>
      </c>
      <c r="Q10688" s="19"/>
      <c r="R10688" s="19"/>
      <c r="S10688" s="19"/>
      <c r="T10688" s="19">
        <v>330</v>
      </c>
      <c r="U10688" s="19"/>
      <c r="V10688" s="19"/>
      <c r="W10688" s="19"/>
      <c r="X10688" s="19">
        <v>3</v>
      </c>
      <c r="Y10688" s="19"/>
      <c r="Z10688" s="19"/>
      <c r="AA10688" s="19"/>
    </row>
    <row r="10689" spans="1:27" s="1" customFormat="1" ht="14.1" customHeight="1" outlineLevel="3" x14ac:dyDescent="0.2">
      <c r="A10689" s="17"/>
      <c r="B10689" s="17"/>
      <c r="C10689" s="17"/>
      <c r="D10689" s="18"/>
      <c r="E10689" s="18"/>
      <c r="F10689" s="18"/>
      <c r="G10689" s="18"/>
      <c r="H10689" s="18"/>
      <c r="I10689" s="18"/>
      <c r="J10689" s="18"/>
      <c r="K10689" s="18"/>
      <c r="L10689" s="18"/>
      <c r="M10689" s="18"/>
      <c r="N10689" s="18"/>
      <c r="O10689" s="18"/>
      <c r="P10689" s="19"/>
      <c r="Q10689" s="19"/>
      <c r="R10689" s="19"/>
      <c r="S10689" s="19"/>
      <c r="T10689" s="19"/>
      <c r="U10689" s="19"/>
      <c r="V10689" s="19"/>
      <c r="W10689" s="19"/>
      <c r="X10689" s="19"/>
      <c r="Y10689" s="19"/>
      <c r="Z10689" s="19"/>
      <c r="AA10689" s="19"/>
    </row>
    <row r="10690" spans="1:27" s="1" customFormat="1" ht="11.1" customHeight="1" outlineLevel="3" x14ac:dyDescent="0.2">
      <c r="A10690" s="17">
        <v>16052</v>
      </c>
      <c r="B10690" s="17"/>
      <c r="C10690" s="17"/>
      <c r="D10690" s="18" t="s">
        <v>5302</v>
      </c>
      <c r="E10690" s="18"/>
      <c r="F10690" s="18"/>
      <c r="G10690" s="18"/>
      <c r="H10690" s="18"/>
      <c r="I10690" s="18"/>
      <c r="J10690" s="18"/>
      <c r="K10690" s="18"/>
      <c r="L10690" s="18"/>
      <c r="M10690" s="18"/>
      <c r="N10690" s="18"/>
      <c r="O10690" s="18"/>
      <c r="P10690" s="19">
        <v>600</v>
      </c>
      <c r="Q10690" s="19"/>
      <c r="R10690" s="19"/>
      <c r="S10690" s="19"/>
      <c r="T10690" s="19">
        <v>420</v>
      </c>
      <c r="U10690" s="19"/>
      <c r="V10690" s="19"/>
      <c r="W10690" s="19"/>
      <c r="X10690" s="19">
        <v>3</v>
      </c>
      <c r="Y10690" s="19"/>
      <c r="Z10690" s="19"/>
      <c r="AA10690" s="19"/>
    </row>
    <row r="10691" spans="1:27" s="1" customFormat="1" ht="11.1" customHeight="1" outlineLevel="3" x14ac:dyDescent="0.2">
      <c r="A10691" s="17"/>
      <c r="B10691" s="17"/>
      <c r="C10691" s="17"/>
      <c r="D10691" s="18"/>
      <c r="E10691" s="18"/>
      <c r="F10691" s="18"/>
      <c r="G10691" s="18"/>
      <c r="H10691" s="18"/>
      <c r="I10691" s="18"/>
      <c r="J10691" s="18"/>
      <c r="K10691" s="18"/>
      <c r="L10691" s="18"/>
      <c r="M10691" s="18"/>
      <c r="N10691" s="18"/>
      <c r="O10691" s="18"/>
      <c r="P10691" s="19"/>
      <c r="Q10691" s="19"/>
      <c r="R10691" s="19"/>
      <c r="S10691" s="19"/>
      <c r="T10691" s="19"/>
      <c r="U10691" s="19"/>
      <c r="V10691" s="19"/>
      <c r="W10691" s="19"/>
      <c r="X10691" s="19"/>
      <c r="Y10691" s="19"/>
      <c r="Z10691" s="19"/>
      <c r="AA10691" s="19"/>
    </row>
    <row r="10692" spans="1:27" s="1" customFormat="1" ht="14.1" customHeight="1" outlineLevel="3" x14ac:dyDescent="0.2">
      <c r="A10692" s="17">
        <v>14402</v>
      </c>
      <c r="B10692" s="17"/>
      <c r="C10692" s="17"/>
      <c r="D10692" s="18" t="s">
        <v>5303</v>
      </c>
      <c r="E10692" s="18"/>
      <c r="F10692" s="18"/>
      <c r="G10692" s="18"/>
      <c r="H10692" s="18"/>
      <c r="I10692" s="18"/>
      <c r="J10692" s="18"/>
      <c r="K10692" s="18"/>
      <c r="L10692" s="18"/>
      <c r="M10692" s="18"/>
      <c r="N10692" s="18"/>
      <c r="O10692" s="18"/>
      <c r="P10692" s="19">
        <v>390</v>
      </c>
      <c r="Q10692" s="19"/>
      <c r="R10692" s="19"/>
      <c r="S10692" s="19"/>
      <c r="T10692" s="19">
        <v>235</v>
      </c>
      <c r="U10692" s="19"/>
      <c r="V10692" s="19"/>
      <c r="W10692" s="19"/>
      <c r="X10692" s="19">
        <v>3</v>
      </c>
      <c r="Y10692" s="19"/>
      <c r="Z10692" s="19"/>
      <c r="AA10692" s="19"/>
    </row>
    <row r="10693" spans="1:27" s="1" customFormat="1" ht="14.1" customHeight="1" outlineLevel="3" x14ac:dyDescent="0.2">
      <c r="A10693" s="17"/>
      <c r="B10693" s="17"/>
      <c r="C10693" s="17"/>
      <c r="D10693" s="18"/>
      <c r="E10693" s="18"/>
      <c r="F10693" s="18"/>
      <c r="G10693" s="18"/>
      <c r="H10693" s="18"/>
      <c r="I10693" s="18"/>
      <c r="J10693" s="18"/>
      <c r="K10693" s="18"/>
      <c r="L10693" s="18"/>
      <c r="M10693" s="18"/>
      <c r="N10693" s="18"/>
      <c r="O10693" s="18"/>
      <c r="P10693" s="19"/>
      <c r="Q10693" s="19"/>
      <c r="R10693" s="19"/>
      <c r="S10693" s="19"/>
      <c r="T10693" s="19"/>
      <c r="U10693" s="19"/>
      <c r="V10693" s="19"/>
      <c r="W10693" s="19"/>
      <c r="X10693" s="19"/>
      <c r="Y10693" s="19"/>
      <c r="Z10693" s="19"/>
      <c r="AA10693" s="19"/>
    </row>
    <row r="10694" spans="1:27" s="1" customFormat="1" ht="11.1" customHeight="1" outlineLevel="3" x14ac:dyDescent="0.2">
      <c r="A10694" s="17">
        <v>16057</v>
      </c>
      <c r="B10694" s="17"/>
      <c r="C10694" s="17"/>
      <c r="D10694" s="18" t="s">
        <v>5304</v>
      </c>
      <c r="E10694" s="18"/>
      <c r="F10694" s="18"/>
      <c r="G10694" s="18"/>
      <c r="H10694" s="18"/>
      <c r="I10694" s="18"/>
      <c r="J10694" s="18"/>
      <c r="K10694" s="18"/>
      <c r="L10694" s="18"/>
      <c r="M10694" s="18"/>
      <c r="N10694" s="18"/>
      <c r="O10694" s="18"/>
      <c r="P10694" s="19">
        <v>530</v>
      </c>
      <c r="Q10694" s="19"/>
      <c r="R10694" s="19"/>
      <c r="S10694" s="19"/>
      <c r="T10694" s="19">
        <v>370</v>
      </c>
      <c r="U10694" s="19"/>
      <c r="V10694" s="19"/>
      <c r="W10694" s="19"/>
      <c r="X10694" s="19">
        <v>1</v>
      </c>
      <c r="Y10694" s="19"/>
      <c r="Z10694" s="19"/>
      <c r="AA10694" s="19"/>
    </row>
    <row r="10695" spans="1:27" s="1" customFormat="1" ht="11.1" customHeight="1" outlineLevel="3" x14ac:dyDescent="0.2">
      <c r="A10695" s="17"/>
      <c r="B10695" s="17"/>
      <c r="C10695" s="17"/>
      <c r="D10695" s="18"/>
      <c r="E10695" s="18"/>
      <c r="F10695" s="18"/>
      <c r="G10695" s="18"/>
      <c r="H10695" s="18"/>
      <c r="I10695" s="18"/>
      <c r="J10695" s="18"/>
      <c r="K10695" s="18"/>
      <c r="L10695" s="18"/>
      <c r="M10695" s="18"/>
      <c r="N10695" s="18"/>
      <c r="O10695" s="18"/>
      <c r="P10695" s="19"/>
      <c r="Q10695" s="19"/>
      <c r="R10695" s="19"/>
      <c r="S10695" s="19"/>
      <c r="T10695" s="19"/>
      <c r="U10695" s="19"/>
      <c r="V10695" s="19"/>
      <c r="W10695" s="19"/>
      <c r="X10695" s="19"/>
      <c r="Y10695" s="19"/>
      <c r="Z10695" s="19"/>
      <c r="AA10695" s="19"/>
    </row>
    <row r="10696" spans="1:27" s="1" customFormat="1" ht="11.1" customHeight="1" outlineLevel="3" x14ac:dyDescent="0.2">
      <c r="A10696" s="17">
        <v>15860</v>
      </c>
      <c r="B10696" s="17"/>
      <c r="C10696" s="17"/>
      <c r="D10696" s="18" t="s">
        <v>5305</v>
      </c>
      <c r="E10696" s="18"/>
      <c r="F10696" s="18"/>
      <c r="G10696" s="18"/>
      <c r="H10696" s="18"/>
      <c r="I10696" s="18"/>
      <c r="J10696" s="18"/>
      <c r="K10696" s="18"/>
      <c r="L10696" s="18"/>
      <c r="M10696" s="18"/>
      <c r="N10696" s="18"/>
      <c r="O10696" s="18"/>
      <c r="P10696" s="19">
        <v>470</v>
      </c>
      <c r="Q10696" s="19"/>
      <c r="R10696" s="19"/>
      <c r="S10696" s="19"/>
      <c r="T10696" s="19">
        <v>370</v>
      </c>
      <c r="U10696" s="19"/>
      <c r="V10696" s="19"/>
      <c r="W10696" s="19"/>
      <c r="X10696" s="19">
        <v>1</v>
      </c>
      <c r="Y10696" s="19"/>
      <c r="Z10696" s="19"/>
      <c r="AA10696" s="19"/>
    </row>
    <row r="10697" spans="1:27" s="1" customFormat="1" ht="11.1" customHeight="1" outlineLevel="3" x14ac:dyDescent="0.2">
      <c r="A10697" s="17"/>
      <c r="B10697" s="17"/>
      <c r="C10697" s="17"/>
      <c r="D10697" s="18"/>
      <c r="E10697" s="18"/>
      <c r="F10697" s="18"/>
      <c r="G10697" s="18"/>
      <c r="H10697" s="18"/>
      <c r="I10697" s="18"/>
      <c r="J10697" s="18"/>
      <c r="K10697" s="18"/>
      <c r="L10697" s="18"/>
      <c r="M10697" s="18"/>
      <c r="N10697" s="18"/>
      <c r="O10697" s="18"/>
      <c r="P10697" s="19"/>
      <c r="Q10697" s="19"/>
      <c r="R10697" s="19"/>
      <c r="S10697" s="19"/>
      <c r="T10697" s="19"/>
      <c r="U10697" s="19"/>
      <c r="V10697" s="19"/>
      <c r="W10697" s="19"/>
      <c r="X10697" s="19"/>
      <c r="Y10697" s="19"/>
      <c r="Z10697" s="19"/>
      <c r="AA10697" s="19"/>
    </row>
    <row r="10698" spans="1:27" s="1" customFormat="1" ht="11.1" customHeight="1" outlineLevel="3" x14ac:dyDescent="0.2">
      <c r="A10698" s="17">
        <v>16053</v>
      </c>
      <c r="B10698" s="17"/>
      <c r="C10698" s="17"/>
      <c r="D10698" s="18" t="s">
        <v>5306</v>
      </c>
      <c r="E10698" s="18"/>
      <c r="F10698" s="18"/>
      <c r="G10698" s="18"/>
      <c r="H10698" s="18"/>
      <c r="I10698" s="18"/>
      <c r="J10698" s="18"/>
      <c r="K10698" s="18"/>
      <c r="L10698" s="18"/>
      <c r="M10698" s="18"/>
      <c r="N10698" s="18"/>
      <c r="O10698" s="18"/>
      <c r="P10698" s="19">
        <v>550</v>
      </c>
      <c r="Q10698" s="19"/>
      <c r="R10698" s="19"/>
      <c r="S10698" s="19"/>
      <c r="T10698" s="19">
        <v>380</v>
      </c>
      <c r="U10698" s="19"/>
      <c r="V10698" s="19"/>
      <c r="W10698" s="19"/>
      <c r="X10698" s="19">
        <v>2</v>
      </c>
      <c r="Y10698" s="19"/>
      <c r="Z10698" s="19"/>
      <c r="AA10698" s="19"/>
    </row>
    <row r="10699" spans="1:27" s="1" customFormat="1" ht="11.1" customHeight="1" outlineLevel="3" x14ac:dyDescent="0.2">
      <c r="A10699" s="17"/>
      <c r="B10699" s="17"/>
      <c r="C10699" s="17"/>
      <c r="D10699" s="18"/>
      <c r="E10699" s="18"/>
      <c r="F10699" s="18"/>
      <c r="G10699" s="18"/>
      <c r="H10699" s="18"/>
      <c r="I10699" s="18"/>
      <c r="J10699" s="18"/>
      <c r="K10699" s="18"/>
      <c r="L10699" s="18"/>
      <c r="M10699" s="18"/>
      <c r="N10699" s="18"/>
      <c r="O10699" s="18"/>
      <c r="P10699" s="19"/>
      <c r="Q10699" s="19"/>
      <c r="R10699" s="19"/>
      <c r="S10699" s="19"/>
      <c r="T10699" s="19"/>
      <c r="U10699" s="19"/>
      <c r="V10699" s="19"/>
      <c r="W10699" s="19"/>
      <c r="X10699" s="19"/>
      <c r="Y10699" s="19"/>
      <c r="Z10699" s="19"/>
      <c r="AA10699" s="19"/>
    </row>
    <row r="10700" spans="1:27" s="1" customFormat="1" ht="11.1" customHeight="1" outlineLevel="3" x14ac:dyDescent="0.2">
      <c r="A10700" s="17">
        <v>11898</v>
      </c>
      <c r="B10700" s="17"/>
      <c r="C10700" s="17"/>
      <c r="D10700" s="18" t="s">
        <v>5307</v>
      </c>
      <c r="E10700" s="18"/>
      <c r="F10700" s="18"/>
      <c r="G10700" s="18"/>
      <c r="H10700" s="18"/>
      <c r="I10700" s="18"/>
      <c r="J10700" s="18"/>
      <c r="K10700" s="18"/>
      <c r="L10700" s="18"/>
      <c r="M10700" s="18"/>
      <c r="N10700" s="18"/>
      <c r="O10700" s="18"/>
      <c r="P10700" s="19">
        <v>250</v>
      </c>
      <c r="Q10700" s="19"/>
      <c r="R10700" s="19"/>
      <c r="S10700" s="19"/>
      <c r="T10700" s="19">
        <v>145</v>
      </c>
      <c r="U10700" s="19"/>
      <c r="V10700" s="19"/>
      <c r="W10700" s="19"/>
      <c r="X10700" s="19">
        <v>3</v>
      </c>
      <c r="Y10700" s="19"/>
      <c r="Z10700" s="19"/>
      <c r="AA10700" s="19"/>
    </row>
    <row r="10701" spans="1:27" s="1" customFormat="1" ht="11.1" customHeight="1" outlineLevel="3" x14ac:dyDescent="0.2">
      <c r="A10701" s="17"/>
      <c r="B10701" s="17"/>
      <c r="C10701" s="17"/>
      <c r="D10701" s="18"/>
      <c r="E10701" s="18"/>
      <c r="F10701" s="18"/>
      <c r="G10701" s="18"/>
      <c r="H10701" s="18"/>
      <c r="I10701" s="18"/>
      <c r="J10701" s="18"/>
      <c r="K10701" s="18"/>
      <c r="L10701" s="18"/>
      <c r="M10701" s="18"/>
      <c r="N10701" s="18"/>
      <c r="O10701" s="18"/>
      <c r="P10701" s="19"/>
      <c r="Q10701" s="19"/>
      <c r="R10701" s="19"/>
      <c r="S10701" s="19"/>
      <c r="T10701" s="19"/>
      <c r="U10701" s="19"/>
      <c r="V10701" s="19"/>
      <c r="W10701" s="19"/>
      <c r="X10701" s="19"/>
      <c r="Y10701" s="19"/>
      <c r="Z10701" s="19"/>
      <c r="AA10701" s="19"/>
    </row>
    <row r="10702" spans="1:27" s="1" customFormat="1" ht="11.1" customHeight="1" outlineLevel="3" x14ac:dyDescent="0.2">
      <c r="A10702" s="17">
        <v>6786</v>
      </c>
      <c r="B10702" s="17"/>
      <c r="C10702" s="17"/>
      <c r="D10702" s="18" t="s">
        <v>5308</v>
      </c>
      <c r="E10702" s="18"/>
      <c r="F10702" s="18"/>
      <c r="G10702" s="18"/>
      <c r="H10702" s="18"/>
      <c r="I10702" s="18"/>
      <c r="J10702" s="18"/>
      <c r="K10702" s="18"/>
      <c r="L10702" s="18"/>
      <c r="M10702" s="18"/>
      <c r="N10702" s="18"/>
      <c r="O10702" s="18"/>
      <c r="P10702" s="19">
        <v>225</v>
      </c>
      <c r="Q10702" s="19"/>
      <c r="R10702" s="19"/>
      <c r="S10702" s="19"/>
      <c r="T10702" s="19">
        <v>125</v>
      </c>
      <c r="U10702" s="19"/>
      <c r="V10702" s="19"/>
      <c r="W10702" s="19"/>
      <c r="X10702" s="19">
        <v>1</v>
      </c>
      <c r="Y10702" s="19"/>
      <c r="Z10702" s="19"/>
      <c r="AA10702" s="19"/>
    </row>
    <row r="10703" spans="1:27" s="1" customFormat="1" ht="11.1" customHeight="1" outlineLevel="3" x14ac:dyDescent="0.2">
      <c r="A10703" s="17"/>
      <c r="B10703" s="17"/>
      <c r="C10703" s="17"/>
      <c r="D10703" s="18"/>
      <c r="E10703" s="18"/>
      <c r="F10703" s="18"/>
      <c r="G10703" s="18"/>
      <c r="H10703" s="18"/>
      <c r="I10703" s="18"/>
      <c r="J10703" s="18"/>
      <c r="K10703" s="18"/>
      <c r="L10703" s="18"/>
      <c r="M10703" s="18"/>
      <c r="N10703" s="18"/>
      <c r="O10703" s="18"/>
      <c r="P10703" s="19"/>
      <c r="Q10703" s="19"/>
      <c r="R10703" s="19"/>
      <c r="S10703" s="19"/>
      <c r="T10703" s="19"/>
      <c r="U10703" s="19"/>
      <c r="V10703" s="19"/>
      <c r="W10703" s="19"/>
      <c r="X10703" s="19"/>
      <c r="Y10703" s="19"/>
      <c r="Z10703" s="19"/>
      <c r="AA10703" s="19"/>
    </row>
    <row r="10704" spans="1:27" s="1" customFormat="1" ht="11.1" customHeight="1" outlineLevel="3" x14ac:dyDescent="0.2">
      <c r="A10704" s="17">
        <v>11901</v>
      </c>
      <c r="B10704" s="17"/>
      <c r="C10704" s="17"/>
      <c r="D10704" s="18" t="s">
        <v>5309</v>
      </c>
      <c r="E10704" s="18"/>
      <c r="F10704" s="18"/>
      <c r="G10704" s="18"/>
      <c r="H10704" s="18"/>
      <c r="I10704" s="18"/>
      <c r="J10704" s="18"/>
      <c r="K10704" s="18"/>
      <c r="L10704" s="18"/>
      <c r="M10704" s="18"/>
      <c r="N10704" s="18"/>
      <c r="O10704" s="18"/>
      <c r="P10704" s="19">
        <v>270</v>
      </c>
      <c r="Q10704" s="19"/>
      <c r="R10704" s="19"/>
      <c r="S10704" s="19"/>
      <c r="T10704" s="19">
        <v>160</v>
      </c>
      <c r="U10704" s="19"/>
      <c r="V10704" s="19"/>
      <c r="W10704" s="19"/>
      <c r="X10704" s="19">
        <v>6</v>
      </c>
      <c r="Y10704" s="19"/>
      <c r="Z10704" s="19"/>
      <c r="AA10704" s="19"/>
    </row>
    <row r="10705" spans="1:27" s="1" customFormat="1" ht="11.1" customHeight="1" outlineLevel="3" x14ac:dyDescent="0.2">
      <c r="A10705" s="17"/>
      <c r="B10705" s="17"/>
      <c r="C10705" s="17"/>
      <c r="D10705" s="18"/>
      <c r="E10705" s="18"/>
      <c r="F10705" s="18"/>
      <c r="G10705" s="18"/>
      <c r="H10705" s="18"/>
      <c r="I10705" s="18"/>
      <c r="J10705" s="18"/>
      <c r="K10705" s="18"/>
      <c r="L10705" s="18"/>
      <c r="M10705" s="18"/>
      <c r="N10705" s="18"/>
      <c r="O10705" s="18"/>
      <c r="P10705" s="19"/>
      <c r="Q10705" s="19"/>
      <c r="R10705" s="19"/>
      <c r="S10705" s="19"/>
      <c r="T10705" s="19"/>
      <c r="U10705" s="19"/>
      <c r="V10705" s="19"/>
      <c r="W10705" s="19"/>
      <c r="X10705" s="19"/>
      <c r="Y10705" s="19"/>
      <c r="Z10705" s="19"/>
      <c r="AA10705" s="19"/>
    </row>
    <row r="10706" spans="1:27" s="1" customFormat="1" ht="11.1" customHeight="1" outlineLevel="3" x14ac:dyDescent="0.2">
      <c r="A10706" s="17">
        <v>11904</v>
      </c>
      <c r="B10706" s="17"/>
      <c r="C10706" s="17"/>
      <c r="D10706" s="18" t="s">
        <v>5310</v>
      </c>
      <c r="E10706" s="18"/>
      <c r="F10706" s="18"/>
      <c r="G10706" s="18"/>
      <c r="H10706" s="18"/>
      <c r="I10706" s="18"/>
      <c r="J10706" s="18"/>
      <c r="K10706" s="18"/>
      <c r="L10706" s="18"/>
      <c r="M10706" s="18"/>
      <c r="N10706" s="18"/>
      <c r="O10706" s="18"/>
      <c r="P10706" s="19">
        <v>255</v>
      </c>
      <c r="Q10706" s="19"/>
      <c r="R10706" s="19"/>
      <c r="S10706" s="19"/>
      <c r="T10706" s="19">
        <v>150</v>
      </c>
      <c r="U10706" s="19"/>
      <c r="V10706" s="19"/>
      <c r="W10706" s="19"/>
      <c r="X10706" s="19">
        <v>3</v>
      </c>
      <c r="Y10706" s="19"/>
      <c r="Z10706" s="19"/>
      <c r="AA10706" s="19"/>
    </row>
    <row r="10707" spans="1:27" s="1" customFormat="1" ht="11.1" customHeight="1" outlineLevel="3" x14ac:dyDescent="0.2">
      <c r="A10707" s="17"/>
      <c r="B10707" s="17"/>
      <c r="C10707" s="17"/>
      <c r="D10707" s="18"/>
      <c r="E10707" s="18"/>
      <c r="F10707" s="18"/>
      <c r="G10707" s="18"/>
      <c r="H10707" s="18"/>
      <c r="I10707" s="18"/>
      <c r="J10707" s="18"/>
      <c r="K10707" s="18"/>
      <c r="L10707" s="18"/>
      <c r="M10707" s="18"/>
      <c r="N10707" s="18"/>
      <c r="O10707" s="18"/>
      <c r="P10707" s="19"/>
      <c r="Q10707" s="19"/>
      <c r="R10707" s="19"/>
      <c r="S10707" s="19"/>
      <c r="T10707" s="19"/>
      <c r="U10707" s="19"/>
      <c r="V10707" s="19"/>
      <c r="W10707" s="19"/>
      <c r="X10707" s="19"/>
      <c r="Y10707" s="19"/>
      <c r="Z10707" s="19"/>
      <c r="AA10707" s="19"/>
    </row>
    <row r="10708" spans="1:27" s="1" customFormat="1" ht="11.1" customHeight="1" outlineLevel="3" x14ac:dyDescent="0.2">
      <c r="A10708" s="17">
        <v>11900</v>
      </c>
      <c r="B10708" s="17"/>
      <c r="C10708" s="17"/>
      <c r="D10708" s="18" t="s">
        <v>5311</v>
      </c>
      <c r="E10708" s="18"/>
      <c r="F10708" s="18"/>
      <c r="G10708" s="18"/>
      <c r="H10708" s="18"/>
      <c r="I10708" s="18"/>
      <c r="J10708" s="18"/>
      <c r="K10708" s="18"/>
      <c r="L10708" s="18"/>
      <c r="M10708" s="18"/>
      <c r="N10708" s="18"/>
      <c r="O10708" s="18"/>
      <c r="P10708" s="19">
        <v>280</v>
      </c>
      <c r="Q10708" s="19"/>
      <c r="R10708" s="19"/>
      <c r="S10708" s="19"/>
      <c r="T10708" s="19">
        <v>165</v>
      </c>
      <c r="U10708" s="19"/>
      <c r="V10708" s="19"/>
      <c r="W10708" s="19"/>
      <c r="X10708" s="19">
        <v>3</v>
      </c>
      <c r="Y10708" s="19"/>
      <c r="Z10708" s="19"/>
      <c r="AA10708" s="19"/>
    </row>
    <row r="10709" spans="1:27" s="1" customFormat="1" ht="11.1" customHeight="1" outlineLevel="3" x14ac:dyDescent="0.2">
      <c r="A10709" s="17"/>
      <c r="B10709" s="17"/>
      <c r="C10709" s="17"/>
      <c r="D10709" s="18"/>
      <c r="E10709" s="18"/>
      <c r="F10709" s="18"/>
      <c r="G10709" s="18"/>
      <c r="H10709" s="18"/>
      <c r="I10709" s="18"/>
      <c r="J10709" s="18"/>
      <c r="K10709" s="18"/>
      <c r="L10709" s="18"/>
      <c r="M10709" s="18"/>
      <c r="N10709" s="18"/>
      <c r="O10709" s="18"/>
      <c r="P10709" s="19"/>
      <c r="Q10709" s="19"/>
      <c r="R10709" s="19"/>
      <c r="S10709" s="19"/>
      <c r="T10709" s="19"/>
      <c r="U10709" s="19"/>
      <c r="V10709" s="19"/>
      <c r="W10709" s="19"/>
      <c r="X10709" s="19"/>
      <c r="Y10709" s="19"/>
      <c r="Z10709" s="19"/>
      <c r="AA10709" s="19"/>
    </row>
    <row r="10710" spans="1:27" s="1" customFormat="1" ht="11.1" customHeight="1" outlineLevel="3" x14ac:dyDescent="0.2">
      <c r="A10710" s="17">
        <v>6785</v>
      </c>
      <c r="B10710" s="17"/>
      <c r="C10710" s="17"/>
      <c r="D10710" s="18" t="s">
        <v>5312</v>
      </c>
      <c r="E10710" s="18"/>
      <c r="F10710" s="18"/>
      <c r="G10710" s="18"/>
      <c r="H10710" s="18"/>
      <c r="I10710" s="18"/>
      <c r="J10710" s="18"/>
      <c r="K10710" s="18"/>
      <c r="L10710" s="18"/>
      <c r="M10710" s="18"/>
      <c r="N10710" s="18"/>
      <c r="O10710" s="18"/>
      <c r="P10710" s="19">
        <v>220</v>
      </c>
      <c r="Q10710" s="19"/>
      <c r="R10710" s="19"/>
      <c r="S10710" s="19"/>
      <c r="T10710" s="19">
        <v>120</v>
      </c>
      <c r="U10710" s="19"/>
      <c r="V10710" s="19"/>
      <c r="W10710" s="19"/>
      <c r="X10710" s="19">
        <v>13</v>
      </c>
      <c r="Y10710" s="19"/>
      <c r="Z10710" s="19"/>
      <c r="AA10710" s="19"/>
    </row>
    <row r="10711" spans="1:27" s="1" customFormat="1" ht="11.1" customHeight="1" outlineLevel="3" x14ac:dyDescent="0.2">
      <c r="A10711" s="17"/>
      <c r="B10711" s="17"/>
      <c r="C10711" s="17"/>
      <c r="D10711" s="18"/>
      <c r="E10711" s="18"/>
      <c r="F10711" s="18"/>
      <c r="G10711" s="18"/>
      <c r="H10711" s="18"/>
      <c r="I10711" s="18"/>
      <c r="J10711" s="18"/>
      <c r="K10711" s="18"/>
      <c r="L10711" s="18"/>
      <c r="M10711" s="18"/>
      <c r="N10711" s="18"/>
      <c r="O10711" s="18"/>
      <c r="P10711" s="19"/>
      <c r="Q10711" s="19"/>
      <c r="R10711" s="19"/>
      <c r="S10711" s="19"/>
      <c r="T10711" s="19"/>
      <c r="U10711" s="19"/>
      <c r="V10711" s="19"/>
      <c r="W10711" s="19"/>
      <c r="X10711" s="19"/>
      <c r="Y10711" s="19"/>
      <c r="Z10711" s="19"/>
      <c r="AA10711" s="19"/>
    </row>
    <row r="10712" spans="1:27" s="1" customFormat="1" ht="11.1" customHeight="1" outlineLevel="3" x14ac:dyDescent="0.2">
      <c r="A10712" s="17">
        <v>11910</v>
      </c>
      <c r="B10712" s="17"/>
      <c r="C10712" s="17"/>
      <c r="D10712" s="18" t="s">
        <v>5313</v>
      </c>
      <c r="E10712" s="18"/>
      <c r="F10712" s="18"/>
      <c r="G10712" s="18"/>
      <c r="H10712" s="18"/>
      <c r="I10712" s="18"/>
      <c r="J10712" s="18"/>
      <c r="K10712" s="18"/>
      <c r="L10712" s="18"/>
      <c r="M10712" s="18"/>
      <c r="N10712" s="18"/>
      <c r="O10712" s="18"/>
      <c r="P10712" s="19">
        <v>300</v>
      </c>
      <c r="Q10712" s="19"/>
      <c r="R10712" s="19"/>
      <c r="S10712" s="19"/>
      <c r="T10712" s="19">
        <v>185</v>
      </c>
      <c r="U10712" s="19"/>
      <c r="V10712" s="19"/>
      <c r="W10712" s="19"/>
      <c r="X10712" s="19">
        <v>19</v>
      </c>
      <c r="Y10712" s="19"/>
      <c r="Z10712" s="19"/>
      <c r="AA10712" s="19"/>
    </row>
    <row r="10713" spans="1:27" s="1" customFormat="1" ht="11.1" customHeight="1" outlineLevel="3" x14ac:dyDescent="0.2">
      <c r="A10713" s="17"/>
      <c r="B10713" s="17"/>
      <c r="C10713" s="17"/>
      <c r="D10713" s="18"/>
      <c r="E10713" s="18"/>
      <c r="F10713" s="18"/>
      <c r="G10713" s="18"/>
      <c r="H10713" s="18"/>
      <c r="I10713" s="18"/>
      <c r="J10713" s="18"/>
      <c r="K10713" s="18"/>
      <c r="L10713" s="18"/>
      <c r="M10713" s="18"/>
      <c r="N10713" s="18"/>
      <c r="O10713" s="18"/>
      <c r="P10713" s="19"/>
      <c r="Q10713" s="19"/>
      <c r="R10713" s="19"/>
      <c r="S10713" s="19"/>
      <c r="T10713" s="19"/>
      <c r="U10713" s="19"/>
      <c r="V10713" s="19"/>
      <c r="W10713" s="19"/>
      <c r="X10713" s="19"/>
      <c r="Y10713" s="19"/>
      <c r="Z10713" s="19"/>
      <c r="AA10713" s="19"/>
    </row>
    <row r="10714" spans="1:27" s="1" customFormat="1" ht="14.1" customHeight="1" outlineLevel="3" x14ac:dyDescent="0.2">
      <c r="A10714" s="17">
        <v>11907</v>
      </c>
      <c r="B10714" s="17"/>
      <c r="C10714" s="17"/>
      <c r="D10714" s="18" t="s">
        <v>5314</v>
      </c>
      <c r="E10714" s="18"/>
      <c r="F10714" s="18"/>
      <c r="G10714" s="18"/>
      <c r="H10714" s="18"/>
      <c r="I10714" s="18"/>
      <c r="J10714" s="18"/>
      <c r="K10714" s="18"/>
      <c r="L10714" s="18"/>
      <c r="M10714" s="18"/>
      <c r="N10714" s="18"/>
      <c r="O10714" s="18"/>
      <c r="P10714" s="19">
        <v>270</v>
      </c>
      <c r="Q10714" s="19"/>
      <c r="R10714" s="19"/>
      <c r="S10714" s="19"/>
      <c r="T10714" s="19">
        <v>155</v>
      </c>
      <c r="U10714" s="19"/>
      <c r="V10714" s="19"/>
      <c r="W10714" s="19"/>
      <c r="X10714" s="19">
        <v>7</v>
      </c>
      <c r="Y10714" s="19"/>
      <c r="Z10714" s="19"/>
      <c r="AA10714" s="19"/>
    </row>
    <row r="10715" spans="1:27" s="1" customFormat="1" ht="14.1" customHeight="1" outlineLevel="3" x14ac:dyDescent="0.2">
      <c r="A10715" s="17"/>
      <c r="B10715" s="17"/>
      <c r="C10715" s="17"/>
      <c r="D10715" s="18"/>
      <c r="E10715" s="18"/>
      <c r="F10715" s="18"/>
      <c r="G10715" s="18"/>
      <c r="H10715" s="18"/>
      <c r="I10715" s="18"/>
      <c r="J10715" s="18"/>
      <c r="K10715" s="18"/>
      <c r="L10715" s="18"/>
      <c r="M10715" s="18"/>
      <c r="N10715" s="18"/>
      <c r="O10715" s="18"/>
      <c r="P10715" s="19"/>
      <c r="Q10715" s="19"/>
      <c r="R10715" s="19"/>
      <c r="S10715" s="19"/>
      <c r="T10715" s="19"/>
      <c r="U10715" s="19"/>
      <c r="V10715" s="19"/>
      <c r="W10715" s="19"/>
      <c r="X10715" s="19"/>
      <c r="Y10715" s="19"/>
      <c r="Z10715" s="19"/>
      <c r="AA10715" s="19"/>
    </row>
    <row r="10716" spans="1:27" s="1" customFormat="1" ht="14.1" customHeight="1" outlineLevel="3" x14ac:dyDescent="0.2">
      <c r="A10716" s="17">
        <v>12986</v>
      </c>
      <c r="B10716" s="17"/>
      <c r="C10716" s="17"/>
      <c r="D10716" s="18" t="s">
        <v>5315</v>
      </c>
      <c r="E10716" s="18"/>
      <c r="F10716" s="18"/>
      <c r="G10716" s="18"/>
      <c r="H10716" s="18"/>
      <c r="I10716" s="18"/>
      <c r="J10716" s="18"/>
      <c r="K10716" s="18"/>
      <c r="L10716" s="18"/>
      <c r="M10716" s="18"/>
      <c r="N10716" s="18"/>
      <c r="O10716" s="18"/>
      <c r="P10716" s="19">
        <v>550</v>
      </c>
      <c r="Q10716" s="19"/>
      <c r="R10716" s="19"/>
      <c r="S10716" s="19"/>
      <c r="T10716" s="19">
        <v>390</v>
      </c>
      <c r="U10716" s="19"/>
      <c r="V10716" s="19"/>
      <c r="W10716" s="19"/>
      <c r="X10716" s="19">
        <v>1</v>
      </c>
      <c r="Y10716" s="19"/>
      <c r="Z10716" s="19"/>
      <c r="AA10716" s="19"/>
    </row>
    <row r="10717" spans="1:27" s="1" customFormat="1" ht="14.1" customHeight="1" outlineLevel="3" x14ac:dyDescent="0.2">
      <c r="A10717" s="17"/>
      <c r="B10717" s="17"/>
      <c r="C10717" s="17"/>
      <c r="D10717" s="18"/>
      <c r="E10717" s="18"/>
      <c r="F10717" s="18"/>
      <c r="G10717" s="18"/>
      <c r="H10717" s="18"/>
      <c r="I10717" s="18"/>
      <c r="J10717" s="18"/>
      <c r="K10717" s="18"/>
      <c r="L10717" s="18"/>
      <c r="M10717" s="18"/>
      <c r="N10717" s="18"/>
      <c r="O10717" s="18"/>
      <c r="P10717" s="19"/>
      <c r="Q10717" s="19"/>
      <c r="R10717" s="19"/>
      <c r="S10717" s="19"/>
      <c r="T10717" s="19"/>
      <c r="U10717" s="19"/>
      <c r="V10717" s="19"/>
      <c r="W10717" s="19"/>
      <c r="X10717" s="19"/>
      <c r="Y10717" s="19"/>
      <c r="Z10717" s="19"/>
      <c r="AA10717" s="19"/>
    </row>
    <row r="10718" spans="1:27" s="1" customFormat="1" ht="14.1" customHeight="1" outlineLevel="3" x14ac:dyDescent="0.2">
      <c r="A10718" s="17">
        <v>14451</v>
      </c>
      <c r="B10718" s="17"/>
      <c r="C10718" s="17"/>
      <c r="D10718" s="18" t="s">
        <v>5316</v>
      </c>
      <c r="E10718" s="18"/>
      <c r="F10718" s="18"/>
      <c r="G10718" s="18"/>
      <c r="H10718" s="18"/>
      <c r="I10718" s="18"/>
      <c r="J10718" s="18"/>
      <c r="K10718" s="18"/>
      <c r="L10718" s="18"/>
      <c r="M10718" s="18"/>
      <c r="N10718" s="18"/>
      <c r="O10718" s="18"/>
      <c r="P10718" s="19">
        <v>390</v>
      </c>
      <c r="Q10718" s="19"/>
      <c r="R10718" s="19"/>
      <c r="S10718" s="19"/>
      <c r="T10718" s="19">
        <v>260</v>
      </c>
      <c r="U10718" s="19"/>
      <c r="V10718" s="19"/>
      <c r="W10718" s="19"/>
      <c r="X10718" s="19">
        <v>3</v>
      </c>
      <c r="Y10718" s="19"/>
      <c r="Z10718" s="19"/>
      <c r="AA10718" s="19"/>
    </row>
    <row r="10719" spans="1:27" s="1" customFormat="1" ht="14.1" customHeight="1" outlineLevel="3" x14ac:dyDescent="0.2">
      <c r="A10719" s="17"/>
      <c r="B10719" s="17"/>
      <c r="C10719" s="17"/>
      <c r="D10719" s="18"/>
      <c r="E10719" s="18"/>
      <c r="F10719" s="18"/>
      <c r="G10719" s="18"/>
      <c r="H10719" s="18"/>
      <c r="I10719" s="18"/>
      <c r="J10719" s="18"/>
      <c r="K10719" s="18"/>
      <c r="L10719" s="18"/>
      <c r="M10719" s="18"/>
      <c r="N10719" s="18"/>
      <c r="O10719" s="18"/>
      <c r="P10719" s="19"/>
      <c r="Q10719" s="19"/>
      <c r="R10719" s="19"/>
      <c r="S10719" s="19"/>
      <c r="T10719" s="19"/>
      <c r="U10719" s="19"/>
      <c r="V10719" s="19"/>
      <c r="W10719" s="19"/>
      <c r="X10719" s="19"/>
      <c r="Y10719" s="19"/>
      <c r="Z10719" s="19"/>
      <c r="AA10719" s="19"/>
    </row>
    <row r="10720" spans="1:27" s="1" customFormat="1" ht="14.1" customHeight="1" outlineLevel="3" x14ac:dyDescent="0.2">
      <c r="A10720" s="17">
        <v>14452</v>
      </c>
      <c r="B10720" s="17"/>
      <c r="C10720" s="17"/>
      <c r="D10720" s="18" t="s">
        <v>5317</v>
      </c>
      <c r="E10720" s="18"/>
      <c r="F10720" s="18"/>
      <c r="G10720" s="18"/>
      <c r="H10720" s="18"/>
      <c r="I10720" s="18"/>
      <c r="J10720" s="18"/>
      <c r="K10720" s="18"/>
      <c r="L10720" s="18"/>
      <c r="M10720" s="18"/>
      <c r="N10720" s="18"/>
      <c r="O10720" s="18"/>
      <c r="P10720" s="19">
        <v>400</v>
      </c>
      <c r="Q10720" s="19"/>
      <c r="R10720" s="19"/>
      <c r="S10720" s="19"/>
      <c r="T10720" s="19">
        <v>270</v>
      </c>
      <c r="U10720" s="19"/>
      <c r="V10720" s="19"/>
      <c r="W10720" s="19"/>
      <c r="X10720" s="19">
        <v>3</v>
      </c>
      <c r="Y10720" s="19"/>
      <c r="Z10720" s="19"/>
      <c r="AA10720" s="19"/>
    </row>
    <row r="10721" spans="1:27" s="1" customFormat="1" ht="14.1" customHeight="1" outlineLevel="3" x14ac:dyDescent="0.2">
      <c r="A10721" s="17"/>
      <c r="B10721" s="17"/>
      <c r="C10721" s="17"/>
      <c r="D10721" s="18"/>
      <c r="E10721" s="18"/>
      <c r="F10721" s="18"/>
      <c r="G10721" s="18"/>
      <c r="H10721" s="18"/>
      <c r="I10721" s="18"/>
      <c r="J10721" s="18"/>
      <c r="K10721" s="18"/>
      <c r="L10721" s="18"/>
      <c r="M10721" s="18"/>
      <c r="N10721" s="18"/>
      <c r="O10721" s="18"/>
      <c r="P10721" s="19"/>
      <c r="Q10721" s="19"/>
      <c r="R10721" s="19"/>
      <c r="S10721" s="19"/>
      <c r="T10721" s="19"/>
      <c r="U10721" s="19"/>
      <c r="V10721" s="19"/>
      <c r="W10721" s="19"/>
      <c r="X10721" s="19"/>
      <c r="Y10721" s="19"/>
      <c r="Z10721" s="19"/>
      <c r="AA10721" s="19"/>
    </row>
    <row r="10722" spans="1:27" s="1" customFormat="1" ht="11.1" customHeight="1" outlineLevel="3" x14ac:dyDescent="0.2">
      <c r="A10722" s="17">
        <v>10798</v>
      </c>
      <c r="B10722" s="17"/>
      <c r="C10722" s="17"/>
      <c r="D10722" s="18" t="s">
        <v>5318</v>
      </c>
      <c r="E10722" s="18"/>
      <c r="F10722" s="18"/>
      <c r="G10722" s="18"/>
      <c r="H10722" s="18"/>
      <c r="I10722" s="18"/>
      <c r="J10722" s="18"/>
      <c r="K10722" s="18"/>
      <c r="L10722" s="18"/>
      <c r="M10722" s="18"/>
      <c r="N10722" s="18"/>
      <c r="O10722" s="18"/>
      <c r="P10722" s="19">
        <v>220</v>
      </c>
      <c r="Q10722" s="19"/>
      <c r="R10722" s="19"/>
      <c r="S10722" s="19"/>
      <c r="T10722" s="19">
        <v>175</v>
      </c>
      <c r="U10722" s="19"/>
      <c r="V10722" s="19"/>
      <c r="W10722" s="19"/>
      <c r="X10722" s="19">
        <v>2</v>
      </c>
      <c r="Y10722" s="19"/>
      <c r="Z10722" s="19"/>
      <c r="AA10722" s="19"/>
    </row>
    <row r="10723" spans="1:27" s="1" customFormat="1" ht="11.1" customHeight="1" outlineLevel="3" x14ac:dyDescent="0.2">
      <c r="A10723" s="17"/>
      <c r="B10723" s="17"/>
      <c r="C10723" s="17"/>
      <c r="D10723" s="18"/>
      <c r="E10723" s="18"/>
      <c r="F10723" s="18"/>
      <c r="G10723" s="18"/>
      <c r="H10723" s="18"/>
      <c r="I10723" s="18"/>
      <c r="J10723" s="18"/>
      <c r="K10723" s="18"/>
      <c r="L10723" s="18"/>
      <c r="M10723" s="18"/>
      <c r="N10723" s="18"/>
      <c r="O10723" s="18"/>
      <c r="P10723" s="19"/>
      <c r="Q10723" s="19"/>
      <c r="R10723" s="19"/>
      <c r="S10723" s="19"/>
      <c r="T10723" s="19"/>
      <c r="U10723" s="19"/>
      <c r="V10723" s="19"/>
      <c r="W10723" s="19"/>
      <c r="X10723" s="19"/>
      <c r="Y10723" s="19"/>
      <c r="Z10723" s="19"/>
      <c r="AA10723" s="19"/>
    </row>
    <row r="10724" spans="1:27" s="1" customFormat="1" ht="11.1" customHeight="1" outlineLevel="3" x14ac:dyDescent="0.2">
      <c r="A10724" s="17">
        <v>10749</v>
      </c>
      <c r="B10724" s="17"/>
      <c r="C10724" s="17"/>
      <c r="D10724" s="18" t="s">
        <v>5319</v>
      </c>
      <c r="E10724" s="18"/>
      <c r="F10724" s="18"/>
      <c r="G10724" s="18"/>
      <c r="H10724" s="18"/>
      <c r="I10724" s="18"/>
      <c r="J10724" s="18"/>
      <c r="K10724" s="18"/>
      <c r="L10724" s="18"/>
      <c r="M10724" s="18"/>
      <c r="N10724" s="18"/>
      <c r="O10724" s="18"/>
      <c r="P10724" s="19">
        <v>180</v>
      </c>
      <c r="Q10724" s="19"/>
      <c r="R10724" s="19"/>
      <c r="S10724" s="19"/>
      <c r="T10724" s="19">
        <v>125</v>
      </c>
      <c r="U10724" s="19"/>
      <c r="V10724" s="19"/>
      <c r="W10724" s="19"/>
      <c r="X10724" s="19">
        <v>2</v>
      </c>
      <c r="Y10724" s="19"/>
      <c r="Z10724" s="19"/>
      <c r="AA10724" s="19"/>
    </row>
    <row r="10725" spans="1:27" s="1" customFormat="1" ht="11.1" customHeight="1" outlineLevel="3" x14ac:dyDescent="0.2">
      <c r="A10725" s="17"/>
      <c r="B10725" s="17"/>
      <c r="C10725" s="17"/>
      <c r="D10725" s="18"/>
      <c r="E10725" s="18"/>
      <c r="F10725" s="18"/>
      <c r="G10725" s="18"/>
      <c r="H10725" s="18"/>
      <c r="I10725" s="18"/>
      <c r="J10725" s="18"/>
      <c r="K10725" s="18"/>
      <c r="L10725" s="18"/>
      <c r="M10725" s="18"/>
      <c r="N10725" s="18"/>
      <c r="O10725" s="18"/>
      <c r="P10725" s="19"/>
      <c r="Q10725" s="19"/>
      <c r="R10725" s="19"/>
      <c r="S10725" s="19"/>
      <c r="T10725" s="19"/>
      <c r="U10725" s="19"/>
      <c r="V10725" s="19"/>
      <c r="W10725" s="19"/>
      <c r="X10725" s="19"/>
      <c r="Y10725" s="19"/>
      <c r="Z10725" s="19"/>
      <c r="AA10725" s="19"/>
    </row>
    <row r="10726" spans="1:27" s="1" customFormat="1" ht="11.1" customHeight="1" outlineLevel="3" x14ac:dyDescent="0.2">
      <c r="A10726" s="17">
        <v>13783</v>
      </c>
      <c r="B10726" s="17"/>
      <c r="C10726" s="17"/>
      <c r="D10726" s="18" t="s">
        <v>5320</v>
      </c>
      <c r="E10726" s="18"/>
      <c r="F10726" s="18"/>
      <c r="G10726" s="18"/>
      <c r="H10726" s="18"/>
      <c r="I10726" s="18"/>
      <c r="J10726" s="18"/>
      <c r="K10726" s="18"/>
      <c r="L10726" s="18"/>
      <c r="M10726" s="18"/>
      <c r="N10726" s="18"/>
      <c r="O10726" s="18"/>
      <c r="P10726" s="19">
        <v>220</v>
      </c>
      <c r="Q10726" s="19"/>
      <c r="R10726" s="19"/>
      <c r="S10726" s="19"/>
      <c r="T10726" s="19">
        <v>130</v>
      </c>
      <c r="U10726" s="19"/>
      <c r="V10726" s="19"/>
      <c r="W10726" s="19"/>
      <c r="X10726" s="19">
        <v>1</v>
      </c>
      <c r="Y10726" s="19"/>
      <c r="Z10726" s="19"/>
      <c r="AA10726" s="19"/>
    </row>
    <row r="10727" spans="1:27" s="1" customFormat="1" ht="11.1" customHeight="1" outlineLevel="3" x14ac:dyDescent="0.2">
      <c r="A10727" s="17"/>
      <c r="B10727" s="17"/>
      <c r="C10727" s="17"/>
      <c r="D10727" s="18"/>
      <c r="E10727" s="18"/>
      <c r="F10727" s="18"/>
      <c r="G10727" s="18"/>
      <c r="H10727" s="18"/>
      <c r="I10727" s="18"/>
      <c r="J10727" s="18"/>
      <c r="K10727" s="18"/>
      <c r="L10727" s="18"/>
      <c r="M10727" s="18"/>
      <c r="N10727" s="18"/>
      <c r="O10727" s="18"/>
      <c r="P10727" s="19"/>
      <c r="Q10727" s="19"/>
      <c r="R10727" s="19"/>
      <c r="S10727" s="19"/>
      <c r="T10727" s="19"/>
      <c r="U10727" s="19"/>
      <c r="V10727" s="19"/>
      <c r="W10727" s="19"/>
      <c r="X10727" s="19"/>
      <c r="Y10727" s="19"/>
      <c r="Z10727" s="19"/>
      <c r="AA10727" s="19"/>
    </row>
    <row r="10728" spans="1:27" s="1" customFormat="1" ht="11.1" customHeight="1" outlineLevel="3" x14ac:dyDescent="0.2">
      <c r="A10728" s="17">
        <v>10750</v>
      </c>
      <c r="B10728" s="17"/>
      <c r="C10728" s="17"/>
      <c r="D10728" s="18" t="s">
        <v>5321</v>
      </c>
      <c r="E10728" s="18"/>
      <c r="F10728" s="18"/>
      <c r="G10728" s="18"/>
      <c r="H10728" s="18"/>
      <c r="I10728" s="18"/>
      <c r="J10728" s="18"/>
      <c r="K10728" s="18"/>
      <c r="L10728" s="18"/>
      <c r="M10728" s="18"/>
      <c r="N10728" s="18"/>
      <c r="O10728" s="18"/>
      <c r="P10728" s="19">
        <v>200</v>
      </c>
      <c r="Q10728" s="19"/>
      <c r="R10728" s="19"/>
      <c r="S10728" s="19"/>
      <c r="T10728" s="19">
        <v>155</v>
      </c>
      <c r="U10728" s="19"/>
      <c r="V10728" s="19"/>
      <c r="W10728" s="19"/>
      <c r="X10728" s="19">
        <v>1</v>
      </c>
      <c r="Y10728" s="19"/>
      <c r="Z10728" s="19"/>
      <c r="AA10728" s="19"/>
    </row>
    <row r="10729" spans="1:27" s="1" customFormat="1" ht="11.1" customHeight="1" outlineLevel="3" x14ac:dyDescent="0.2">
      <c r="A10729" s="17"/>
      <c r="B10729" s="17"/>
      <c r="C10729" s="17"/>
      <c r="D10729" s="18"/>
      <c r="E10729" s="18"/>
      <c r="F10729" s="18"/>
      <c r="G10729" s="18"/>
      <c r="H10729" s="18"/>
      <c r="I10729" s="18"/>
      <c r="J10729" s="18"/>
      <c r="K10729" s="18"/>
      <c r="L10729" s="18"/>
      <c r="M10729" s="18"/>
      <c r="N10729" s="18"/>
      <c r="O10729" s="18"/>
      <c r="P10729" s="19"/>
      <c r="Q10729" s="19"/>
      <c r="R10729" s="19"/>
      <c r="S10729" s="19"/>
      <c r="T10729" s="19"/>
      <c r="U10729" s="19"/>
      <c r="V10729" s="19"/>
      <c r="W10729" s="19"/>
      <c r="X10729" s="19"/>
      <c r="Y10729" s="19"/>
      <c r="Z10729" s="19"/>
      <c r="AA10729" s="19"/>
    </row>
    <row r="10730" spans="1:27" s="1" customFormat="1" ht="14.1" customHeight="1" outlineLevel="3" x14ac:dyDescent="0.2">
      <c r="A10730" s="17">
        <v>7896</v>
      </c>
      <c r="B10730" s="17"/>
      <c r="C10730" s="17"/>
      <c r="D10730" s="18" t="s">
        <v>5322</v>
      </c>
      <c r="E10730" s="18"/>
      <c r="F10730" s="18"/>
      <c r="G10730" s="18"/>
      <c r="H10730" s="18"/>
      <c r="I10730" s="18"/>
      <c r="J10730" s="18"/>
      <c r="K10730" s="18"/>
      <c r="L10730" s="18"/>
      <c r="M10730" s="18"/>
      <c r="N10730" s="18"/>
      <c r="O10730" s="18"/>
      <c r="P10730" s="19">
        <v>220</v>
      </c>
      <c r="Q10730" s="19"/>
      <c r="R10730" s="19"/>
      <c r="S10730" s="19"/>
      <c r="T10730" s="19">
        <v>150</v>
      </c>
      <c r="U10730" s="19"/>
      <c r="V10730" s="19"/>
      <c r="W10730" s="19"/>
      <c r="X10730" s="19">
        <v>1</v>
      </c>
      <c r="Y10730" s="19"/>
      <c r="Z10730" s="19"/>
      <c r="AA10730" s="19"/>
    </row>
    <row r="10731" spans="1:27" s="1" customFormat="1" ht="14.1" customHeight="1" outlineLevel="3" x14ac:dyDescent="0.2">
      <c r="A10731" s="17"/>
      <c r="B10731" s="17"/>
      <c r="C10731" s="17"/>
      <c r="D10731" s="18"/>
      <c r="E10731" s="18"/>
      <c r="F10731" s="18"/>
      <c r="G10731" s="18"/>
      <c r="H10731" s="18"/>
      <c r="I10731" s="18"/>
      <c r="J10731" s="18"/>
      <c r="K10731" s="18"/>
      <c r="L10731" s="18"/>
      <c r="M10731" s="18"/>
      <c r="N10731" s="18"/>
      <c r="O10731" s="18"/>
      <c r="P10731" s="19"/>
      <c r="Q10731" s="19"/>
      <c r="R10731" s="19"/>
      <c r="S10731" s="19"/>
      <c r="T10731" s="19"/>
      <c r="U10731" s="19"/>
      <c r="V10731" s="19"/>
      <c r="W10731" s="19"/>
      <c r="X10731" s="19"/>
      <c r="Y10731" s="19"/>
      <c r="Z10731" s="19"/>
      <c r="AA10731" s="19"/>
    </row>
    <row r="10732" spans="1:27" s="1" customFormat="1" ht="11.1" customHeight="1" outlineLevel="3" x14ac:dyDescent="0.2">
      <c r="A10732" s="17">
        <v>9108</v>
      </c>
      <c r="B10732" s="17"/>
      <c r="C10732" s="17"/>
      <c r="D10732" s="18" t="s">
        <v>5323</v>
      </c>
      <c r="E10732" s="18"/>
      <c r="F10732" s="18"/>
      <c r="G10732" s="18"/>
      <c r="H10732" s="18"/>
      <c r="I10732" s="18"/>
      <c r="J10732" s="18"/>
      <c r="K10732" s="18"/>
      <c r="L10732" s="18"/>
      <c r="M10732" s="18"/>
      <c r="N10732" s="18"/>
      <c r="O10732" s="18"/>
      <c r="P10732" s="19">
        <v>170</v>
      </c>
      <c r="Q10732" s="19"/>
      <c r="R10732" s="19"/>
      <c r="S10732" s="19"/>
      <c r="T10732" s="19">
        <v>125</v>
      </c>
      <c r="U10732" s="19"/>
      <c r="V10732" s="19"/>
      <c r="W10732" s="19"/>
      <c r="X10732" s="19">
        <v>3</v>
      </c>
      <c r="Y10732" s="19"/>
      <c r="Z10732" s="19"/>
      <c r="AA10732" s="19"/>
    </row>
    <row r="10733" spans="1:27" s="1" customFormat="1" ht="11.1" customHeight="1" outlineLevel="3" x14ac:dyDescent="0.2">
      <c r="A10733" s="17"/>
      <c r="B10733" s="17"/>
      <c r="C10733" s="17"/>
      <c r="D10733" s="18"/>
      <c r="E10733" s="18"/>
      <c r="F10733" s="18"/>
      <c r="G10733" s="18"/>
      <c r="H10733" s="18"/>
      <c r="I10733" s="18"/>
      <c r="J10733" s="18"/>
      <c r="K10733" s="18"/>
      <c r="L10733" s="18"/>
      <c r="M10733" s="18"/>
      <c r="N10733" s="18"/>
      <c r="O10733" s="18"/>
      <c r="P10733" s="19"/>
      <c r="Q10733" s="19"/>
      <c r="R10733" s="19"/>
      <c r="S10733" s="19"/>
      <c r="T10733" s="19"/>
      <c r="U10733" s="19"/>
      <c r="V10733" s="19"/>
      <c r="W10733" s="19"/>
      <c r="X10733" s="19"/>
      <c r="Y10733" s="19"/>
      <c r="Z10733" s="19"/>
      <c r="AA10733" s="19"/>
    </row>
    <row r="10734" spans="1:27" s="1" customFormat="1" ht="11.1" customHeight="1" outlineLevel="3" x14ac:dyDescent="0.2">
      <c r="A10734" s="17">
        <v>10833</v>
      </c>
      <c r="B10734" s="17"/>
      <c r="C10734" s="17"/>
      <c r="D10734" s="18" t="s">
        <v>5324</v>
      </c>
      <c r="E10734" s="18"/>
      <c r="F10734" s="18"/>
      <c r="G10734" s="18"/>
      <c r="H10734" s="18"/>
      <c r="I10734" s="18"/>
      <c r="J10734" s="18"/>
      <c r="K10734" s="18"/>
      <c r="L10734" s="18"/>
      <c r="M10734" s="18"/>
      <c r="N10734" s="18"/>
      <c r="O10734" s="18"/>
      <c r="P10734" s="19">
        <v>260</v>
      </c>
      <c r="Q10734" s="19"/>
      <c r="R10734" s="19"/>
      <c r="S10734" s="19"/>
      <c r="T10734" s="19">
        <v>200</v>
      </c>
      <c r="U10734" s="19"/>
      <c r="V10734" s="19"/>
      <c r="W10734" s="19"/>
      <c r="X10734" s="19">
        <v>2</v>
      </c>
      <c r="Y10734" s="19"/>
      <c r="Z10734" s="19"/>
      <c r="AA10734" s="19"/>
    </row>
    <row r="10735" spans="1:27" s="1" customFormat="1" ht="11.1" customHeight="1" outlineLevel="3" x14ac:dyDescent="0.2">
      <c r="A10735" s="17"/>
      <c r="B10735" s="17"/>
      <c r="C10735" s="17"/>
      <c r="D10735" s="18"/>
      <c r="E10735" s="18"/>
      <c r="F10735" s="18"/>
      <c r="G10735" s="18"/>
      <c r="H10735" s="18"/>
      <c r="I10735" s="18"/>
      <c r="J10735" s="18"/>
      <c r="K10735" s="18"/>
      <c r="L10735" s="18"/>
      <c r="M10735" s="18"/>
      <c r="N10735" s="18"/>
      <c r="O10735" s="18"/>
      <c r="P10735" s="19"/>
      <c r="Q10735" s="19"/>
      <c r="R10735" s="19"/>
      <c r="S10735" s="19"/>
      <c r="T10735" s="19"/>
      <c r="U10735" s="19"/>
      <c r="V10735" s="19"/>
      <c r="W10735" s="19"/>
      <c r="X10735" s="19"/>
      <c r="Y10735" s="19"/>
      <c r="Z10735" s="19"/>
      <c r="AA10735" s="19"/>
    </row>
    <row r="10736" spans="1:27" s="1" customFormat="1" ht="11.1" customHeight="1" outlineLevel="3" x14ac:dyDescent="0.2">
      <c r="A10736" s="17">
        <v>9109</v>
      </c>
      <c r="B10736" s="17"/>
      <c r="C10736" s="17"/>
      <c r="D10736" s="18" t="s">
        <v>5325</v>
      </c>
      <c r="E10736" s="18"/>
      <c r="F10736" s="18"/>
      <c r="G10736" s="18"/>
      <c r="H10736" s="18"/>
      <c r="I10736" s="18"/>
      <c r="J10736" s="18"/>
      <c r="K10736" s="18"/>
      <c r="L10736" s="18"/>
      <c r="M10736" s="18"/>
      <c r="N10736" s="18"/>
      <c r="O10736" s="18"/>
      <c r="P10736" s="19">
        <v>190</v>
      </c>
      <c r="Q10736" s="19"/>
      <c r="R10736" s="19"/>
      <c r="S10736" s="19"/>
      <c r="T10736" s="19">
        <v>155</v>
      </c>
      <c r="U10736" s="19"/>
      <c r="V10736" s="19"/>
      <c r="W10736" s="19"/>
      <c r="X10736" s="19">
        <v>1</v>
      </c>
      <c r="Y10736" s="19"/>
      <c r="Z10736" s="19"/>
      <c r="AA10736" s="19"/>
    </row>
    <row r="10737" spans="1:27" s="1" customFormat="1" ht="11.1" customHeight="1" outlineLevel="3" x14ac:dyDescent="0.2">
      <c r="A10737" s="17"/>
      <c r="B10737" s="17"/>
      <c r="C10737" s="17"/>
      <c r="D10737" s="18"/>
      <c r="E10737" s="18"/>
      <c r="F10737" s="18"/>
      <c r="G10737" s="18"/>
      <c r="H10737" s="18"/>
      <c r="I10737" s="18"/>
      <c r="J10737" s="18"/>
      <c r="K10737" s="18"/>
      <c r="L10737" s="18"/>
      <c r="M10737" s="18"/>
      <c r="N10737" s="18"/>
      <c r="O10737" s="18"/>
      <c r="P10737" s="19"/>
      <c r="Q10737" s="19"/>
      <c r="R10737" s="19"/>
      <c r="S10737" s="19"/>
      <c r="T10737" s="19"/>
      <c r="U10737" s="19"/>
      <c r="V10737" s="19"/>
      <c r="W10737" s="19"/>
      <c r="X10737" s="19"/>
      <c r="Y10737" s="19"/>
      <c r="Z10737" s="19"/>
      <c r="AA10737" s="19"/>
    </row>
    <row r="10738" spans="1:27" s="1" customFormat="1" ht="11.1" customHeight="1" outlineLevel="3" x14ac:dyDescent="0.2">
      <c r="A10738" s="17">
        <v>10748</v>
      </c>
      <c r="B10738" s="17"/>
      <c r="C10738" s="17"/>
      <c r="D10738" s="18" t="s">
        <v>5326</v>
      </c>
      <c r="E10738" s="18"/>
      <c r="F10738" s="18"/>
      <c r="G10738" s="18"/>
      <c r="H10738" s="18"/>
      <c r="I10738" s="18"/>
      <c r="J10738" s="18"/>
      <c r="K10738" s="18"/>
      <c r="L10738" s="18"/>
      <c r="M10738" s="18"/>
      <c r="N10738" s="18"/>
      <c r="O10738" s="18"/>
      <c r="P10738" s="19">
        <v>210</v>
      </c>
      <c r="Q10738" s="19"/>
      <c r="R10738" s="19"/>
      <c r="S10738" s="19"/>
      <c r="T10738" s="19">
        <v>165</v>
      </c>
      <c r="U10738" s="19"/>
      <c r="V10738" s="19"/>
      <c r="W10738" s="19"/>
      <c r="X10738" s="19">
        <v>1</v>
      </c>
      <c r="Y10738" s="19"/>
      <c r="Z10738" s="19"/>
      <c r="AA10738" s="19"/>
    </row>
    <row r="10739" spans="1:27" s="1" customFormat="1" ht="11.1" customHeight="1" outlineLevel="3" x14ac:dyDescent="0.2">
      <c r="A10739" s="17"/>
      <c r="B10739" s="17"/>
      <c r="C10739" s="17"/>
      <c r="D10739" s="18"/>
      <c r="E10739" s="18"/>
      <c r="F10739" s="18"/>
      <c r="G10739" s="18"/>
      <c r="H10739" s="18"/>
      <c r="I10739" s="18"/>
      <c r="J10739" s="18"/>
      <c r="K10739" s="18"/>
      <c r="L10739" s="18"/>
      <c r="M10739" s="18"/>
      <c r="N10739" s="18"/>
      <c r="O10739" s="18"/>
      <c r="P10739" s="19"/>
      <c r="Q10739" s="19"/>
      <c r="R10739" s="19"/>
      <c r="S10739" s="19"/>
      <c r="T10739" s="19"/>
      <c r="U10739" s="19"/>
      <c r="V10739" s="19"/>
      <c r="W10739" s="19"/>
      <c r="X10739" s="19"/>
      <c r="Y10739" s="19"/>
      <c r="Z10739" s="19"/>
      <c r="AA10739" s="19"/>
    </row>
    <row r="10740" spans="1:27" s="1" customFormat="1" ht="11.1" customHeight="1" outlineLevel="3" x14ac:dyDescent="0.2">
      <c r="A10740" s="17">
        <v>10834</v>
      </c>
      <c r="B10740" s="17"/>
      <c r="C10740" s="17"/>
      <c r="D10740" s="18" t="s">
        <v>5327</v>
      </c>
      <c r="E10740" s="18"/>
      <c r="F10740" s="18"/>
      <c r="G10740" s="18"/>
      <c r="H10740" s="18"/>
      <c r="I10740" s="18"/>
      <c r="J10740" s="18"/>
      <c r="K10740" s="18"/>
      <c r="L10740" s="18"/>
      <c r="M10740" s="18"/>
      <c r="N10740" s="18"/>
      <c r="O10740" s="18"/>
      <c r="P10740" s="19">
        <v>230</v>
      </c>
      <c r="Q10740" s="19"/>
      <c r="R10740" s="19"/>
      <c r="S10740" s="19"/>
      <c r="T10740" s="19">
        <v>160</v>
      </c>
      <c r="U10740" s="19"/>
      <c r="V10740" s="19"/>
      <c r="W10740" s="19"/>
      <c r="X10740" s="19">
        <v>1</v>
      </c>
      <c r="Y10740" s="19"/>
      <c r="Z10740" s="19"/>
      <c r="AA10740" s="19"/>
    </row>
    <row r="10741" spans="1:27" s="1" customFormat="1" ht="11.1" customHeight="1" outlineLevel="3" x14ac:dyDescent="0.2">
      <c r="A10741" s="17"/>
      <c r="B10741" s="17"/>
      <c r="C10741" s="17"/>
      <c r="D10741" s="18"/>
      <c r="E10741" s="18"/>
      <c r="F10741" s="18"/>
      <c r="G10741" s="18"/>
      <c r="H10741" s="18"/>
      <c r="I10741" s="18"/>
      <c r="J10741" s="18"/>
      <c r="K10741" s="18"/>
      <c r="L10741" s="18"/>
      <c r="M10741" s="18"/>
      <c r="N10741" s="18"/>
      <c r="O10741" s="18"/>
      <c r="P10741" s="19"/>
      <c r="Q10741" s="19"/>
      <c r="R10741" s="19"/>
      <c r="S10741" s="19"/>
      <c r="T10741" s="19"/>
      <c r="U10741" s="19"/>
      <c r="V10741" s="19"/>
      <c r="W10741" s="19"/>
      <c r="X10741" s="19"/>
      <c r="Y10741" s="19"/>
      <c r="Z10741" s="19"/>
      <c r="AA10741" s="19"/>
    </row>
    <row r="10742" spans="1:27" s="1" customFormat="1" ht="11.1" customHeight="1" outlineLevel="3" x14ac:dyDescent="0.2">
      <c r="A10742" s="17">
        <v>11905</v>
      </c>
      <c r="B10742" s="17"/>
      <c r="C10742" s="17"/>
      <c r="D10742" s="18" t="s">
        <v>5328</v>
      </c>
      <c r="E10742" s="18"/>
      <c r="F10742" s="18"/>
      <c r="G10742" s="18"/>
      <c r="H10742" s="18"/>
      <c r="I10742" s="18"/>
      <c r="J10742" s="18"/>
      <c r="K10742" s="18"/>
      <c r="L10742" s="18"/>
      <c r="M10742" s="18"/>
      <c r="N10742" s="18"/>
      <c r="O10742" s="18"/>
      <c r="P10742" s="19">
        <v>270</v>
      </c>
      <c r="Q10742" s="19"/>
      <c r="R10742" s="19"/>
      <c r="S10742" s="19"/>
      <c r="T10742" s="19">
        <v>155</v>
      </c>
      <c r="U10742" s="19"/>
      <c r="V10742" s="19"/>
      <c r="W10742" s="19"/>
      <c r="X10742" s="19">
        <v>16</v>
      </c>
      <c r="Y10742" s="19"/>
      <c r="Z10742" s="19"/>
      <c r="AA10742" s="19"/>
    </row>
    <row r="10743" spans="1:27" s="1" customFormat="1" ht="11.1" customHeight="1" outlineLevel="3" x14ac:dyDescent="0.2">
      <c r="A10743" s="17"/>
      <c r="B10743" s="17"/>
      <c r="C10743" s="17"/>
      <c r="D10743" s="18"/>
      <c r="E10743" s="18"/>
      <c r="F10743" s="18"/>
      <c r="G10743" s="18"/>
      <c r="H10743" s="18"/>
      <c r="I10743" s="18"/>
      <c r="J10743" s="18"/>
      <c r="K10743" s="18"/>
      <c r="L10743" s="18"/>
      <c r="M10743" s="18"/>
      <c r="N10743" s="18"/>
      <c r="O10743" s="18"/>
      <c r="P10743" s="19"/>
      <c r="Q10743" s="19"/>
      <c r="R10743" s="19"/>
      <c r="S10743" s="19"/>
      <c r="T10743" s="19"/>
      <c r="U10743" s="19"/>
      <c r="V10743" s="19"/>
      <c r="W10743" s="19"/>
      <c r="X10743" s="19"/>
      <c r="Y10743" s="19"/>
      <c r="Z10743" s="19"/>
      <c r="AA10743" s="19"/>
    </row>
    <row r="10744" spans="1:27" s="1" customFormat="1" ht="11.1" customHeight="1" outlineLevel="3" x14ac:dyDescent="0.2">
      <c r="A10744" s="17">
        <v>12764</v>
      </c>
      <c r="B10744" s="17"/>
      <c r="C10744" s="17"/>
      <c r="D10744" s="18" t="s">
        <v>5329</v>
      </c>
      <c r="E10744" s="18"/>
      <c r="F10744" s="18"/>
      <c r="G10744" s="18"/>
      <c r="H10744" s="18"/>
      <c r="I10744" s="18"/>
      <c r="J10744" s="18"/>
      <c r="K10744" s="18"/>
      <c r="L10744" s="18"/>
      <c r="M10744" s="18"/>
      <c r="N10744" s="18"/>
      <c r="O10744" s="18"/>
      <c r="P10744" s="19">
        <v>320</v>
      </c>
      <c r="Q10744" s="19"/>
      <c r="R10744" s="19"/>
      <c r="S10744" s="19"/>
      <c r="T10744" s="19">
        <v>190</v>
      </c>
      <c r="U10744" s="19"/>
      <c r="V10744" s="19"/>
      <c r="W10744" s="19"/>
      <c r="X10744" s="19">
        <v>4</v>
      </c>
      <c r="Y10744" s="19"/>
      <c r="Z10744" s="19"/>
      <c r="AA10744" s="19"/>
    </row>
    <row r="10745" spans="1:27" s="1" customFormat="1" ht="11.1" customHeight="1" outlineLevel="3" x14ac:dyDescent="0.2">
      <c r="A10745" s="17"/>
      <c r="B10745" s="17"/>
      <c r="C10745" s="17"/>
      <c r="D10745" s="18"/>
      <c r="E10745" s="18"/>
      <c r="F10745" s="18"/>
      <c r="G10745" s="18"/>
      <c r="H10745" s="18"/>
      <c r="I10745" s="18"/>
      <c r="J10745" s="18"/>
      <c r="K10745" s="18"/>
      <c r="L10745" s="18"/>
      <c r="M10745" s="18"/>
      <c r="N10745" s="18"/>
      <c r="O10745" s="18"/>
      <c r="P10745" s="19"/>
      <c r="Q10745" s="19"/>
      <c r="R10745" s="19"/>
      <c r="S10745" s="19"/>
      <c r="T10745" s="19"/>
      <c r="U10745" s="19"/>
      <c r="V10745" s="19"/>
      <c r="W10745" s="19"/>
      <c r="X10745" s="19"/>
      <c r="Y10745" s="19"/>
      <c r="Z10745" s="19"/>
      <c r="AA10745" s="19"/>
    </row>
    <row r="10746" spans="1:27" s="1" customFormat="1" ht="14.1" customHeight="1" outlineLevel="3" x14ac:dyDescent="0.2">
      <c r="A10746" s="17">
        <v>12763</v>
      </c>
      <c r="B10746" s="17"/>
      <c r="C10746" s="17"/>
      <c r="D10746" s="18" t="s">
        <v>5330</v>
      </c>
      <c r="E10746" s="18"/>
      <c r="F10746" s="18"/>
      <c r="G10746" s="18"/>
      <c r="H10746" s="18"/>
      <c r="I10746" s="18"/>
      <c r="J10746" s="18"/>
      <c r="K10746" s="18"/>
      <c r="L10746" s="18"/>
      <c r="M10746" s="18"/>
      <c r="N10746" s="18"/>
      <c r="O10746" s="18"/>
      <c r="P10746" s="19">
        <v>420</v>
      </c>
      <c r="Q10746" s="19"/>
      <c r="R10746" s="19"/>
      <c r="S10746" s="19"/>
      <c r="T10746" s="19">
        <v>260</v>
      </c>
      <c r="U10746" s="19"/>
      <c r="V10746" s="19"/>
      <c r="W10746" s="19"/>
      <c r="X10746" s="19">
        <v>1</v>
      </c>
      <c r="Y10746" s="19"/>
      <c r="Z10746" s="19"/>
      <c r="AA10746" s="19"/>
    </row>
    <row r="10747" spans="1:27" s="1" customFormat="1" ht="14.1" customHeight="1" outlineLevel="3" x14ac:dyDescent="0.2">
      <c r="A10747" s="17"/>
      <c r="B10747" s="17"/>
      <c r="C10747" s="17"/>
      <c r="D10747" s="18"/>
      <c r="E10747" s="18"/>
      <c r="F10747" s="18"/>
      <c r="G10747" s="18"/>
      <c r="H10747" s="18"/>
      <c r="I10747" s="18"/>
      <c r="J10747" s="18"/>
      <c r="K10747" s="18"/>
      <c r="L10747" s="18"/>
      <c r="M10747" s="18"/>
      <c r="N10747" s="18"/>
      <c r="O10747" s="18"/>
      <c r="P10747" s="19"/>
      <c r="Q10747" s="19"/>
      <c r="R10747" s="19"/>
      <c r="S10747" s="19"/>
      <c r="T10747" s="19"/>
      <c r="U10747" s="19"/>
      <c r="V10747" s="19"/>
      <c r="W10747" s="19"/>
      <c r="X10747" s="19"/>
      <c r="Y10747" s="19"/>
      <c r="Z10747" s="19"/>
      <c r="AA10747" s="19"/>
    </row>
    <row r="10748" spans="1:27" s="1" customFormat="1" ht="11.1" customHeight="1" outlineLevel="3" x14ac:dyDescent="0.2">
      <c r="A10748" s="17">
        <v>11899</v>
      </c>
      <c r="B10748" s="17"/>
      <c r="C10748" s="17"/>
      <c r="D10748" s="18" t="s">
        <v>5331</v>
      </c>
      <c r="E10748" s="18"/>
      <c r="F10748" s="18"/>
      <c r="G10748" s="18"/>
      <c r="H10748" s="18"/>
      <c r="I10748" s="18"/>
      <c r="J10748" s="18"/>
      <c r="K10748" s="18"/>
      <c r="L10748" s="18"/>
      <c r="M10748" s="18"/>
      <c r="N10748" s="18"/>
      <c r="O10748" s="18"/>
      <c r="P10748" s="19">
        <v>400</v>
      </c>
      <c r="Q10748" s="19"/>
      <c r="R10748" s="19"/>
      <c r="S10748" s="19"/>
      <c r="T10748" s="19">
        <v>250</v>
      </c>
      <c r="U10748" s="19"/>
      <c r="V10748" s="19"/>
      <c r="W10748" s="19"/>
      <c r="X10748" s="19">
        <v>2</v>
      </c>
      <c r="Y10748" s="19"/>
      <c r="Z10748" s="19"/>
      <c r="AA10748" s="19"/>
    </row>
    <row r="10749" spans="1:27" s="1" customFormat="1" ht="11.1" customHeight="1" outlineLevel="3" x14ac:dyDescent="0.2">
      <c r="A10749" s="17"/>
      <c r="B10749" s="17"/>
      <c r="C10749" s="17"/>
      <c r="D10749" s="18"/>
      <c r="E10749" s="18"/>
      <c r="F10749" s="18"/>
      <c r="G10749" s="18"/>
      <c r="H10749" s="18"/>
      <c r="I10749" s="18"/>
      <c r="J10749" s="18"/>
      <c r="K10749" s="18"/>
      <c r="L10749" s="18"/>
      <c r="M10749" s="18"/>
      <c r="N10749" s="18"/>
      <c r="O10749" s="18"/>
      <c r="P10749" s="19"/>
      <c r="Q10749" s="19"/>
      <c r="R10749" s="19"/>
      <c r="S10749" s="19"/>
      <c r="T10749" s="19"/>
      <c r="U10749" s="19"/>
      <c r="V10749" s="19"/>
      <c r="W10749" s="19"/>
      <c r="X10749" s="19"/>
      <c r="Y10749" s="19"/>
      <c r="Z10749" s="19"/>
      <c r="AA10749" s="19"/>
    </row>
    <row r="10750" spans="1:27" s="1" customFormat="1" ht="11.1" customHeight="1" outlineLevel="3" x14ac:dyDescent="0.2">
      <c r="A10750" s="17">
        <v>6836</v>
      </c>
      <c r="B10750" s="17"/>
      <c r="C10750" s="17"/>
      <c r="D10750" s="18" t="s">
        <v>5332</v>
      </c>
      <c r="E10750" s="18"/>
      <c r="F10750" s="18"/>
      <c r="G10750" s="18"/>
      <c r="H10750" s="18"/>
      <c r="I10750" s="18"/>
      <c r="J10750" s="18"/>
      <c r="K10750" s="18"/>
      <c r="L10750" s="18"/>
      <c r="M10750" s="18"/>
      <c r="N10750" s="18"/>
      <c r="O10750" s="18"/>
      <c r="P10750" s="19">
        <v>250</v>
      </c>
      <c r="Q10750" s="19"/>
      <c r="R10750" s="19"/>
      <c r="S10750" s="19"/>
      <c r="T10750" s="19">
        <v>150</v>
      </c>
      <c r="U10750" s="19"/>
      <c r="V10750" s="19"/>
      <c r="W10750" s="19"/>
      <c r="X10750" s="19">
        <v>1</v>
      </c>
      <c r="Y10750" s="19"/>
      <c r="Z10750" s="19"/>
      <c r="AA10750" s="19"/>
    </row>
    <row r="10751" spans="1:27" s="1" customFormat="1" ht="11.1" customHeight="1" outlineLevel="3" x14ac:dyDescent="0.2">
      <c r="A10751" s="17"/>
      <c r="B10751" s="17"/>
      <c r="C10751" s="17"/>
      <c r="D10751" s="18"/>
      <c r="E10751" s="18"/>
      <c r="F10751" s="18"/>
      <c r="G10751" s="18"/>
      <c r="H10751" s="18"/>
      <c r="I10751" s="18"/>
      <c r="J10751" s="18"/>
      <c r="K10751" s="18"/>
      <c r="L10751" s="18"/>
      <c r="M10751" s="18"/>
      <c r="N10751" s="18"/>
      <c r="O10751" s="18"/>
      <c r="P10751" s="19"/>
      <c r="Q10751" s="19"/>
      <c r="R10751" s="19"/>
      <c r="S10751" s="19"/>
      <c r="T10751" s="19"/>
      <c r="U10751" s="19"/>
      <c r="V10751" s="19"/>
      <c r="W10751" s="19"/>
      <c r="X10751" s="19"/>
      <c r="Y10751" s="19"/>
      <c r="Z10751" s="19"/>
      <c r="AA10751" s="19"/>
    </row>
    <row r="10752" spans="1:27" s="1" customFormat="1" ht="11.1" customHeight="1" outlineLevel="3" x14ac:dyDescent="0.2">
      <c r="A10752" s="17">
        <v>6822</v>
      </c>
      <c r="B10752" s="17"/>
      <c r="C10752" s="17"/>
      <c r="D10752" s="18" t="s">
        <v>5333</v>
      </c>
      <c r="E10752" s="18"/>
      <c r="F10752" s="18"/>
      <c r="G10752" s="18"/>
      <c r="H10752" s="18"/>
      <c r="I10752" s="18"/>
      <c r="J10752" s="18"/>
      <c r="K10752" s="18"/>
      <c r="L10752" s="18"/>
      <c r="M10752" s="18"/>
      <c r="N10752" s="18"/>
      <c r="O10752" s="18"/>
      <c r="P10752" s="19">
        <v>200</v>
      </c>
      <c r="Q10752" s="19"/>
      <c r="R10752" s="19"/>
      <c r="S10752" s="19"/>
      <c r="T10752" s="19">
        <v>110</v>
      </c>
      <c r="U10752" s="19"/>
      <c r="V10752" s="19"/>
      <c r="W10752" s="19"/>
      <c r="X10752" s="19">
        <v>2</v>
      </c>
      <c r="Y10752" s="19"/>
      <c r="Z10752" s="19"/>
      <c r="AA10752" s="19"/>
    </row>
    <row r="10753" spans="1:27" s="1" customFormat="1" ht="11.1" customHeight="1" outlineLevel="3" x14ac:dyDescent="0.2">
      <c r="A10753" s="17"/>
      <c r="B10753" s="17"/>
      <c r="C10753" s="17"/>
      <c r="D10753" s="18"/>
      <c r="E10753" s="18"/>
      <c r="F10753" s="18"/>
      <c r="G10753" s="18"/>
      <c r="H10753" s="18"/>
      <c r="I10753" s="18"/>
      <c r="J10753" s="18"/>
      <c r="K10753" s="18"/>
      <c r="L10753" s="18"/>
      <c r="M10753" s="18"/>
      <c r="N10753" s="18"/>
      <c r="O10753" s="18"/>
      <c r="P10753" s="19"/>
      <c r="Q10753" s="19"/>
      <c r="R10753" s="19"/>
      <c r="S10753" s="19"/>
      <c r="T10753" s="19"/>
      <c r="U10753" s="19"/>
      <c r="V10753" s="19"/>
      <c r="W10753" s="19"/>
      <c r="X10753" s="19"/>
      <c r="Y10753" s="19"/>
      <c r="Z10753" s="19"/>
      <c r="AA10753" s="19"/>
    </row>
    <row r="10754" spans="1:27" s="1" customFormat="1" ht="11.1" customHeight="1" outlineLevel="3" x14ac:dyDescent="0.2">
      <c r="A10754" s="17">
        <v>11346</v>
      </c>
      <c r="B10754" s="17"/>
      <c r="C10754" s="17"/>
      <c r="D10754" s="18" t="s">
        <v>5334</v>
      </c>
      <c r="E10754" s="18"/>
      <c r="F10754" s="18"/>
      <c r="G10754" s="18"/>
      <c r="H10754" s="18"/>
      <c r="I10754" s="18"/>
      <c r="J10754" s="18"/>
      <c r="K10754" s="18"/>
      <c r="L10754" s="18"/>
      <c r="M10754" s="18"/>
      <c r="N10754" s="18"/>
      <c r="O10754" s="18"/>
      <c r="P10754" s="19">
        <v>260</v>
      </c>
      <c r="Q10754" s="19"/>
      <c r="R10754" s="19"/>
      <c r="S10754" s="19"/>
      <c r="T10754" s="19">
        <v>170</v>
      </c>
      <c r="U10754" s="19"/>
      <c r="V10754" s="19"/>
      <c r="W10754" s="19"/>
      <c r="X10754" s="19">
        <v>5</v>
      </c>
      <c r="Y10754" s="19"/>
      <c r="Z10754" s="19"/>
      <c r="AA10754" s="19"/>
    </row>
    <row r="10755" spans="1:27" s="1" customFormat="1" ht="11.1" customHeight="1" outlineLevel="3" x14ac:dyDescent="0.2">
      <c r="A10755" s="17"/>
      <c r="B10755" s="17"/>
      <c r="C10755" s="17"/>
      <c r="D10755" s="18"/>
      <c r="E10755" s="18"/>
      <c r="F10755" s="18"/>
      <c r="G10755" s="18"/>
      <c r="H10755" s="18"/>
      <c r="I10755" s="18"/>
      <c r="J10755" s="18"/>
      <c r="K10755" s="18"/>
      <c r="L10755" s="18"/>
      <c r="M10755" s="18"/>
      <c r="N10755" s="18"/>
      <c r="O10755" s="18"/>
      <c r="P10755" s="19"/>
      <c r="Q10755" s="19"/>
      <c r="R10755" s="19"/>
      <c r="S10755" s="19"/>
      <c r="T10755" s="19"/>
      <c r="U10755" s="19"/>
      <c r="V10755" s="19"/>
      <c r="W10755" s="19"/>
      <c r="X10755" s="19"/>
      <c r="Y10755" s="19"/>
      <c r="Z10755" s="19"/>
      <c r="AA10755" s="19"/>
    </row>
    <row r="10756" spans="1:27" s="1" customFormat="1" ht="11.1" customHeight="1" outlineLevel="3" x14ac:dyDescent="0.2">
      <c r="A10756" s="17">
        <v>11908</v>
      </c>
      <c r="B10756" s="17"/>
      <c r="C10756" s="17"/>
      <c r="D10756" s="18" t="s">
        <v>5335</v>
      </c>
      <c r="E10756" s="18"/>
      <c r="F10756" s="18"/>
      <c r="G10756" s="18"/>
      <c r="H10756" s="18"/>
      <c r="I10756" s="18"/>
      <c r="J10756" s="18"/>
      <c r="K10756" s="18"/>
      <c r="L10756" s="18"/>
      <c r="M10756" s="18"/>
      <c r="N10756" s="18"/>
      <c r="O10756" s="18"/>
      <c r="P10756" s="19">
        <v>240</v>
      </c>
      <c r="Q10756" s="19"/>
      <c r="R10756" s="19"/>
      <c r="S10756" s="19"/>
      <c r="T10756" s="19">
        <v>135</v>
      </c>
      <c r="U10756" s="19"/>
      <c r="V10756" s="19"/>
      <c r="W10756" s="19"/>
      <c r="X10756" s="19">
        <v>15</v>
      </c>
      <c r="Y10756" s="19"/>
      <c r="Z10756" s="19"/>
      <c r="AA10756" s="19"/>
    </row>
    <row r="10757" spans="1:27" s="1" customFormat="1" ht="11.1" customHeight="1" outlineLevel="3" x14ac:dyDescent="0.2">
      <c r="A10757" s="17"/>
      <c r="B10757" s="17"/>
      <c r="C10757" s="17"/>
      <c r="D10757" s="18"/>
      <c r="E10757" s="18"/>
      <c r="F10757" s="18"/>
      <c r="G10757" s="18"/>
      <c r="H10757" s="18"/>
      <c r="I10757" s="18"/>
      <c r="J10757" s="18"/>
      <c r="K10757" s="18"/>
      <c r="L10757" s="18"/>
      <c r="M10757" s="18"/>
      <c r="N10757" s="18"/>
      <c r="O10757" s="18"/>
      <c r="P10757" s="19"/>
      <c r="Q10757" s="19"/>
      <c r="R10757" s="19"/>
      <c r="S10757" s="19"/>
      <c r="T10757" s="19"/>
      <c r="U10757" s="19"/>
      <c r="V10757" s="19"/>
      <c r="W10757" s="19"/>
      <c r="X10757" s="19"/>
      <c r="Y10757" s="19"/>
      <c r="Z10757" s="19"/>
      <c r="AA10757" s="19"/>
    </row>
    <row r="10758" spans="1:27" s="1" customFormat="1" ht="11.1" customHeight="1" outlineLevel="3" x14ac:dyDescent="0.2">
      <c r="A10758" s="17">
        <v>11909</v>
      </c>
      <c r="B10758" s="17"/>
      <c r="C10758" s="17"/>
      <c r="D10758" s="18" t="s">
        <v>5336</v>
      </c>
      <c r="E10758" s="18"/>
      <c r="F10758" s="18"/>
      <c r="G10758" s="18"/>
      <c r="H10758" s="18"/>
      <c r="I10758" s="18"/>
      <c r="J10758" s="18"/>
      <c r="K10758" s="18"/>
      <c r="L10758" s="18"/>
      <c r="M10758" s="18"/>
      <c r="N10758" s="18"/>
      <c r="O10758" s="18"/>
      <c r="P10758" s="19">
        <v>250</v>
      </c>
      <c r="Q10758" s="19"/>
      <c r="R10758" s="19"/>
      <c r="S10758" s="19"/>
      <c r="T10758" s="19">
        <v>145</v>
      </c>
      <c r="U10758" s="19"/>
      <c r="V10758" s="19"/>
      <c r="W10758" s="19"/>
      <c r="X10758" s="19">
        <v>16</v>
      </c>
      <c r="Y10758" s="19"/>
      <c r="Z10758" s="19"/>
      <c r="AA10758" s="19"/>
    </row>
    <row r="10759" spans="1:27" s="1" customFormat="1" ht="11.1" customHeight="1" outlineLevel="3" x14ac:dyDescent="0.2">
      <c r="A10759" s="17"/>
      <c r="B10759" s="17"/>
      <c r="C10759" s="17"/>
      <c r="D10759" s="18"/>
      <c r="E10759" s="18"/>
      <c r="F10759" s="18"/>
      <c r="G10759" s="18"/>
      <c r="H10759" s="18"/>
      <c r="I10759" s="18"/>
      <c r="J10759" s="18"/>
      <c r="K10759" s="18"/>
      <c r="L10759" s="18"/>
      <c r="M10759" s="18"/>
      <c r="N10759" s="18"/>
      <c r="O10759" s="18"/>
      <c r="P10759" s="19"/>
      <c r="Q10759" s="19"/>
      <c r="R10759" s="19"/>
      <c r="S10759" s="19"/>
      <c r="T10759" s="19"/>
      <c r="U10759" s="19"/>
      <c r="V10759" s="19"/>
      <c r="W10759" s="19"/>
      <c r="X10759" s="19"/>
      <c r="Y10759" s="19"/>
      <c r="Z10759" s="19"/>
      <c r="AA10759" s="19"/>
    </row>
    <row r="10760" spans="1:27" s="1" customFormat="1" ht="11.1" customHeight="1" outlineLevel="3" x14ac:dyDescent="0.2">
      <c r="A10760" s="17">
        <v>6870</v>
      </c>
      <c r="B10760" s="17"/>
      <c r="C10760" s="17"/>
      <c r="D10760" s="18" t="s">
        <v>5337</v>
      </c>
      <c r="E10760" s="18"/>
      <c r="F10760" s="18"/>
      <c r="G10760" s="18"/>
      <c r="H10760" s="18"/>
      <c r="I10760" s="18"/>
      <c r="J10760" s="18"/>
      <c r="K10760" s="18"/>
      <c r="L10760" s="18"/>
      <c r="M10760" s="18"/>
      <c r="N10760" s="18"/>
      <c r="O10760" s="18"/>
      <c r="P10760" s="19">
        <v>260</v>
      </c>
      <c r="Q10760" s="19"/>
      <c r="R10760" s="19"/>
      <c r="S10760" s="19"/>
      <c r="T10760" s="19">
        <v>160</v>
      </c>
      <c r="U10760" s="19"/>
      <c r="V10760" s="19"/>
      <c r="W10760" s="19"/>
      <c r="X10760" s="19">
        <v>2</v>
      </c>
      <c r="Y10760" s="19"/>
      <c r="Z10760" s="19"/>
      <c r="AA10760" s="19"/>
    </row>
    <row r="10761" spans="1:27" s="1" customFormat="1" ht="11.1" customHeight="1" outlineLevel="3" x14ac:dyDescent="0.2">
      <c r="A10761" s="17"/>
      <c r="B10761" s="17"/>
      <c r="C10761" s="17"/>
      <c r="D10761" s="18"/>
      <c r="E10761" s="18"/>
      <c r="F10761" s="18"/>
      <c r="G10761" s="18"/>
      <c r="H10761" s="18"/>
      <c r="I10761" s="18"/>
      <c r="J10761" s="18"/>
      <c r="K10761" s="18"/>
      <c r="L10761" s="18"/>
      <c r="M10761" s="18"/>
      <c r="N10761" s="18"/>
      <c r="O10761" s="18"/>
      <c r="P10761" s="19"/>
      <c r="Q10761" s="19"/>
      <c r="R10761" s="19"/>
      <c r="S10761" s="19"/>
      <c r="T10761" s="19"/>
      <c r="U10761" s="19"/>
      <c r="V10761" s="19"/>
      <c r="W10761" s="19"/>
      <c r="X10761" s="19"/>
      <c r="Y10761" s="19"/>
      <c r="Z10761" s="19"/>
      <c r="AA10761" s="19"/>
    </row>
    <row r="10762" spans="1:27" s="1" customFormat="1" ht="14.1" customHeight="1" outlineLevel="3" x14ac:dyDescent="0.2">
      <c r="A10762" s="17">
        <v>7905</v>
      </c>
      <c r="B10762" s="17"/>
      <c r="C10762" s="17"/>
      <c r="D10762" s="18" t="s">
        <v>5338</v>
      </c>
      <c r="E10762" s="18"/>
      <c r="F10762" s="18"/>
      <c r="G10762" s="18"/>
      <c r="H10762" s="18"/>
      <c r="I10762" s="18"/>
      <c r="J10762" s="18"/>
      <c r="K10762" s="18"/>
      <c r="L10762" s="18"/>
      <c r="M10762" s="18"/>
      <c r="N10762" s="18"/>
      <c r="O10762" s="18"/>
      <c r="P10762" s="19">
        <v>320</v>
      </c>
      <c r="Q10762" s="19"/>
      <c r="R10762" s="19"/>
      <c r="S10762" s="19"/>
      <c r="T10762" s="19">
        <v>190</v>
      </c>
      <c r="U10762" s="19"/>
      <c r="V10762" s="19"/>
      <c r="W10762" s="19"/>
      <c r="X10762" s="19">
        <v>1</v>
      </c>
      <c r="Y10762" s="19"/>
      <c r="Z10762" s="19"/>
      <c r="AA10762" s="19"/>
    </row>
    <row r="10763" spans="1:27" s="1" customFormat="1" ht="14.1" customHeight="1" outlineLevel="3" x14ac:dyDescent="0.2">
      <c r="A10763" s="17"/>
      <c r="B10763" s="17"/>
      <c r="C10763" s="17"/>
      <c r="D10763" s="18"/>
      <c r="E10763" s="18"/>
      <c r="F10763" s="18"/>
      <c r="G10763" s="18"/>
      <c r="H10763" s="18"/>
      <c r="I10763" s="18"/>
      <c r="J10763" s="18"/>
      <c r="K10763" s="18"/>
      <c r="L10763" s="18"/>
      <c r="M10763" s="18"/>
      <c r="N10763" s="18"/>
      <c r="O10763" s="18"/>
      <c r="P10763" s="19"/>
      <c r="Q10763" s="19"/>
      <c r="R10763" s="19"/>
      <c r="S10763" s="19"/>
      <c r="T10763" s="19"/>
      <c r="U10763" s="19"/>
      <c r="V10763" s="19"/>
      <c r="W10763" s="19"/>
      <c r="X10763" s="19"/>
      <c r="Y10763" s="19"/>
      <c r="Z10763" s="19"/>
      <c r="AA10763" s="19"/>
    </row>
    <row r="10764" spans="1:27" s="1" customFormat="1" ht="14.1" customHeight="1" outlineLevel="3" x14ac:dyDescent="0.2">
      <c r="A10764" s="17">
        <v>7897</v>
      </c>
      <c r="B10764" s="17"/>
      <c r="C10764" s="17"/>
      <c r="D10764" s="18" t="s">
        <v>5339</v>
      </c>
      <c r="E10764" s="18"/>
      <c r="F10764" s="18"/>
      <c r="G10764" s="18"/>
      <c r="H10764" s="18"/>
      <c r="I10764" s="18"/>
      <c r="J10764" s="18"/>
      <c r="K10764" s="18"/>
      <c r="L10764" s="18"/>
      <c r="M10764" s="18"/>
      <c r="N10764" s="18"/>
      <c r="O10764" s="18"/>
      <c r="P10764" s="19">
        <v>150</v>
      </c>
      <c r="Q10764" s="19"/>
      <c r="R10764" s="19"/>
      <c r="S10764" s="19"/>
      <c r="T10764" s="19">
        <v>99</v>
      </c>
      <c r="U10764" s="19"/>
      <c r="V10764" s="19"/>
      <c r="W10764" s="19"/>
      <c r="X10764" s="19">
        <v>1</v>
      </c>
      <c r="Y10764" s="19"/>
      <c r="Z10764" s="19"/>
      <c r="AA10764" s="19"/>
    </row>
    <row r="10765" spans="1:27" s="1" customFormat="1" ht="14.1" customHeight="1" outlineLevel="3" x14ac:dyDescent="0.2">
      <c r="A10765" s="17"/>
      <c r="B10765" s="17"/>
      <c r="C10765" s="17"/>
      <c r="D10765" s="18"/>
      <c r="E10765" s="18"/>
      <c r="F10765" s="18"/>
      <c r="G10765" s="18"/>
      <c r="H10765" s="18"/>
      <c r="I10765" s="18"/>
      <c r="J10765" s="18"/>
      <c r="K10765" s="18"/>
      <c r="L10765" s="18"/>
      <c r="M10765" s="18"/>
      <c r="N10765" s="18"/>
      <c r="O10765" s="18"/>
      <c r="P10765" s="19"/>
      <c r="Q10765" s="19"/>
      <c r="R10765" s="19"/>
      <c r="S10765" s="19"/>
      <c r="T10765" s="19"/>
      <c r="U10765" s="19"/>
      <c r="V10765" s="19"/>
      <c r="W10765" s="19"/>
      <c r="X10765" s="19"/>
      <c r="Y10765" s="19"/>
      <c r="Z10765" s="19"/>
      <c r="AA10765" s="19"/>
    </row>
    <row r="10766" spans="1:27" s="1" customFormat="1" ht="11.1" customHeight="1" outlineLevel="3" x14ac:dyDescent="0.2">
      <c r="A10766" s="17">
        <v>8889</v>
      </c>
      <c r="B10766" s="17"/>
      <c r="C10766" s="17"/>
      <c r="D10766" s="18" t="s">
        <v>5340</v>
      </c>
      <c r="E10766" s="18"/>
      <c r="F10766" s="18"/>
      <c r="G10766" s="18"/>
      <c r="H10766" s="18"/>
      <c r="I10766" s="18"/>
      <c r="J10766" s="18"/>
      <c r="K10766" s="18"/>
      <c r="L10766" s="18"/>
      <c r="M10766" s="18"/>
      <c r="N10766" s="18"/>
      <c r="O10766" s="18"/>
      <c r="P10766" s="19">
        <v>220</v>
      </c>
      <c r="Q10766" s="19"/>
      <c r="R10766" s="19"/>
      <c r="S10766" s="19"/>
      <c r="T10766" s="19">
        <v>160</v>
      </c>
      <c r="U10766" s="19"/>
      <c r="V10766" s="19"/>
      <c r="W10766" s="19"/>
      <c r="X10766" s="19">
        <v>1</v>
      </c>
      <c r="Y10766" s="19"/>
      <c r="Z10766" s="19"/>
      <c r="AA10766" s="19"/>
    </row>
    <row r="10767" spans="1:27" s="1" customFormat="1" ht="11.1" customHeight="1" outlineLevel="3" x14ac:dyDescent="0.2">
      <c r="A10767" s="17"/>
      <c r="B10767" s="17"/>
      <c r="C10767" s="17"/>
      <c r="D10767" s="18"/>
      <c r="E10767" s="18"/>
      <c r="F10767" s="18"/>
      <c r="G10767" s="18"/>
      <c r="H10767" s="18"/>
      <c r="I10767" s="18"/>
      <c r="J10767" s="18"/>
      <c r="K10767" s="18"/>
      <c r="L10767" s="18"/>
      <c r="M10767" s="18"/>
      <c r="N10767" s="18"/>
      <c r="O10767" s="18"/>
      <c r="P10767" s="19"/>
      <c r="Q10767" s="19"/>
      <c r="R10767" s="19"/>
      <c r="S10767" s="19"/>
      <c r="T10767" s="19"/>
      <c r="U10767" s="19"/>
      <c r="V10767" s="19"/>
      <c r="W10767" s="19"/>
      <c r="X10767" s="19"/>
      <c r="Y10767" s="19"/>
      <c r="Z10767" s="19"/>
      <c r="AA10767" s="19"/>
    </row>
    <row r="10768" spans="1:27" s="1" customFormat="1" ht="14.1" customHeight="1" outlineLevel="3" x14ac:dyDescent="0.2">
      <c r="A10768" s="17">
        <v>14636</v>
      </c>
      <c r="B10768" s="17"/>
      <c r="C10768" s="17"/>
      <c r="D10768" s="18" t="s">
        <v>5341</v>
      </c>
      <c r="E10768" s="18"/>
      <c r="F10768" s="18"/>
      <c r="G10768" s="18"/>
      <c r="H10768" s="18"/>
      <c r="I10768" s="18"/>
      <c r="J10768" s="18"/>
      <c r="K10768" s="18"/>
      <c r="L10768" s="18"/>
      <c r="M10768" s="18"/>
      <c r="N10768" s="18"/>
      <c r="O10768" s="18"/>
      <c r="P10768" s="19">
        <v>80</v>
      </c>
      <c r="Q10768" s="19"/>
      <c r="R10768" s="19"/>
      <c r="S10768" s="19"/>
      <c r="T10768" s="19">
        <v>40</v>
      </c>
      <c r="U10768" s="19"/>
      <c r="V10768" s="19"/>
      <c r="W10768" s="19"/>
      <c r="X10768" s="19">
        <v>11</v>
      </c>
      <c r="Y10768" s="19"/>
      <c r="Z10768" s="19"/>
      <c r="AA10768" s="19"/>
    </row>
    <row r="10769" spans="1:27" s="1" customFormat="1" ht="14.1" customHeight="1" outlineLevel="3" x14ac:dyDescent="0.2">
      <c r="A10769" s="17"/>
      <c r="B10769" s="17"/>
      <c r="C10769" s="17"/>
      <c r="D10769" s="18"/>
      <c r="E10769" s="18"/>
      <c r="F10769" s="18"/>
      <c r="G10769" s="18"/>
      <c r="H10769" s="18"/>
      <c r="I10769" s="18"/>
      <c r="J10769" s="18"/>
      <c r="K10769" s="18"/>
      <c r="L10769" s="18"/>
      <c r="M10769" s="18"/>
      <c r="N10769" s="18"/>
      <c r="O10769" s="18"/>
      <c r="P10769" s="19"/>
      <c r="Q10769" s="19"/>
      <c r="R10769" s="19"/>
      <c r="S10769" s="19"/>
      <c r="T10769" s="19"/>
      <c r="U10769" s="19"/>
      <c r="V10769" s="19"/>
      <c r="W10769" s="19"/>
      <c r="X10769" s="19"/>
      <c r="Y10769" s="19"/>
      <c r="Z10769" s="19"/>
      <c r="AA10769" s="19"/>
    </row>
    <row r="10770" spans="1:27" s="1" customFormat="1" ht="14.1" customHeight="1" outlineLevel="3" x14ac:dyDescent="0.2">
      <c r="A10770" s="17">
        <v>7920</v>
      </c>
      <c r="B10770" s="17"/>
      <c r="C10770" s="17"/>
      <c r="D10770" s="18" t="s">
        <v>5342</v>
      </c>
      <c r="E10770" s="18"/>
      <c r="F10770" s="18"/>
      <c r="G10770" s="18"/>
      <c r="H10770" s="18"/>
      <c r="I10770" s="18"/>
      <c r="J10770" s="18"/>
      <c r="K10770" s="18"/>
      <c r="L10770" s="18"/>
      <c r="M10770" s="18"/>
      <c r="N10770" s="18"/>
      <c r="O10770" s="18"/>
      <c r="P10770" s="19">
        <v>700</v>
      </c>
      <c r="Q10770" s="19"/>
      <c r="R10770" s="19"/>
      <c r="S10770" s="19"/>
      <c r="T10770" s="19">
        <v>550</v>
      </c>
      <c r="U10770" s="19"/>
      <c r="V10770" s="19"/>
      <c r="W10770" s="19"/>
      <c r="X10770" s="19">
        <v>1</v>
      </c>
      <c r="Y10770" s="19"/>
      <c r="Z10770" s="19"/>
      <c r="AA10770" s="19"/>
    </row>
    <row r="10771" spans="1:27" s="1" customFormat="1" ht="14.1" customHeight="1" outlineLevel="3" x14ac:dyDescent="0.2">
      <c r="A10771" s="17"/>
      <c r="B10771" s="17"/>
      <c r="C10771" s="17"/>
      <c r="D10771" s="18"/>
      <c r="E10771" s="18"/>
      <c r="F10771" s="18"/>
      <c r="G10771" s="18"/>
      <c r="H10771" s="18"/>
      <c r="I10771" s="18"/>
      <c r="J10771" s="18"/>
      <c r="K10771" s="18"/>
      <c r="L10771" s="18"/>
      <c r="M10771" s="18"/>
      <c r="N10771" s="18"/>
      <c r="O10771" s="18"/>
      <c r="P10771" s="19"/>
      <c r="Q10771" s="19"/>
      <c r="R10771" s="19"/>
      <c r="S10771" s="19"/>
      <c r="T10771" s="19"/>
      <c r="U10771" s="19"/>
      <c r="V10771" s="19"/>
      <c r="W10771" s="19"/>
      <c r="X10771" s="19"/>
      <c r="Y10771" s="19"/>
      <c r="Z10771" s="19"/>
      <c r="AA10771" s="19"/>
    </row>
    <row r="10772" spans="1:27" s="1" customFormat="1" ht="14.1" customHeight="1" outlineLevel="3" x14ac:dyDescent="0.2">
      <c r="A10772" s="17">
        <v>10045</v>
      </c>
      <c r="B10772" s="17"/>
      <c r="C10772" s="17"/>
      <c r="D10772" s="18" t="s">
        <v>5343</v>
      </c>
      <c r="E10772" s="18"/>
      <c r="F10772" s="18"/>
      <c r="G10772" s="18"/>
      <c r="H10772" s="18"/>
      <c r="I10772" s="18"/>
      <c r="J10772" s="18"/>
      <c r="K10772" s="18"/>
      <c r="L10772" s="18"/>
      <c r="M10772" s="18"/>
      <c r="N10772" s="18"/>
      <c r="O10772" s="18"/>
      <c r="P10772" s="19">
        <v>675</v>
      </c>
      <c r="Q10772" s="19"/>
      <c r="R10772" s="19"/>
      <c r="S10772" s="19"/>
      <c r="T10772" s="19">
        <v>530</v>
      </c>
      <c r="U10772" s="19"/>
      <c r="V10772" s="19"/>
      <c r="W10772" s="19"/>
      <c r="X10772" s="19">
        <v>1</v>
      </c>
      <c r="Y10772" s="19"/>
      <c r="Z10772" s="19"/>
      <c r="AA10772" s="19"/>
    </row>
    <row r="10773" spans="1:27" s="1" customFormat="1" ht="14.1" customHeight="1" outlineLevel="3" x14ac:dyDescent="0.2">
      <c r="A10773" s="17"/>
      <c r="B10773" s="17"/>
      <c r="C10773" s="17"/>
      <c r="D10773" s="18"/>
      <c r="E10773" s="18"/>
      <c r="F10773" s="18"/>
      <c r="G10773" s="18"/>
      <c r="H10773" s="18"/>
      <c r="I10773" s="18"/>
      <c r="J10773" s="18"/>
      <c r="K10773" s="18"/>
      <c r="L10773" s="18"/>
      <c r="M10773" s="18"/>
      <c r="N10773" s="18"/>
      <c r="O10773" s="18"/>
      <c r="P10773" s="19"/>
      <c r="Q10773" s="19"/>
      <c r="R10773" s="19"/>
      <c r="S10773" s="19"/>
      <c r="T10773" s="19"/>
      <c r="U10773" s="19"/>
      <c r="V10773" s="19"/>
      <c r="W10773" s="19"/>
      <c r="X10773" s="19"/>
      <c r="Y10773" s="19"/>
      <c r="Z10773" s="19"/>
      <c r="AA10773" s="19"/>
    </row>
    <row r="10774" spans="1:27" s="1" customFormat="1" ht="11.1" customHeight="1" outlineLevel="2" x14ac:dyDescent="0.2">
      <c r="A10774" s="16" t="s">
        <v>5344</v>
      </c>
      <c r="B10774" s="16"/>
      <c r="C10774" s="16"/>
      <c r="D10774" s="16"/>
      <c r="E10774" s="16"/>
      <c r="F10774" s="16"/>
      <c r="G10774" s="16"/>
      <c r="H10774" s="16"/>
      <c r="I10774" s="16"/>
      <c r="J10774" s="16"/>
      <c r="K10774" s="16"/>
      <c r="L10774" s="16"/>
      <c r="M10774" s="16"/>
      <c r="N10774" s="16"/>
      <c r="O10774" s="16"/>
      <c r="P10774" s="16"/>
      <c r="Q10774" s="16"/>
      <c r="R10774" s="16"/>
      <c r="S10774" s="16"/>
      <c r="T10774" s="16"/>
      <c r="U10774" s="16"/>
      <c r="V10774" s="16"/>
      <c r="W10774" s="16"/>
      <c r="X10774" s="16"/>
      <c r="Y10774" s="16"/>
      <c r="Z10774" s="16"/>
      <c r="AA10774" s="16"/>
    </row>
    <row r="10775" spans="1:27" s="1" customFormat="1" ht="11.1" customHeight="1" outlineLevel="2" x14ac:dyDescent="0.2">
      <c r="A10775" s="16"/>
      <c r="B10775" s="16"/>
      <c r="C10775" s="16"/>
      <c r="D10775" s="16"/>
      <c r="E10775" s="16"/>
      <c r="F10775" s="16"/>
      <c r="G10775" s="16"/>
      <c r="H10775" s="16"/>
      <c r="I10775" s="16"/>
      <c r="J10775" s="16"/>
      <c r="K10775" s="16"/>
      <c r="L10775" s="16"/>
      <c r="M10775" s="16"/>
      <c r="N10775" s="16"/>
      <c r="O10775" s="16"/>
      <c r="P10775" s="16"/>
      <c r="Q10775" s="16"/>
      <c r="R10775" s="16"/>
      <c r="S10775" s="16"/>
      <c r="T10775" s="16"/>
      <c r="U10775" s="16"/>
      <c r="V10775" s="16"/>
      <c r="W10775" s="16"/>
      <c r="X10775" s="16"/>
      <c r="Y10775" s="16"/>
      <c r="Z10775" s="16"/>
      <c r="AA10775" s="16"/>
    </row>
    <row r="10776" spans="1:27" s="1" customFormat="1" ht="14.1" customHeight="1" outlineLevel="3" x14ac:dyDescent="0.2">
      <c r="A10776" s="17">
        <v>12382</v>
      </c>
      <c r="B10776" s="17"/>
      <c r="C10776" s="17"/>
      <c r="D10776" s="18" t="s">
        <v>5345</v>
      </c>
      <c r="E10776" s="18"/>
      <c r="F10776" s="18"/>
      <c r="G10776" s="18"/>
      <c r="H10776" s="18"/>
      <c r="I10776" s="18"/>
      <c r="J10776" s="18"/>
      <c r="K10776" s="18"/>
      <c r="L10776" s="18"/>
      <c r="M10776" s="18"/>
      <c r="N10776" s="18"/>
      <c r="O10776" s="18"/>
      <c r="P10776" s="19">
        <v>350</v>
      </c>
      <c r="Q10776" s="19"/>
      <c r="R10776" s="19"/>
      <c r="S10776" s="19"/>
      <c r="T10776" s="19">
        <v>175</v>
      </c>
      <c r="U10776" s="19"/>
      <c r="V10776" s="19"/>
      <c r="W10776" s="19"/>
      <c r="X10776" s="19">
        <v>1</v>
      </c>
      <c r="Y10776" s="19"/>
      <c r="Z10776" s="19"/>
      <c r="AA10776" s="19"/>
    </row>
    <row r="10777" spans="1:27" s="1" customFormat="1" ht="14.1" customHeight="1" outlineLevel="3" x14ac:dyDescent="0.2">
      <c r="A10777" s="17"/>
      <c r="B10777" s="17"/>
      <c r="C10777" s="17"/>
      <c r="D10777" s="18"/>
      <c r="E10777" s="18"/>
      <c r="F10777" s="18"/>
      <c r="G10777" s="18"/>
      <c r="H10777" s="18"/>
      <c r="I10777" s="18"/>
      <c r="J10777" s="18"/>
      <c r="K10777" s="18"/>
      <c r="L10777" s="18"/>
      <c r="M10777" s="18"/>
      <c r="N10777" s="18"/>
      <c r="O10777" s="18"/>
      <c r="P10777" s="19"/>
      <c r="Q10777" s="19"/>
      <c r="R10777" s="19"/>
      <c r="S10777" s="19"/>
      <c r="T10777" s="19"/>
      <c r="U10777" s="19"/>
      <c r="V10777" s="19"/>
      <c r="W10777" s="19"/>
      <c r="X10777" s="19"/>
      <c r="Y10777" s="19"/>
      <c r="Z10777" s="19"/>
      <c r="AA10777" s="19"/>
    </row>
    <row r="10778" spans="1:27" s="1" customFormat="1" ht="11.1" customHeight="1" outlineLevel="3" x14ac:dyDescent="0.2">
      <c r="A10778" s="17">
        <v>7769</v>
      </c>
      <c r="B10778" s="17"/>
      <c r="C10778" s="17"/>
      <c r="D10778" s="18" t="s">
        <v>5346</v>
      </c>
      <c r="E10778" s="18"/>
      <c r="F10778" s="18"/>
      <c r="G10778" s="18"/>
      <c r="H10778" s="18"/>
      <c r="I10778" s="18"/>
      <c r="J10778" s="18"/>
      <c r="K10778" s="18"/>
      <c r="L10778" s="18"/>
      <c r="M10778" s="18"/>
      <c r="N10778" s="18"/>
      <c r="O10778" s="18"/>
      <c r="P10778" s="19">
        <v>115</v>
      </c>
      <c r="Q10778" s="19"/>
      <c r="R10778" s="19"/>
      <c r="S10778" s="19"/>
      <c r="T10778" s="19">
        <v>46</v>
      </c>
      <c r="U10778" s="19"/>
      <c r="V10778" s="19"/>
      <c r="W10778" s="19"/>
      <c r="X10778" s="19">
        <v>3</v>
      </c>
      <c r="Y10778" s="19"/>
      <c r="Z10778" s="19"/>
      <c r="AA10778" s="19"/>
    </row>
    <row r="10779" spans="1:27" s="1" customFormat="1" ht="11.1" customHeight="1" outlineLevel="3" x14ac:dyDescent="0.2">
      <c r="A10779" s="17"/>
      <c r="B10779" s="17"/>
      <c r="C10779" s="17"/>
      <c r="D10779" s="18"/>
      <c r="E10779" s="18"/>
      <c r="F10779" s="18"/>
      <c r="G10779" s="18"/>
      <c r="H10779" s="18"/>
      <c r="I10779" s="18"/>
      <c r="J10779" s="18"/>
      <c r="K10779" s="18"/>
      <c r="L10779" s="18"/>
      <c r="M10779" s="18"/>
      <c r="N10779" s="18"/>
      <c r="O10779" s="18"/>
      <c r="P10779" s="19"/>
      <c r="Q10779" s="19"/>
      <c r="R10779" s="19"/>
      <c r="S10779" s="19"/>
      <c r="T10779" s="19"/>
      <c r="U10779" s="19"/>
      <c r="V10779" s="19"/>
      <c r="W10779" s="19"/>
      <c r="X10779" s="19"/>
      <c r="Y10779" s="19"/>
      <c r="Z10779" s="19"/>
      <c r="AA10779" s="19"/>
    </row>
    <row r="10780" spans="1:27" s="1" customFormat="1" ht="11.1" customHeight="1" outlineLevel="3" x14ac:dyDescent="0.2">
      <c r="A10780" s="17">
        <v>7768</v>
      </c>
      <c r="B10780" s="17"/>
      <c r="C10780" s="17"/>
      <c r="D10780" s="18" t="s">
        <v>5347</v>
      </c>
      <c r="E10780" s="18"/>
      <c r="F10780" s="18"/>
      <c r="G10780" s="18"/>
      <c r="H10780" s="18"/>
      <c r="I10780" s="18"/>
      <c r="J10780" s="18"/>
      <c r="K10780" s="18"/>
      <c r="L10780" s="18"/>
      <c r="M10780" s="18"/>
      <c r="N10780" s="18"/>
      <c r="O10780" s="18"/>
      <c r="P10780" s="19">
        <v>100</v>
      </c>
      <c r="Q10780" s="19"/>
      <c r="R10780" s="19"/>
      <c r="S10780" s="19"/>
      <c r="T10780" s="19">
        <v>28</v>
      </c>
      <c r="U10780" s="19"/>
      <c r="V10780" s="19"/>
      <c r="W10780" s="19"/>
      <c r="X10780" s="19">
        <v>16</v>
      </c>
      <c r="Y10780" s="19"/>
      <c r="Z10780" s="19"/>
      <c r="AA10780" s="19"/>
    </row>
    <row r="10781" spans="1:27" s="1" customFormat="1" ht="11.1" customHeight="1" outlineLevel="3" x14ac:dyDescent="0.2">
      <c r="A10781" s="17"/>
      <c r="B10781" s="17"/>
      <c r="C10781" s="17"/>
      <c r="D10781" s="18"/>
      <c r="E10781" s="18"/>
      <c r="F10781" s="18"/>
      <c r="G10781" s="18"/>
      <c r="H10781" s="18"/>
      <c r="I10781" s="18"/>
      <c r="J10781" s="18"/>
      <c r="K10781" s="18"/>
      <c r="L10781" s="18"/>
      <c r="M10781" s="18"/>
      <c r="N10781" s="18"/>
      <c r="O10781" s="18"/>
      <c r="P10781" s="19"/>
      <c r="Q10781" s="19"/>
      <c r="R10781" s="19"/>
      <c r="S10781" s="19"/>
      <c r="T10781" s="19"/>
      <c r="U10781" s="19"/>
      <c r="V10781" s="19"/>
      <c r="W10781" s="19"/>
      <c r="X10781" s="19"/>
      <c r="Y10781" s="19"/>
      <c r="Z10781" s="19"/>
      <c r="AA10781" s="19"/>
    </row>
    <row r="10782" spans="1:27" s="1" customFormat="1" ht="11.1" customHeight="1" outlineLevel="3" x14ac:dyDescent="0.2">
      <c r="A10782" s="17">
        <v>5717</v>
      </c>
      <c r="B10782" s="17"/>
      <c r="C10782" s="17"/>
      <c r="D10782" s="18" t="s">
        <v>5348</v>
      </c>
      <c r="E10782" s="18"/>
      <c r="F10782" s="18"/>
      <c r="G10782" s="18"/>
      <c r="H10782" s="18"/>
      <c r="I10782" s="18"/>
      <c r="J10782" s="18"/>
      <c r="K10782" s="18"/>
      <c r="L10782" s="18"/>
      <c r="M10782" s="18"/>
      <c r="N10782" s="18"/>
      <c r="O10782" s="18"/>
      <c r="P10782" s="19">
        <v>115</v>
      </c>
      <c r="Q10782" s="19"/>
      <c r="R10782" s="19"/>
      <c r="S10782" s="19"/>
      <c r="T10782" s="19">
        <v>46</v>
      </c>
      <c r="U10782" s="19"/>
      <c r="V10782" s="19"/>
      <c r="W10782" s="19"/>
      <c r="X10782" s="19">
        <v>12</v>
      </c>
      <c r="Y10782" s="19"/>
      <c r="Z10782" s="19"/>
      <c r="AA10782" s="19"/>
    </row>
    <row r="10783" spans="1:27" s="1" customFormat="1" ht="11.1" customHeight="1" outlineLevel="3" x14ac:dyDescent="0.2">
      <c r="A10783" s="17"/>
      <c r="B10783" s="17"/>
      <c r="C10783" s="17"/>
      <c r="D10783" s="18"/>
      <c r="E10783" s="18"/>
      <c r="F10783" s="18"/>
      <c r="G10783" s="18"/>
      <c r="H10783" s="18"/>
      <c r="I10783" s="18"/>
      <c r="J10783" s="18"/>
      <c r="K10783" s="18"/>
      <c r="L10783" s="18"/>
      <c r="M10783" s="18"/>
      <c r="N10783" s="18"/>
      <c r="O10783" s="18"/>
      <c r="P10783" s="19"/>
      <c r="Q10783" s="19"/>
      <c r="R10783" s="19"/>
      <c r="S10783" s="19"/>
      <c r="T10783" s="19"/>
      <c r="U10783" s="19"/>
      <c r="V10783" s="19"/>
      <c r="W10783" s="19"/>
      <c r="X10783" s="19"/>
      <c r="Y10783" s="19"/>
      <c r="Z10783" s="19"/>
      <c r="AA10783" s="19"/>
    </row>
    <row r="10784" spans="1:27" s="1" customFormat="1" ht="11.1" customHeight="1" outlineLevel="3" x14ac:dyDescent="0.2">
      <c r="A10784" s="17">
        <v>13288</v>
      </c>
      <c r="B10784" s="17"/>
      <c r="C10784" s="17"/>
      <c r="D10784" s="18" t="s">
        <v>5349</v>
      </c>
      <c r="E10784" s="18"/>
      <c r="F10784" s="18"/>
      <c r="G10784" s="18"/>
      <c r="H10784" s="18"/>
      <c r="I10784" s="18"/>
      <c r="J10784" s="18"/>
      <c r="K10784" s="18"/>
      <c r="L10784" s="18"/>
      <c r="M10784" s="18"/>
      <c r="N10784" s="18"/>
      <c r="O10784" s="18"/>
      <c r="P10784" s="19">
        <v>220</v>
      </c>
      <c r="Q10784" s="19"/>
      <c r="R10784" s="19"/>
      <c r="S10784" s="19"/>
      <c r="T10784" s="19">
        <v>125</v>
      </c>
      <c r="U10784" s="19"/>
      <c r="V10784" s="19"/>
      <c r="W10784" s="19"/>
      <c r="X10784" s="19">
        <v>3</v>
      </c>
      <c r="Y10784" s="19"/>
      <c r="Z10784" s="19"/>
      <c r="AA10784" s="19"/>
    </row>
    <row r="10785" spans="1:27" s="1" customFormat="1" ht="11.1" customHeight="1" outlineLevel="3" x14ac:dyDescent="0.2">
      <c r="A10785" s="17"/>
      <c r="B10785" s="17"/>
      <c r="C10785" s="17"/>
      <c r="D10785" s="18"/>
      <c r="E10785" s="18"/>
      <c r="F10785" s="18"/>
      <c r="G10785" s="18"/>
      <c r="H10785" s="18"/>
      <c r="I10785" s="18"/>
      <c r="J10785" s="18"/>
      <c r="K10785" s="18"/>
      <c r="L10785" s="18"/>
      <c r="M10785" s="18"/>
      <c r="N10785" s="18"/>
      <c r="O10785" s="18"/>
      <c r="P10785" s="19"/>
      <c r="Q10785" s="19"/>
      <c r="R10785" s="19"/>
      <c r="S10785" s="19"/>
      <c r="T10785" s="19"/>
      <c r="U10785" s="19"/>
      <c r="V10785" s="19"/>
      <c r="W10785" s="19"/>
      <c r="X10785" s="19"/>
      <c r="Y10785" s="19"/>
      <c r="Z10785" s="19"/>
      <c r="AA10785" s="19"/>
    </row>
    <row r="10786" spans="1:27" s="1" customFormat="1" ht="11.1" customHeight="1" outlineLevel="3" x14ac:dyDescent="0.2">
      <c r="A10786" s="17">
        <v>8299</v>
      </c>
      <c r="B10786" s="17"/>
      <c r="C10786" s="17"/>
      <c r="D10786" s="18" t="s">
        <v>5350</v>
      </c>
      <c r="E10786" s="18"/>
      <c r="F10786" s="18"/>
      <c r="G10786" s="18"/>
      <c r="H10786" s="18"/>
      <c r="I10786" s="18"/>
      <c r="J10786" s="18"/>
      <c r="K10786" s="18"/>
      <c r="L10786" s="18"/>
      <c r="M10786" s="18"/>
      <c r="N10786" s="18"/>
      <c r="O10786" s="18"/>
      <c r="P10786" s="19">
        <v>170</v>
      </c>
      <c r="Q10786" s="19"/>
      <c r="R10786" s="19"/>
      <c r="S10786" s="19"/>
      <c r="T10786" s="19">
        <v>70</v>
      </c>
      <c r="U10786" s="19"/>
      <c r="V10786" s="19"/>
      <c r="W10786" s="19"/>
      <c r="X10786" s="19">
        <v>1</v>
      </c>
      <c r="Y10786" s="19"/>
      <c r="Z10786" s="19"/>
      <c r="AA10786" s="19"/>
    </row>
    <row r="10787" spans="1:27" s="1" customFormat="1" ht="11.1" customHeight="1" outlineLevel="3" x14ac:dyDescent="0.2">
      <c r="A10787" s="17"/>
      <c r="B10787" s="17"/>
      <c r="C10787" s="17"/>
      <c r="D10787" s="18"/>
      <c r="E10787" s="18"/>
      <c r="F10787" s="18"/>
      <c r="G10787" s="18"/>
      <c r="H10787" s="18"/>
      <c r="I10787" s="18"/>
      <c r="J10787" s="18"/>
      <c r="K10787" s="18"/>
      <c r="L10787" s="18"/>
      <c r="M10787" s="18"/>
      <c r="N10787" s="18"/>
      <c r="O10787" s="18"/>
      <c r="P10787" s="19"/>
      <c r="Q10787" s="19"/>
      <c r="R10787" s="19"/>
      <c r="S10787" s="19"/>
      <c r="T10787" s="19"/>
      <c r="U10787" s="19"/>
      <c r="V10787" s="19"/>
      <c r="W10787" s="19"/>
      <c r="X10787" s="19"/>
      <c r="Y10787" s="19"/>
      <c r="Z10787" s="19"/>
      <c r="AA10787" s="19"/>
    </row>
    <row r="10788" spans="1:27" s="1" customFormat="1" ht="11.1" customHeight="1" outlineLevel="3" x14ac:dyDescent="0.2">
      <c r="A10788" s="17">
        <v>14633</v>
      </c>
      <c r="B10788" s="17"/>
      <c r="C10788" s="17"/>
      <c r="D10788" s="18" t="s">
        <v>5351</v>
      </c>
      <c r="E10788" s="18"/>
      <c r="F10788" s="18"/>
      <c r="G10788" s="18"/>
      <c r="H10788" s="18"/>
      <c r="I10788" s="18"/>
      <c r="J10788" s="18"/>
      <c r="K10788" s="18"/>
      <c r="L10788" s="18"/>
      <c r="M10788" s="18"/>
      <c r="N10788" s="18"/>
      <c r="O10788" s="18"/>
      <c r="P10788" s="19">
        <v>390</v>
      </c>
      <c r="Q10788" s="19"/>
      <c r="R10788" s="19"/>
      <c r="S10788" s="19"/>
      <c r="T10788" s="19">
        <v>260</v>
      </c>
      <c r="U10788" s="19"/>
      <c r="V10788" s="19"/>
      <c r="W10788" s="19"/>
      <c r="X10788" s="19">
        <v>1</v>
      </c>
      <c r="Y10788" s="19"/>
      <c r="Z10788" s="19"/>
      <c r="AA10788" s="19"/>
    </row>
    <row r="10789" spans="1:27" s="1" customFormat="1" ht="11.1" customHeight="1" outlineLevel="3" x14ac:dyDescent="0.2">
      <c r="A10789" s="17"/>
      <c r="B10789" s="17"/>
      <c r="C10789" s="17"/>
      <c r="D10789" s="18"/>
      <c r="E10789" s="18"/>
      <c r="F10789" s="18"/>
      <c r="G10789" s="18"/>
      <c r="H10789" s="18"/>
      <c r="I10789" s="18"/>
      <c r="J10789" s="18"/>
      <c r="K10789" s="18"/>
      <c r="L10789" s="18"/>
      <c r="M10789" s="18"/>
      <c r="N10789" s="18"/>
      <c r="O10789" s="18"/>
      <c r="P10789" s="19"/>
      <c r="Q10789" s="19"/>
      <c r="R10789" s="19"/>
      <c r="S10789" s="19"/>
      <c r="T10789" s="19"/>
      <c r="U10789" s="19"/>
      <c r="V10789" s="19"/>
      <c r="W10789" s="19"/>
      <c r="X10789" s="19"/>
      <c r="Y10789" s="19"/>
      <c r="Z10789" s="19"/>
      <c r="AA10789" s="19"/>
    </row>
    <row r="10790" spans="1:27" s="1" customFormat="1" ht="11.1" customHeight="1" outlineLevel="3" x14ac:dyDescent="0.2">
      <c r="A10790" s="17">
        <v>9067</v>
      </c>
      <c r="B10790" s="17"/>
      <c r="C10790" s="17"/>
      <c r="D10790" s="18" t="s">
        <v>5352</v>
      </c>
      <c r="E10790" s="18"/>
      <c r="F10790" s="18"/>
      <c r="G10790" s="18"/>
      <c r="H10790" s="18"/>
      <c r="I10790" s="18"/>
      <c r="J10790" s="18"/>
      <c r="K10790" s="18"/>
      <c r="L10790" s="18"/>
      <c r="M10790" s="18"/>
      <c r="N10790" s="18"/>
      <c r="O10790" s="18"/>
      <c r="P10790" s="19">
        <v>320</v>
      </c>
      <c r="Q10790" s="19"/>
      <c r="R10790" s="19"/>
      <c r="S10790" s="19"/>
      <c r="T10790" s="19">
        <v>210</v>
      </c>
      <c r="U10790" s="19"/>
      <c r="V10790" s="19"/>
      <c r="W10790" s="19"/>
      <c r="X10790" s="19">
        <v>7</v>
      </c>
      <c r="Y10790" s="19"/>
      <c r="Z10790" s="19"/>
      <c r="AA10790" s="19"/>
    </row>
    <row r="10791" spans="1:27" s="1" customFormat="1" ht="11.1" customHeight="1" outlineLevel="3" x14ac:dyDescent="0.2">
      <c r="A10791" s="17"/>
      <c r="B10791" s="17"/>
      <c r="C10791" s="17"/>
      <c r="D10791" s="18"/>
      <c r="E10791" s="18"/>
      <c r="F10791" s="18"/>
      <c r="G10791" s="18"/>
      <c r="H10791" s="18"/>
      <c r="I10791" s="18"/>
      <c r="J10791" s="18"/>
      <c r="K10791" s="18"/>
      <c r="L10791" s="18"/>
      <c r="M10791" s="18"/>
      <c r="N10791" s="18"/>
      <c r="O10791" s="18"/>
      <c r="P10791" s="19"/>
      <c r="Q10791" s="19"/>
      <c r="R10791" s="19"/>
      <c r="S10791" s="19"/>
      <c r="T10791" s="19"/>
      <c r="U10791" s="19"/>
      <c r="V10791" s="19"/>
      <c r="W10791" s="19"/>
      <c r="X10791" s="19"/>
      <c r="Y10791" s="19"/>
      <c r="Z10791" s="19"/>
      <c r="AA10791" s="19"/>
    </row>
    <row r="10792" spans="1:27" s="1" customFormat="1" ht="11.1" customHeight="1" outlineLevel="3" x14ac:dyDescent="0.2">
      <c r="A10792" s="17">
        <v>8676</v>
      </c>
      <c r="B10792" s="17"/>
      <c r="C10792" s="17"/>
      <c r="D10792" s="18" t="s">
        <v>5353</v>
      </c>
      <c r="E10792" s="18"/>
      <c r="F10792" s="18"/>
      <c r="G10792" s="18"/>
      <c r="H10792" s="18"/>
      <c r="I10792" s="18"/>
      <c r="J10792" s="18"/>
      <c r="K10792" s="18"/>
      <c r="L10792" s="18"/>
      <c r="M10792" s="18"/>
      <c r="N10792" s="18"/>
      <c r="O10792" s="18"/>
      <c r="P10792" s="19">
        <v>320</v>
      </c>
      <c r="Q10792" s="19"/>
      <c r="R10792" s="19"/>
      <c r="S10792" s="19"/>
      <c r="T10792" s="19">
        <v>210</v>
      </c>
      <c r="U10792" s="19"/>
      <c r="V10792" s="19"/>
      <c r="W10792" s="19"/>
      <c r="X10792" s="19">
        <v>3</v>
      </c>
      <c r="Y10792" s="19"/>
      <c r="Z10792" s="19"/>
      <c r="AA10792" s="19"/>
    </row>
    <row r="10793" spans="1:27" s="1" customFormat="1" ht="11.1" customHeight="1" outlineLevel="3" x14ac:dyDescent="0.2">
      <c r="A10793" s="17"/>
      <c r="B10793" s="17"/>
      <c r="C10793" s="17"/>
      <c r="D10793" s="18"/>
      <c r="E10793" s="18"/>
      <c r="F10793" s="18"/>
      <c r="G10793" s="18"/>
      <c r="H10793" s="18"/>
      <c r="I10793" s="18"/>
      <c r="J10793" s="18"/>
      <c r="K10793" s="18"/>
      <c r="L10793" s="18"/>
      <c r="M10793" s="18"/>
      <c r="N10793" s="18"/>
      <c r="O10793" s="18"/>
      <c r="P10793" s="19"/>
      <c r="Q10793" s="19"/>
      <c r="R10793" s="19"/>
      <c r="S10793" s="19"/>
      <c r="T10793" s="19"/>
      <c r="U10793" s="19"/>
      <c r="V10793" s="19"/>
      <c r="W10793" s="19"/>
      <c r="X10793" s="19"/>
      <c r="Y10793" s="19"/>
      <c r="Z10793" s="19"/>
      <c r="AA10793" s="19"/>
    </row>
    <row r="10794" spans="1:27" s="1" customFormat="1" ht="11.1" customHeight="1" outlineLevel="3" x14ac:dyDescent="0.2">
      <c r="A10794" s="17">
        <v>6561</v>
      </c>
      <c r="B10794" s="17"/>
      <c r="C10794" s="17"/>
      <c r="D10794" s="18" t="s">
        <v>5354</v>
      </c>
      <c r="E10794" s="18"/>
      <c r="F10794" s="18"/>
      <c r="G10794" s="18"/>
      <c r="H10794" s="18"/>
      <c r="I10794" s="18"/>
      <c r="J10794" s="18"/>
      <c r="K10794" s="18"/>
      <c r="L10794" s="18"/>
      <c r="M10794" s="18"/>
      <c r="N10794" s="18"/>
      <c r="O10794" s="18"/>
      <c r="P10794" s="19">
        <v>230</v>
      </c>
      <c r="Q10794" s="19"/>
      <c r="R10794" s="19"/>
      <c r="S10794" s="19"/>
      <c r="T10794" s="19">
        <v>130</v>
      </c>
      <c r="U10794" s="19"/>
      <c r="V10794" s="19"/>
      <c r="W10794" s="19"/>
      <c r="X10794" s="19">
        <v>1</v>
      </c>
      <c r="Y10794" s="19"/>
      <c r="Z10794" s="19"/>
      <c r="AA10794" s="19"/>
    </row>
    <row r="10795" spans="1:27" s="1" customFormat="1" ht="11.1" customHeight="1" outlineLevel="3" x14ac:dyDescent="0.2">
      <c r="A10795" s="17"/>
      <c r="B10795" s="17"/>
      <c r="C10795" s="17"/>
      <c r="D10795" s="18"/>
      <c r="E10795" s="18"/>
      <c r="F10795" s="18"/>
      <c r="G10795" s="18"/>
      <c r="H10795" s="18"/>
      <c r="I10795" s="18"/>
      <c r="J10795" s="18"/>
      <c r="K10795" s="18"/>
      <c r="L10795" s="18"/>
      <c r="M10795" s="18"/>
      <c r="N10795" s="18"/>
      <c r="O10795" s="18"/>
      <c r="P10795" s="19"/>
      <c r="Q10795" s="19"/>
      <c r="R10795" s="19"/>
      <c r="S10795" s="19"/>
      <c r="T10795" s="19"/>
      <c r="U10795" s="19"/>
      <c r="V10795" s="19"/>
      <c r="W10795" s="19"/>
      <c r="X10795" s="19"/>
      <c r="Y10795" s="19"/>
      <c r="Z10795" s="19"/>
      <c r="AA10795" s="19"/>
    </row>
    <row r="10796" spans="1:27" s="1" customFormat="1" ht="11.1" customHeight="1" outlineLevel="3" x14ac:dyDescent="0.2">
      <c r="A10796" s="17">
        <v>12257</v>
      </c>
      <c r="B10796" s="17"/>
      <c r="C10796" s="17"/>
      <c r="D10796" s="18" t="s">
        <v>5355</v>
      </c>
      <c r="E10796" s="18"/>
      <c r="F10796" s="18"/>
      <c r="G10796" s="18"/>
      <c r="H10796" s="18"/>
      <c r="I10796" s="18"/>
      <c r="J10796" s="18"/>
      <c r="K10796" s="18"/>
      <c r="L10796" s="18"/>
      <c r="M10796" s="18"/>
      <c r="N10796" s="18"/>
      <c r="O10796" s="18"/>
      <c r="P10796" s="19">
        <v>235</v>
      </c>
      <c r="Q10796" s="19"/>
      <c r="R10796" s="19"/>
      <c r="S10796" s="19"/>
      <c r="T10796" s="19">
        <v>120</v>
      </c>
      <c r="U10796" s="19"/>
      <c r="V10796" s="19"/>
      <c r="W10796" s="19"/>
      <c r="X10796" s="19">
        <v>1</v>
      </c>
      <c r="Y10796" s="19"/>
      <c r="Z10796" s="19"/>
      <c r="AA10796" s="19"/>
    </row>
    <row r="10797" spans="1:27" s="1" customFormat="1" ht="11.1" customHeight="1" outlineLevel="3" x14ac:dyDescent="0.2">
      <c r="A10797" s="17"/>
      <c r="B10797" s="17"/>
      <c r="C10797" s="17"/>
      <c r="D10797" s="18"/>
      <c r="E10797" s="18"/>
      <c r="F10797" s="18"/>
      <c r="G10797" s="18"/>
      <c r="H10797" s="18"/>
      <c r="I10797" s="18"/>
      <c r="J10797" s="18"/>
      <c r="K10797" s="18"/>
      <c r="L10797" s="18"/>
      <c r="M10797" s="18"/>
      <c r="N10797" s="18"/>
      <c r="O10797" s="18"/>
      <c r="P10797" s="19"/>
      <c r="Q10797" s="19"/>
      <c r="R10797" s="19"/>
      <c r="S10797" s="19"/>
      <c r="T10797" s="19"/>
      <c r="U10797" s="19"/>
      <c r="V10797" s="19"/>
      <c r="W10797" s="19"/>
      <c r="X10797" s="19"/>
      <c r="Y10797" s="19"/>
      <c r="Z10797" s="19"/>
      <c r="AA10797" s="19"/>
    </row>
    <row r="10798" spans="1:27" s="1" customFormat="1" ht="11.1" customHeight="1" outlineLevel="3" x14ac:dyDescent="0.2">
      <c r="A10798" s="17">
        <v>12255</v>
      </c>
      <c r="B10798" s="17"/>
      <c r="C10798" s="17"/>
      <c r="D10798" s="18" t="s">
        <v>5356</v>
      </c>
      <c r="E10798" s="18"/>
      <c r="F10798" s="18"/>
      <c r="G10798" s="18"/>
      <c r="H10798" s="18"/>
      <c r="I10798" s="18"/>
      <c r="J10798" s="18"/>
      <c r="K10798" s="18"/>
      <c r="L10798" s="18"/>
      <c r="M10798" s="18"/>
      <c r="N10798" s="18"/>
      <c r="O10798" s="18"/>
      <c r="P10798" s="19">
        <v>270</v>
      </c>
      <c r="Q10798" s="19"/>
      <c r="R10798" s="19"/>
      <c r="S10798" s="19"/>
      <c r="T10798" s="19">
        <v>165</v>
      </c>
      <c r="U10798" s="19"/>
      <c r="V10798" s="19"/>
      <c r="W10798" s="19"/>
      <c r="X10798" s="19">
        <v>1</v>
      </c>
      <c r="Y10798" s="19"/>
      <c r="Z10798" s="19"/>
      <c r="AA10798" s="19"/>
    </row>
    <row r="10799" spans="1:27" s="1" customFormat="1" ht="11.1" customHeight="1" outlineLevel="3" x14ac:dyDescent="0.2">
      <c r="A10799" s="17"/>
      <c r="B10799" s="17"/>
      <c r="C10799" s="17"/>
      <c r="D10799" s="18"/>
      <c r="E10799" s="18"/>
      <c r="F10799" s="18"/>
      <c r="G10799" s="18"/>
      <c r="H10799" s="18"/>
      <c r="I10799" s="18"/>
      <c r="J10799" s="18"/>
      <c r="K10799" s="18"/>
      <c r="L10799" s="18"/>
      <c r="M10799" s="18"/>
      <c r="N10799" s="18"/>
      <c r="O10799" s="18"/>
      <c r="P10799" s="19"/>
      <c r="Q10799" s="19"/>
      <c r="R10799" s="19"/>
      <c r="S10799" s="19"/>
      <c r="T10799" s="19"/>
      <c r="U10799" s="19"/>
      <c r="V10799" s="19"/>
      <c r="W10799" s="19"/>
      <c r="X10799" s="19"/>
      <c r="Y10799" s="19"/>
      <c r="Z10799" s="19"/>
      <c r="AA10799" s="19"/>
    </row>
    <row r="10800" spans="1:27" s="1" customFormat="1" ht="11.1" customHeight="1" outlineLevel="3" x14ac:dyDescent="0.2">
      <c r="A10800" s="17">
        <v>7207</v>
      </c>
      <c r="B10800" s="17"/>
      <c r="C10800" s="17"/>
      <c r="D10800" s="18" t="s">
        <v>5357</v>
      </c>
      <c r="E10800" s="18"/>
      <c r="F10800" s="18"/>
      <c r="G10800" s="18"/>
      <c r="H10800" s="18"/>
      <c r="I10800" s="18"/>
      <c r="J10800" s="18"/>
      <c r="K10800" s="18"/>
      <c r="L10800" s="18"/>
      <c r="M10800" s="18"/>
      <c r="N10800" s="18"/>
      <c r="O10800" s="18"/>
      <c r="P10800" s="19">
        <v>177</v>
      </c>
      <c r="Q10800" s="19"/>
      <c r="R10800" s="19"/>
      <c r="S10800" s="19"/>
      <c r="T10800" s="19">
        <v>77</v>
      </c>
      <c r="U10800" s="19"/>
      <c r="V10800" s="19"/>
      <c r="W10800" s="19"/>
      <c r="X10800" s="19">
        <v>2</v>
      </c>
      <c r="Y10800" s="19"/>
      <c r="Z10800" s="19"/>
      <c r="AA10800" s="19"/>
    </row>
    <row r="10801" spans="1:27" s="1" customFormat="1" ht="11.1" customHeight="1" outlineLevel="3" x14ac:dyDescent="0.2">
      <c r="A10801" s="17"/>
      <c r="B10801" s="17"/>
      <c r="C10801" s="17"/>
      <c r="D10801" s="18"/>
      <c r="E10801" s="18"/>
      <c r="F10801" s="18"/>
      <c r="G10801" s="18"/>
      <c r="H10801" s="18"/>
      <c r="I10801" s="18"/>
      <c r="J10801" s="18"/>
      <c r="K10801" s="18"/>
      <c r="L10801" s="18"/>
      <c r="M10801" s="18"/>
      <c r="N10801" s="18"/>
      <c r="O10801" s="18"/>
      <c r="P10801" s="19"/>
      <c r="Q10801" s="19"/>
      <c r="R10801" s="19"/>
      <c r="S10801" s="19"/>
      <c r="T10801" s="19"/>
      <c r="U10801" s="19"/>
      <c r="V10801" s="19"/>
      <c r="W10801" s="19"/>
      <c r="X10801" s="19"/>
      <c r="Y10801" s="19"/>
      <c r="Z10801" s="19"/>
      <c r="AA10801" s="19"/>
    </row>
    <row r="10802" spans="1:27" s="1" customFormat="1" ht="11.1" customHeight="1" outlineLevel="3" x14ac:dyDescent="0.2">
      <c r="A10802" s="17">
        <v>1893</v>
      </c>
      <c r="B10802" s="17"/>
      <c r="C10802" s="17"/>
      <c r="D10802" s="18" t="s">
        <v>5358</v>
      </c>
      <c r="E10802" s="18"/>
      <c r="F10802" s="18"/>
      <c r="G10802" s="18"/>
      <c r="H10802" s="18"/>
      <c r="I10802" s="18"/>
      <c r="J10802" s="18"/>
      <c r="K10802" s="18"/>
      <c r="L10802" s="18"/>
      <c r="M10802" s="18"/>
      <c r="N10802" s="18"/>
      <c r="O10802" s="18"/>
      <c r="P10802" s="19">
        <v>150</v>
      </c>
      <c r="Q10802" s="19"/>
      <c r="R10802" s="19"/>
      <c r="S10802" s="19"/>
      <c r="T10802" s="19">
        <v>40</v>
      </c>
      <c r="U10802" s="19"/>
      <c r="V10802" s="19"/>
      <c r="W10802" s="19"/>
      <c r="X10802" s="19">
        <v>3</v>
      </c>
      <c r="Y10802" s="19"/>
      <c r="Z10802" s="19"/>
      <c r="AA10802" s="19"/>
    </row>
    <row r="10803" spans="1:27" s="1" customFormat="1" ht="11.1" customHeight="1" outlineLevel="3" x14ac:dyDescent="0.2">
      <c r="A10803" s="17"/>
      <c r="B10803" s="17"/>
      <c r="C10803" s="17"/>
      <c r="D10803" s="18"/>
      <c r="E10803" s="18"/>
      <c r="F10803" s="18"/>
      <c r="G10803" s="18"/>
      <c r="H10803" s="18"/>
      <c r="I10803" s="18"/>
      <c r="J10803" s="18"/>
      <c r="K10803" s="18"/>
      <c r="L10803" s="18"/>
      <c r="M10803" s="18"/>
      <c r="N10803" s="18"/>
      <c r="O10803" s="18"/>
      <c r="P10803" s="19"/>
      <c r="Q10803" s="19"/>
      <c r="R10803" s="19"/>
      <c r="S10803" s="19"/>
      <c r="T10803" s="19"/>
      <c r="U10803" s="19"/>
      <c r="V10803" s="19"/>
      <c r="W10803" s="19"/>
      <c r="X10803" s="19"/>
      <c r="Y10803" s="19"/>
      <c r="Z10803" s="19"/>
      <c r="AA10803" s="19"/>
    </row>
    <row r="10804" spans="1:27" s="1" customFormat="1" ht="11.1" customHeight="1" outlineLevel="3" x14ac:dyDescent="0.2">
      <c r="A10804" s="17">
        <v>1894</v>
      </c>
      <c r="B10804" s="17"/>
      <c r="C10804" s="17"/>
      <c r="D10804" s="18" t="s">
        <v>5359</v>
      </c>
      <c r="E10804" s="18"/>
      <c r="F10804" s="18"/>
      <c r="G10804" s="18"/>
      <c r="H10804" s="18"/>
      <c r="I10804" s="18"/>
      <c r="J10804" s="18"/>
      <c r="K10804" s="18"/>
      <c r="L10804" s="18"/>
      <c r="M10804" s="18"/>
      <c r="N10804" s="18"/>
      <c r="O10804" s="18"/>
      <c r="P10804" s="19">
        <v>150</v>
      </c>
      <c r="Q10804" s="19"/>
      <c r="R10804" s="19"/>
      <c r="S10804" s="19"/>
      <c r="T10804" s="19">
        <v>40</v>
      </c>
      <c r="U10804" s="19"/>
      <c r="V10804" s="19"/>
      <c r="W10804" s="19"/>
      <c r="X10804" s="19">
        <v>2</v>
      </c>
      <c r="Y10804" s="19"/>
      <c r="Z10804" s="19"/>
      <c r="AA10804" s="19"/>
    </row>
    <row r="10805" spans="1:27" s="1" customFormat="1" ht="11.1" customHeight="1" outlineLevel="3" x14ac:dyDescent="0.2">
      <c r="A10805" s="17"/>
      <c r="B10805" s="17"/>
      <c r="C10805" s="17"/>
      <c r="D10805" s="18"/>
      <c r="E10805" s="18"/>
      <c r="F10805" s="18"/>
      <c r="G10805" s="18"/>
      <c r="H10805" s="18"/>
      <c r="I10805" s="18"/>
      <c r="J10805" s="18"/>
      <c r="K10805" s="18"/>
      <c r="L10805" s="18"/>
      <c r="M10805" s="18"/>
      <c r="N10805" s="18"/>
      <c r="O10805" s="18"/>
      <c r="P10805" s="19"/>
      <c r="Q10805" s="19"/>
      <c r="R10805" s="19"/>
      <c r="S10805" s="19"/>
      <c r="T10805" s="19"/>
      <c r="U10805" s="19"/>
      <c r="V10805" s="19"/>
      <c r="W10805" s="19"/>
      <c r="X10805" s="19"/>
      <c r="Y10805" s="19"/>
      <c r="Z10805" s="19"/>
      <c r="AA10805" s="19"/>
    </row>
    <row r="10806" spans="1:27" s="1" customFormat="1" ht="11.1" customHeight="1" outlineLevel="3" x14ac:dyDescent="0.2">
      <c r="A10806" s="17">
        <v>14393</v>
      </c>
      <c r="B10806" s="17"/>
      <c r="C10806" s="17"/>
      <c r="D10806" s="18" t="s">
        <v>5360</v>
      </c>
      <c r="E10806" s="18"/>
      <c r="F10806" s="18"/>
      <c r="G10806" s="18"/>
      <c r="H10806" s="18"/>
      <c r="I10806" s="18"/>
      <c r="J10806" s="18"/>
      <c r="K10806" s="18"/>
      <c r="L10806" s="18"/>
      <c r="M10806" s="18"/>
      <c r="N10806" s="18"/>
      <c r="O10806" s="18"/>
      <c r="P10806" s="19">
        <v>370</v>
      </c>
      <c r="Q10806" s="19"/>
      <c r="R10806" s="19"/>
      <c r="S10806" s="19"/>
      <c r="T10806" s="19">
        <v>210</v>
      </c>
      <c r="U10806" s="19"/>
      <c r="V10806" s="19"/>
      <c r="W10806" s="19"/>
      <c r="X10806" s="19">
        <v>2</v>
      </c>
      <c r="Y10806" s="19"/>
      <c r="Z10806" s="19"/>
      <c r="AA10806" s="19"/>
    </row>
    <row r="10807" spans="1:27" s="1" customFormat="1" ht="11.1" customHeight="1" outlineLevel="3" x14ac:dyDescent="0.2">
      <c r="A10807" s="17"/>
      <c r="B10807" s="17"/>
      <c r="C10807" s="17"/>
      <c r="D10807" s="18"/>
      <c r="E10807" s="18"/>
      <c r="F10807" s="18"/>
      <c r="G10807" s="18"/>
      <c r="H10807" s="18"/>
      <c r="I10807" s="18"/>
      <c r="J10807" s="18"/>
      <c r="K10807" s="18"/>
      <c r="L10807" s="18"/>
      <c r="M10807" s="18"/>
      <c r="N10807" s="18"/>
      <c r="O10807" s="18"/>
      <c r="P10807" s="19"/>
      <c r="Q10807" s="19"/>
      <c r="R10807" s="19"/>
      <c r="S10807" s="19"/>
      <c r="T10807" s="19"/>
      <c r="U10807" s="19"/>
      <c r="V10807" s="19"/>
      <c r="W10807" s="19"/>
      <c r="X10807" s="19"/>
      <c r="Y10807" s="19"/>
      <c r="Z10807" s="19"/>
      <c r="AA10807" s="19"/>
    </row>
    <row r="10808" spans="1:27" s="1" customFormat="1" ht="11.1" customHeight="1" outlineLevel="3" x14ac:dyDescent="0.2">
      <c r="A10808" s="17">
        <v>16056</v>
      </c>
      <c r="B10808" s="17"/>
      <c r="C10808" s="17"/>
      <c r="D10808" s="18" t="s">
        <v>5361</v>
      </c>
      <c r="E10808" s="18"/>
      <c r="F10808" s="18"/>
      <c r="G10808" s="18"/>
      <c r="H10808" s="18"/>
      <c r="I10808" s="18"/>
      <c r="J10808" s="18"/>
      <c r="K10808" s="18"/>
      <c r="L10808" s="18"/>
      <c r="M10808" s="18"/>
      <c r="N10808" s="18"/>
      <c r="O10808" s="18"/>
      <c r="P10808" s="19">
        <v>340</v>
      </c>
      <c r="Q10808" s="19"/>
      <c r="R10808" s="19"/>
      <c r="S10808" s="19"/>
      <c r="T10808" s="19">
        <v>180</v>
      </c>
      <c r="U10808" s="19"/>
      <c r="V10808" s="19"/>
      <c r="W10808" s="19"/>
      <c r="X10808" s="19">
        <v>2</v>
      </c>
      <c r="Y10808" s="19"/>
      <c r="Z10808" s="19"/>
      <c r="AA10808" s="19"/>
    </row>
    <row r="10809" spans="1:27" s="1" customFormat="1" ht="11.1" customHeight="1" outlineLevel="3" x14ac:dyDescent="0.2">
      <c r="A10809" s="17"/>
      <c r="B10809" s="17"/>
      <c r="C10809" s="17"/>
      <c r="D10809" s="18"/>
      <c r="E10809" s="18"/>
      <c r="F10809" s="18"/>
      <c r="G10809" s="18"/>
      <c r="H10809" s="18"/>
      <c r="I10809" s="18"/>
      <c r="J10809" s="18"/>
      <c r="K10809" s="18"/>
      <c r="L10809" s="18"/>
      <c r="M10809" s="18"/>
      <c r="N10809" s="18"/>
      <c r="O10809" s="18"/>
      <c r="P10809" s="19"/>
      <c r="Q10809" s="19"/>
      <c r="R10809" s="19"/>
      <c r="S10809" s="19"/>
      <c r="T10809" s="19"/>
      <c r="U10809" s="19"/>
      <c r="V10809" s="19"/>
      <c r="W10809" s="19"/>
      <c r="X10809" s="19"/>
      <c r="Y10809" s="19"/>
      <c r="Z10809" s="19"/>
      <c r="AA10809" s="19"/>
    </row>
    <row r="10810" spans="1:27" s="1" customFormat="1" ht="11.1" customHeight="1" outlineLevel="3" x14ac:dyDescent="0.2">
      <c r="A10810" s="17">
        <v>14396</v>
      </c>
      <c r="B10810" s="17"/>
      <c r="C10810" s="17"/>
      <c r="D10810" s="18" t="s">
        <v>5362</v>
      </c>
      <c r="E10810" s="18"/>
      <c r="F10810" s="18"/>
      <c r="G10810" s="18"/>
      <c r="H10810" s="18"/>
      <c r="I10810" s="18"/>
      <c r="J10810" s="18"/>
      <c r="K10810" s="18"/>
      <c r="L10810" s="18"/>
      <c r="M10810" s="18"/>
      <c r="N10810" s="18"/>
      <c r="O10810" s="18"/>
      <c r="P10810" s="19">
        <v>360</v>
      </c>
      <c r="Q10810" s="19"/>
      <c r="R10810" s="19"/>
      <c r="S10810" s="19"/>
      <c r="T10810" s="19">
        <v>220</v>
      </c>
      <c r="U10810" s="19"/>
      <c r="V10810" s="19"/>
      <c r="W10810" s="19"/>
      <c r="X10810" s="19">
        <v>2</v>
      </c>
      <c r="Y10810" s="19"/>
      <c r="Z10810" s="19"/>
      <c r="AA10810" s="19"/>
    </row>
    <row r="10811" spans="1:27" s="1" customFormat="1" ht="11.1" customHeight="1" outlineLevel="3" x14ac:dyDescent="0.2">
      <c r="A10811" s="17"/>
      <c r="B10811" s="17"/>
      <c r="C10811" s="17"/>
      <c r="D10811" s="18"/>
      <c r="E10811" s="18"/>
      <c r="F10811" s="18"/>
      <c r="G10811" s="18"/>
      <c r="H10811" s="18"/>
      <c r="I10811" s="18"/>
      <c r="J10811" s="18"/>
      <c r="K10811" s="18"/>
      <c r="L10811" s="18"/>
      <c r="M10811" s="18"/>
      <c r="N10811" s="18"/>
      <c r="O10811" s="18"/>
      <c r="P10811" s="19"/>
      <c r="Q10811" s="19"/>
      <c r="R10811" s="19"/>
      <c r="S10811" s="19"/>
      <c r="T10811" s="19"/>
      <c r="U10811" s="19"/>
      <c r="V10811" s="19"/>
      <c r="W10811" s="19"/>
      <c r="X10811" s="19"/>
      <c r="Y10811" s="19"/>
      <c r="Z10811" s="19"/>
      <c r="AA10811" s="19"/>
    </row>
    <row r="10812" spans="1:27" s="1" customFormat="1" ht="11.1" customHeight="1" outlineLevel="3" x14ac:dyDescent="0.2">
      <c r="A10812" s="17">
        <v>14394</v>
      </c>
      <c r="B10812" s="17"/>
      <c r="C10812" s="17"/>
      <c r="D10812" s="18" t="s">
        <v>5363</v>
      </c>
      <c r="E10812" s="18"/>
      <c r="F10812" s="18"/>
      <c r="G10812" s="18"/>
      <c r="H10812" s="18"/>
      <c r="I10812" s="18"/>
      <c r="J10812" s="18"/>
      <c r="K10812" s="18"/>
      <c r="L10812" s="18"/>
      <c r="M10812" s="18"/>
      <c r="N10812" s="18"/>
      <c r="O10812" s="18"/>
      <c r="P10812" s="19">
        <v>550</v>
      </c>
      <c r="Q10812" s="19"/>
      <c r="R10812" s="19"/>
      <c r="S10812" s="19"/>
      <c r="T10812" s="19">
        <v>370</v>
      </c>
      <c r="U10812" s="19"/>
      <c r="V10812" s="19"/>
      <c r="W10812" s="19"/>
      <c r="X10812" s="19">
        <v>3</v>
      </c>
      <c r="Y10812" s="19"/>
      <c r="Z10812" s="19"/>
      <c r="AA10812" s="19"/>
    </row>
    <row r="10813" spans="1:27" s="1" customFormat="1" ht="11.1" customHeight="1" outlineLevel="3" x14ac:dyDescent="0.2">
      <c r="A10813" s="17"/>
      <c r="B10813" s="17"/>
      <c r="C10813" s="17"/>
      <c r="D10813" s="18"/>
      <c r="E10813" s="18"/>
      <c r="F10813" s="18"/>
      <c r="G10813" s="18"/>
      <c r="H10813" s="18"/>
      <c r="I10813" s="18"/>
      <c r="J10813" s="18"/>
      <c r="K10813" s="18"/>
      <c r="L10813" s="18"/>
      <c r="M10813" s="18"/>
      <c r="N10813" s="18"/>
      <c r="O10813" s="18"/>
      <c r="P10813" s="19"/>
      <c r="Q10813" s="19"/>
      <c r="R10813" s="19"/>
      <c r="S10813" s="19"/>
      <c r="T10813" s="19"/>
      <c r="U10813" s="19"/>
      <c r="V10813" s="19"/>
      <c r="W10813" s="19"/>
      <c r="X10813" s="19"/>
      <c r="Y10813" s="19"/>
      <c r="Z10813" s="19"/>
      <c r="AA10813" s="19"/>
    </row>
    <row r="10814" spans="1:27" s="1" customFormat="1" ht="11.1" customHeight="1" outlineLevel="3" x14ac:dyDescent="0.2">
      <c r="A10814" s="17">
        <v>14395</v>
      </c>
      <c r="B10814" s="17"/>
      <c r="C10814" s="17"/>
      <c r="D10814" s="18" t="s">
        <v>5364</v>
      </c>
      <c r="E10814" s="18"/>
      <c r="F10814" s="18"/>
      <c r="G10814" s="18"/>
      <c r="H10814" s="18"/>
      <c r="I10814" s="18"/>
      <c r="J10814" s="18"/>
      <c r="K10814" s="18"/>
      <c r="L10814" s="18"/>
      <c r="M10814" s="18"/>
      <c r="N10814" s="18"/>
      <c r="O10814" s="18"/>
      <c r="P10814" s="19">
        <v>500</v>
      </c>
      <c r="Q10814" s="19"/>
      <c r="R10814" s="19"/>
      <c r="S10814" s="19"/>
      <c r="T10814" s="19">
        <v>300</v>
      </c>
      <c r="U10814" s="19"/>
      <c r="V10814" s="19"/>
      <c r="W10814" s="19"/>
      <c r="X10814" s="19">
        <v>4</v>
      </c>
      <c r="Y10814" s="19"/>
      <c r="Z10814" s="19"/>
      <c r="AA10814" s="19"/>
    </row>
    <row r="10815" spans="1:27" s="1" customFormat="1" ht="11.1" customHeight="1" outlineLevel="3" x14ac:dyDescent="0.2">
      <c r="A10815" s="17"/>
      <c r="B10815" s="17"/>
      <c r="C10815" s="17"/>
      <c r="D10815" s="18"/>
      <c r="E10815" s="18"/>
      <c r="F10815" s="18"/>
      <c r="G10815" s="18"/>
      <c r="H10815" s="18"/>
      <c r="I10815" s="18"/>
      <c r="J10815" s="18"/>
      <c r="K10815" s="18"/>
      <c r="L10815" s="18"/>
      <c r="M10815" s="18"/>
      <c r="N10815" s="18"/>
      <c r="O10815" s="18"/>
      <c r="P10815" s="19"/>
      <c r="Q10815" s="19"/>
      <c r="R10815" s="19"/>
      <c r="S10815" s="19"/>
      <c r="T10815" s="19"/>
      <c r="U10815" s="19"/>
      <c r="V10815" s="19"/>
      <c r="W10815" s="19"/>
      <c r="X10815" s="19"/>
      <c r="Y10815" s="19"/>
      <c r="Z10815" s="19"/>
      <c r="AA10815" s="19"/>
    </row>
    <row r="10816" spans="1:27" s="1" customFormat="1" ht="11.1" customHeight="1" outlineLevel="3" x14ac:dyDescent="0.2">
      <c r="A10816" s="17">
        <v>13314</v>
      </c>
      <c r="B10816" s="17"/>
      <c r="C10816" s="17"/>
      <c r="D10816" s="18" t="s">
        <v>5365</v>
      </c>
      <c r="E10816" s="18"/>
      <c r="F10816" s="18"/>
      <c r="G10816" s="18"/>
      <c r="H10816" s="18"/>
      <c r="I10816" s="18"/>
      <c r="J10816" s="18"/>
      <c r="K10816" s="18"/>
      <c r="L10816" s="18"/>
      <c r="M10816" s="18"/>
      <c r="N10816" s="18"/>
      <c r="O10816" s="18"/>
      <c r="P10816" s="19">
        <v>250</v>
      </c>
      <c r="Q10816" s="19"/>
      <c r="R10816" s="19"/>
      <c r="S10816" s="19"/>
      <c r="T10816" s="19">
        <v>180</v>
      </c>
      <c r="U10816" s="19"/>
      <c r="V10816" s="19"/>
      <c r="W10816" s="19"/>
      <c r="X10816" s="19">
        <v>4</v>
      </c>
      <c r="Y10816" s="19"/>
      <c r="Z10816" s="19"/>
      <c r="AA10816" s="19"/>
    </row>
    <row r="10817" spans="1:27" s="1" customFormat="1" ht="11.1" customHeight="1" outlineLevel="3" x14ac:dyDescent="0.2">
      <c r="A10817" s="17"/>
      <c r="B10817" s="17"/>
      <c r="C10817" s="17"/>
      <c r="D10817" s="18"/>
      <c r="E10817" s="18"/>
      <c r="F10817" s="18"/>
      <c r="G10817" s="18"/>
      <c r="H10817" s="18"/>
      <c r="I10817" s="18"/>
      <c r="J10817" s="18"/>
      <c r="K10817" s="18"/>
      <c r="L10817" s="18"/>
      <c r="M10817" s="18"/>
      <c r="N10817" s="18"/>
      <c r="O10817" s="18"/>
      <c r="P10817" s="19"/>
      <c r="Q10817" s="19"/>
      <c r="R10817" s="19"/>
      <c r="S10817" s="19"/>
      <c r="T10817" s="19"/>
      <c r="U10817" s="19"/>
      <c r="V10817" s="19"/>
      <c r="W10817" s="19"/>
      <c r="X10817" s="19"/>
      <c r="Y10817" s="19"/>
      <c r="Z10817" s="19"/>
      <c r="AA10817" s="19"/>
    </row>
    <row r="10818" spans="1:27" s="1" customFormat="1" ht="11.1" customHeight="1" outlineLevel="3" x14ac:dyDescent="0.2">
      <c r="A10818" s="17">
        <v>6958</v>
      </c>
      <c r="B10818" s="17"/>
      <c r="C10818" s="17"/>
      <c r="D10818" s="18" t="s">
        <v>5366</v>
      </c>
      <c r="E10818" s="18"/>
      <c r="F10818" s="18"/>
      <c r="G10818" s="18"/>
      <c r="H10818" s="18"/>
      <c r="I10818" s="18"/>
      <c r="J10818" s="18"/>
      <c r="K10818" s="18"/>
      <c r="L10818" s="18"/>
      <c r="M10818" s="18"/>
      <c r="N10818" s="18"/>
      <c r="O10818" s="18"/>
      <c r="P10818" s="19">
        <v>200</v>
      </c>
      <c r="Q10818" s="19"/>
      <c r="R10818" s="19"/>
      <c r="S10818" s="19"/>
      <c r="T10818" s="19">
        <v>67</v>
      </c>
      <c r="U10818" s="19"/>
      <c r="V10818" s="19"/>
      <c r="W10818" s="19"/>
      <c r="X10818" s="19">
        <v>1</v>
      </c>
      <c r="Y10818" s="19"/>
      <c r="Z10818" s="19"/>
      <c r="AA10818" s="19"/>
    </row>
    <row r="10819" spans="1:27" s="1" customFormat="1" ht="11.1" customHeight="1" outlineLevel="3" x14ac:dyDescent="0.2">
      <c r="A10819" s="17"/>
      <c r="B10819" s="17"/>
      <c r="C10819" s="17"/>
      <c r="D10819" s="18"/>
      <c r="E10819" s="18"/>
      <c r="F10819" s="18"/>
      <c r="G10819" s="18"/>
      <c r="H10819" s="18"/>
      <c r="I10819" s="18"/>
      <c r="J10819" s="18"/>
      <c r="K10819" s="18"/>
      <c r="L10819" s="18"/>
      <c r="M10819" s="18"/>
      <c r="N10819" s="18"/>
      <c r="O10819" s="18"/>
      <c r="P10819" s="19"/>
      <c r="Q10819" s="19"/>
      <c r="R10819" s="19"/>
      <c r="S10819" s="19"/>
      <c r="T10819" s="19"/>
      <c r="U10819" s="19"/>
      <c r="V10819" s="19"/>
      <c r="W10819" s="19"/>
      <c r="X10819" s="19"/>
      <c r="Y10819" s="19"/>
      <c r="Z10819" s="19"/>
      <c r="AA10819" s="19"/>
    </row>
    <row r="10820" spans="1:27" s="1" customFormat="1" ht="11.1" customHeight="1" outlineLevel="3" x14ac:dyDescent="0.2">
      <c r="A10820" s="17">
        <v>13767</v>
      </c>
      <c r="B10820" s="17"/>
      <c r="C10820" s="17"/>
      <c r="D10820" s="18" t="s">
        <v>5367</v>
      </c>
      <c r="E10820" s="18"/>
      <c r="F10820" s="18"/>
      <c r="G10820" s="18"/>
      <c r="H10820" s="18"/>
      <c r="I10820" s="18"/>
      <c r="J10820" s="18"/>
      <c r="K10820" s="18"/>
      <c r="L10820" s="18"/>
      <c r="M10820" s="18"/>
      <c r="N10820" s="18"/>
      <c r="O10820" s="18"/>
      <c r="P10820" s="19">
        <v>250</v>
      </c>
      <c r="Q10820" s="19"/>
      <c r="R10820" s="19"/>
      <c r="S10820" s="19"/>
      <c r="T10820" s="19">
        <v>180</v>
      </c>
      <c r="U10820" s="19"/>
      <c r="V10820" s="19"/>
      <c r="W10820" s="19"/>
      <c r="X10820" s="19">
        <v>5</v>
      </c>
      <c r="Y10820" s="19"/>
      <c r="Z10820" s="19"/>
      <c r="AA10820" s="19"/>
    </row>
    <row r="10821" spans="1:27" s="1" customFormat="1" ht="11.1" customHeight="1" outlineLevel="3" x14ac:dyDescent="0.2">
      <c r="A10821" s="17"/>
      <c r="B10821" s="17"/>
      <c r="C10821" s="17"/>
      <c r="D10821" s="18"/>
      <c r="E10821" s="18"/>
      <c r="F10821" s="18"/>
      <c r="G10821" s="18"/>
      <c r="H10821" s="18"/>
      <c r="I10821" s="18"/>
      <c r="J10821" s="18"/>
      <c r="K10821" s="18"/>
      <c r="L10821" s="18"/>
      <c r="M10821" s="18"/>
      <c r="N10821" s="18"/>
      <c r="O10821" s="18"/>
      <c r="P10821" s="19"/>
      <c r="Q10821" s="19"/>
      <c r="R10821" s="19"/>
      <c r="S10821" s="19"/>
      <c r="T10821" s="19"/>
      <c r="U10821" s="19"/>
      <c r="V10821" s="19"/>
      <c r="W10821" s="19"/>
      <c r="X10821" s="19"/>
      <c r="Y10821" s="19"/>
      <c r="Z10821" s="19"/>
      <c r="AA10821" s="19"/>
    </row>
    <row r="10822" spans="1:27" s="1" customFormat="1" ht="11.1" customHeight="1" outlineLevel="3" x14ac:dyDescent="0.2">
      <c r="A10822" s="17">
        <v>12381</v>
      </c>
      <c r="B10822" s="17"/>
      <c r="C10822" s="17"/>
      <c r="D10822" s="18" t="s">
        <v>5368</v>
      </c>
      <c r="E10822" s="18"/>
      <c r="F10822" s="18"/>
      <c r="G10822" s="18"/>
      <c r="H10822" s="18"/>
      <c r="I10822" s="18"/>
      <c r="J10822" s="18"/>
      <c r="K10822" s="18"/>
      <c r="L10822" s="18"/>
      <c r="M10822" s="18"/>
      <c r="N10822" s="18"/>
      <c r="O10822" s="18"/>
      <c r="P10822" s="19">
        <v>300</v>
      </c>
      <c r="Q10822" s="19"/>
      <c r="R10822" s="19"/>
      <c r="S10822" s="19"/>
      <c r="T10822" s="19">
        <v>160</v>
      </c>
      <c r="U10822" s="19"/>
      <c r="V10822" s="19"/>
      <c r="W10822" s="19"/>
      <c r="X10822" s="19">
        <v>9</v>
      </c>
      <c r="Y10822" s="19"/>
      <c r="Z10822" s="19"/>
      <c r="AA10822" s="19"/>
    </row>
    <row r="10823" spans="1:27" s="1" customFormat="1" ht="11.1" customHeight="1" outlineLevel="3" x14ac:dyDescent="0.2">
      <c r="A10823" s="17"/>
      <c r="B10823" s="17"/>
      <c r="C10823" s="17"/>
      <c r="D10823" s="18"/>
      <c r="E10823" s="18"/>
      <c r="F10823" s="18"/>
      <c r="G10823" s="18"/>
      <c r="H10823" s="18"/>
      <c r="I10823" s="18"/>
      <c r="J10823" s="18"/>
      <c r="K10823" s="18"/>
      <c r="L10823" s="18"/>
      <c r="M10823" s="18"/>
      <c r="N10823" s="18"/>
      <c r="O10823" s="18"/>
      <c r="P10823" s="19"/>
      <c r="Q10823" s="19"/>
      <c r="R10823" s="19"/>
      <c r="S10823" s="19"/>
      <c r="T10823" s="19"/>
      <c r="U10823" s="19"/>
      <c r="V10823" s="19"/>
      <c r="W10823" s="19"/>
      <c r="X10823" s="19"/>
      <c r="Y10823" s="19"/>
      <c r="Z10823" s="19"/>
      <c r="AA10823" s="19"/>
    </row>
    <row r="10824" spans="1:27" s="1" customFormat="1" ht="11.1" customHeight="1" outlineLevel="3" x14ac:dyDescent="0.2">
      <c r="A10824" s="17">
        <v>8677</v>
      </c>
      <c r="B10824" s="17"/>
      <c r="C10824" s="17"/>
      <c r="D10824" s="18" t="s">
        <v>5369</v>
      </c>
      <c r="E10824" s="18"/>
      <c r="F10824" s="18"/>
      <c r="G10824" s="18"/>
      <c r="H10824" s="18"/>
      <c r="I10824" s="18"/>
      <c r="J10824" s="18"/>
      <c r="K10824" s="18"/>
      <c r="L10824" s="18"/>
      <c r="M10824" s="18"/>
      <c r="N10824" s="18"/>
      <c r="O10824" s="18"/>
      <c r="P10824" s="19">
        <v>830</v>
      </c>
      <c r="Q10824" s="19"/>
      <c r="R10824" s="19"/>
      <c r="S10824" s="19"/>
      <c r="T10824" s="19">
        <v>560</v>
      </c>
      <c r="U10824" s="19"/>
      <c r="V10824" s="19"/>
      <c r="W10824" s="19"/>
      <c r="X10824" s="19">
        <v>5</v>
      </c>
      <c r="Y10824" s="19"/>
      <c r="Z10824" s="19"/>
      <c r="AA10824" s="19"/>
    </row>
    <row r="10825" spans="1:27" s="1" customFormat="1" ht="11.1" customHeight="1" outlineLevel="3" x14ac:dyDescent="0.2">
      <c r="A10825" s="17"/>
      <c r="B10825" s="17"/>
      <c r="C10825" s="17"/>
      <c r="D10825" s="18"/>
      <c r="E10825" s="18"/>
      <c r="F10825" s="18"/>
      <c r="G10825" s="18"/>
      <c r="H10825" s="18"/>
      <c r="I10825" s="18"/>
      <c r="J10825" s="18"/>
      <c r="K10825" s="18"/>
      <c r="L10825" s="18"/>
      <c r="M10825" s="18"/>
      <c r="N10825" s="18"/>
      <c r="O10825" s="18"/>
      <c r="P10825" s="19"/>
      <c r="Q10825" s="19"/>
      <c r="R10825" s="19"/>
      <c r="S10825" s="19"/>
      <c r="T10825" s="19"/>
      <c r="U10825" s="19"/>
      <c r="V10825" s="19"/>
      <c r="W10825" s="19"/>
      <c r="X10825" s="19"/>
      <c r="Y10825" s="19"/>
      <c r="Z10825" s="19"/>
      <c r="AA10825" s="19"/>
    </row>
    <row r="10826" spans="1:27" s="1" customFormat="1" ht="11.1" customHeight="1" outlineLevel="3" x14ac:dyDescent="0.2">
      <c r="A10826" s="17">
        <v>16245</v>
      </c>
      <c r="B10826" s="17"/>
      <c r="C10826" s="17"/>
      <c r="D10826" s="18" t="s">
        <v>5370</v>
      </c>
      <c r="E10826" s="18"/>
      <c r="F10826" s="18"/>
      <c r="G10826" s="18"/>
      <c r="H10826" s="18"/>
      <c r="I10826" s="18"/>
      <c r="J10826" s="18"/>
      <c r="K10826" s="18"/>
      <c r="L10826" s="18"/>
      <c r="M10826" s="18"/>
      <c r="N10826" s="18"/>
      <c r="O10826" s="18"/>
      <c r="P10826" s="19">
        <v>650</v>
      </c>
      <c r="Q10826" s="19"/>
      <c r="R10826" s="19"/>
      <c r="S10826" s="19"/>
      <c r="T10826" s="19">
        <v>400</v>
      </c>
      <c r="U10826" s="19"/>
      <c r="V10826" s="19"/>
      <c r="W10826" s="19"/>
      <c r="X10826" s="19">
        <v>2</v>
      </c>
      <c r="Y10826" s="19"/>
      <c r="Z10826" s="19"/>
      <c r="AA10826" s="19"/>
    </row>
    <row r="10827" spans="1:27" s="1" customFormat="1" ht="11.1" customHeight="1" outlineLevel="3" x14ac:dyDescent="0.2">
      <c r="A10827" s="17"/>
      <c r="B10827" s="17"/>
      <c r="C10827" s="17"/>
      <c r="D10827" s="18"/>
      <c r="E10827" s="18"/>
      <c r="F10827" s="18"/>
      <c r="G10827" s="18"/>
      <c r="H10827" s="18"/>
      <c r="I10827" s="18"/>
      <c r="J10827" s="18"/>
      <c r="K10827" s="18"/>
      <c r="L10827" s="18"/>
      <c r="M10827" s="18"/>
      <c r="N10827" s="18"/>
      <c r="O10827" s="18"/>
      <c r="P10827" s="19"/>
      <c r="Q10827" s="19"/>
      <c r="R10827" s="19"/>
      <c r="S10827" s="19"/>
      <c r="T10827" s="19"/>
      <c r="U10827" s="19"/>
      <c r="V10827" s="19"/>
      <c r="W10827" s="19"/>
      <c r="X10827" s="19"/>
      <c r="Y10827" s="19"/>
      <c r="Z10827" s="19"/>
      <c r="AA10827" s="19"/>
    </row>
    <row r="10828" spans="1:27" s="1" customFormat="1" ht="11.1" customHeight="1" outlineLevel="3" x14ac:dyDescent="0.2">
      <c r="A10828" s="17">
        <v>17668</v>
      </c>
      <c r="B10828" s="17"/>
      <c r="C10828" s="17"/>
      <c r="D10828" s="18" t="s">
        <v>5371</v>
      </c>
      <c r="E10828" s="18"/>
      <c r="F10828" s="18"/>
      <c r="G10828" s="18"/>
      <c r="H10828" s="18"/>
      <c r="I10828" s="18"/>
      <c r="J10828" s="18"/>
      <c r="K10828" s="18"/>
      <c r="L10828" s="18"/>
      <c r="M10828" s="18"/>
      <c r="N10828" s="18"/>
      <c r="O10828" s="18"/>
      <c r="P10828" s="19">
        <v>850</v>
      </c>
      <c r="Q10828" s="19"/>
      <c r="R10828" s="19"/>
      <c r="S10828" s="19"/>
      <c r="T10828" s="19">
        <v>530</v>
      </c>
      <c r="U10828" s="19"/>
      <c r="V10828" s="19"/>
      <c r="W10828" s="19"/>
      <c r="X10828" s="19">
        <v>4</v>
      </c>
      <c r="Y10828" s="19"/>
      <c r="Z10828" s="19"/>
      <c r="AA10828" s="19"/>
    </row>
    <row r="10829" spans="1:27" s="1" customFormat="1" ht="11.1" customHeight="1" outlineLevel="3" x14ac:dyDescent="0.2">
      <c r="A10829" s="17"/>
      <c r="B10829" s="17"/>
      <c r="C10829" s="17"/>
      <c r="D10829" s="18"/>
      <c r="E10829" s="18"/>
      <c r="F10829" s="18"/>
      <c r="G10829" s="18"/>
      <c r="H10829" s="18"/>
      <c r="I10829" s="18"/>
      <c r="J10829" s="18"/>
      <c r="K10829" s="18"/>
      <c r="L10829" s="18"/>
      <c r="M10829" s="18"/>
      <c r="N10829" s="18"/>
      <c r="O10829" s="18"/>
      <c r="P10829" s="19"/>
      <c r="Q10829" s="19"/>
      <c r="R10829" s="19"/>
      <c r="S10829" s="19"/>
      <c r="T10829" s="19"/>
      <c r="U10829" s="19"/>
      <c r="V10829" s="19"/>
      <c r="W10829" s="19"/>
      <c r="X10829" s="19"/>
      <c r="Y10829" s="19"/>
      <c r="Z10829" s="19"/>
      <c r="AA10829" s="19"/>
    </row>
    <row r="10830" spans="1:27" s="1" customFormat="1" ht="14.1" customHeight="1" outlineLevel="3" x14ac:dyDescent="0.2">
      <c r="A10830" s="17">
        <v>17414</v>
      </c>
      <c r="B10830" s="17"/>
      <c r="C10830" s="17"/>
      <c r="D10830" s="18" t="s">
        <v>5372</v>
      </c>
      <c r="E10830" s="18"/>
      <c r="F10830" s="18"/>
      <c r="G10830" s="18"/>
      <c r="H10830" s="18"/>
      <c r="I10830" s="18"/>
      <c r="J10830" s="18"/>
      <c r="K10830" s="18"/>
      <c r="L10830" s="18"/>
      <c r="M10830" s="18"/>
      <c r="N10830" s="18"/>
      <c r="O10830" s="18"/>
      <c r="P10830" s="19">
        <v>350</v>
      </c>
      <c r="Q10830" s="19"/>
      <c r="R10830" s="19"/>
      <c r="S10830" s="19"/>
      <c r="T10830" s="19">
        <v>300</v>
      </c>
      <c r="U10830" s="19"/>
      <c r="V10830" s="19"/>
      <c r="W10830" s="19"/>
      <c r="X10830" s="19">
        <v>1</v>
      </c>
      <c r="Y10830" s="19"/>
      <c r="Z10830" s="19"/>
      <c r="AA10830" s="19"/>
    </row>
    <row r="10831" spans="1:27" s="1" customFormat="1" ht="14.1" customHeight="1" outlineLevel="3" x14ac:dyDescent="0.2">
      <c r="A10831" s="17"/>
      <c r="B10831" s="17"/>
      <c r="C10831" s="17"/>
      <c r="D10831" s="18"/>
      <c r="E10831" s="18"/>
      <c r="F10831" s="18"/>
      <c r="G10831" s="18"/>
      <c r="H10831" s="18"/>
      <c r="I10831" s="18"/>
      <c r="J10831" s="18"/>
      <c r="K10831" s="18"/>
      <c r="L10831" s="18"/>
      <c r="M10831" s="18"/>
      <c r="N10831" s="18"/>
      <c r="O10831" s="18"/>
      <c r="P10831" s="19"/>
      <c r="Q10831" s="19"/>
      <c r="R10831" s="19"/>
      <c r="S10831" s="19"/>
      <c r="T10831" s="19"/>
      <c r="U10831" s="19"/>
      <c r="V10831" s="19"/>
      <c r="W10831" s="19"/>
      <c r="X10831" s="19"/>
      <c r="Y10831" s="19"/>
      <c r="Z10831" s="19"/>
      <c r="AA10831" s="19"/>
    </row>
    <row r="10832" spans="1:27" s="1" customFormat="1" ht="14.1" customHeight="1" outlineLevel="3" x14ac:dyDescent="0.2">
      <c r="A10832" s="17">
        <v>17413</v>
      </c>
      <c r="B10832" s="17"/>
      <c r="C10832" s="17"/>
      <c r="D10832" s="18" t="s">
        <v>5373</v>
      </c>
      <c r="E10832" s="18"/>
      <c r="F10832" s="18"/>
      <c r="G10832" s="18"/>
      <c r="H10832" s="18"/>
      <c r="I10832" s="18"/>
      <c r="J10832" s="18"/>
      <c r="K10832" s="18"/>
      <c r="L10832" s="18"/>
      <c r="M10832" s="18"/>
      <c r="N10832" s="18"/>
      <c r="O10832" s="18"/>
      <c r="P10832" s="19">
        <v>350</v>
      </c>
      <c r="Q10832" s="19"/>
      <c r="R10832" s="19"/>
      <c r="S10832" s="19"/>
      <c r="T10832" s="19">
        <v>300</v>
      </c>
      <c r="U10832" s="19"/>
      <c r="V10832" s="19"/>
      <c r="W10832" s="19"/>
      <c r="X10832" s="19">
        <v>1</v>
      </c>
      <c r="Y10832" s="19"/>
      <c r="Z10832" s="19"/>
      <c r="AA10832" s="19"/>
    </row>
    <row r="10833" spans="1:27" s="1" customFormat="1" ht="14.1" customHeight="1" outlineLevel="3" x14ac:dyDescent="0.2">
      <c r="A10833" s="17"/>
      <c r="B10833" s="17"/>
      <c r="C10833" s="17"/>
      <c r="D10833" s="18"/>
      <c r="E10833" s="18"/>
      <c r="F10833" s="18"/>
      <c r="G10833" s="18"/>
      <c r="H10833" s="18"/>
      <c r="I10833" s="18"/>
      <c r="J10833" s="18"/>
      <c r="K10833" s="18"/>
      <c r="L10833" s="18"/>
      <c r="M10833" s="18"/>
      <c r="N10833" s="18"/>
      <c r="O10833" s="18"/>
      <c r="P10833" s="19"/>
      <c r="Q10833" s="19"/>
      <c r="R10833" s="19"/>
      <c r="S10833" s="19"/>
      <c r="T10833" s="19"/>
      <c r="U10833" s="19"/>
      <c r="V10833" s="19"/>
      <c r="W10833" s="19"/>
      <c r="X10833" s="19"/>
      <c r="Y10833" s="19"/>
      <c r="Z10833" s="19"/>
      <c r="AA10833" s="19"/>
    </row>
    <row r="10834" spans="1:27" s="1" customFormat="1" ht="11.1" customHeight="1" outlineLevel="2" x14ac:dyDescent="0.2">
      <c r="A10834" s="16" t="s">
        <v>5374</v>
      </c>
      <c r="B10834" s="16"/>
      <c r="C10834" s="16"/>
      <c r="D10834" s="16"/>
      <c r="E10834" s="16"/>
      <c r="F10834" s="16"/>
      <c r="G10834" s="16"/>
      <c r="H10834" s="16"/>
      <c r="I10834" s="16"/>
      <c r="J10834" s="16"/>
      <c r="K10834" s="16"/>
      <c r="L10834" s="16"/>
      <c r="M10834" s="16"/>
      <c r="N10834" s="16"/>
      <c r="O10834" s="16"/>
      <c r="P10834" s="16"/>
      <c r="Q10834" s="16"/>
      <c r="R10834" s="16"/>
      <c r="S10834" s="16"/>
      <c r="T10834" s="16"/>
      <c r="U10834" s="16"/>
      <c r="V10834" s="16"/>
      <c r="W10834" s="16"/>
      <c r="X10834" s="16"/>
      <c r="Y10834" s="16"/>
      <c r="Z10834" s="16"/>
      <c r="AA10834" s="16"/>
    </row>
    <row r="10835" spans="1:27" s="1" customFormat="1" ht="11.1" customHeight="1" outlineLevel="2" x14ac:dyDescent="0.2">
      <c r="A10835" s="16"/>
      <c r="B10835" s="16"/>
      <c r="C10835" s="16"/>
      <c r="D10835" s="16"/>
      <c r="E10835" s="16"/>
      <c r="F10835" s="16"/>
      <c r="G10835" s="16"/>
      <c r="H10835" s="16"/>
      <c r="I10835" s="16"/>
      <c r="J10835" s="16"/>
      <c r="K10835" s="16"/>
      <c r="L10835" s="16"/>
      <c r="M10835" s="16"/>
      <c r="N10835" s="16"/>
      <c r="O10835" s="16"/>
      <c r="P10835" s="16"/>
      <c r="Q10835" s="16"/>
      <c r="R10835" s="16"/>
      <c r="S10835" s="16"/>
      <c r="T10835" s="16"/>
      <c r="U10835" s="16"/>
      <c r="V10835" s="16"/>
      <c r="W10835" s="16"/>
      <c r="X10835" s="16"/>
      <c r="Y10835" s="16"/>
      <c r="Z10835" s="16"/>
      <c r="AA10835" s="16"/>
    </row>
    <row r="10836" spans="1:27" s="1" customFormat="1" ht="14.1" customHeight="1" outlineLevel="3" x14ac:dyDescent="0.2">
      <c r="A10836" s="17">
        <v>9355</v>
      </c>
      <c r="B10836" s="17"/>
      <c r="C10836" s="17"/>
      <c r="D10836" s="18" t="s">
        <v>5375</v>
      </c>
      <c r="E10836" s="18"/>
      <c r="F10836" s="18"/>
      <c r="G10836" s="18"/>
      <c r="H10836" s="18"/>
      <c r="I10836" s="18"/>
      <c r="J10836" s="18"/>
      <c r="K10836" s="18"/>
      <c r="L10836" s="18"/>
      <c r="M10836" s="18"/>
      <c r="N10836" s="18"/>
      <c r="O10836" s="18"/>
      <c r="P10836" s="19">
        <v>190</v>
      </c>
      <c r="Q10836" s="19"/>
      <c r="R10836" s="19"/>
      <c r="S10836" s="19"/>
      <c r="T10836" s="19">
        <v>115</v>
      </c>
      <c r="U10836" s="19"/>
      <c r="V10836" s="19"/>
      <c r="W10836" s="19"/>
      <c r="X10836" s="19">
        <v>7</v>
      </c>
      <c r="Y10836" s="19"/>
      <c r="Z10836" s="19"/>
      <c r="AA10836" s="19"/>
    </row>
    <row r="10837" spans="1:27" s="1" customFormat="1" ht="14.1" customHeight="1" outlineLevel="3" x14ac:dyDescent="0.2">
      <c r="A10837" s="17"/>
      <c r="B10837" s="17"/>
      <c r="C10837" s="17"/>
      <c r="D10837" s="18"/>
      <c r="E10837" s="18"/>
      <c r="F10837" s="18"/>
      <c r="G10837" s="18"/>
      <c r="H10837" s="18"/>
      <c r="I10837" s="18"/>
      <c r="J10837" s="18"/>
      <c r="K10837" s="18"/>
      <c r="L10837" s="18"/>
      <c r="M10837" s="18"/>
      <c r="N10837" s="18"/>
      <c r="O10837" s="18"/>
      <c r="P10837" s="19"/>
      <c r="Q10837" s="19"/>
      <c r="R10837" s="19"/>
      <c r="S10837" s="19"/>
      <c r="T10837" s="19"/>
      <c r="U10837" s="19"/>
      <c r="V10837" s="19"/>
      <c r="W10837" s="19"/>
      <c r="X10837" s="19"/>
      <c r="Y10837" s="19"/>
      <c r="Z10837" s="19"/>
      <c r="AA10837" s="19"/>
    </row>
    <row r="10838" spans="1:27" s="1" customFormat="1" ht="14.1" customHeight="1" outlineLevel="3" x14ac:dyDescent="0.2">
      <c r="A10838" s="17">
        <v>9354</v>
      </c>
      <c r="B10838" s="17"/>
      <c r="C10838" s="17"/>
      <c r="D10838" s="18" t="s">
        <v>5376</v>
      </c>
      <c r="E10838" s="18"/>
      <c r="F10838" s="18"/>
      <c r="G10838" s="18"/>
      <c r="H10838" s="18"/>
      <c r="I10838" s="18"/>
      <c r="J10838" s="18"/>
      <c r="K10838" s="18"/>
      <c r="L10838" s="18"/>
      <c r="M10838" s="18"/>
      <c r="N10838" s="18"/>
      <c r="O10838" s="18"/>
      <c r="P10838" s="19">
        <v>190</v>
      </c>
      <c r="Q10838" s="19"/>
      <c r="R10838" s="19"/>
      <c r="S10838" s="19"/>
      <c r="T10838" s="19">
        <v>115</v>
      </c>
      <c r="U10838" s="19"/>
      <c r="V10838" s="19"/>
      <c r="W10838" s="19"/>
      <c r="X10838" s="19">
        <v>5</v>
      </c>
      <c r="Y10838" s="19"/>
      <c r="Z10838" s="19"/>
      <c r="AA10838" s="19"/>
    </row>
    <row r="10839" spans="1:27" s="1" customFormat="1" ht="14.1" customHeight="1" outlineLevel="3" x14ac:dyDescent="0.2">
      <c r="A10839" s="17"/>
      <c r="B10839" s="17"/>
      <c r="C10839" s="17"/>
      <c r="D10839" s="18"/>
      <c r="E10839" s="18"/>
      <c r="F10839" s="18"/>
      <c r="G10839" s="18"/>
      <c r="H10839" s="18"/>
      <c r="I10839" s="18"/>
      <c r="J10839" s="18"/>
      <c r="K10839" s="18"/>
      <c r="L10839" s="18"/>
      <c r="M10839" s="18"/>
      <c r="N10839" s="18"/>
      <c r="O10839" s="18"/>
      <c r="P10839" s="19"/>
      <c r="Q10839" s="19"/>
      <c r="R10839" s="19"/>
      <c r="S10839" s="19"/>
      <c r="T10839" s="19"/>
      <c r="U10839" s="19"/>
      <c r="V10839" s="19"/>
      <c r="W10839" s="19"/>
      <c r="X10839" s="19"/>
      <c r="Y10839" s="19"/>
      <c r="Z10839" s="19"/>
      <c r="AA10839" s="19"/>
    </row>
    <row r="10840" spans="1:27" s="1" customFormat="1" ht="14.1" customHeight="1" outlineLevel="3" x14ac:dyDescent="0.2">
      <c r="A10840" s="17">
        <v>9353</v>
      </c>
      <c r="B10840" s="17"/>
      <c r="C10840" s="17"/>
      <c r="D10840" s="18" t="s">
        <v>5377</v>
      </c>
      <c r="E10840" s="18"/>
      <c r="F10840" s="18"/>
      <c r="G10840" s="18"/>
      <c r="H10840" s="18"/>
      <c r="I10840" s="18"/>
      <c r="J10840" s="18"/>
      <c r="K10840" s="18"/>
      <c r="L10840" s="18"/>
      <c r="M10840" s="18"/>
      <c r="N10840" s="18"/>
      <c r="O10840" s="18"/>
      <c r="P10840" s="19">
        <v>190</v>
      </c>
      <c r="Q10840" s="19"/>
      <c r="R10840" s="19"/>
      <c r="S10840" s="19"/>
      <c r="T10840" s="19">
        <v>115</v>
      </c>
      <c r="U10840" s="19"/>
      <c r="V10840" s="19"/>
      <c r="W10840" s="19"/>
      <c r="X10840" s="19">
        <v>18</v>
      </c>
      <c r="Y10840" s="19"/>
      <c r="Z10840" s="19"/>
      <c r="AA10840" s="19"/>
    </row>
    <row r="10841" spans="1:27" s="1" customFormat="1" ht="14.1" customHeight="1" outlineLevel="3" x14ac:dyDescent="0.2">
      <c r="A10841" s="17"/>
      <c r="B10841" s="17"/>
      <c r="C10841" s="17"/>
      <c r="D10841" s="18"/>
      <c r="E10841" s="18"/>
      <c r="F10841" s="18"/>
      <c r="G10841" s="18"/>
      <c r="H10841" s="18"/>
      <c r="I10841" s="18"/>
      <c r="J10841" s="18"/>
      <c r="K10841" s="18"/>
      <c r="L10841" s="18"/>
      <c r="M10841" s="18"/>
      <c r="N10841" s="18"/>
      <c r="O10841" s="18"/>
      <c r="P10841" s="19"/>
      <c r="Q10841" s="19"/>
      <c r="R10841" s="19"/>
      <c r="S10841" s="19"/>
      <c r="T10841" s="19"/>
      <c r="U10841" s="19"/>
      <c r="V10841" s="19"/>
      <c r="W10841" s="19"/>
      <c r="X10841" s="19"/>
      <c r="Y10841" s="19"/>
      <c r="Z10841" s="19"/>
      <c r="AA10841" s="19"/>
    </row>
    <row r="10842" spans="1:27" s="1" customFormat="1" ht="14.1" customHeight="1" outlineLevel="3" x14ac:dyDescent="0.2">
      <c r="A10842" s="17">
        <v>9391</v>
      </c>
      <c r="B10842" s="17"/>
      <c r="C10842" s="17"/>
      <c r="D10842" s="18" t="s">
        <v>5378</v>
      </c>
      <c r="E10842" s="18"/>
      <c r="F10842" s="18"/>
      <c r="G10842" s="18"/>
      <c r="H10842" s="18"/>
      <c r="I10842" s="18"/>
      <c r="J10842" s="18"/>
      <c r="K10842" s="18"/>
      <c r="L10842" s="18"/>
      <c r="M10842" s="18"/>
      <c r="N10842" s="18"/>
      <c r="O10842" s="18"/>
      <c r="P10842" s="19">
        <v>190</v>
      </c>
      <c r="Q10842" s="19"/>
      <c r="R10842" s="19"/>
      <c r="S10842" s="19"/>
      <c r="T10842" s="19">
        <v>115</v>
      </c>
      <c r="U10842" s="19"/>
      <c r="V10842" s="19"/>
      <c r="W10842" s="19"/>
      <c r="X10842" s="19">
        <v>12</v>
      </c>
      <c r="Y10842" s="19"/>
      <c r="Z10842" s="19"/>
      <c r="AA10842" s="19"/>
    </row>
    <row r="10843" spans="1:27" s="1" customFormat="1" ht="14.1" customHeight="1" outlineLevel="3" x14ac:dyDescent="0.2">
      <c r="A10843" s="17"/>
      <c r="B10843" s="17"/>
      <c r="C10843" s="17"/>
      <c r="D10843" s="18"/>
      <c r="E10843" s="18"/>
      <c r="F10843" s="18"/>
      <c r="G10843" s="18"/>
      <c r="H10843" s="18"/>
      <c r="I10843" s="18"/>
      <c r="J10843" s="18"/>
      <c r="K10843" s="18"/>
      <c r="L10843" s="18"/>
      <c r="M10843" s="18"/>
      <c r="N10843" s="18"/>
      <c r="O10843" s="18"/>
      <c r="P10843" s="19"/>
      <c r="Q10843" s="19"/>
      <c r="R10843" s="19"/>
      <c r="S10843" s="19"/>
      <c r="T10843" s="19"/>
      <c r="U10843" s="19"/>
      <c r="V10843" s="19"/>
      <c r="W10843" s="19"/>
      <c r="X10843" s="19"/>
      <c r="Y10843" s="19"/>
      <c r="Z10843" s="19"/>
      <c r="AA10843" s="19"/>
    </row>
    <row r="10844" spans="1:27" s="1" customFormat="1" ht="11.1" customHeight="1" outlineLevel="2" x14ac:dyDescent="0.2">
      <c r="A10844" s="16" t="s">
        <v>5379</v>
      </c>
      <c r="B10844" s="16"/>
      <c r="C10844" s="16"/>
      <c r="D10844" s="16"/>
      <c r="E10844" s="16"/>
      <c r="F10844" s="16"/>
      <c r="G10844" s="16"/>
      <c r="H10844" s="16"/>
      <c r="I10844" s="16"/>
      <c r="J10844" s="16"/>
      <c r="K10844" s="16"/>
      <c r="L10844" s="16"/>
      <c r="M10844" s="16"/>
      <c r="N10844" s="16"/>
      <c r="O10844" s="16"/>
      <c r="P10844" s="16"/>
      <c r="Q10844" s="16"/>
      <c r="R10844" s="16"/>
      <c r="S10844" s="16"/>
      <c r="T10844" s="16"/>
      <c r="U10844" s="16"/>
      <c r="V10844" s="16"/>
      <c r="W10844" s="16"/>
      <c r="X10844" s="16"/>
      <c r="Y10844" s="16"/>
      <c r="Z10844" s="16"/>
      <c r="AA10844" s="16"/>
    </row>
    <row r="10845" spans="1:27" s="1" customFormat="1" ht="11.1" customHeight="1" outlineLevel="2" x14ac:dyDescent="0.2">
      <c r="A10845" s="16"/>
      <c r="B10845" s="16"/>
      <c r="C10845" s="16"/>
      <c r="D10845" s="16"/>
      <c r="E10845" s="16"/>
      <c r="F10845" s="16"/>
      <c r="G10845" s="16"/>
      <c r="H10845" s="16"/>
      <c r="I10845" s="16"/>
      <c r="J10845" s="16"/>
      <c r="K10845" s="16"/>
      <c r="L10845" s="16"/>
      <c r="M10845" s="16"/>
      <c r="N10845" s="16"/>
      <c r="O10845" s="16"/>
      <c r="P10845" s="16"/>
      <c r="Q10845" s="16"/>
      <c r="R10845" s="16"/>
      <c r="S10845" s="16"/>
      <c r="T10845" s="16"/>
      <c r="U10845" s="16"/>
      <c r="V10845" s="16"/>
      <c r="W10845" s="16"/>
      <c r="X10845" s="16"/>
      <c r="Y10845" s="16"/>
      <c r="Z10845" s="16"/>
      <c r="AA10845" s="16"/>
    </row>
    <row r="10846" spans="1:27" s="1" customFormat="1" ht="14.1" customHeight="1" outlineLevel="3" x14ac:dyDescent="0.2">
      <c r="A10846" s="17">
        <v>11344</v>
      </c>
      <c r="B10846" s="17"/>
      <c r="C10846" s="17"/>
      <c r="D10846" s="18" t="s">
        <v>5380</v>
      </c>
      <c r="E10846" s="18"/>
      <c r="F10846" s="18"/>
      <c r="G10846" s="18"/>
      <c r="H10846" s="18"/>
      <c r="I10846" s="18"/>
      <c r="J10846" s="18"/>
      <c r="K10846" s="18"/>
      <c r="L10846" s="18"/>
      <c r="M10846" s="18"/>
      <c r="N10846" s="18"/>
      <c r="O10846" s="18"/>
      <c r="P10846" s="19">
        <v>340</v>
      </c>
      <c r="Q10846" s="19"/>
      <c r="R10846" s="19"/>
      <c r="S10846" s="19"/>
      <c r="T10846" s="19">
        <v>270</v>
      </c>
      <c r="U10846" s="19"/>
      <c r="V10846" s="19"/>
      <c r="W10846" s="19"/>
      <c r="X10846" s="19">
        <v>8</v>
      </c>
      <c r="Y10846" s="19"/>
      <c r="Z10846" s="19"/>
      <c r="AA10846" s="19"/>
    </row>
    <row r="10847" spans="1:27" s="1" customFormat="1" ht="14.1" customHeight="1" outlineLevel="3" x14ac:dyDescent="0.2">
      <c r="A10847" s="17"/>
      <c r="B10847" s="17"/>
      <c r="C10847" s="17"/>
      <c r="D10847" s="18"/>
      <c r="E10847" s="18"/>
      <c r="F10847" s="18"/>
      <c r="G10847" s="18"/>
      <c r="H10847" s="18"/>
      <c r="I10847" s="18"/>
      <c r="J10847" s="18"/>
      <c r="K10847" s="18"/>
      <c r="L10847" s="18"/>
      <c r="M10847" s="18"/>
      <c r="N10847" s="18"/>
      <c r="O10847" s="18"/>
      <c r="P10847" s="19"/>
      <c r="Q10847" s="19"/>
      <c r="R10847" s="19"/>
      <c r="S10847" s="19"/>
      <c r="T10847" s="19"/>
      <c r="U10847" s="19"/>
      <c r="V10847" s="19"/>
      <c r="W10847" s="19"/>
      <c r="X10847" s="19"/>
      <c r="Y10847" s="19"/>
      <c r="Z10847" s="19"/>
      <c r="AA10847" s="19"/>
    </row>
    <row r="10848" spans="1:27" s="1" customFormat="1" ht="14.1" customHeight="1" outlineLevel="3" x14ac:dyDescent="0.2">
      <c r="A10848" s="17">
        <v>13309</v>
      </c>
      <c r="B10848" s="17"/>
      <c r="C10848" s="17"/>
      <c r="D10848" s="18" t="s">
        <v>5381</v>
      </c>
      <c r="E10848" s="18"/>
      <c r="F10848" s="18"/>
      <c r="G10848" s="18"/>
      <c r="H10848" s="18"/>
      <c r="I10848" s="18"/>
      <c r="J10848" s="18"/>
      <c r="K10848" s="18"/>
      <c r="L10848" s="18"/>
      <c r="M10848" s="18"/>
      <c r="N10848" s="18"/>
      <c r="O10848" s="18"/>
      <c r="P10848" s="19">
        <v>340</v>
      </c>
      <c r="Q10848" s="19"/>
      <c r="R10848" s="19"/>
      <c r="S10848" s="19"/>
      <c r="T10848" s="19">
        <v>260</v>
      </c>
      <c r="U10848" s="19"/>
      <c r="V10848" s="19"/>
      <c r="W10848" s="19"/>
      <c r="X10848" s="19">
        <v>2</v>
      </c>
      <c r="Y10848" s="19"/>
      <c r="Z10848" s="19"/>
      <c r="AA10848" s="19"/>
    </row>
    <row r="10849" spans="1:27" s="1" customFormat="1" ht="14.1" customHeight="1" outlineLevel="3" x14ac:dyDescent="0.2">
      <c r="A10849" s="17"/>
      <c r="B10849" s="17"/>
      <c r="C10849" s="17"/>
      <c r="D10849" s="18"/>
      <c r="E10849" s="18"/>
      <c r="F10849" s="18"/>
      <c r="G10849" s="18"/>
      <c r="H10849" s="18"/>
      <c r="I10849" s="18"/>
      <c r="J10849" s="18"/>
      <c r="K10849" s="18"/>
      <c r="L10849" s="18"/>
      <c r="M10849" s="18"/>
      <c r="N10849" s="18"/>
      <c r="O10849" s="18"/>
      <c r="P10849" s="19"/>
      <c r="Q10849" s="19"/>
      <c r="R10849" s="19"/>
      <c r="S10849" s="19"/>
      <c r="T10849" s="19"/>
      <c r="U10849" s="19"/>
      <c r="V10849" s="19"/>
      <c r="W10849" s="19"/>
      <c r="X10849" s="19"/>
      <c r="Y10849" s="19"/>
      <c r="Z10849" s="19"/>
      <c r="AA10849" s="19"/>
    </row>
    <row r="10850" spans="1:27" s="1" customFormat="1" ht="14.1" customHeight="1" outlineLevel="3" x14ac:dyDescent="0.2">
      <c r="A10850" s="17">
        <v>11497</v>
      </c>
      <c r="B10850" s="17"/>
      <c r="C10850" s="17"/>
      <c r="D10850" s="18" t="s">
        <v>5382</v>
      </c>
      <c r="E10850" s="18"/>
      <c r="F10850" s="18"/>
      <c r="G10850" s="18"/>
      <c r="H10850" s="18"/>
      <c r="I10850" s="18"/>
      <c r="J10850" s="18"/>
      <c r="K10850" s="18"/>
      <c r="L10850" s="18"/>
      <c r="M10850" s="18"/>
      <c r="N10850" s="18"/>
      <c r="O10850" s="18"/>
      <c r="P10850" s="19">
        <v>460</v>
      </c>
      <c r="Q10850" s="19"/>
      <c r="R10850" s="19"/>
      <c r="S10850" s="19"/>
      <c r="T10850" s="19">
        <v>360</v>
      </c>
      <c r="U10850" s="19"/>
      <c r="V10850" s="19"/>
      <c r="W10850" s="19"/>
      <c r="X10850" s="19">
        <v>3</v>
      </c>
      <c r="Y10850" s="19"/>
      <c r="Z10850" s="19"/>
      <c r="AA10850" s="19"/>
    </row>
    <row r="10851" spans="1:27" s="1" customFormat="1" ht="14.1" customHeight="1" outlineLevel="3" x14ac:dyDescent="0.2">
      <c r="A10851" s="17"/>
      <c r="B10851" s="17"/>
      <c r="C10851" s="17"/>
      <c r="D10851" s="18"/>
      <c r="E10851" s="18"/>
      <c r="F10851" s="18"/>
      <c r="G10851" s="18"/>
      <c r="H10851" s="18"/>
      <c r="I10851" s="18"/>
      <c r="J10851" s="18"/>
      <c r="K10851" s="18"/>
      <c r="L10851" s="18"/>
      <c r="M10851" s="18"/>
      <c r="N10851" s="18"/>
      <c r="O10851" s="18"/>
      <c r="P10851" s="19"/>
      <c r="Q10851" s="19"/>
      <c r="R10851" s="19"/>
      <c r="S10851" s="19"/>
      <c r="T10851" s="19"/>
      <c r="U10851" s="19"/>
      <c r="V10851" s="19"/>
      <c r="W10851" s="19"/>
      <c r="X10851" s="19"/>
      <c r="Y10851" s="19"/>
      <c r="Z10851" s="19"/>
      <c r="AA10851" s="19"/>
    </row>
    <row r="10852" spans="1:27" s="1" customFormat="1" ht="11.1" customHeight="1" outlineLevel="3" x14ac:dyDescent="0.2">
      <c r="A10852" s="17">
        <v>11345</v>
      </c>
      <c r="B10852" s="17"/>
      <c r="C10852" s="17"/>
      <c r="D10852" s="18" t="s">
        <v>5383</v>
      </c>
      <c r="E10852" s="18"/>
      <c r="F10852" s="18"/>
      <c r="G10852" s="18"/>
      <c r="H10852" s="18"/>
      <c r="I10852" s="18"/>
      <c r="J10852" s="18"/>
      <c r="K10852" s="18"/>
      <c r="L10852" s="18"/>
      <c r="M10852" s="18"/>
      <c r="N10852" s="18"/>
      <c r="O10852" s="18"/>
      <c r="P10852" s="19">
        <v>450</v>
      </c>
      <c r="Q10852" s="19"/>
      <c r="R10852" s="19"/>
      <c r="S10852" s="19"/>
      <c r="T10852" s="19">
        <v>380</v>
      </c>
      <c r="U10852" s="19"/>
      <c r="V10852" s="19"/>
      <c r="W10852" s="19"/>
      <c r="X10852" s="19">
        <v>5</v>
      </c>
      <c r="Y10852" s="19"/>
      <c r="Z10852" s="19"/>
      <c r="AA10852" s="19"/>
    </row>
    <row r="10853" spans="1:27" s="1" customFormat="1" ht="11.1" customHeight="1" outlineLevel="3" x14ac:dyDescent="0.2">
      <c r="A10853" s="17"/>
      <c r="B10853" s="17"/>
      <c r="C10853" s="17"/>
      <c r="D10853" s="18"/>
      <c r="E10853" s="18"/>
      <c r="F10853" s="18"/>
      <c r="G10853" s="18"/>
      <c r="H10853" s="18"/>
      <c r="I10853" s="18"/>
      <c r="J10853" s="18"/>
      <c r="K10853" s="18"/>
      <c r="L10853" s="18"/>
      <c r="M10853" s="18"/>
      <c r="N10853" s="18"/>
      <c r="O10853" s="18"/>
      <c r="P10853" s="19"/>
      <c r="Q10853" s="19"/>
      <c r="R10853" s="19"/>
      <c r="S10853" s="19"/>
      <c r="T10853" s="19"/>
      <c r="U10853" s="19"/>
      <c r="V10853" s="19"/>
      <c r="W10853" s="19"/>
      <c r="X10853" s="19"/>
      <c r="Y10853" s="19"/>
      <c r="Z10853" s="19"/>
      <c r="AA10853" s="19"/>
    </row>
    <row r="10854" spans="1:27" s="1" customFormat="1" ht="11.1" customHeight="1" outlineLevel="3" x14ac:dyDescent="0.2">
      <c r="A10854" s="17">
        <v>11343</v>
      </c>
      <c r="B10854" s="17"/>
      <c r="C10854" s="17"/>
      <c r="D10854" s="18" t="s">
        <v>5384</v>
      </c>
      <c r="E10854" s="18"/>
      <c r="F10854" s="18"/>
      <c r="G10854" s="18"/>
      <c r="H10854" s="18"/>
      <c r="I10854" s="18"/>
      <c r="J10854" s="18"/>
      <c r="K10854" s="18"/>
      <c r="L10854" s="18"/>
      <c r="M10854" s="18"/>
      <c r="N10854" s="18"/>
      <c r="O10854" s="18"/>
      <c r="P10854" s="19">
        <v>260</v>
      </c>
      <c r="Q10854" s="19"/>
      <c r="R10854" s="19"/>
      <c r="S10854" s="19"/>
      <c r="T10854" s="19">
        <v>190</v>
      </c>
      <c r="U10854" s="19"/>
      <c r="V10854" s="19"/>
      <c r="W10854" s="19"/>
      <c r="X10854" s="19">
        <v>1</v>
      </c>
      <c r="Y10854" s="19"/>
      <c r="Z10854" s="19"/>
      <c r="AA10854" s="19"/>
    </row>
    <row r="10855" spans="1:27" s="1" customFormat="1" ht="11.1" customHeight="1" outlineLevel="3" x14ac:dyDescent="0.2">
      <c r="A10855" s="17"/>
      <c r="B10855" s="17"/>
      <c r="C10855" s="17"/>
      <c r="D10855" s="18"/>
      <c r="E10855" s="18"/>
      <c r="F10855" s="18"/>
      <c r="G10855" s="18"/>
      <c r="H10855" s="18"/>
      <c r="I10855" s="18"/>
      <c r="J10855" s="18"/>
      <c r="K10855" s="18"/>
      <c r="L10855" s="18"/>
      <c r="M10855" s="18"/>
      <c r="N10855" s="18"/>
      <c r="O10855" s="18"/>
      <c r="P10855" s="19"/>
      <c r="Q10855" s="19"/>
      <c r="R10855" s="19"/>
      <c r="S10855" s="19"/>
      <c r="T10855" s="19"/>
      <c r="U10855" s="19"/>
      <c r="V10855" s="19"/>
      <c r="W10855" s="19"/>
      <c r="X10855" s="19"/>
      <c r="Y10855" s="19"/>
      <c r="Z10855" s="19"/>
      <c r="AA10855" s="19"/>
    </row>
    <row r="10856" spans="1:27" s="1" customFormat="1" ht="14.1" customHeight="1" outlineLevel="3" x14ac:dyDescent="0.2">
      <c r="A10856" s="17">
        <v>11499</v>
      </c>
      <c r="B10856" s="17"/>
      <c r="C10856" s="17"/>
      <c r="D10856" s="18" t="s">
        <v>5385</v>
      </c>
      <c r="E10856" s="18"/>
      <c r="F10856" s="18"/>
      <c r="G10856" s="18"/>
      <c r="H10856" s="18"/>
      <c r="I10856" s="18"/>
      <c r="J10856" s="18"/>
      <c r="K10856" s="18"/>
      <c r="L10856" s="18"/>
      <c r="M10856" s="18"/>
      <c r="N10856" s="18"/>
      <c r="O10856" s="18"/>
      <c r="P10856" s="19">
        <v>420</v>
      </c>
      <c r="Q10856" s="19"/>
      <c r="R10856" s="19"/>
      <c r="S10856" s="19"/>
      <c r="T10856" s="19">
        <v>340</v>
      </c>
      <c r="U10856" s="19"/>
      <c r="V10856" s="19"/>
      <c r="W10856" s="19"/>
      <c r="X10856" s="19">
        <v>6</v>
      </c>
      <c r="Y10856" s="19"/>
      <c r="Z10856" s="19"/>
      <c r="AA10856" s="19"/>
    </row>
    <row r="10857" spans="1:27" s="1" customFormat="1" ht="14.1" customHeight="1" outlineLevel="3" x14ac:dyDescent="0.2">
      <c r="A10857" s="17"/>
      <c r="B10857" s="17"/>
      <c r="C10857" s="17"/>
      <c r="D10857" s="18"/>
      <c r="E10857" s="18"/>
      <c r="F10857" s="18"/>
      <c r="G10857" s="18"/>
      <c r="H10857" s="18"/>
      <c r="I10857" s="18"/>
      <c r="J10857" s="18"/>
      <c r="K10857" s="18"/>
      <c r="L10857" s="18"/>
      <c r="M10857" s="18"/>
      <c r="N10857" s="18"/>
      <c r="O10857" s="18"/>
      <c r="P10857" s="19"/>
      <c r="Q10857" s="19"/>
      <c r="R10857" s="19"/>
      <c r="S10857" s="19"/>
      <c r="T10857" s="19"/>
      <c r="U10857" s="19"/>
      <c r="V10857" s="19"/>
      <c r="W10857" s="19"/>
      <c r="X10857" s="19"/>
      <c r="Y10857" s="19"/>
      <c r="Z10857" s="19"/>
      <c r="AA10857" s="19"/>
    </row>
    <row r="10858" spans="1:27" s="1" customFormat="1" ht="11.1" customHeight="1" outlineLevel="2" x14ac:dyDescent="0.2">
      <c r="A10858" s="16" t="s">
        <v>5386</v>
      </c>
      <c r="B10858" s="16"/>
      <c r="C10858" s="16"/>
      <c r="D10858" s="16"/>
      <c r="E10858" s="16"/>
      <c r="F10858" s="16"/>
      <c r="G10858" s="16"/>
      <c r="H10858" s="16"/>
      <c r="I10858" s="16"/>
      <c r="J10858" s="16"/>
      <c r="K10858" s="16"/>
      <c r="L10858" s="16"/>
      <c r="M10858" s="16"/>
      <c r="N10858" s="16"/>
      <c r="O10858" s="16"/>
      <c r="P10858" s="16"/>
      <c r="Q10858" s="16"/>
      <c r="R10858" s="16"/>
      <c r="S10858" s="16"/>
      <c r="T10858" s="16"/>
      <c r="U10858" s="16"/>
      <c r="V10858" s="16"/>
      <c r="W10858" s="16"/>
      <c r="X10858" s="16"/>
      <c r="Y10858" s="16"/>
      <c r="Z10858" s="16"/>
      <c r="AA10858" s="16"/>
    </row>
    <row r="10859" spans="1:27" s="1" customFormat="1" ht="11.1" customHeight="1" outlineLevel="2" x14ac:dyDescent="0.2">
      <c r="A10859" s="16"/>
      <c r="B10859" s="16"/>
      <c r="C10859" s="16"/>
      <c r="D10859" s="16"/>
      <c r="E10859" s="16"/>
      <c r="F10859" s="16"/>
      <c r="G10859" s="16"/>
      <c r="H10859" s="16"/>
      <c r="I10859" s="16"/>
      <c r="J10859" s="16"/>
      <c r="K10859" s="16"/>
      <c r="L10859" s="16"/>
      <c r="M10859" s="16"/>
      <c r="N10859" s="16"/>
      <c r="O10859" s="16"/>
      <c r="P10859" s="16"/>
      <c r="Q10859" s="16"/>
      <c r="R10859" s="16"/>
      <c r="S10859" s="16"/>
      <c r="T10859" s="16"/>
      <c r="U10859" s="16"/>
      <c r="V10859" s="16"/>
      <c r="W10859" s="16"/>
      <c r="X10859" s="16"/>
      <c r="Y10859" s="16"/>
      <c r="Z10859" s="16"/>
      <c r="AA10859" s="16"/>
    </row>
    <row r="10860" spans="1:27" s="1" customFormat="1" ht="14.1" customHeight="1" outlineLevel="3" x14ac:dyDescent="0.2">
      <c r="A10860" s="17">
        <v>14533</v>
      </c>
      <c r="B10860" s="17"/>
      <c r="C10860" s="17"/>
      <c r="D10860" s="18" t="s">
        <v>5387</v>
      </c>
      <c r="E10860" s="18"/>
      <c r="F10860" s="18"/>
      <c r="G10860" s="18"/>
      <c r="H10860" s="18"/>
      <c r="I10860" s="18"/>
      <c r="J10860" s="18"/>
      <c r="K10860" s="18"/>
      <c r="L10860" s="18"/>
      <c r="M10860" s="18"/>
      <c r="N10860" s="18"/>
      <c r="O10860" s="18"/>
      <c r="P10860" s="19">
        <v>200</v>
      </c>
      <c r="Q10860" s="19"/>
      <c r="R10860" s="19"/>
      <c r="S10860" s="19"/>
      <c r="T10860" s="19">
        <v>160</v>
      </c>
      <c r="U10860" s="19"/>
      <c r="V10860" s="19"/>
      <c r="W10860" s="19"/>
      <c r="X10860" s="19">
        <v>1</v>
      </c>
      <c r="Y10860" s="19"/>
      <c r="Z10860" s="19"/>
      <c r="AA10860" s="19"/>
    </row>
    <row r="10861" spans="1:27" s="1" customFormat="1" ht="14.1" customHeight="1" outlineLevel="3" x14ac:dyDescent="0.2">
      <c r="A10861" s="17"/>
      <c r="B10861" s="17"/>
      <c r="C10861" s="17"/>
      <c r="D10861" s="18"/>
      <c r="E10861" s="18"/>
      <c r="F10861" s="18"/>
      <c r="G10861" s="18"/>
      <c r="H10861" s="18"/>
      <c r="I10861" s="18"/>
      <c r="J10861" s="18"/>
      <c r="K10861" s="18"/>
      <c r="L10861" s="18"/>
      <c r="M10861" s="18"/>
      <c r="N10861" s="18"/>
      <c r="O10861" s="18"/>
      <c r="P10861" s="19"/>
      <c r="Q10861" s="19"/>
      <c r="R10861" s="19"/>
      <c r="S10861" s="19"/>
      <c r="T10861" s="19"/>
      <c r="U10861" s="19"/>
      <c r="V10861" s="19"/>
      <c r="W10861" s="19"/>
      <c r="X10861" s="19"/>
      <c r="Y10861" s="19"/>
      <c r="Z10861" s="19"/>
      <c r="AA10861" s="19"/>
    </row>
    <row r="10862" spans="1:27" s="1" customFormat="1" ht="11.1" customHeight="1" outlineLevel="1" x14ac:dyDescent="0.2">
      <c r="A10862" s="16" t="s">
        <v>5388</v>
      </c>
      <c r="B10862" s="16"/>
      <c r="C10862" s="16"/>
      <c r="D10862" s="16"/>
      <c r="E10862" s="16"/>
      <c r="F10862" s="16"/>
      <c r="G10862" s="16"/>
      <c r="H10862" s="16"/>
      <c r="I10862" s="16"/>
      <c r="J10862" s="16"/>
      <c r="K10862" s="16"/>
      <c r="L10862" s="16"/>
      <c r="M10862" s="16"/>
      <c r="N10862" s="16"/>
      <c r="O10862" s="16"/>
      <c r="P10862" s="16"/>
      <c r="Q10862" s="16"/>
      <c r="R10862" s="16"/>
      <c r="S10862" s="16"/>
      <c r="T10862" s="16"/>
      <c r="U10862" s="16"/>
      <c r="V10862" s="16"/>
      <c r="W10862" s="16"/>
      <c r="X10862" s="16"/>
      <c r="Y10862" s="16"/>
      <c r="Z10862" s="16"/>
      <c r="AA10862" s="16"/>
    </row>
    <row r="10863" spans="1:27" s="1" customFormat="1" ht="11.1" customHeight="1" outlineLevel="1" x14ac:dyDescent="0.2">
      <c r="A10863" s="16"/>
      <c r="B10863" s="16"/>
      <c r="C10863" s="16"/>
      <c r="D10863" s="16"/>
      <c r="E10863" s="16"/>
      <c r="F10863" s="16"/>
      <c r="G10863" s="16"/>
      <c r="H10863" s="16"/>
      <c r="I10863" s="16"/>
      <c r="J10863" s="16"/>
      <c r="K10863" s="16"/>
      <c r="L10863" s="16"/>
      <c r="M10863" s="16"/>
      <c r="N10863" s="16"/>
      <c r="O10863" s="16"/>
      <c r="P10863" s="16"/>
      <c r="Q10863" s="16"/>
      <c r="R10863" s="16"/>
      <c r="S10863" s="16"/>
      <c r="T10863" s="16"/>
      <c r="U10863" s="16"/>
      <c r="V10863" s="16"/>
      <c r="W10863" s="16"/>
      <c r="X10863" s="16"/>
      <c r="Y10863" s="16"/>
      <c r="Z10863" s="16"/>
      <c r="AA10863" s="16"/>
    </row>
    <row r="10864" spans="1:27" s="1" customFormat="1" ht="11.1" customHeight="1" outlineLevel="2" x14ac:dyDescent="0.2">
      <c r="A10864" s="16" t="s">
        <v>5389</v>
      </c>
      <c r="B10864" s="16"/>
      <c r="C10864" s="16"/>
      <c r="D10864" s="16"/>
      <c r="E10864" s="16"/>
      <c r="F10864" s="16"/>
      <c r="G10864" s="16"/>
      <c r="H10864" s="16"/>
      <c r="I10864" s="16"/>
      <c r="J10864" s="16"/>
      <c r="K10864" s="16"/>
      <c r="L10864" s="16"/>
      <c r="M10864" s="16"/>
      <c r="N10864" s="16"/>
      <c r="O10864" s="16"/>
      <c r="P10864" s="16"/>
      <c r="Q10864" s="16"/>
      <c r="R10864" s="16"/>
      <c r="S10864" s="16"/>
      <c r="T10864" s="16"/>
      <c r="U10864" s="16"/>
      <c r="V10864" s="16"/>
      <c r="W10864" s="16"/>
      <c r="X10864" s="16"/>
      <c r="Y10864" s="16"/>
      <c r="Z10864" s="16"/>
      <c r="AA10864" s="16"/>
    </row>
    <row r="10865" spans="1:27" s="1" customFormat="1" ht="11.1" customHeight="1" outlineLevel="2" x14ac:dyDescent="0.2">
      <c r="A10865" s="16"/>
      <c r="B10865" s="16"/>
      <c r="C10865" s="16"/>
      <c r="D10865" s="16"/>
      <c r="E10865" s="16"/>
      <c r="F10865" s="16"/>
      <c r="G10865" s="16"/>
      <c r="H10865" s="16"/>
      <c r="I10865" s="16"/>
      <c r="J10865" s="16"/>
      <c r="K10865" s="16"/>
      <c r="L10865" s="16"/>
      <c r="M10865" s="16"/>
      <c r="N10865" s="16"/>
      <c r="O10865" s="16"/>
      <c r="P10865" s="16"/>
      <c r="Q10865" s="16"/>
      <c r="R10865" s="16"/>
      <c r="S10865" s="16"/>
      <c r="T10865" s="16"/>
      <c r="U10865" s="16"/>
      <c r="V10865" s="16"/>
      <c r="W10865" s="16"/>
      <c r="X10865" s="16"/>
      <c r="Y10865" s="16"/>
      <c r="Z10865" s="16"/>
      <c r="AA10865" s="16"/>
    </row>
    <row r="10866" spans="1:27" s="1" customFormat="1" ht="11.1" customHeight="1" outlineLevel="3" x14ac:dyDescent="0.2">
      <c r="A10866" s="17">
        <v>15883</v>
      </c>
      <c r="B10866" s="17"/>
      <c r="C10866" s="17"/>
      <c r="D10866" s="18" t="s">
        <v>5390</v>
      </c>
      <c r="E10866" s="18"/>
      <c r="F10866" s="18"/>
      <c r="G10866" s="18"/>
      <c r="H10866" s="18"/>
      <c r="I10866" s="18"/>
      <c r="J10866" s="18"/>
      <c r="K10866" s="18"/>
      <c r="L10866" s="18"/>
      <c r="M10866" s="18"/>
      <c r="N10866" s="18"/>
      <c r="O10866" s="18"/>
      <c r="P10866" s="19">
        <v>350</v>
      </c>
      <c r="Q10866" s="19"/>
      <c r="R10866" s="19"/>
      <c r="S10866" s="19"/>
      <c r="T10866" s="19">
        <v>160</v>
      </c>
      <c r="U10866" s="19"/>
      <c r="V10866" s="19"/>
      <c r="W10866" s="19"/>
      <c r="X10866" s="19">
        <v>21</v>
      </c>
      <c r="Y10866" s="19"/>
      <c r="Z10866" s="19"/>
      <c r="AA10866" s="19"/>
    </row>
    <row r="10867" spans="1:27" s="1" customFormat="1" ht="11.1" customHeight="1" outlineLevel="3" x14ac:dyDescent="0.2">
      <c r="A10867" s="17"/>
      <c r="B10867" s="17"/>
      <c r="C10867" s="17"/>
      <c r="D10867" s="18"/>
      <c r="E10867" s="18"/>
      <c r="F10867" s="18"/>
      <c r="G10867" s="18"/>
      <c r="H10867" s="18"/>
      <c r="I10867" s="18"/>
      <c r="J10867" s="18"/>
      <c r="K10867" s="18"/>
      <c r="L10867" s="18"/>
      <c r="M10867" s="18"/>
      <c r="N10867" s="18"/>
      <c r="O10867" s="18"/>
      <c r="P10867" s="19"/>
      <c r="Q10867" s="19"/>
      <c r="R10867" s="19"/>
      <c r="S10867" s="19"/>
      <c r="T10867" s="19"/>
      <c r="U10867" s="19"/>
      <c r="V10867" s="19"/>
      <c r="W10867" s="19"/>
      <c r="X10867" s="19"/>
      <c r="Y10867" s="19"/>
      <c r="Z10867" s="19"/>
      <c r="AA10867" s="19"/>
    </row>
    <row r="10868" spans="1:27" s="1" customFormat="1" ht="11.1" customHeight="1" outlineLevel="3" x14ac:dyDescent="0.2">
      <c r="A10868" s="17">
        <v>6477</v>
      </c>
      <c r="B10868" s="17"/>
      <c r="C10868" s="17"/>
      <c r="D10868" s="18" t="s">
        <v>5391</v>
      </c>
      <c r="E10868" s="18"/>
      <c r="F10868" s="18"/>
      <c r="G10868" s="18"/>
      <c r="H10868" s="18"/>
      <c r="I10868" s="18"/>
      <c r="J10868" s="18"/>
      <c r="K10868" s="18"/>
      <c r="L10868" s="18"/>
      <c r="M10868" s="18"/>
      <c r="N10868" s="18"/>
      <c r="O10868" s="18"/>
      <c r="P10868" s="19">
        <v>180</v>
      </c>
      <c r="Q10868" s="19"/>
      <c r="R10868" s="19"/>
      <c r="S10868" s="19"/>
      <c r="T10868" s="19">
        <v>39</v>
      </c>
      <c r="U10868" s="19"/>
      <c r="V10868" s="19"/>
      <c r="W10868" s="19"/>
      <c r="X10868" s="19">
        <v>3</v>
      </c>
      <c r="Y10868" s="19"/>
      <c r="Z10868" s="19"/>
      <c r="AA10868" s="19"/>
    </row>
    <row r="10869" spans="1:27" s="1" customFormat="1" ht="11.1" customHeight="1" outlineLevel="3" x14ac:dyDescent="0.2">
      <c r="A10869" s="17"/>
      <c r="B10869" s="17"/>
      <c r="C10869" s="17"/>
      <c r="D10869" s="18"/>
      <c r="E10869" s="18"/>
      <c r="F10869" s="18"/>
      <c r="G10869" s="18"/>
      <c r="H10869" s="18"/>
      <c r="I10869" s="18"/>
      <c r="J10869" s="18"/>
      <c r="K10869" s="18"/>
      <c r="L10869" s="18"/>
      <c r="M10869" s="18"/>
      <c r="N10869" s="18"/>
      <c r="O10869" s="18"/>
      <c r="P10869" s="19"/>
      <c r="Q10869" s="19"/>
      <c r="R10869" s="19"/>
      <c r="S10869" s="19"/>
      <c r="T10869" s="19"/>
      <c r="U10869" s="19"/>
      <c r="V10869" s="19"/>
      <c r="W10869" s="19"/>
      <c r="X10869" s="19"/>
      <c r="Y10869" s="19"/>
      <c r="Z10869" s="19"/>
      <c r="AA10869" s="19"/>
    </row>
    <row r="10870" spans="1:27" s="1" customFormat="1" ht="11.1" customHeight="1" outlineLevel="3" x14ac:dyDescent="0.2">
      <c r="A10870" s="17">
        <v>10896</v>
      </c>
      <c r="B10870" s="17"/>
      <c r="C10870" s="17"/>
      <c r="D10870" s="18" t="s">
        <v>5392</v>
      </c>
      <c r="E10870" s="18"/>
      <c r="F10870" s="18"/>
      <c r="G10870" s="18"/>
      <c r="H10870" s="18"/>
      <c r="I10870" s="18"/>
      <c r="J10870" s="18"/>
      <c r="K10870" s="18"/>
      <c r="L10870" s="18"/>
      <c r="M10870" s="18"/>
      <c r="N10870" s="18"/>
      <c r="O10870" s="18"/>
      <c r="P10870" s="19">
        <v>170</v>
      </c>
      <c r="Q10870" s="19"/>
      <c r="R10870" s="19"/>
      <c r="S10870" s="19"/>
      <c r="T10870" s="19">
        <v>62</v>
      </c>
      <c r="U10870" s="19"/>
      <c r="V10870" s="19"/>
      <c r="W10870" s="19"/>
      <c r="X10870" s="19">
        <v>11</v>
      </c>
      <c r="Y10870" s="19"/>
      <c r="Z10870" s="19"/>
      <c r="AA10870" s="19"/>
    </row>
    <row r="10871" spans="1:27" s="1" customFormat="1" ht="11.1" customHeight="1" outlineLevel="3" x14ac:dyDescent="0.2">
      <c r="A10871" s="17"/>
      <c r="B10871" s="17"/>
      <c r="C10871" s="17"/>
      <c r="D10871" s="18"/>
      <c r="E10871" s="18"/>
      <c r="F10871" s="18"/>
      <c r="G10871" s="18"/>
      <c r="H10871" s="18"/>
      <c r="I10871" s="18"/>
      <c r="J10871" s="18"/>
      <c r="K10871" s="18"/>
      <c r="L10871" s="18"/>
      <c r="M10871" s="18"/>
      <c r="N10871" s="18"/>
      <c r="O10871" s="18"/>
      <c r="P10871" s="19"/>
      <c r="Q10871" s="19"/>
      <c r="R10871" s="19"/>
      <c r="S10871" s="19"/>
      <c r="T10871" s="19"/>
      <c r="U10871" s="19"/>
      <c r="V10871" s="19"/>
      <c r="W10871" s="19"/>
      <c r="X10871" s="19"/>
      <c r="Y10871" s="19"/>
      <c r="Z10871" s="19"/>
      <c r="AA10871" s="19"/>
    </row>
    <row r="10872" spans="1:27" s="1" customFormat="1" ht="11.1" customHeight="1" outlineLevel="3" x14ac:dyDescent="0.2">
      <c r="A10872" s="17">
        <v>7250</v>
      </c>
      <c r="B10872" s="17"/>
      <c r="C10872" s="17"/>
      <c r="D10872" s="18" t="s">
        <v>5393</v>
      </c>
      <c r="E10872" s="18"/>
      <c r="F10872" s="18"/>
      <c r="G10872" s="18"/>
      <c r="H10872" s="18"/>
      <c r="I10872" s="18"/>
      <c r="J10872" s="18"/>
      <c r="K10872" s="18"/>
      <c r="L10872" s="18"/>
      <c r="M10872" s="18"/>
      <c r="N10872" s="18"/>
      <c r="O10872" s="18"/>
      <c r="P10872" s="19">
        <v>160</v>
      </c>
      <c r="Q10872" s="19"/>
      <c r="R10872" s="19"/>
      <c r="S10872" s="19"/>
      <c r="T10872" s="19">
        <v>60</v>
      </c>
      <c r="U10872" s="19"/>
      <c r="V10872" s="19"/>
      <c r="W10872" s="19"/>
      <c r="X10872" s="19">
        <v>7</v>
      </c>
      <c r="Y10872" s="19"/>
      <c r="Z10872" s="19"/>
      <c r="AA10872" s="19"/>
    </row>
    <row r="10873" spans="1:27" s="1" customFormat="1" ht="11.1" customHeight="1" outlineLevel="3" x14ac:dyDescent="0.2">
      <c r="A10873" s="17"/>
      <c r="B10873" s="17"/>
      <c r="C10873" s="17"/>
      <c r="D10873" s="18"/>
      <c r="E10873" s="18"/>
      <c r="F10873" s="18"/>
      <c r="G10873" s="18"/>
      <c r="H10873" s="18"/>
      <c r="I10873" s="18"/>
      <c r="J10873" s="18"/>
      <c r="K10873" s="18"/>
      <c r="L10873" s="18"/>
      <c r="M10873" s="18"/>
      <c r="N10873" s="18"/>
      <c r="O10873" s="18"/>
      <c r="P10873" s="19"/>
      <c r="Q10873" s="19"/>
      <c r="R10873" s="19"/>
      <c r="S10873" s="19"/>
      <c r="T10873" s="19"/>
      <c r="U10873" s="19"/>
      <c r="V10873" s="19"/>
      <c r="W10873" s="19"/>
      <c r="X10873" s="19"/>
      <c r="Y10873" s="19"/>
      <c r="Z10873" s="19"/>
      <c r="AA10873" s="19"/>
    </row>
    <row r="10874" spans="1:27" s="1" customFormat="1" ht="11.1" customHeight="1" outlineLevel="3" x14ac:dyDescent="0.2">
      <c r="A10874" s="17">
        <v>17990</v>
      </c>
      <c r="B10874" s="17"/>
      <c r="C10874" s="17"/>
      <c r="D10874" s="18" t="s">
        <v>5394</v>
      </c>
      <c r="E10874" s="18"/>
      <c r="F10874" s="18"/>
      <c r="G10874" s="18"/>
      <c r="H10874" s="18"/>
      <c r="I10874" s="18"/>
      <c r="J10874" s="18"/>
      <c r="K10874" s="18"/>
      <c r="L10874" s="18"/>
      <c r="M10874" s="18"/>
      <c r="N10874" s="18"/>
      <c r="O10874" s="18"/>
      <c r="P10874" s="19">
        <v>250</v>
      </c>
      <c r="Q10874" s="19"/>
      <c r="R10874" s="19"/>
      <c r="S10874" s="19"/>
      <c r="T10874" s="19">
        <v>150</v>
      </c>
      <c r="U10874" s="19"/>
      <c r="V10874" s="19"/>
      <c r="W10874" s="19"/>
      <c r="X10874" s="19">
        <v>1</v>
      </c>
      <c r="Y10874" s="19"/>
      <c r="Z10874" s="19"/>
      <c r="AA10874" s="19"/>
    </row>
    <row r="10875" spans="1:27" s="1" customFormat="1" ht="11.1" customHeight="1" outlineLevel="3" x14ac:dyDescent="0.2">
      <c r="A10875" s="17"/>
      <c r="B10875" s="17"/>
      <c r="C10875" s="17"/>
      <c r="D10875" s="18"/>
      <c r="E10875" s="18"/>
      <c r="F10875" s="18"/>
      <c r="G10875" s="18"/>
      <c r="H10875" s="18"/>
      <c r="I10875" s="18"/>
      <c r="J10875" s="18"/>
      <c r="K10875" s="18"/>
      <c r="L10875" s="18"/>
      <c r="M10875" s="18"/>
      <c r="N10875" s="18"/>
      <c r="O10875" s="18"/>
      <c r="P10875" s="19"/>
      <c r="Q10875" s="19"/>
      <c r="R10875" s="19"/>
      <c r="S10875" s="19"/>
      <c r="T10875" s="19"/>
      <c r="U10875" s="19"/>
      <c r="V10875" s="19"/>
      <c r="W10875" s="19"/>
      <c r="X10875" s="19"/>
      <c r="Y10875" s="19"/>
      <c r="Z10875" s="19"/>
      <c r="AA10875" s="19"/>
    </row>
    <row r="10876" spans="1:27" s="1" customFormat="1" ht="11.1" customHeight="1" outlineLevel="3" x14ac:dyDescent="0.2">
      <c r="A10876" s="17">
        <v>17987</v>
      </c>
      <c r="B10876" s="17"/>
      <c r="C10876" s="17"/>
      <c r="D10876" s="18" t="s">
        <v>5395</v>
      </c>
      <c r="E10876" s="18"/>
      <c r="F10876" s="18"/>
      <c r="G10876" s="18"/>
      <c r="H10876" s="18"/>
      <c r="I10876" s="18"/>
      <c r="J10876" s="18"/>
      <c r="K10876" s="18"/>
      <c r="L10876" s="18"/>
      <c r="M10876" s="18"/>
      <c r="N10876" s="18"/>
      <c r="O10876" s="18"/>
      <c r="P10876" s="19">
        <v>500</v>
      </c>
      <c r="Q10876" s="19"/>
      <c r="R10876" s="19"/>
      <c r="S10876" s="19"/>
      <c r="T10876" s="19">
        <v>350</v>
      </c>
      <c r="U10876" s="19"/>
      <c r="V10876" s="19"/>
      <c r="W10876" s="19"/>
      <c r="X10876" s="19">
        <v>5</v>
      </c>
      <c r="Y10876" s="19"/>
      <c r="Z10876" s="19"/>
      <c r="AA10876" s="19"/>
    </row>
    <row r="10877" spans="1:27" s="1" customFormat="1" ht="11.1" customHeight="1" outlineLevel="3" x14ac:dyDescent="0.2">
      <c r="A10877" s="17"/>
      <c r="B10877" s="17"/>
      <c r="C10877" s="17"/>
      <c r="D10877" s="18"/>
      <c r="E10877" s="18"/>
      <c r="F10877" s="18"/>
      <c r="G10877" s="18"/>
      <c r="H10877" s="18"/>
      <c r="I10877" s="18"/>
      <c r="J10877" s="18"/>
      <c r="K10877" s="18"/>
      <c r="L10877" s="18"/>
      <c r="M10877" s="18"/>
      <c r="N10877" s="18"/>
      <c r="O10877" s="18"/>
      <c r="P10877" s="19"/>
      <c r="Q10877" s="19"/>
      <c r="R10877" s="19"/>
      <c r="S10877" s="19"/>
      <c r="T10877" s="19"/>
      <c r="U10877" s="19"/>
      <c r="V10877" s="19"/>
      <c r="W10877" s="19"/>
      <c r="X10877" s="19"/>
      <c r="Y10877" s="19"/>
      <c r="Z10877" s="19"/>
      <c r="AA10877" s="19"/>
    </row>
    <row r="10878" spans="1:27" s="1" customFormat="1" ht="11.1" customHeight="1" outlineLevel="3" x14ac:dyDescent="0.2">
      <c r="A10878" s="17">
        <v>10900</v>
      </c>
      <c r="B10878" s="17"/>
      <c r="C10878" s="17"/>
      <c r="D10878" s="18" t="s">
        <v>5396</v>
      </c>
      <c r="E10878" s="18"/>
      <c r="F10878" s="18"/>
      <c r="G10878" s="18"/>
      <c r="H10878" s="18"/>
      <c r="I10878" s="18"/>
      <c r="J10878" s="18"/>
      <c r="K10878" s="18"/>
      <c r="L10878" s="18"/>
      <c r="M10878" s="18"/>
      <c r="N10878" s="18"/>
      <c r="O10878" s="18"/>
      <c r="P10878" s="19">
        <v>200</v>
      </c>
      <c r="Q10878" s="19"/>
      <c r="R10878" s="19"/>
      <c r="S10878" s="19"/>
      <c r="T10878" s="19">
        <v>90</v>
      </c>
      <c r="U10878" s="19"/>
      <c r="V10878" s="19"/>
      <c r="W10878" s="19"/>
      <c r="X10878" s="19">
        <v>1</v>
      </c>
      <c r="Y10878" s="19"/>
      <c r="Z10878" s="19"/>
      <c r="AA10878" s="19"/>
    </row>
    <row r="10879" spans="1:27" s="1" customFormat="1" ht="11.1" customHeight="1" outlineLevel="3" x14ac:dyDescent="0.2">
      <c r="A10879" s="17"/>
      <c r="B10879" s="17"/>
      <c r="C10879" s="17"/>
      <c r="D10879" s="18"/>
      <c r="E10879" s="18"/>
      <c r="F10879" s="18"/>
      <c r="G10879" s="18"/>
      <c r="H10879" s="18"/>
      <c r="I10879" s="18"/>
      <c r="J10879" s="18"/>
      <c r="K10879" s="18"/>
      <c r="L10879" s="18"/>
      <c r="M10879" s="18"/>
      <c r="N10879" s="18"/>
      <c r="O10879" s="18"/>
      <c r="P10879" s="19"/>
      <c r="Q10879" s="19"/>
      <c r="R10879" s="19"/>
      <c r="S10879" s="19"/>
      <c r="T10879" s="19"/>
      <c r="U10879" s="19"/>
      <c r="V10879" s="19"/>
      <c r="W10879" s="19"/>
      <c r="X10879" s="19"/>
      <c r="Y10879" s="19"/>
      <c r="Z10879" s="19"/>
      <c r="AA10879" s="19"/>
    </row>
    <row r="10880" spans="1:27" s="1" customFormat="1" ht="11.1" customHeight="1" outlineLevel="3" x14ac:dyDescent="0.2">
      <c r="A10880" s="17">
        <v>10902</v>
      </c>
      <c r="B10880" s="17"/>
      <c r="C10880" s="17"/>
      <c r="D10880" s="18" t="s">
        <v>5397</v>
      </c>
      <c r="E10880" s="18"/>
      <c r="F10880" s="18"/>
      <c r="G10880" s="18"/>
      <c r="H10880" s="18"/>
      <c r="I10880" s="18"/>
      <c r="J10880" s="18"/>
      <c r="K10880" s="18"/>
      <c r="L10880" s="18"/>
      <c r="M10880" s="18"/>
      <c r="N10880" s="18"/>
      <c r="O10880" s="18"/>
      <c r="P10880" s="19">
        <v>160</v>
      </c>
      <c r="Q10880" s="19"/>
      <c r="R10880" s="19"/>
      <c r="S10880" s="19"/>
      <c r="T10880" s="19">
        <v>58</v>
      </c>
      <c r="U10880" s="19"/>
      <c r="V10880" s="19"/>
      <c r="W10880" s="19"/>
      <c r="X10880" s="19">
        <v>42</v>
      </c>
      <c r="Y10880" s="19"/>
      <c r="Z10880" s="19"/>
      <c r="AA10880" s="19"/>
    </row>
    <row r="10881" spans="1:27" s="1" customFormat="1" ht="11.1" customHeight="1" outlineLevel="3" x14ac:dyDescent="0.2">
      <c r="A10881" s="17"/>
      <c r="B10881" s="17"/>
      <c r="C10881" s="17"/>
      <c r="D10881" s="18"/>
      <c r="E10881" s="18"/>
      <c r="F10881" s="18"/>
      <c r="G10881" s="18"/>
      <c r="H10881" s="18"/>
      <c r="I10881" s="18"/>
      <c r="J10881" s="18"/>
      <c r="K10881" s="18"/>
      <c r="L10881" s="18"/>
      <c r="M10881" s="18"/>
      <c r="N10881" s="18"/>
      <c r="O10881" s="18"/>
      <c r="P10881" s="19"/>
      <c r="Q10881" s="19"/>
      <c r="R10881" s="19"/>
      <c r="S10881" s="19"/>
      <c r="T10881" s="19"/>
      <c r="U10881" s="19"/>
      <c r="V10881" s="19"/>
      <c r="W10881" s="19"/>
      <c r="X10881" s="19"/>
      <c r="Y10881" s="19"/>
      <c r="Z10881" s="19"/>
      <c r="AA10881" s="19"/>
    </row>
    <row r="10882" spans="1:27" s="1" customFormat="1" ht="11.1" customHeight="1" outlineLevel="3" x14ac:dyDescent="0.2">
      <c r="A10882" s="17">
        <v>11535</v>
      </c>
      <c r="B10882" s="17"/>
      <c r="C10882" s="17"/>
      <c r="D10882" s="18" t="s">
        <v>5398</v>
      </c>
      <c r="E10882" s="18"/>
      <c r="F10882" s="18"/>
      <c r="G10882" s="18"/>
      <c r="H10882" s="18"/>
      <c r="I10882" s="18"/>
      <c r="J10882" s="18"/>
      <c r="K10882" s="18"/>
      <c r="L10882" s="18"/>
      <c r="M10882" s="18"/>
      <c r="N10882" s="18"/>
      <c r="O10882" s="18"/>
      <c r="P10882" s="19">
        <v>220</v>
      </c>
      <c r="Q10882" s="19"/>
      <c r="R10882" s="19"/>
      <c r="S10882" s="19"/>
      <c r="T10882" s="19">
        <v>110</v>
      </c>
      <c r="U10882" s="19"/>
      <c r="V10882" s="19"/>
      <c r="W10882" s="19"/>
      <c r="X10882" s="19">
        <v>1</v>
      </c>
      <c r="Y10882" s="19"/>
      <c r="Z10882" s="19"/>
      <c r="AA10882" s="19"/>
    </row>
    <row r="10883" spans="1:27" s="1" customFormat="1" ht="11.1" customHeight="1" outlineLevel="3" x14ac:dyDescent="0.2">
      <c r="A10883" s="17"/>
      <c r="B10883" s="17"/>
      <c r="C10883" s="17"/>
      <c r="D10883" s="18"/>
      <c r="E10883" s="18"/>
      <c r="F10883" s="18"/>
      <c r="G10883" s="18"/>
      <c r="H10883" s="18"/>
      <c r="I10883" s="18"/>
      <c r="J10883" s="18"/>
      <c r="K10883" s="18"/>
      <c r="L10883" s="18"/>
      <c r="M10883" s="18"/>
      <c r="N10883" s="18"/>
      <c r="O10883" s="18"/>
      <c r="P10883" s="19"/>
      <c r="Q10883" s="19"/>
      <c r="R10883" s="19"/>
      <c r="S10883" s="19"/>
      <c r="T10883" s="19"/>
      <c r="U10883" s="19"/>
      <c r="V10883" s="19"/>
      <c r="W10883" s="19"/>
      <c r="X10883" s="19"/>
      <c r="Y10883" s="19"/>
      <c r="Z10883" s="19"/>
      <c r="AA10883" s="19"/>
    </row>
    <row r="10884" spans="1:27" s="1" customFormat="1" ht="11.1" customHeight="1" outlineLevel="3" x14ac:dyDescent="0.2">
      <c r="A10884" s="17">
        <v>14528</v>
      </c>
      <c r="B10884" s="17"/>
      <c r="C10884" s="17"/>
      <c r="D10884" s="18" t="s">
        <v>5399</v>
      </c>
      <c r="E10884" s="18"/>
      <c r="F10884" s="18"/>
      <c r="G10884" s="18"/>
      <c r="H10884" s="18"/>
      <c r="I10884" s="18"/>
      <c r="J10884" s="18"/>
      <c r="K10884" s="18"/>
      <c r="L10884" s="18"/>
      <c r="M10884" s="18"/>
      <c r="N10884" s="18"/>
      <c r="O10884" s="18"/>
      <c r="P10884" s="19">
        <v>290</v>
      </c>
      <c r="Q10884" s="19"/>
      <c r="R10884" s="19"/>
      <c r="S10884" s="19"/>
      <c r="T10884" s="19">
        <v>110</v>
      </c>
      <c r="U10884" s="19"/>
      <c r="V10884" s="19"/>
      <c r="W10884" s="19"/>
      <c r="X10884" s="19">
        <v>5</v>
      </c>
      <c r="Y10884" s="19"/>
      <c r="Z10884" s="19"/>
      <c r="AA10884" s="19"/>
    </row>
    <row r="10885" spans="1:27" s="1" customFormat="1" ht="11.1" customHeight="1" outlineLevel="3" x14ac:dyDescent="0.2">
      <c r="A10885" s="17"/>
      <c r="B10885" s="17"/>
      <c r="C10885" s="17"/>
      <c r="D10885" s="18"/>
      <c r="E10885" s="18"/>
      <c r="F10885" s="18"/>
      <c r="G10885" s="18"/>
      <c r="H10885" s="18"/>
      <c r="I10885" s="18"/>
      <c r="J10885" s="18"/>
      <c r="K10885" s="18"/>
      <c r="L10885" s="18"/>
      <c r="M10885" s="18"/>
      <c r="N10885" s="18"/>
      <c r="O10885" s="18"/>
      <c r="P10885" s="19"/>
      <c r="Q10885" s="19"/>
      <c r="R10885" s="19"/>
      <c r="S10885" s="19"/>
      <c r="T10885" s="19"/>
      <c r="U10885" s="19"/>
      <c r="V10885" s="19"/>
      <c r="W10885" s="19"/>
      <c r="X10885" s="19"/>
      <c r="Y10885" s="19"/>
      <c r="Z10885" s="19"/>
      <c r="AA10885" s="19"/>
    </row>
    <row r="10886" spans="1:27" s="1" customFormat="1" ht="14.1" customHeight="1" outlineLevel="3" x14ac:dyDescent="0.2">
      <c r="A10886" s="17">
        <v>14705</v>
      </c>
      <c r="B10886" s="17"/>
      <c r="C10886" s="17"/>
      <c r="D10886" s="18" t="s">
        <v>5400</v>
      </c>
      <c r="E10886" s="18"/>
      <c r="F10886" s="18"/>
      <c r="G10886" s="18"/>
      <c r="H10886" s="18"/>
      <c r="I10886" s="18"/>
      <c r="J10886" s="18"/>
      <c r="K10886" s="18"/>
      <c r="L10886" s="18"/>
      <c r="M10886" s="18"/>
      <c r="N10886" s="18"/>
      <c r="O10886" s="18"/>
      <c r="P10886" s="19">
        <v>390</v>
      </c>
      <c r="Q10886" s="19"/>
      <c r="R10886" s="19"/>
      <c r="S10886" s="19"/>
      <c r="T10886" s="19">
        <v>160</v>
      </c>
      <c r="U10886" s="19"/>
      <c r="V10886" s="19"/>
      <c r="W10886" s="19"/>
      <c r="X10886" s="19">
        <v>8</v>
      </c>
      <c r="Y10886" s="19"/>
      <c r="Z10886" s="19"/>
      <c r="AA10886" s="19"/>
    </row>
    <row r="10887" spans="1:27" s="1" customFormat="1" ht="14.1" customHeight="1" outlineLevel="3" x14ac:dyDescent="0.2">
      <c r="A10887" s="17"/>
      <c r="B10887" s="17"/>
      <c r="C10887" s="17"/>
      <c r="D10887" s="18"/>
      <c r="E10887" s="18"/>
      <c r="F10887" s="18"/>
      <c r="G10887" s="18"/>
      <c r="H10887" s="18"/>
      <c r="I10887" s="18"/>
      <c r="J10887" s="18"/>
      <c r="K10887" s="18"/>
      <c r="L10887" s="18"/>
      <c r="M10887" s="18"/>
      <c r="N10887" s="18"/>
      <c r="O10887" s="18"/>
      <c r="P10887" s="19"/>
      <c r="Q10887" s="19"/>
      <c r="R10887" s="19"/>
      <c r="S10887" s="19"/>
      <c r="T10887" s="19"/>
      <c r="U10887" s="19"/>
      <c r="V10887" s="19"/>
      <c r="W10887" s="19"/>
      <c r="X10887" s="19"/>
      <c r="Y10887" s="19"/>
      <c r="Z10887" s="19"/>
      <c r="AA10887" s="19"/>
    </row>
    <row r="10888" spans="1:27" s="1" customFormat="1" ht="11.1" customHeight="1" outlineLevel="3" x14ac:dyDescent="0.2">
      <c r="A10888" s="17">
        <v>15714</v>
      </c>
      <c r="B10888" s="17"/>
      <c r="C10888" s="17"/>
      <c r="D10888" s="18" t="s">
        <v>5401</v>
      </c>
      <c r="E10888" s="18"/>
      <c r="F10888" s="18"/>
      <c r="G10888" s="18"/>
      <c r="H10888" s="18"/>
      <c r="I10888" s="18"/>
      <c r="J10888" s="18"/>
      <c r="K10888" s="18"/>
      <c r="L10888" s="18"/>
      <c r="M10888" s="18"/>
      <c r="N10888" s="18"/>
      <c r="O10888" s="18"/>
      <c r="P10888" s="19">
        <v>250</v>
      </c>
      <c r="Q10888" s="19"/>
      <c r="R10888" s="19"/>
      <c r="S10888" s="19"/>
      <c r="T10888" s="19">
        <v>90</v>
      </c>
      <c r="U10888" s="19"/>
      <c r="V10888" s="19"/>
      <c r="W10888" s="19"/>
      <c r="X10888" s="19">
        <v>1</v>
      </c>
      <c r="Y10888" s="19"/>
      <c r="Z10888" s="19"/>
      <c r="AA10888" s="19"/>
    </row>
    <row r="10889" spans="1:27" s="1" customFormat="1" ht="11.1" customHeight="1" outlineLevel="3" x14ac:dyDescent="0.2">
      <c r="A10889" s="17"/>
      <c r="B10889" s="17"/>
      <c r="C10889" s="17"/>
      <c r="D10889" s="18"/>
      <c r="E10889" s="18"/>
      <c r="F10889" s="18"/>
      <c r="G10889" s="18"/>
      <c r="H10889" s="18"/>
      <c r="I10889" s="18"/>
      <c r="J10889" s="18"/>
      <c r="K10889" s="18"/>
      <c r="L10889" s="18"/>
      <c r="M10889" s="18"/>
      <c r="N10889" s="18"/>
      <c r="O10889" s="18"/>
      <c r="P10889" s="19"/>
      <c r="Q10889" s="19"/>
      <c r="R10889" s="19"/>
      <c r="S10889" s="19"/>
      <c r="T10889" s="19"/>
      <c r="U10889" s="19"/>
      <c r="V10889" s="19"/>
      <c r="W10889" s="19"/>
      <c r="X10889" s="19"/>
      <c r="Y10889" s="19"/>
      <c r="Z10889" s="19"/>
      <c r="AA10889" s="19"/>
    </row>
    <row r="10890" spans="1:27" s="1" customFormat="1" ht="11.1" customHeight="1" outlineLevel="3" x14ac:dyDescent="0.2">
      <c r="A10890" s="17">
        <v>16279</v>
      </c>
      <c r="B10890" s="17"/>
      <c r="C10890" s="17"/>
      <c r="D10890" s="18" t="s">
        <v>5402</v>
      </c>
      <c r="E10890" s="18"/>
      <c r="F10890" s="18"/>
      <c r="G10890" s="18"/>
      <c r="H10890" s="18"/>
      <c r="I10890" s="18"/>
      <c r="J10890" s="18"/>
      <c r="K10890" s="18"/>
      <c r="L10890" s="18"/>
      <c r="M10890" s="18"/>
      <c r="N10890" s="18"/>
      <c r="O10890" s="18"/>
      <c r="P10890" s="19">
        <v>450</v>
      </c>
      <c r="Q10890" s="19"/>
      <c r="R10890" s="19"/>
      <c r="S10890" s="19"/>
      <c r="T10890" s="19">
        <v>280</v>
      </c>
      <c r="U10890" s="19"/>
      <c r="V10890" s="19"/>
      <c r="W10890" s="19"/>
      <c r="X10890" s="19">
        <v>9</v>
      </c>
      <c r="Y10890" s="19"/>
      <c r="Z10890" s="19"/>
      <c r="AA10890" s="19"/>
    </row>
    <row r="10891" spans="1:27" s="1" customFormat="1" ht="11.1" customHeight="1" outlineLevel="3" x14ac:dyDescent="0.2">
      <c r="A10891" s="17"/>
      <c r="B10891" s="17"/>
      <c r="C10891" s="17"/>
      <c r="D10891" s="18"/>
      <c r="E10891" s="18"/>
      <c r="F10891" s="18"/>
      <c r="G10891" s="18"/>
      <c r="H10891" s="18"/>
      <c r="I10891" s="18"/>
      <c r="J10891" s="18"/>
      <c r="K10891" s="18"/>
      <c r="L10891" s="18"/>
      <c r="M10891" s="18"/>
      <c r="N10891" s="18"/>
      <c r="O10891" s="18"/>
      <c r="P10891" s="19"/>
      <c r="Q10891" s="19"/>
      <c r="R10891" s="19"/>
      <c r="S10891" s="19"/>
      <c r="T10891" s="19"/>
      <c r="U10891" s="19"/>
      <c r="V10891" s="19"/>
      <c r="W10891" s="19"/>
      <c r="X10891" s="19"/>
      <c r="Y10891" s="19"/>
      <c r="Z10891" s="19"/>
      <c r="AA10891" s="19"/>
    </row>
    <row r="10892" spans="1:27" s="1" customFormat="1" ht="11.1" customHeight="1" outlineLevel="3" x14ac:dyDescent="0.2">
      <c r="A10892" s="17">
        <v>16480</v>
      </c>
      <c r="B10892" s="17"/>
      <c r="C10892" s="17"/>
      <c r="D10892" s="18" t="s">
        <v>5403</v>
      </c>
      <c r="E10892" s="18"/>
      <c r="F10892" s="18"/>
      <c r="G10892" s="18"/>
      <c r="H10892" s="18"/>
      <c r="I10892" s="18"/>
      <c r="J10892" s="18"/>
      <c r="K10892" s="18"/>
      <c r="L10892" s="18"/>
      <c r="M10892" s="18"/>
      <c r="N10892" s="18"/>
      <c r="O10892" s="18"/>
      <c r="P10892" s="19">
        <v>300</v>
      </c>
      <c r="Q10892" s="19"/>
      <c r="R10892" s="19"/>
      <c r="S10892" s="19"/>
      <c r="T10892" s="19">
        <v>130</v>
      </c>
      <c r="U10892" s="19"/>
      <c r="V10892" s="19"/>
      <c r="W10892" s="19"/>
      <c r="X10892" s="19">
        <v>9</v>
      </c>
      <c r="Y10892" s="19"/>
      <c r="Z10892" s="19"/>
      <c r="AA10892" s="19"/>
    </row>
    <row r="10893" spans="1:27" s="1" customFormat="1" ht="11.1" customHeight="1" outlineLevel="3" x14ac:dyDescent="0.2">
      <c r="A10893" s="17"/>
      <c r="B10893" s="17"/>
      <c r="C10893" s="17"/>
      <c r="D10893" s="18"/>
      <c r="E10893" s="18"/>
      <c r="F10893" s="18"/>
      <c r="G10893" s="18"/>
      <c r="H10893" s="18"/>
      <c r="I10893" s="18"/>
      <c r="J10893" s="18"/>
      <c r="K10893" s="18"/>
      <c r="L10893" s="18"/>
      <c r="M10893" s="18"/>
      <c r="N10893" s="18"/>
      <c r="O10893" s="18"/>
      <c r="P10893" s="19"/>
      <c r="Q10893" s="19"/>
      <c r="R10893" s="19"/>
      <c r="S10893" s="19"/>
      <c r="T10893" s="19"/>
      <c r="U10893" s="19"/>
      <c r="V10893" s="19"/>
      <c r="W10893" s="19"/>
      <c r="X10893" s="19"/>
      <c r="Y10893" s="19"/>
      <c r="Z10893" s="19"/>
      <c r="AA10893" s="19"/>
    </row>
    <row r="10894" spans="1:27" s="1" customFormat="1" ht="11.1" customHeight="1" outlineLevel="3" x14ac:dyDescent="0.2">
      <c r="A10894" s="17">
        <v>15715</v>
      </c>
      <c r="B10894" s="17"/>
      <c r="C10894" s="17"/>
      <c r="D10894" s="18" t="s">
        <v>5404</v>
      </c>
      <c r="E10894" s="18"/>
      <c r="F10894" s="18"/>
      <c r="G10894" s="18"/>
      <c r="H10894" s="18"/>
      <c r="I10894" s="18"/>
      <c r="J10894" s="18"/>
      <c r="K10894" s="18"/>
      <c r="L10894" s="18"/>
      <c r="M10894" s="18"/>
      <c r="N10894" s="18"/>
      <c r="O10894" s="18"/>
      <c r="P10894" s="19">
        <v>270</v>
      </c>
      <c r="Q10894" s="19"/>
      <c r="R10894" s="19"/>
      <c r="S10894" s="19"/>
      <c r="T10894" s="19">
        <v>120</v>
      </c>
      <c r="U10894" s="19"/>
      <c r="V10894" s="19"/>
      <c r="W10894" s="19"/>
      <c r="X10894" s="19">
        <v>3</v>
      </c>
      <c r="Y10894" s="19"/>
      <c r="Z10894" s="19"/>
      <c r="AA10894" s="19"/>
    </row>
    <row r="10895" spans="1:27" s="1" customFormat="1" ht="11.1" customHeight="1" outlineLevel="3" x14ac:dyDescent="0.2">
      <c r="A10895" s="17"/>
      <c r="B10895" s="17"/>
      <c r="C10895" s="17"/>
      <c r="D10895" s="18"/>
      <c r="E10895" s="18"/>
      <c r="F10895" s="18"/>
      <c r="G10895" s="18"/>
      <c r="H10895" s="18"/>
      <c r="I10895" s="18"/>
      <c r="J10895" s="18"/>
      <c r="K10895" s="18"/>
      <c r="L10895" s="18"/>
      <c r="M10895" s="18"/>
      <c r="N10895" s="18"/>
      <c r="O10895" s="18"/>
      <c r="P10895" s="19"/>
      <c r="Q10895" s="19"/>
      <c r="R10895" s="19"/>
      <c r="S10895" s="19"/>
      <c r="T10895" s="19"/>
      <c r="U10895" s="19"/>
      <c r="V10895" s="19"/>
      <c r="W10895" s="19"/>
      <c r="X10895" s="19"/>
      <c r="Y10895" s="19"/>
      <c r="Z10895" s="19"/>
      <c r="AA10895" s="19"/>
    </row>
    <row r="10896" spans="1:27" s="1" customFormat="1" ht="11.1" customHeight="1" outlineLevel="3" x14ac:dyDescent="0.2">
      <c r="A10896" s="17">
        <v>15367</v>
      </c>
      <c r="B10896" s="17"/>
      <c r="C10896" s="17"/>
      <c r="D10896" s="18" t="s">
        <v>5405</v>
      </c>
      <c r="E10896" s="18"/>
      <c r="F10896" s="18"/>
      <c r="G10896" s="18"/>
      <c r="H10896" s="18"/>
      <c r="I10896" s="18"/>
      <c r="J10896" s="18"/>
      <c r="K10896" s="18"/>
      <c r="L10896" s="18"/>
      <c r="M10896" s="18"/>
      <c r="N10896" s="18"/>
      <c r="O10896" s="18"/>
      <c r="P10896" s="19">
        <v>290</v>
      </c>
      <c r="Q10896" s="19"/>
      <c r="R10896" s="19"/>
      <c r="S10896" s="19"/>
      <c r="T10896" s="19">
        <v>120</v>
      </c>
      <c r="U10896" s="19"/>
      <c r="V10896" s="19"/>
      <c r="W10896" s="19"/>
      <c r="X10896" s="19">
        <v>1</v>
      </c>
      <c r="Y10896" s="19"/>
      <c r="Z10896" s="19"/>
      <c r="AA10896" s="19"/>
    </row>
    <row r="10897" spans="1:27" s="1" customFormat="1" ht="11.1" customHeight="1" outlineLevel="3" x14ac:dyDescent="0.2">
      <c r="A10897" s="17"/>
      <c r="B10897" s="17"/>
      <c r="C10897" s="17"/>
      <c r="D10897" s="18"/>
      <c r="E10897" s="18"/>
      <c r="F10897" s="18"/>
      <c r="G10897" s="18"/>
      <c r="H10897" s="18"/>
      <c r="I10897" s="18"/>
      <c r="J10897" s="18"/>
      <c r="K10897" s="18"/>
      <c r="L10897" s="18"/>
      <c r="M10897" s="18"/>
      <c r="N10897" s="18"/>
      <c r="O10897" s="18"/>
      <c r="P10897" s="19"/>
      <c r="Q10897" s="19"/>
      <c r="R10897" s="19"/>
      <c r="S10897" s="19"/>
      <c r="T10897" s="19"/>
      <c r="U10897" s="19"/>
      <c r="V10897" s="19"/>
      <c r="W10897" s="19"/>
      <c r="X10897" s="19"/>
      <c r="Y10897" s="19"/>
      <c r="Z10897" s="19"/>
      <c r="AA10897" s="19"/>
    </row>
    <row r="10898" spans="1:27" s="1" customFormat="1" ht="11.1" customHeight="1" outlineLevel="3" x14ac:dyDescent="0.2">
      <c r="A10898" s="17">
        <v>15727</v>
      </c>
      <c r="B10898" s="17"/>
      <c r="C10898" s="17"/>
      <c r="D10898" s="18" t="s">
        <v>5406</v>
      </c>
      <c r="E10898" s="18"/>
      <c r="F10898" s="18"/>
      <c r="G10898" s="18"/>
      <c r="H10898" s="18"/>
      <c r="I10898" s="18"/>
      <c r="J10898" s="18"/>
      <c r="K10898" s="18"/>
      <c r="L10898" s="18"/>
      <c r="M10898" s="18"/>
      <c r="N10898" s="18"/>
      <c r="O10898" s="18"/>
      <c r="P10898" s="19">
        <v>300</v>
      </c>
      <c r="Q10898" s="19"/>
      <c r="R10898" s="19"/>
      <c r="S10898" s="19"/>
      <c r="T10898" s="19">
        <v>140</v>
      </c>
      <c r="U10898" s="19"/>
      <c r="V10898" s="19"/>
      <c r="W10898" s="19"/>
      <c r="X10898" s="19">
        <v>1</v>
      </c>
      <c r="Y10898" s="19"/>
      <c r="Z10898" s="19"/>
      <c r="AA10898" s="19"/>
    </row>
    <row r="10899" spans="1:27" s="1" customFormat="1" ht="11.1" customHeight="1" outlineLevel="3" x14ac:dyDescent="0.2">
      <c r="A10899" s="17"/>
      <c r="B10899" s="17"/>
      <c r="C10899" s="17"/>
      <c r="D10899" s="18"/>
      <c r="E10899" s="18"/>
      <c r="F10899" s="18"/>
      <c r="G10899" s="18"/>
      <c r="H10899" s="18"/>
      <c r="I10899" s="18"/>
      <c r="J10899" s="18"/>
      <c r="K10899" s="18"/>
      <c r="L10899" s="18"/>
      <c r="M10899" s="18"/>
      <c r="N10899" s="18"/>
      <c r="O10899" s="18"/>
      <c r="P10899" s="19"/>
      <c r="Q10899" s="19"/>
      <c r="R10899" s="19"/>
      <c r="S10899" s="19"/>
      <c r="T10899" s="19"/>
      <c r="U10899" s="19"/>
      <c r="V10899" s="19"/>
      <c r="W10899" s="19"/>
      <c r="X10899" s="19"/>
      <c r="Y10899" s="19"/>
      <c r="Z10899" s="19"/>
      <c r="AA10899" s="19"/>
    </row>
    <row r="10900" spans="1:27" s="1" customFormat="1" ht="11.1" customHeight="1" outlineLevel="3" x14ac:dyDescent="0.2">
      <c r="A10900" s="17">
        <v>15721</v>
      </c>
      <c r="B10900" s="17"/>
      <c r="C10900" s="17"/>
      <c r="D10900" s="18" t="s">
        <v>5407</v>
      </c>
      <c r="E10900" s="18"/>
      <c r="F10900" s="18"/>
      <c r="G10900" s="18"/>
      <c r="H10900" s="18"/>
      <c r="I10900" s="18"/>
      <c r="J10900" s="18"/>
      <c r="K10900" s="18"/>
      <c r="L10900" s="18"/>
      <c r="M10900" s="18"/>
      <c r="N10900" s="18"/>
      <c r="O10900" s="18"/>
      <c r="P10900" s="19">
        <v>350</v>
      </c>
      <c r="Q10900" s="19"/>
      <c r="R10900" s="19"/>
      <c r="S10900" s="19"/>
      <c r="T10900" s="19">
        <v>180</v>
      </c>
      <c r="U10900" s="19"/>
      <c r="V10900" s="19"/>
      <c r="W10900" s="19"/>
      <c r="X10900" s="19">
        <v>2</v>
      </c>
      <c r="Y10900" s="19"/>
      <c r="Z10900" s="19"/>
      <c r="AA10900" s="19"/>
    </row>
    <row r="10901" spans="1:27" s="1" customFormat="1" ht="11.1" customHeight="1" outlineLevel="3" x14ac:dyDescent="0.2">
      <c r="A10901" s="17"/>
      <c r="B10901" s="17"/>
      <c r="C10901" s="17"/>
      <c r="D10901" s="18"/>
      <c r="E10901" s="18"/>
      <c r="F10901" s="18"/>
      <c r="G10901" s="18"/>
      <c r="H10901" s="18"/>
      <c r="I10901" s="18"/>
      <c r="J10901" s="18"/>
      <c r="K10901" s="18"/>
      <c r="L10901" s="18"/>
      <c r="M10901" s="18"/>
      <c r="N10901" s="18"/>
      <c r="O10901" s="18"/>
      <c r="P10901" s="19"/>
      <c r="Q10901" s="19"/>
      <c r="R10901" s="19"/>
      <c r="S10901" s="19"/>
      <c r="T10901" s="19"/>
      <c r="U10901" s="19"/>
      <c r="V10901" s="19"/>
      <c r="W10901" s="19"/>
      <c r="X10901" s="19"/>
      <c r="Y10901" s="19"/>
      <c r="Z10901" s="19"/>
      <c r="AA10901" s="19"/>
    </row>
    <row r="10902" spans="1:27" s="1" customFormat="1" ht="11.1" customHeight="1" outlineLevel="3" x14ac:dyDescent="0.2">
      <c r="A10902" s="17">
        <v>12780</v>
      </c>
      <c r="B10902" s="17"/>
      <c r="C10902" s="17"/>
      <c r="D10902" s="18" t="s">
        <v>5408</v>
      </c>
      <c r="E10902" s="18"/>
      <c r="F10902" s="18"/>
      <c r="G10902" s="18"/>
      <c r="H10902" s="18"/>
      <c r="I10902" s="18"/>
      <c r="J10902" s="18"/>
      <c r="K10902" s="18"/>
      <c r="L10902" s="18"/>
      <c r="M10902" s="18"/>
      <c r="N10902" s="18"/>
      <c r="O10902" s="18"/>
      <c r="P10902" s="19">
        <v>190</v>
      </c>
      <c r="Q10902" s="19"/>
      <c r="R10902" s="19"/>
      <c r="S10902" s="19"/>
      <c r="T10902" s="19">
        <v>70</v>
      </c>
      <c r="U10902" s="19"/>
      <c r="V10902" s="19"/>
      <c r="W10902" s="19"/>
      <c r="X10902" s="19">
        <v>5</v>
      </c>
      <c r="Y10902" s="19"/>
      <c r="Z10902" s="19"/>
      <c r="AA10902" s="19"/>
    </row>
    <row r="10903" spans="1:27" s="1" customFormat="1" ht="11.1" customHeight="1" outlineLevel="3" x14ac:dyDescent="0.2">
      <c r="A10903" s="17"/>
      <c r="B10903" s="17"/>
      <c r="C10903" s="17"/>
      <c r="D10903" s="18"/>
      <c r="E10903" s="18"/>
      <c r="F10903" s="18"/>
      <c r="G10903" s="18"/>
      <c r="H10903" s="18"/>
      <c r="I10903" s="18"/>
      <c r="J10903" s="18"/>
      <c r="K10903" s="18"/>
      <c r="L10903" s="18"/>
      <c r="M10903" s="18"/>
      <c r="N10903" s="18"/>
      <c r="O10903" s="18"/>
      <c r="P10903" s="19"/>
      <c r="Q10903" s="19"/>
      <c r="R10903" s="19"/>
      <c r="S10903" s="19"/>
      <c r="T10903" s="19"/>
      <c r="U10903" s="19"/>
      <c r="V10903" s="19"/>
      <c r="W10903" s="19"/>
      <c r="X10903" s="19"/>
      <c r="Y10903" s="19"/>
      <c r="Z10903" s="19"/>
      <c r="AA10903" s="19"/>
    </row>
    <row r="10904" spans="1:27" s="1" customFormat="1" ht="11.1" customHeight="1" outlineLevel="3" x14ac:dyDescent="0.2">
      <c r="A10904" s="17">
        <v>6558</v>
      </c>
      <c r="B10904" s="17"/>
      <c r="C10904" s="17"/>
      <c r="D10904" s="18" t="s">
        <v>5409</v>
      </c>
      <c r="E10904" s="18"/>
      <c r="F10904" s="18"/>
      <c r="G10904" s="18"/>
      <c r="H10904" s="18"/>
      <c r="I10904" s="18"/>
      <c r="J10904" s="18"/>
      <c r="K10904" s="18"/>
      <c r="L10904" s="18"/>
      <c r="M10904" s="18"/>
      <c r="N10904" s="18"/>
      <c r="O10904" s="18"/>
      <c r="P10904" s="19">
        <v>180</v>
      </c>
      <c r="Q10904" s="19"/>
      <c r="R10904" s="19"/>
      <c r="S10904" s="19"/>
      <c r="T10904" s="19">
        <v>70</v>
      </c>
      <c r="U10904" s="19"/>
      <c r="V10904" s="19"/>
      <c r="W10904" s="19"/>
      <c r="X10904" s="19">
        <v>2</v>
      </c>
      <c r="Y10904" s="19"/>
      <c r="Z10904" s="19"/>
      <c r="AA10904" s="19"/>
    </row>
    <row r="10905" spans="1:27" s="1" customFormat="1" ht="11.1" customHeight="1" outlineLevel="3" x14ac:dyDescent="0.2">
      <c r="A10905" s="17"/>
      <c r="B10905" s="17"/>
      <c r="C10905" s="17"/>
      <c r="D10905" s="18"/>
      <c r="E10905" s="18"/>
      <c r="F10905" s="18"/>
      <c r="G10905" s="18"/>
      <c r="H10905" s="18"/>
      <c r="I10905" s="18"/>
      <c r="J10905" s="18"/>
      <c r="K10905" s="18"/>
      <c r="L10905" s="18"/>
      <c r="M10905" s="18"/>
      <c r="N10905" s="18"/>
      <c r="O10905" s="18"/>
      <c r="P10905" s="19"/>
      <c r="Q10905" s="19"/>
      <c r="R10905" s="19"/>
      <c r="S10905" s="19"/>
      <c r="T10905" s="19"/>
      <c r="U10905" s="19"/>
      <c r="V10905" s="19"/>
      <c r="W10905" s="19"/>
      <c r="X10905" s="19"/>
      <c r="Y10905" s="19"/>
      <c r="Z10905" s="19"/>
      <c r="AA10905" s="19"/>
    </row>
    <row r="10906" spans="1:27" s="1" customFormat="1" ht="11.1" customHeight="1" outlineLevel="3" x14ac:dyDescent="0.2">
      <c r="A10906" s="17">
        <v>11776</v>
      </c>
      <c r="B10906" s="17"/>
      <c r="C10906" s="17"/>
      <c r="D10906" s="18" t="s">
        <v>5410</v>
      </c>
      <c r="E10906" s="18"/>
      <c r="F10906" s="18"/>
      <c r="G10906" s="18"/>
      <c r="H10906" s="18"/>
      <c r="I10906" s="18"/>
      <c r="J10906" s="18"/>
      <c r="K10906" s="18"/>
      <c r="L10906" s="18"/>
      <c r="M10906" s="18"/>
      <c r="N10906" s="18"/>
      <c r="O10906" s="18"/>
      <c r="P10906" s="19">
        <v>180</v>
      </c>
      <c r="Q10906" s="19"/>
      <c r="R10906" s="19"/>
      <c r="S10906" s="19"/>
      <c r="T10906" s="19">
        <v>70</v>
      </c>
      <c r="U10906" s="19"/>
      <c r="V10906" s="19"/>
      <c r="W10906" s="19"/>
      <c r="X10906" s="19">
        <v>2</v>
      </c>
      <c r="Y10906" s="19"/>
      <c r="Z10906" s="19"/>
      <c r="AA10906" s="19"/>
    </row>
    <row r="10907" spans="1:27" s="1" customFormat="1" ht="11.1" customHeight="1" outlineLevel="3" x14ac:dyDescent="0.2">
      <c r="A10907" s="17"/>
      <c r="B10907" s="17"/>
      <c r="C10907" s="17"/>
      <c r="D10907" s="18"/>
      <c r="E10907" s="18"/>
      <c r="F10907" s="18"/>
      <c r="G10907" s="18"/>
      <c r="H10907" s="18"/>
      <c r="I10907" s="18"/>
      <c r="J10907" s="18"/>
      <c r="K10907" s="18"/>
      <c r="L10907" s="18"/>
      <c r="M10907" s="18"/>
      <c r="N10907" s="18"/>
      <c r="O10907" s="18"/>
      <c r="P10907" s="19"/>
      <c r="Q10907" s="19"/>
      <c r="R10907" s="19"/>
      <c r="S10907" s="19"/>
      <c r="T10907" s="19"/>
      <c r="U10907" s="19"/>
      <c r="V10907" s="19"/>
      <c r="W10907" s="19"/>
      <c r="X10907" s="19"/>
      <c r="Y10907" s="19"/>
      <c r="Z10907" s="19"/>
      <c r="AA10907" s="19"/>
    </row>
    <row r="10908" spans="1:27" s="1" customFormat="1" ht="11.1" customHeight="1" outlineLevel="3" x14ac:dyDescent="0.2">
      <c r="A10908" s="17">
        <v>11775</v>
      </c>
      <c r="B10908" s="17"/>
      <c r="C10908" s="17"/>
      <c r="D10908" s="18" t="s">
        <v>5411</v>
      </c>
      <c r="E10908" s="18"/>
      <c r="F10908" s="18"/>
      <c r="G10908" s="18"/>
      <c r="H10908" s="18"/>
      <c r="I10908" s="18"/>
      <c r="J10908" s="18"/>
      <c r="K10908" s="18"/>
      <c r="L10908" s="18"/>
      <c r="M10908" s="18"/>
      <c r="N10908" s="18"/>
      <c r="O10908" s="18"/>
      <c r="P10908" s="19">
        <v>200</v>
      </c>
      <c r="Q10908" s="19"/>
      <c r="R10908" s="19"/>
      <c r="S10908" s="19"/>
      <c r="T10908" s="19">
        <v>80</v>
      </c>
      <c r="U10908" s="19"/>
      <c r="V10908" s="19"/>
      <c r="W10908" s="19"/>
      <c r="X10908" s="19">
        <v>4</v>
      </c>
      <c r="Y10908" s="19"/>
      <c r="Z10908" s="19"/>
      <c r="AA10908" s="19"/>
    </row>
    <row r="10909" spans="1:27" s="1" customFormat="1" ht="11.1" customHeight="1" outlineLevel="3" x14ac:dyDescent="0.2">
      <c r="A10909" s="17"/>
      <c r="B10909" s="17"/>
      <c r="C10909" s="17"/>
      <c r="D10909" s="18"/>
      <c r="E10909" s="18"/>
      <c r="F10909" s="18"/>
      <c r="G10909" s="18"/>
      <c r="H10909" s="18"/>
      <c r="I10909" s="18"/>
      <c r="J10909" s="18"/>
      <c r="K10909" s="18"/>
      <c r="L10909" s="18"/>
      <c r="M10909" s="18"/>
      <c r="N10909" s="18"/>
      <c r="O10909" s="18"/>
      <c r="P10909" s="19"/>
      <c r="Q10909" s="19"/>
      <c r="R10909" s="19"/>
      <c r="S10909" s="19"/>
      <c r="T10909" s="19"/>
      <c r="U10909" s="19"/>
      <c r="V10909" s="19"/>
      <c r="W10909" s="19"/>
      <c r="X10909" s="19"/>
      <c r="Y10909" s="19"/>
      <c r="Z10909" s="19"/>
      <c r="AA10909" s="19"/>
    </row>
    <row r="10910" spans="1:27" s="1" customFormat="1" ht="14.1" customHeight="1" outlineLevel="3" x14ac:dyDescent="0.2">
      <c r="A10910" s="17">
        <v>17984</v>
      </c>
      <c r="B10910" s="17"/>
      <c r="C10910" s="17"/>
      <c r="D10910" s="18" t="s">
        <v>5412</v>
      </c>
      <c r="E10910" s="18"/>
      <c r="F10910" s="18"/>
      <c r="G10910" s="18"/>
      <c r="H10910" s="18"/>
      <c r="I10910" s="18"/>
      <c r="J10910" s="18"/>
      <c r="K10910" s="18"/>
      <c r="L10910" s="18"/>
      <c r="M10910" s="18"/>
      <c r="N10910" s="18"/>
      <c r="O10910" s="18"/>
      <c r="P10910" s="19">
        <v>390</v>
      </c>
      <c r="Q10910" s="19"/>
      <c r="R10910" s="19"/>
      <c r="S10910" s="19"/>
      <c r="T10910" s="19">
        <v>180</v>
      </c>
      <c r="U10910" s="19"/>
      <c r="V10910" s="19"/>
      <c r="W10910" s="19"/>
      <c r="X10910" s="19">
        <v>10</v>
      </c>
      <c r="Y10910" s="19"/>
      <c r="Z10910" s="19"/>
      <c r="AA10910" s="19"/>
    </row>
    <row r="10911" spans="1:27" s="1" customFormat="1" ht="14.1" customHeight="1" outlineLevel="3" x14ac:dyDescent="0.2">
      <c r="A10911" s="17"/>
      <c r="B10911" s="17"/>
      <c r="C10911" s="17"/>
      <c r="D10911" s="18"/>
      <c r="E10911" s="18"/>
      <c r="F10911" s="18"/>
      <c r="G10911" s="18"/>
      <c r="H10911" s="18"/>
      <c r="I10911" s="18"/>
      <c r="J10911" s="18"/>
      <c r="K10911" s="18"/>
      <c r="L10911" s="18"/>
      <c r="M10911" s="18"/>
      <c r="N10911" s="18"/>
      <c r="O10911" s="18"/>
      <c r="P10911" s="19"/>
      <c r="Q10911" s="19"/>
      <c r="R10911" s="19"/>
      <c r="S10911" s="19"/>
      <c r="T10911" s="19"/>
      <c r="U10911" s="19"/>
      <c r="V10911" s="19"/>
      <c r="W10911" s="19"/>
      <c r="X10911" s="19"/>
      <c r="Y10911" s="19"/>
      <c r="Z10911" s="19"/>
      <c r="AA10911" s="19"/>
    </row>
    <row r="10912" spans="1:27" s="1" customFormat="1" ht="11.1" customHeight="1" outlineLevel="3" x14ac:dyDescent="0.2">
      <c r="A10912" s="17">
        <v>7669</v>
      </c>
      <c r="B10912" s="17"/>
      <c r="C10912" s="17"/>
      <c r="D10912" s="18" t="s">
        <v>5413</v>
      </c>
      <c r="E10912" s="18"/>
      <c r="F10912" s="18"/>
      <c r="G10912" s="18"/>
      <c r="H10912" s="18"/>
      <c r="I10912" s="18"/>
      <c r="J10912" s="18"/>
      <c r="K10912" s="18"/>
      <c r="L10912" s="18"/>
      <c r="M10912" s="18"/>
      <c r="N10912" s="18"/>
      <c r="O10912" s="18"/>
      <c r="P10912" s="19">
        <v>146</v>
      </c>
      <c r="Q10912" s="19"/>
      <c r="R10912" s="19"/>
      <c r="S10912" s="19"/>
      <c r="T10912" s="19">
        <v>46</v>
      </c>
      <c r="U10912" s="19"/>
      <c r="V10912" s="19"/>
      <c r="W10912" s="19"/>
      <c r="X10912" s="19">
        <v>2</v>
      </c>
      <c r="Y10912" s="19"/>
      <c r="Z10912" s="19"/>
      <c r="AA10912" s="19"/>
    </row>
    <row r="10913" spans="1:27" s="1" customFormat="1" ht="11.1" customHeight="1" outlineLevel="3" x14ac:dyDescent="0.2">
      <c r="A10913" s="17"/>
      <c r="B10913" s="17"/>
      <c r="C10913" s="17"/>
      <c r="D10913" s="18"/>
      <c r="E10913" s="18"/>
      <c r="F10913" s="18"/>
      <c r="G10913" s="18"/>
      <c r="H10913" s="18"/>
      <c r="I10913" s="18"/>
      <c r="J10913" s="18"/>
      <c r="K10913" s="18"/>
      <c r="L10913" s="18"/>
      <c r="M10913" s="18"/>
      <c r="N10913" s="18"/>
      <c r="O10913" s="18"/>
      <c r="P10913" s="19"/>
      <c r="Q10913" s="19"/>
      <c r="R10913" s="19"/>
      <c r="S10913" s="19"/>
      <c r="T10913" s="19"/>
      <c r="U10913" s="19"/>
      <c r="V10913" s="19"/>
      <c r="W10913" s="19"/>
      <c r="X10913" s="19"/>
      <c r="Y10913" s="19"/>
      <c r="Z10913" s="19"/>
      <c r="AA10913" s="19"/>
    </row>
    <row r="10914" spans="1:27" s="1" customFormat="1" ht="11.1" customHeight="1" outlineLevel="3" x14ac:dyDescent="0.2">
      <c r="A10914" s="17">
        <v>7668</v>
      </c>
      <c r="B10914" s="17"/>
      <c r="C10914" s="17"/>
      <c r="D10914" s="18" t="s">
        <v>5414</v>
      </c>
      <c r="E10914" s="18"/>
      <c r="F10914" s="18"/>
      <c r="G10914" s="18"/>
      <c r="H10914" s="18"/>
      <c r="I10914" s="18"/>
      <c r="J10914" s="18"/>
      <c r="K10914" s="18"/>
      <c r="L10914" s="18"/>
      <c r="M10914" s="18"/>
      <c r="N10914" s="18"/>
      <c r="O10914" s="18"/>
      <c r="P10914" s="19">
        <v>160</v>
      </c>
      <c r="Q10914" s="19"/>
      <c r="R10914" s="19"/>
      <c r="S10914" s="19"/>
      <c r="T10914" s="19">
        <v>58</v>
      </c>
      <c r="U10914" s="19"/>
      <c r="V10914" s="19"/>
      <c r="W10914" s="19"/>
      <c r="X10914" s="19">
        <v>1</v>
      </c>
      <c r="Y10914" s="19"/>
      <c r="Z10914" s="19"/>
      <c r="AA10914" s="19"/>
    </row>
    <row r="10915" spans="1:27" s="1" customFormat="1" ht="11.1" customHeight="1" outlineLevel="3" x14ac:dyDescent="0.2">
      <c r="A10915" s="17"/>
      <c r="B10915" s="17"/>
      <c r="C10915" s="17"/>
      <c r="D10915" s="18"/>
      <c r="E10915" s="18"/>
      <c r="F10915" s="18"/>
      <c r="G10915" s="18"/>
      <c r="H10915" s="18"/>
      <c r="I10915" s="18"/>
      <c r="J10915" s="18"/>
      <c r="K10915" s="18"/>
      <c r="L10915" s="18"/>
      <c r="M10915" s="18"/>
      <c r="N10915" s="18"/>
      <c r="O10915" s="18"/>
      <c r="P10915" s="19"/>
      <c r="Q10915" s="19"/>
      <c r="R10915" s="19"/>
      <c r="S10915" s="19"/>
      <c r="T10915" s="19"/>
      <c r="U10915" s="19"/>
      <c r="V10915" s="19"/>
      <c r="W10915" s="19"/>
      <c r="X10915" s="19"/>
      <c r="Y10915" s="19"/>
      <c r="Z10915" s="19"/>
      <c r="AA10915" s="19"/>
    </row>
    <row r="10916" spans="1:27" s="1" customFormat="1" ht="11.1" customHeight="1" outlineLevel="3" x14ac:dyDescent="0.2">
      <c r="A10916" s="17">
        <v>11919</v>
      </c>
      <c r="B10916" s="17"/>
      <c r="C10916" s="17"/>
      <c r="D10916" s="18" t="s">
        <v>5415</v>
      </c>
      <c r="E10916" s="18"/>
      <c r="F10916" s="18"/>
      <c r="G10916" s="18"/>
      <c r="H10916" s="18"/>
      <c r="I10916" s="18"/>
      <c r="J10916" s="18"/>
      <c r="K10916" s="18"/>
      <c r="L10916" s="18"/>
      <c r="M10916" s="18"/>
      <c r="N10916" s="18"/>
      <c r="O10916" s="18"/>
      <c r="P10916" s="19">
        <v>185</v>
      </c>
      <c r="Q10916" s="19"/>
      <c r="R10916" s="19"/>
      <c r="S10916" s="19"/>
      <c r="T10916" s="19">
        <v>90</v>
      </c>
      <c r="U10916" s="19"/>
      <c r="V10916" s="19"/>
      <c r="W10916" s="19"/>
      <c r="X10916" s="19">
        <v>8</v>
      </c>
      <c r="Y10916" s="19"/>
      <c r="Z10916" s="19"/>
      <c r="AA10916" s="19"/>
    </row>
    <row r="10917" spans="1:27" s="1" customFormat="1" ht="11.1" customHeight="1" outlineLevel="3" x14ac:dyDescent="0.2">
      <c r="A10917" s="17"/>
      <c r="B10917" s="17"/>
      <c r="C10917" s="17"/>
      <c r="D10917" s="18"/>
      <c r="E10917" s="18"/>
      <c r="F10917" s="18"/>
      <c r="G10917" s="18"/>
      <c r="H10917" s="18"/>
      <c r="I10917" s="18"/>
      <c r="J10917" s="18"/>
      <c r="K10917" s="18"/>
      <c r="L10917" s="18"/>
      <c r="M10917" s="18"/>
      <c r="N10917" s="18"/>
      <c r="O10917" s="18"/>
      <c r="P10917" s="19"/>
      <c r="Q10917" s="19"/>
      <c r="R10917" s="19"/>
      <c r="S10917" s="19"/>
      <c r="T10917" s="19"/>
      <c r="U10917" s="19"/>
      <c r="V10917" s="19"/>
      <c r="W10917" s="19"/>
      <c r="X10917" s="19"/>
      <c r="Y10917" s="19"/>
      <c r="Z10917" s="19"/>
      <c r="AA10917" s="19"/>
    </row>
    <row r="10918" spans="1:27" s="1" customFormat="1" ht="11.1" customHeight="1" outlineLevel="3" x14ac:dyDescent="0.2">
      <c r="A10918" s="17">
        <v>12053</v>
      </c>
      <c r="B10918" s="17"/>
      <c r="C10918" s="17"/>
      <c r="D10918" s="18" t="s">
        <v>5416</v>
      </c>
      <c r="E10918" s="18"/>
      <c r="F10918" s="18"/>
      <c r="G10918" s="18"/>
      <c r="H10918" s="18"/>
      <c r="I10918" s="18"/>
      <c r="J10918" s="18"/>
      <c r="K10918" s="18"/>
      <c r="L10918" s="18"/>
      <c r="M10918" s="18"/>
      <c r="N10918" s="18"/>
      <c r="O10918" s="18"/>
      <c r="P10918" s="19">
        <v>348</v>
      </c>
      <c r="Q10918" s="19"/>
      <c r="R10918" s="19"/>
      <c r="S10918" s="19"/>
      <c r="T10918" s="19">
        <v>174</v>
      </c>
      <c r="U10918" s="19"/>
      <c r="V10918" s="19"/>
      <c r="W10918" s="19"/>
      <c r="X10918" s="19">
        <v>5</v>
      </c>
      <c r="Y10918" s="19"/>
      <c r="Z10918" s="19"/>
      <c r="AA10918" s="19"/>
    </row>
    <row r="10919" spans="1:27" s="1" customFormat="1" ht="11.1" customHeight="1" outlineLevel="3" x14ac:dyDescent="0.2">
      <c r="A10919" s="17"/>
      <c r="B10919" s="17"/>
      <c r="C10919" s="17"/>
      <c r="D10919" s="18"/>
      <c r="E10919" s="18"/>
      <c r="F10919" s="18"/>
      <c r="G10919" s="18"/>
      <c r="H10919" s="18"/>
      <c r="I10919" s="18"/>
      <c r="J10919" s="18"/>
      <c r="K10919" s="18"/>
      <c r="L10919" s="18"/>
      <c r="M10919" s="18"/>
      <c r="N10919" s="18"/>
      <c r="O10919" s="18"/>
      <c r="P10919" s="19"/>
      <c r="Q10919" s="19"/>
      <c r="R10919" s="19"/>
      <c r="S10919" s="19"/>
      <c r="T10919" s="19"/>
      <c r="U10919" s="19"/>
      <c r="V10919" s="19"/>
      <c r="W10919" s="19"/>
      <c r="X10919" s="19"/>
      <c r="Y10919" s="19"/>
      <c r="Z10919" s="19"/>
      <c r="AA10919" s="19"/>
    </row>
    <row r="10920" spans="1:27" s="1" customFormat="1" ht="11.1" customHeight="1" outlineLevel="3" x14ac:dyDescent="0.2">
      <c r="A10920" s="17">
        <v>11945</v>
      </c>
      <c r="B10920" s="17"/>
      <c r="C10920" s="17"/>
      <c r="D10920" s="18" t="s">
        <v>5417</v>
      </c>
      <c r="E10920" s="18"/>
      <c r="F10920" s="18"/>
      <c r="G10920" s="18"/>
      <c r="H10920" s="18"/>
      <c r="I10920" s="18"/>
      <c r="J10920" s="18"/>
      <c r="K10920" s="18"/>
      <c r="L10920" s="18"/>
      <c r="M10920" s="18"/>
      <c r="N10920" s="18"/>
      <c r="O10920" s="18"/>
      <c r="P10920" s="19">
        <v>240</v>
      </c>
      <c r="Q10920" s="19"/>
      <c r="R10920" s="19"/>
      <c r="S10920" s="19"/>
      <c r="T10920" s="19">
        <v>160</v>
      </c>
      <c r="U10920" s="19"/>
      <c r="V10920" s="19"/>
      <c r="W10920" s="19"/>
      <c r="X10920" s="19">
        <v>2</v>
      </c>
      <c r="Y10920" s="19"/>
      <c r="Z10920" s="19"/>
      <c r="AA10920" s="19"/>
    </row>
    <row r="10921" spans="1:27" s="1" customFormat="1" ht="11.1" customHeight="1" outlineLevel="3" x14ac:dyDescent="0.2">
      <c r="A10921" s="17"/>
      <c r="B10921" s="17"/>
      <c r="C10921" s="17"/>
      <c r="D10921" s="18"/>
      <c r="E10921" s="18"/>
      <c r="F10921" s="18"/>
      <c r="G10921" s="18"/>
      <c r="H10921" s="18"/>
      <c r="I10921" s="18"/>
      <c r="J10921" s="18"/>
      <c r="K10921" s="18"/>
      <c r="L10921" s="18"/>
      <c r="M10921" s="18"/>
      <c r="N10921" s="18"/>
      <c r="O10921" s="18"/>
      <c r="P10921" s="19"/>
      <c r="Q10921" s="19"/>
      <c r="R10921" s="19"/>
      <c r="S10921" s="19"/>
      <c r="T10921" s="19"/>
      <c r="U10921" s="19"/>
      <c r="V10921" s="19"/>
      <c r="W10921" s="19"/>
      <c r="X10921" s="19"/>
      <c r="Y10921" s="19"/>
      <c r="Z10921" s="19"/>
      <c r="AA10921" s="19"/>
    </row>
    <row r="10922" spans="1:27" s="1" customFormat="1" ht="11.1" customHeight="1" outlineLevel="3" x14ac:dyDescent="0.2">
      <c r="A10922" s="17">
        <v>11780</v>
      </c>
      <c r="B10922" s="17"/>
      <c r="C10922" s="17"/>
      <c r="D10922" s="18" t="s">
        <v>5418</v>
      </c>
      <c r="E10922" s="18"/>
      <c r="F10922" s="18"/>
      <c r="G10922" s="18"/>
      <c r="H10922" s="18"/>
      <c r="I10922" s="18"/>
      <c r="J10922" s="18"/>
      <c r="K10922" s="18"/>
      <c r="L10922" s="18"/>
      <c r="M10922" s="18"/>
      <c r="N10922" s="18"/>
      <c r="O10922" s="18"/>
      <c r="P10922" s="19">
        <v>195</v>
      </c>
      <c r="Q10922" s="19"/>
      <c r="R10922" s="19"/>
      <c r="S10922" s="19"/>
      <c r="T10922" s="19">
        <v>88</v>
      </c>
      <c r="U10922" s="19"/>
      <c r="V10922" s="19"/>
      <c r="W10922" s="19"/>
      <c r="X10922" s="19">
        <v>2</v>
      </c>
      <c r="Y10922" s="19"/>
      <c r="Z10922" s="19"/>
      <c r="AA10922" s="19"/>
    </row>
    <row r="10923" spans="1:27" s="1" customFormat="1" ht="11.1" customHeight="1" outlineLevel="3" x14ac:dyDescent="0.2">
      <c r="A10923" s="17"/>
      <c r="B10923" s="17"/>
      <c r="C10923" s="17"/>
      <c r="D10923" s="18"/>
      <c r="E10923" s="18"/>
      <c r="F10923" s="18"/>
      <c r="G10923" s="18"/>
      <c r="H10923" s="18"/>
      <c r="I10923" s="18"/>
      <c r="J10923" s="18"/>
      <c r="K10923" s="18"/>
      <c r="L10923" s="18"/>
      <c r="M10923" s="18"/>
      <c r="N10923" s="18"/>
      <c r="O10923" s="18"/>
      <c r="P10923" s="19"/>
      <c r="Q10923" s="19"/>
      <c r="R10923" s="19"/>
      <c r="S10923" s="19"/>
      <c r="T10923" s="19"/>
      <c r="U10923" s="19"/>
      <c r="V10923" s="19"/>
      <c r="W10923" s="19"/>
      <c r="X10923" s="19"/>
      <c r="Y10923" s="19"/>
      <c r="Z10923" s="19"/>
      <c r="AA10923" s="19"/>
    </row>
    <row r="10924" spans="1:27" s="1" customFormat="1" ht="11.1" customHeight="1" outlineLevel="3" x14ac:dyDescent="0.2">
      <c r="A10924" s="17">
        <v>16059</v>
      </c>
      <c r="B10924" s="17"/>
      <c r="C10924" s="17"/>
      <c r="D10924" s="18" t="s">
        <v>5419</v>
      </c>
      <c r="E10924" s="18"/>
      <c r="F10924" s="18"/>
      <c r="G10924" s="18"/>
      <c r="H10924" s="18"/>
      <c r="I10924" s="18"/>
      <c r="J10924" s="18"/>
      <c r="K10924" s="18"/>
      <c r="L10924" s="18"/>
      <c r="M10924" s="18"/>
      <c r="N10924" s="18"/>
      <c r="O10924" s="18"/>
      <c r="P10924" s="19">
        <v>310</v>
      </c>
      <c r="Q10924" s="19"/>
      <c r="R10924" s="19"/>
      <c r="S10924" s="19"/>
      <c r="T10924" s="19">
        <v>160</v>
      </c>
      <c r="U10924" s="19"/>
      <c r="V10924" s="19"/>
      <c r="W10924" s="19"/>
      <c r="X10924" s="19">
        <v>6</v>
      </c>
      <c r="Y10924" s="19"/>
      <c r="Z10924" s="19"/>
      <c r="AA10924" s="19"/>
    </row>
    <row r="10925" spans="1:27" s="1" customFormat="1" ht="11.1" customHeight="1" outlineLevel="3" x14ac:dyDescent="0.2">
      <c r="A10925" s="17"/>
      <c r="B10925" s="17"/>
      <c r="C10925" s="17"/>
      <c r="D10925" s="18"/>
      <c r="E10925" s="18"/>
      <c r="F10925" s="18"/>
      <c r="G10925" s="18"/>
      <c r="H10925" s="18"/>
      <c r="I10925" s="18"/>
      <c r="J10925" s="18"/>
      <c r="K10925" s="18"/>
      <c r="L10925" s="18"/>
      <c r="M10925" s="18"/>
      <c r="N10925" s="18"/>
      <c r="O10925" s="18"/>
      <c r="P10925" s="19"/>
      <c r="Q10925" s="19"/>
      <c r="R10925" s="19"/>
      <c r="S10925" s="19"/>
      <c r="T10925" s="19"/>
      <c r="U10925" s="19"/>
      <c r="V10925" s="19"/>
      <c r="W10925" s="19"/>
      <c r="X10925" s="19"/>
      <c r="Y10925" s="19"/>
      <c r="Z10925" s="19"/>
      <c r="AA10925" s="19"/>
    </row>
    <row r="10926" spans="1:27" s="1" customFormat="1" ht="11.1" customHeight="1" outlineLevel="3" x14ac:dyDescent="0.2">
      <c r="A10926" s="17">
        <v>16060</v>
      </c>
      <c r="B10926" s="17"/>
      <c r="C10926" s="17"/>
      <c r="D10926" s="18" t="s">
        <v>5420</v>
      </c>
      <c r="E10926" s="18"/>
      <c r="F10926" s="18"/>
      <c r="G10926" s="18"/>
      <c r="H10926" s="18"/>
      <c r="I10926" s="18"/>
      <c r="J10926" s="18"/>
      <c r="K10926" s="18"/>
      <c r="L10926" s="18"/>
      <c r="M10926" s="18"/>
      <c r="N10926" s="18"/>
      <c r="O10926" s="18"/>
      <c r="P10926" s="19">
        <v>340</v>
      </c>
      <c r="Q10926" s="19"/>
      <c r="R10926" s="19"/>
      <c r="S10926" s="19"/>
      <c r="T10926" s="19">
        <v>170</v>
      </c>
      <c r="U10926" s="19"/>
      <c r="V10926" s="19"/>
      <c r="W10926" s="19"/>
      <c r="X10926" s="19">
        <v>2</v>
      </c>
      <c r="Y10926" s="19"/>
      <c r="Z10926" s="19"/>
      <c r="AA10926" s="19"/>
    </row>
    <row r="10927" spans="1:27" s="1" customFormat="1" ht="11.1" customHeight="1" outlineLevel="3" x14ac:dyDescent="0.2">
      <c r="A10927" s="17"/>
      <c r="B10927" s="17"/>
      <c r="C10927" s="17"/>
      <c r="D10927" s="18"/>
      <c r="E10927" s="18"/>
      <c r="F10927" s="18"/>
      <c r="G10927" s="18"/>
      <c r="H10927" s="18"/>
      <c r="I10927" s="18"/>
      <c r="J10927" s="18"/>
      <c r="K10927" s="18"/>
      <c r="L10927" s="18"/>
      <c r="M10927" s="18"/>
      <c r="N10927" s="18"/>
      <c r="O10927" s="18"/>
      <c r="P10927" s="19"/>
      <c r="Q10927" s="19"/>
      <c r="R10927" s="19"/>
      <c r="S10927" s="19"/>
      <c r="T10927" s="19"/>
      <c r="U10927" s="19"/>
      <c r="V10927" s="19"/>
      <c r="W10927" s="19"/>
      <c r="X10927" s="19"/>
      <c r="Y10927" s="19"/>
      <c r="Z10927" s="19"/>
      <c r="AA10927" s="19"/>
    </row>
    <row r="10928" spans="1:27" s="1" customFormat="1" ht="11.1" customHeight="1" outlineLevel="3" x14ac:dyDescent="0.2">
      <c r="A10928" s="17">
        <v>12054</v>
      </c>
      <c r="B10928" s="17"/>
      <c r="C10928" s="17"/>
      <c r="D10928" s="18" t="s">
        <v>5421</v>
      </c>
      <c r="E10928" s="18"/>
      <c r="F10928" s="18"/>
      <c r="G10928" s="18"/>
      <c r="H10928" s="18"/>
      <c r="I10928" s="18"/>
      <c r="J10928" s="18"/>
      <c r="K10928" s="18"/>
      <c r="L10928" s="18"/>
      <c r="M10928" s="18"/>
      <c r="N10928" s="18"/>
      <c r="O10928" s="18"/>
      <c r="P10928" s="19">
        <v>309</v>
      </c>
      <c r="Q10928" s="19"/>
      <c r="R10928" s="19"/>
      <c r="S10928" s="19"/>
      <c r="T10928" s="19">
        <v>140</v>
      </c>
      <c r="U10928" s="19"/>
      <c r="V10928" s="19"/>
      <c r="W10928" s="19"/>
      <c r="X10928" s="19">
        <v>2</v>
      </c>
      <c r="Y10928" s="19"/>
      <c r="Z10928" s="19"/>
      <c r="AA10928" s="19"/>
    </row>
    <row r="10929" spans="1:27" s="1" customFormat="1" ht="11.1" customHeight="1" outlineLevel="3" x14ac:dyDescent="0.2">
      <c r="A10929" s="17"/>
      <c r="B10929" s="17"/>
      <c r="C10929" s="17"/>
      <c r="D10929" s="18"/>
      <c r="E10929" s="18"/>
      <c r="F10929" s="18"/>
      <c r="G10929" s="18"/>
      <c r="H10929" s="18"/>
      <c r="I10929" s="18"/>
      <c r="J10929" s="18"/>
      <c r="K10929" s="18"/>
      <c r="L10929" s="18"/>
      <c r="M10929" s="18"/>
      <c r="N10929" s="18"/>
      <c r="O10929" s="18"/>
      <c r="P10929" s="19"/>
      <c r="Q10929" s="19"/>
      <c r="R10929" s="19"/>
      <c r="S10929" s="19"/>
      <c r="T10929" s="19"/>
      <c r="U10929" s="19"/>
      <c r="V10929" s="19"/>
      <c r="W10929" s="19"/>
      <c r="X10929" s="19"/>
      <c r="Y10929" s="19"/>
      <c r="Z10929" s="19"/>
      <c r="AA10929" s="19"/>
    </row>
    <row r="10930" spans="1:27" s="1" customFormat="1" ht="11.1" customHeight="1" outlineLevel="3" x14ac:dyDescent="0.2">
      <c r="A10930" s="17">
        <v>12024</v>
      </c>
      <c r="B10930" s="17"/>
      <c r="C10930" s="17"/>
      <c r="D10930" s="18" t="s">
        <v>5422</v>
      </c>
      <c r="E10930" s="18"/>
      <c r="F10930" s="18"/>
      <c r="G10930" s="18"/>
      <c r="H10930" s="18"/>
      <c r="I10930" s="18"/>
      <c r="J10930" s="18"/>
      <c r="K10930" s="18"/>
      <c r="L10930" s="18"/>
      <c r="M10930" s="18"/>
      <c r="N10930" s="18"/>
      <c r="O10930" s="18"/>
      <c r="P10930" s="19">
        <v>240</v>
      </c>
      <c r="Q10930" s="19"/>
      <c r="R10930" s="19"/>
      <c r="S10930" s="19"/>
      <c r="T10930" s="19">
        <v>140</v>
      </c>
      <c r="U10930" s="19"/>
      <c r="V10930" s="19"/>
      <c r="W10930" s="19"/>
      <c r="X10930" s="19">
        <v>10</v>
      </c>
      <c r="Y10930" s="19"/>
      <c r="Z10930" s="19"/>
      <c r="AA10930" s="19"/>
    </row>
    <row r="10931" spans="1:27" s="1" customFormat="1" ht="11.1" customHeight="1" outlineLevel="3" x14ac:dyDescent="0.2">
      <c r="A10931" s="17"/>
      <c r="B10931" s="17"/>
      <c r="C10931" s="17"/>
      <c r="D10931" s="18"/>
      <c r="E10931" s="18"/>
      <c r="F10931" s="18"/>
      <c r="G10931" s="18"/>
      <c r="H10931" s="18"/>
      <c r="I10931" s="18"/>
      <c r="J10931" s="18"/>
      <c r="K10931" s="18"/>
      <c r="L10931" s="18"/>
      <c r="M10931" s="18"/>
      <c r="N10931" s="18"/>
      <c r="O10931" s="18"/>
      <c r="P10931" s="19"/>
      <c r="Q10931" s="19"/>
      <c r="R10931" s="19"/>
      <c r="S10931" s="19"/>
      <c r="T10931" s="19"/>
      <c r="U10931" s="19"/>
      <c r="V10931" s="19"/>
      <c r="W10931" s="19"/>
      <c r="X10931" s="19"/>
      <c r="Y10931" s="19"/>
      <c r="Z10931" s="19"/>
      <c r="AA10931" s="19"/>
    </row>
    <row r="10932" spans="1:27" s="1" customFormat="1" ht="11.1" customHeight="1" outlineLevel="3" x14ac:dyDescent="0.2">
      <c r="A10932" s="17">
        <v>12057</v>
      </c>
      <c r="B10932" s="17"/>
      <c r="C10932" s="17"/>
      <c r="D10932" s="18" t="s">
        <v>5423</v>
      </c>
      <c r="E10932" s="18"/>
      <c r="F10932" s="18"/>
      <c r="G10932" s="18"/>
      <c r="H10932" s="18"/>
      <c r="I10932" s="18"/>
      <c r="J10932" s="18"/>
      <c r="K10932" s="18"/>
      <c r="L10932" s="18"/>
      <c r="M10932" s="18"/>
      <c r="N10932" s="18"/>
      <c r="O10932" s="18"/>
      <c r="P10932" s="19">
        <v>348</v>
      </c>
      <c r="Q10932" s="19"/>
      <c r="R10932" s="19"/>
      <c r="S10932" s="19"/>
      <c r="T10932" s="19">
        <v>155</v>
      </c>
      <c r="U10932" s="19"/>
      <c r="V10932" s="19"/>
      <c r="W10932" s="19"/>
      <c r="X10932" s="19">
        <v>1</v>
      </c>
      <c r="Y10932" s="19"/>
      <c r="Z10932" s="19"/>
      <c r="AA10932" s="19"/>
    </row>
    <row r="10933" spans="1:27" s="1" customFormat="1" ht="11.1" customHeight="1" outlineLevel="3" x14ac:dyDescent="0.2">
      <c r="A10933" s="17"/>
      <c r="B10933" s="17"/>
      <c r="C10933" s="17"/>
      <c r="D10933" s="18"/>
      <c r="E10933" s="18"/>
      <c r="F10933" s="18"/>
      <c r="G10933" s="18"/>
      <c r="H10933" s="18"/>
      <c r="I10933" s="18"/>
      <c r="J10933" s="18"/>
      <c r="K10933" s="18"/>
      <c r="L10933" s="18"/>
      <c r="M10933" s="18"/>
      <c r="N10933" s="18"/>
      <c r="O10933" s="18"/>
      <c r="P10933" s="19"/>
      <c r="Q10933" s="19"/>
      <c r="R10933" s="19"/>
      <c r="S10933" s="19"/>
      <c r="T10933" s="19"/>
      <c r="U10933" s="19"/>
      <c r="V10933" s="19"/>
      <c r="W10933" s="19"/>
      <c r="X10933" s="19"/>
      <c r="Y10933" s="19"/>
      <c r="Z10933" s="19"/>
      <c r="AA10933" s="19"/>
    </row>
    <row r="10934" spans="1:27" s="1" customFormat="1" ht="11.1" customHeight="1" outlineLevel="3" x14ac:dyDescent="0.2">
      <c r="A10934" s="17">
        <v>12058</v>
      </c>
      <c r="B10934" s="17"/>
      <c r="C10934" s="17"/>
      <c r="D10934" s="18" t="s">
        <v>5424</v>
      </c>
      <c r="E10934" s="18"/>
      <c r="F10934" s="18"/>
      <c r="G10934" s="18"/>
      <c r="H10934" s="18"/>
      <c r="I10934" s="18"/>
      <c r="J10934" s="18"/>
      <c r="K10934" s="18"/>
      <c r="L10934" s="18"/>
      <c r="M10934" s="18"/>
      <c r="N10934" s="18"/>
      <c r="O10934" s="18"/>
      <c r="P10934" s="19">
        <v>250</v>
      </c>
      <c r="Q10934" s="19"/>
      <c r="R10934" s="19"/>
      <c r="S10934" s="19"/>
      <c r="T10934" s="19">
        <v>130</v>
      </c>
      <c r="U10934" s="19"/>
      <c r="V10934" s="19"/>
      <c r="W10934" s="19"/>
      <c r="X10934" s="19">
        <v>13</v>
      </c>
      <c r="Y10934" s="19"/>
      <c r="Z10934" s="19"/>
      <c r="AA10934" s="19"/>
    </row>
    <row r="10935" spans="1:27" s="1" customFormat="1" ht="11.1" customHeight="1" outlineLevel="3" x14ac:dyDescent="0.2">
      <c r="A10935" s="17"/>
      <c r="B10935" s="17"/>
      <c r="C10935" s="17"/>
      <c r="D10935" s="18"/>
      <c r="E10935" s="18"/>
      <c r="F10935" s="18"/>
      <c r="G10935" s="18"/>
      <c r="H10935" s="18"/>
      <c r="I10935" s="18"/>
      <c r="J10935" s="18"/>
      <c r="K10935" s="18"/>
      <c r="L10935" s="18"/>
      <c r="M10935" s="18"/>
      <c r="N10935" s="18"/>
      <c r="O10935" s="18"/>
      <c r="P10935" s="19"/>
      <c r="Q10935" s="19"/>
      <c r="R10935" s="19"/>
      <c r="S10935" s="19"/>
      <c r="T10935" s="19"/>
      <c r="U10935" s="19"/>
      <c r="V10935" s="19"/>
      <c r="W10935" s="19"/>
      <c r="X10935" s="19"/>
      <c r="Y10935" s="19"/>
      <c r="Z10935" s="19"/>
      <c r="AA10935" s="19"/>
    </row>
    <row r="10936" spans="1:27" s="1" customFormat="1" ht="11.1" customHeight="1" outlineLevel="3" x14ac:dyDescent="0.2">
      <c r="A10936" s="17">
        <v>15722</v>
      </c>
      <c r="B10936" s="17"/>
      <c r="C10936" s="17"/>
      <c r="D10936" s="18" t="s">
        <v>5425</v>
      </c>
      <c r="E10936" s="18"/>
      <c r="F10936" s="18"/>
      <c r="G10936" s="18"/>
      <c r="H10936" s="18"/>
      <c r="I10936" s="18"/>
      <c r="J10936" s="18"/>
      <c r="K10936" s="18"/>
      <c r="L10936" s="18"/>
      <c r="M10936" s="18"/>
      <c r="N10936" s="18"/>
      <c r="O10936" s="18"/>
      <c r="P10936" s="19">
        <v>300</v>
      </c>
      <c r="Q10936" s="19"/>
      <c r="R10936" s="19"/>
      <c r="S10936" s="19"/>
      <c r="T10936" s="19">
        <v>160</v>
      </c>
      <c r="U10936" s="19"/>
      <c r="V10936" s="19"/>
      <c r="W10936" s="19"/>
      <c r="X10936" s="19">
        <v>19</v>
      </c>
      <c r="Y10936" s="19"/>
      <c r="Z10936" s="19"/>
      <c r="AA10936" s="19"/>
    </row>
    <row r="10937" spans="1:27" s="1" customFormat="1" ht="11.1" customHeight="1" outlineLevel="3" x14ac:dyDescent="0.2">
      <c r="A10937" s="17"/>
      <c r="B10937" s="17"/>
      <c r="C10937" s="17"/>
      <c r="D10937" s="18"/>
      <c r="E10937" s="18"/>
      <c r="F10937" s="18"/>
      <c r="G10937" s="18"/>
      <c r="H10937" s="18"/>
      <c r="I10937" s="18"/>
      <c r="J10937" s="18"/>
      <c r="K10937" s="18"/>
      <c r="L10937" s="18"/>
      <c r="M10937" s="18"/>
      <c r="N10937" s="18"/>
      <c r="O10937" s="18"/>
      <c r="P10937" s="19"/>
      <c r="Q10937" s="19"/>
      <c r="R10937" s="19"/>
      <c r="S10937" s="19"/>
      <c r="T10937" s="19"/>
      <c r="U10937" s="19"/>
      <c r="V10937" s="19"/>
      <c r="W10937" s="19"/>
      <c r="X10937" s="19"/>
      <c r="Y10937" s="19"/>
      <c r="Z10937" s="19"/>
      <c r="AA10937" s="19"/>
    </row>
    <row r="10938" spans="1:27" s="1" customFormat="1" ht="11.1" customHeight="1" outlineLevel="3" x14ac:dyDescent="0.2">
      <c r="A10938" s="17">
        <v>12059</v>
      </c>
      <c r="B10938" s="17"/>
      <c r="C10938" s="17"/>
      <c r="D10938" s="18" t="s">
        <v>5426</v>
      </c>
      <c r="E10938" s="18"/>
      <c r="F10938" s="18"/>
      <c r="G10938" s="18"/>
      <c r="H10938" s="18"/>
      <c r="I10938" s="18"/>
      <c r="J10938" s="18"/>
      <c r="K10938" s="18"/>
      <c r="L10938" s="18"/>
      <c r="M10938" s="18"/>
      <c r="N10938" s="18"/>
      <c r="O10938" s="18"/>
      <c r="P10938" s="19">
        <v>280</v>
      </c>
      <c r="Q10938" s="19"/>
      <c r="R10938" s="19"/>
      <c r="S10938" s="19"/>
      <c r="T10938" s="19">
        <v>105</v>
      </c>
      <c r="U10938" s="19"/>
      <c r="V10938" s="19"/>
      <c r="W10938" s="19"/>
      <c r="X10938" s="19">
        <v>5</v>
      </c>
      <c r="Y10938" s="19"/>
      <c r="Z10938" s="19"/>
      <c r="AA10938" s="19"/>
    </row>
    <row r="10939" spans="1:27" s="1" customFormat="1" ht="11.1" customHeight="1" outlineLevel="3" x14ac:dyDescent="0.2">
      <c r="A10939" s="17"/>
      <c r="B10939" s="17"/>
      <c r="C10939" s="17"/>
      <c r="D10939" s="18"/>
      <c r="E10939" s="18"/>
      <c r="F10939" s="18"/>
      <c r="G10939" s="18"/>
      <c r="H10939" s="18"/>
      <c r="I10939" s="18"/>
      <c r="J10939" s="18"/>
      <c r="K10939" s="18"/>
      <c r="L10939" s="18"/>
      <c r="M10939" s="18"/>
      <c r="N10939" s="18"/>
      <c r="O10939" s="18"/>
      <c r="P10939" s="19"/>
      <c r="Q10939" s="19"/>
      <c r="R10939" s="19"/>
      <c r="S10939" s="19"/>
      <c r="T10939" s="19"/>
      <c r="U10939" s="19"/>
      <c r="V10939" s="19"/>
      <c r="W10939" s="19"/>
      <c r="X10939" s="19"/>
      <c r="Y10939" s="19"/>
      <c r="Z10939" s="19"/>
      <c r="AA10939" s="19"/>
    </row>
    <row r="10940" spans="1:27" s="1" customFormat="1" ht="11.1" customHeight="1" outlineLevel="3" x14ac:dyDescent="0.2">
      <c r="A10940" s="17">
        <v>12060</v>
      </c>
      <c r="B10940" s="17"/>
      <c r="C10940" s="17"/>
      <c r="D10940" s="18" t="s">
        <v>5427</v>
      </c>
      <c r="E10940" s="18"/>
      <c r="F10940" s="18"/>
      <c r="G10940" s="18"/>
      <c r="H10940" s="18"/>
      <c r="I10940" s="18"/>
      <c r="J10940" s="18"/>
      <c r="K10940" s="18"/>
      <c r="L10940" s="18"/>
      <c r="M10940" s="18"/>
      <c r="N10940" s="18"/>
      <c r="O10940" s="18"/>
      <c r="P10940" s="19">
        <v>228</v>
      </c>
      <c r="Q10940" s="19"/>
      <c r="R10940" s="19"/>
      <c r="S10940" s="19"/>
      <c r="T10940" s="19">
        <v>110</v>
      </c>
      <c r="U10940" s="19"/>
      <c r="V10940" s="19"/>
      <c r="W10940" s="19"/>
      <c r="X10940" s="19">
        <v>1</v>
      </c>
      <c r="Y10940" s="19"/>
      <c r="Z10940" s="19"/>
      <c r="AA10940" s="19"/>
    </row>
    <row r="10941" spans="1:27" s="1" customFormat="1" ht="11.1" customHeight="1" outlineLevel="3" x14ac:dyDescent="0.2">
      <c r="A10941" s="17"/>
      <c r="B10941" s="17"/>
      <c r="C10941" s="17"/>
      <c r="D10941" s="18"/>
      <c r="E10941" s="18"/>
      <c r="F10941" s="18"/>
      <c r="G10941" s="18"/>
      <c r="H10941" s="18"/>
      <c r="I10941" s="18"/>
      <c r="J10941" s="18"/>
      <c r="K10941" s="18"/>
      <c r="L10941" s="18"/>
      <c r="M10941" s="18"/>
      <c r="N10941" s="18"/>
      <c r="O10941" s="18"/>
      <c r="P10941" s="19"/>
      <c r="Q10941" s="19"/>
      <c r="R10941" s="19"/>
      <c r="S10941" s="19"/>
      <c r="T10941" s="19"/>
      <c r="U10941" s="19"/>
      <c r="V10941" s="19"/>
      <c r="W10941" s="19"/>
      <c r="X10941" s="19"/>
      <c r="Y10941" s="19"/>
      <c r="Z10941" s="19"/>
      <c r="AA10941" s="19"/>
    </row>
    <row r="10942" spans="1:27" s="1" customFormat="1" ht="11.1" customHeight="1" outlineLevel="3" x14ac:dyDescent="0.2">
      <c r="A10942" s="17">
        <v>11947</v>
      </c>
      <c r="B10942" s="17"/>
      <c r="C10942" s="17"/>
      <c r="D10942" s="18" t="s">
        <v>5428</v>
      </c>
      <c r="E10942" s="18"/>
      <c r="F10942" s="18"/>
      <c r="G10942" s="18"/>
      <c r="H10942" s="18"/>
      <c r="I10942" s="18"/>
      <c r="J10942" s="18"/>
      <c r="K10942" s="18"/>
      <c r="L10942" s="18"/>
      <c r="M10942" s="18"/>
      <c r="N10942" s="18"/>
      <c r="O10942" s="18"/>
      <c r="P10942" s="19">
        <v>240</v>
      </c>
      <c r="Q10942" s="19"/>
      <c r="R10942" s="19"/>
      <c r="S10942" s="19"/>
      <c r="T10942" s="19">
        <v>160</v>
      </c>
      <c r="U10942" s="19"/>
      <c r="V10942" s="19"/>
      <c r="W10942" s="19"/>
      <c r="X10942" s="19">
        <v>1</v>
      </c>
      <c r="Y10942" s="19"/>
      <c r="Z10942" s="19"/>
      <c r="AA10942" s="19"/>
    </row>
    <row r="10943" spans="1:27" s="1" customFormat="1" ht="11.1" customHeight="1" outlineLevel="3" x14ac:dyDescent="0.2">
      <c r="A10943" s="17"/>
      <c r="B10943" s="17"/>
      <c r="C10943" s="17"/>
      <c r="D10943" s="18"/>
      <c r="E10943" s="18"/>
      <c r="F10943" s="18"/>
      <c r="G10943" s="18"/>
      <c r="H10943" s="18"/>
      <c r="I10943" s="18"/>
      <c r="J10943" s="18"/>
      <c r="K10943" s="18"/>
      <c r="L10943" s="18"/>
      <c r="M10943" s="18"/>
      <c r="N10943" s="18"/>
      <c r="O10943" s="18"/>
      <c r="P10943" s="19"/>
      <c r="Q10943" s="19"/>
      <c r="R10943" s="19"/>
      <c r="S10943" s="19"/>
      <c r="T10943" s="19"/>
      <c r="U10943" s="19"/>
      <c r="V10943" s="19"/>
      <c r="W10943" s="19"/>
      <c r="X10943" s="19"/>
      <c r="Y10943" s="19"/>
      <c r="Z10943" s="19"/>
      <c r="AA10943" s="19"/>
    </row>
    <row r="10944" spans="1:27" s="1" customFormat="1" ht="11.1" customHeight="1" outlineLevel="3" x14ac:dyDescent="0.2">
      <c r="A10944" s="17">
        <v>12061</v>
      </c>
      <c r="B10944" s="17"/>
      <c r="C10944" s="17"/>
      <c r="D10944" s="18" t="s">
        <v>5429</v>
      </c>
      <c r="E10944" s="18"/>
      <c r="F10944" s="18"/>
      <c r="G10944" s="18"/>
      <c r="H10944" s="18"/>
      <c r="I10944" s="18"/>
      <c r="J10944" s="18"/>
      <c r="K10944" s="18"/>
      <c r="L10944" s="18"/>
      <c r="M10944" s="18"/>
      <c r="N10944" s="18"/>
      <c r="O10944" s="18"/>
      <c r="P10944" s="19">
        <v>350</v>
      </c>
      <c r="Q10944" s="19"/>
      <c r="R10944" s="19"/>
      <c r="S10944" s="19"/>
      <c r="T10944" s="19">
        <v>170</v>
      </c>
      <c r="U10944" s="19"/>
      <c r="V10944" s="19"/>
      <c r="W10944" s="19"/>
      <c r="X10944" s="19">
        <v>9</v>
      </c>
      <c r="Y10944" s="19"/>
      <c r="Z10944" s="19"/>
      <c r="AA10944" s="19"/>
    </row>
    <row r="10945" spans="1:27" s="1" customFormat="1" ht="11.1" customHeight="1" outlineLevel="3" x14ac:dyDescent="0.2">
      <c r="A10945" s="17"/>
      <c r="B10945" s="17"/>
      <c r="C10945" s="17"/>
      <c r="D10945" s="18"/>
      <c r="E10945" s="18"/>
      <c r="F10945" s="18"/>
      <c r="G10945" s="18"/>
      <c r="H10945" s="18"/>
      <c r="I10945" s="18"/>
      <c r="J10945" s="18"/>
      <c r="K10945" s="18"/>
      <c r="L10945" s="18"/>
      <c r="M10945" s="18"/>
      <c r="N10945" s="18"/>
      <c r="O10945" s="18"/>
      <c r="P10945" s="19"/>
      <c r="Q10945" s="19"/>
      <c r="R10945" s="19"/>
      <c r="S10945" s="19"/>
      <c r="T10945" s="19"/>
      <c r="U10945" s="19"/>
      <c r="V10945" s="19"/>
      <c r="W10945" s="19"/>
      <c r="X10945" s="19"/>
      <c r="Y10945" s="19"/>
      <c r="Z10945" s="19"/>
      <c r="AA10945" s="19"/>
    </row>
    <row r="10946" spans="1:27" s="1" customFormat="1" ht="14.1" customHeight="1" outlineLevel="3" x14ac:dyDescent="0.2">
      <c r="A10946" s="17">
        <v>15880</v>
      </c>
      <c r="B10946" s="17"/>
      <c r="C10946" s="17"/>
      <c r="D10946" s="18" t="s">
        <v>5430</v>
      </c>
      <c r="E10946" s="18"/>
      <c r="F10946" s="18"/>
      <c r="G10946" s="18"/>
      <c r="H10946" s="18"/>
      <c r="I10946" s="18"/>
      <c r="J10946" s="18"/>
      <c r="K10946" s="18"/>
      <c r="L10946" s="18"/>
      <c r="M10946" s="18"/>
      <c r="N10946" s="18"/>
      <c r="O10946" s="18"/>
      <c r="P10946" s="19">
        <v>350</v>
      </c>
      <c r="Q10946" s="19"/>
      <c r="R10946" s="19"/>
      <c r="S10946" s="19"/>
      <c r="T10946" s="19">
        <v>210</v>
      </c>
      <c r="U10946" s="19"/>
      <c r="V10946" s="19"/>
      <c r="W10946" s="19"/>
      <c r="X10946" s="19">
        <v>13</v>
      </c>
      <c r="Y10946" s="19"/>
      <c r="Z10946" s="19"/>
      <c r="AA10946" s="19"/>
    </row>
    <row r="10947" spans="1:27" s="1" customFormat="1" ht="14.1" customHeight="1" outlineLevel="3" x14ac:dyDescent="0.2">
      <c r="A10947" s="17"/>
      <c r="B10947" s="17"/>
      <c r="C10947" s="17"/>
      <c r="D10947" s="18"/>
      <c r="E10947" s="18"/>
      <c r="F10947" s="18"/>
      <c r="G10947" s="18"/>
      <c r="H10947" s="18"/>
      <c r="I10947" s="18"/>
      <c r="J10947" s="18"/>
      <c r="K10947" s="18"/>
      <c r="L10947" s="18"/>
      <c r="M10947" s="18"/>
      <c r="N10947" s="18"/>
      <c r="O10947" s="18"/>
      <c r="P10947" s="19"/>
      <c r="Q10947" s="19"/>
      <c r="R10947" s="19"/>
      <c r="S10947" s="19"/>
      <c r="T10947" s="19"/>
      <c r="U10947" s="19"/>
      <c r="V10947" s="19"/>
      <c r="W10947" s="19"/>
      <c r="X10947" s="19"/>
      <c r="Y10947" s="19"/>
      <c r="Z10947" s="19"/>
      <c r="AA10947" s="19"/>
    </row>
    <row r="10948" spans="1:27" s="1" customFormat="1" ht="11.1" customHeight="1" outlineLevel="3" x14ac:dyDescent="0.2">
      <c r="A10948" s="17">
        <v>16476</v>
      </c>
      <c r="B10948" s="17"/>
      <c r="C10948" s="17"/>
      <c r="D10948" s="18" t="s">
        <v>5431</v>
      </c>
      <c r="E10948" s="18"/>
      <c r="F10948" s="18"/>
      <c r="G10948" s="18"/>
      <c r="H10948" s="18"/>
      <c r="I10948" s="18"/>
      <c r="J10948" s="18"/>
      <c r="K10948" s="18"/>
      <c r="L10948" s="18"/>
      <c r="M10948" s="18"/>
      <c r="N10948" s="18"/>
      <c r="O10948" s="18"/>
      <c r="P10948" s="19">
        <v>350</v>
      </c>
      <c r="Q10948" s="19"/>
      <c r="R10948" s="19"/>
      <c r="S10948" s="19"/>
      <c r="T10948" s="19">
        <v>170</v>
      </c>
      <c r="U10948" s="19"/>
      <c r="V10948" s="19"/>
      <c r="W10948" s="19"/>
      <c r="X10948" s="19">
        <v>4</v>
      </c>
      <c r="Y10948" s="19"/>
      <c r="Z10948" s="19"/>
      <c r="AA10948" s="19"/>
    </row>
    <row r="10949" spans="1:27" s="1" customFormat="1" ht="11.1" customHeight="1" outlineLevel="3" x14ac:dyDescent="0.2">
      <c r="A10949" s="17"/>
      <c r="B10949" s="17"/>
      <c r="C10949" s="17"/>
      <c r="D10949" s="18"/>
      <c r="E10949" s="18"/>
      <c r="F10949" s="18"/>
      <c r="G10949" s="18"/>
      <c r="H10949" s="18"/>
      <c r="I10949" s="18"/>
      <c r="J10949" s="18"/>
      <c r="K10949" s="18"/>
      <c r="L10949" s="18"/>
      <c r="M10949" s="18"/>
      <c r="N10949" s="18"/>
      <c r="O10949" s="18"/>
      <c r="P10949" s="19"/>
      <c r="Q10949" s="19"/>
      <c r="R10949" s="19"/>
      <c r="S10949" s="19"/>
      <c r="T10949" s="19"/>
      <c r="U10949" s="19"/>
      <c r="V10949" s="19"/>
      <c r="W10949" s="19"/>
      <c r="X10949" s="19"/>
      <c r="Y10949" s="19"/>
      <c r="Z10949" s="19"/>
      <c r="AA10949" s="19"/>
    </row>
    <row r="10950" spans="1:27" s="1" customFormat="1" ht="11.1" customHeight="1" outlineLevel="3" x14ac:dyDescent="0.2">
      <c r="A10950" s="17">
        <v>15370</v>
      </c>
      <c r="B10950" s="17"/>
      <c r="C10950" s="17"/>
      <c r="D10950" s="18" t="s">
        <v>5432</v>
      </c>
      <c r="E10950" s="18"/>
      <c r="F10950" s="18"/>
      <c r="G10950" s="18"/>
      <c r="H10950" s="18"/>
      <c r="I10950" s="18"/>
      <c r="J10950" s="18"/>
      <c r="K10950" s="18"/>
      <c r="L10950" s="18"/>
      <c r="M10950" s="18"/>
      <c r="N10950" s="18"/>
      <c r="O10950" s="18"/>
      <c r="P10950" s="19">
        <v>290</v>
      </c>
      <c r="Q10950" s="19"/>
      <c r="R10950" s="19"/>
      <c r="S10950" s="19"/>
      <c r="T10950" s="19">
        <v>160</v>
      </c>
      <c r="U10950" s="19"/>
      <c r="V10950" s="19"/>
      <c r="W10950" s="19"/>
      <c r="X10950" s="19">
        <v>10</v>
      </c>
      <c r="Y10950" s="19"/>
      <c r="Z10950" s="19"/>
      <c r="AA10950" s="19"/>
    </row>
    <row r="10951" spans="1:27" s="1" customFormat="1" ht="11.1" customHeight="1" outlineLevel="3" x14ac:dyDescent="0.2">
      <c r="A10951" s="17"/>
      <c r="B10951" s="17"/>
      <c r="C10951" s="17"/>
      <c r="D10951" s="18"/>
      <c r="E10951" s="18"/>
      <c r="F10951" s="18"/>
      <c r="G10951" s="18"/>
      <c r="H10951" s="18"/>
      <c r="I10951" s="18"/>
      <c r="J10951" s="18"/>
      <c r="K10951" s="18"/>
      <c r="L10951" s="18"/>
      <c r="M10951" s="18"/>
      <c r="N10951" s="18"/>
      <c r="O10951" s="18"/>
      <c r="P10951" s="19"/>
      <c r="Q10951" s="19"/>
      <c r="R10951" s="19"/>
      <c r="S10951" s="19"/>
      <c r="T10951" s="19"/>
      <c r="U10951" s="19"/>
      <c r="V10951" s="19"/>
      <c r="W10951" s="19"/>
      <c r="X10951" s="19"/>
      <c r="Y10951" s="19"/>
      <c r="Z10951" s="19"/>
      <c r="AA10951" s="19"/>
    </row>
    <row r="10952" spans="1:27" s="1" customFormat="1" ht="11.1" customHeight="1" outlineLevel="3" x14ac:dyDescent="0.2">
      <c r="A10952" s="17">
        <v>16474</v>
      </c>
      <c r="B10952" s="17"/>
      <c r="C10952" s="17"/>
      <c r="D10952" s="18" t="s">
        <v>5433</v>
      </c>
      <c r="E10952" s="18"/>
      <c r="F10952" s="18"/>
      <c r="G10952" s="18"/>
      <c r="H10952" s="18"/>
      <c r="I10952" s="18"/>
      <c r="J10952" s="18"/>
      <c r="K10952" s="18"/>
      <c r="L10952" s="18"/>
      <c r="M10952" s="18"/>
      <c r="N10952" s="18"/>
      <c r="O10952" s="18"/>
      <c r="P10952" s="19">
        <v>450</v>
      </c>
      <c r="Q10952" s="19"/>
      <c r="R10952" s="19"/>
      <c r="S10952" s="19"/>
      <c r="T10952" s="19">
        <v>190</v>
      </c>
      <c r="U10952" s="19"/>
      <c r="V10952" s="19"/>
      <c r="W10952" s="19"/>
      <c r="X10952" s="19">
        <v>1</v>
      </c>
      <c r="Y10952" s="19"/>
      <c r="Z10952" s="19"/>
      <c r="AA10952" s="19"/>
    </row>
    <row r="10953" spans="1:27" s="1" customFormat="1" ht="11.1" customHeight="1" outlineLevel="3" x14ac:dyDescent="0.2">
      <c r="A10953" s="17"/>
      <c r="B10953" s="17"/>
      <c r="C10953" s="17"/>
      <c r="D10953" s="18"/>
      <c r="E10953" s="18"/>
      <c r="F10953" s="18"/>
      <c r="G10953" s="18"/>
      <c r="H10953" s="18"/>
      <c r="I10953" s="18"/>
      <c r="J10953" s="18"/>
      <c r="K10953" s="18"/>
      <c r="L10953" s="18"/>
      <c r="M10953" s="18"/>
      <c r="N10953" s="18"/>
      <c r="O10953" s="18"/>
      <c r="P10953" s="19"/>
      <c r="Q10953" s="19"/>
      <c r="R10953" s="19"/>
      <c r="S10953" s="19"/>
      <c r="T10953" s="19"/>
      <c r="U10953" s="19"/>
      <c r="V10953" s="19"/>
      <c r="W10953" s="19"/>
      <c r="X10953" s="19"/>
      <c r="Y10953" s="19"/>
      <c r="Z10953" s="19"/>
      <c r="AA10953" s="19"/>
    </row>
    <row r="10954" spans="1:27" s="1" customFormat="1" ht="11.1" customHeight="1" outlineLevel="3" x14ac:dyDescent="0.2">
      <c r="A10954" s="17">
        <v>16479</v>
      </c>
      <c r="B10954" s="17"/>
      <c r="C10954" s="17"/>
      <c r="D10954" s="18" t="s">
        <v>5434</v>
      </c>
      <c r="E10954" s="18"/>
      <c r="F10954" s="18"/>
      <c r="G10954" s="18"/>
      <c r="H10954" s="18"/>
      <c r="I10954" s="18"/>
      <c r="J10954" s="18"/>
      <c r="K10954" s="18"/>
      <c r="L10954" s="18"/>
      <c r="M10954" s="18"/>
      <c r="N10954" s="18"/>
      <c r="O10954" s="18"/>
      <c r="P10954" s="19">
        <v>450</v>
      </c>
      <c r="Q10954" s="19"/>
      <c r="R10954" s="19"/>
      <c r="S10954" s="19"/>
      <c r="T10954" s="19">
        <v>200</v>
      </c>
      <c r="U10954" s="19"/>
      <c r="V10954" s="19"/>
      <c r="W10954" s="19"/>
      <c r="X10954" s="19">
        <v>4</v>
      </c>
      <c r="Y10954" s="19"/>
      <c r="Z10954" s="19"/>
      <c r="AA10954" s="19"/>
    </row>
    <row r="10955" spans="1:27" s="1" customFormat="1" ht="11.1" customHeight="1" outlineLevel="3" x14ac:dyDescent="0.2">
      <c r="A10955" s="17"/>
      <c r="B10955" s="17"/>
      <c r="C10955" s="17"/>
      <c r="D10955" s="18"/>
      <c r="E10955" s="18"/>
      <c r="F10955" s="18"/>
      <c r="G10955" s="18"/>
      <c r="H10955" s="18"/>
      <c r="I10955" s="18"/>
      <c r="J10955" s="18"/>
      <c r="K10955" s="18"/>
      <c r="L10955" s="18"/>
      <c r="M10955" s="18"/>
      <c r="N10955" s="18"/>
      <c r="O10955" s="18"/>
      <c r="P10955" s="19"/>
      <c r="Q10955" s="19"/>
      <c r="R10955" s="19"/>
      <c r="S10955" s="19"/>
      <c r="T10955" s="19"/>
      <c r="U10955" s="19"/>
      <c r="V10955" s="19"/>
      <c r="W10955" s="19"/>
      <c r="X10955" s="19"/>
      <c r="Y10955" s="19"/>
      <c r="Z10955" s="19"/>
      <c r="AA10955" s="19"/>
    </row>
    <row r="10956" spans="1:27" s="1" customFormat="1" ht="14.1" customHeight="1" outlineLevel="3" x14ac:dyDescent="0.2">
      <c r="A10956" s="17">
        <v>7102</v>
      </c>
      <c r="B10956" s="17"/>
      <c r="C10956" s="17"/>
      <c r="D10956" s="18" t="s">
        <v>5435</v>
      </c>
      <c r="E10956" s="18"/>
      <c r="F10956" s="18"/>
      <c r="G10956" s="18"/>
      <c r="H10956" s="18"/>
      <c r="I10956" s="18"/>
      <c r="J10956" s="18"/>
      <c r="K10956" s="18"/>
      <c r="L10956" s="18"/>
      <c r="M10956" s="18"/>
      <c r="N10956" s="18"/>
      <c r="O10956" s="18"/>
      <c r="P10956" s="19">
        <v>200</v>
      </c>
      <c r="Q10956" s="19"/>
      <c r="R10956" s="19"/>
      <c r="S10956" s="19"/>
      <c r="T10956" s="19">
        <v>50</v>
      </c>
      <c r="U10956" s="19"/>
      <c r="V10956" s="19"/>
      <c r="W10956" s="19"/>
      <c r="X10956" s="19">
        <v>12</v>
      </c>
      <c r="Y10956" s="19"/>
      <c r="Z10956" s="19"/>
      <c r="AA10956" s="19"/>
    </row>
    <row r="10957" spans="1:27" s="1" customFormat="1" ht="14.1" customHeight="1" outlineLevel="3" x14ac:dyDescent="0.2">
      <c r="A10957" s="17"/>
      <c r="B10957" s="17"/>
      <c r="C10957" s="17"/>
      <c r="D10957" s="18"/>
      <c r="E10957" s="18"/>
      <c r="F10957" s="18"/>
      <c r="G10957" s="18"/>
      <c r="H10957" s="18"/>
      <c r="I10957" s="18"/>
      <c r="J10957" s="18"/>
      <c r="K10957" s="18"/>
      <c r="L10957" s="18"/>
      <c r="M10957" s="18"/>
      <c r="N10957" s="18"/>
      <c r="O10957" s="18"/>
      <c r="P10957" s="19"/>
      <c r="Q10957" s="19"/>
      <c r="R10957" s="19"/>
      <c r="S10957" s="19"/>
      <c r="T10957" s="19"/>
      <c r="U10957" s="19"/>
      <c r="V10957" s="19"/>
      <c r="W10957" s="19"/>
      <c r="X10957" s="19"/>
      <c r="Y10957" s="19"/>
      <c r="Z10957" s="19"/>
      <c r="AA10957" s="19"/>
    </row>
    <row r="10958" spans="1:27" s="1" customFormat="1" ht="11.1" customHeight="1" outlineLevel="3" x14ac:dyDescent="0.2">
      <c r="A10958" s="17">
        <v>6581</v>
      </c>
      <c r="B10958" s="17"/>
      <c r="C10958" s="17"/>
      <c r="D10958" s="18" t="s">
        <v>5436</v>
      </c>
      <c r="E10958" s="18"/>
      <c r="F10958" s="18"/>
      <c r="G10958" s="18"/>
      <c r="H10958" s="18"/>
      <c r="I10958" s="18"/>
      <c r="J10958" s="18"/>
      <c r="K10958" s="18"/>
      <c r="L10958" s="18"/>
      <c r="M10958" s="18"/>
      <c r="N10958" s="18"/>
      <c r="O10958" s="18"/>
      <c r="P10958" s="19">
        <v>250</v>
      </c>
      <c r="Q10958" s="19"/>
      <c r="R10958" s="19"/>
      <c r="S10958" s="19"/>
      <c r="T10958" s="19">
        <v>180</v>
      </c>
      <c r="U10958" s="19"/>
      <c r="V10958" s="19"/>
      <c r="W10958" s="19"/>
      <c r="X10958" s="19">
        <v>3</v>
      </c>
      <c r="Y10958" s="19"/>
      <c r="Z10958" s="19"/>
      <c r="AA10958" s="19"/>
    </row>
    <row r="10959" spans="1:27" s="1" customFormat="1" ht="11.1" customHeight="1" outlineLevel="3" x14ac:dyDescent="0.2">
      <c r="A10959" s="17"/>
      <c r="B10959" s="17"/>
      <c r="C10959" s="17"/>
      <c r="D10959" s="18"/>
      <c r="E10959" s="18"/>
      <c r="F10959" s="18"/>
      <c r="G10959" s="18"/>
      <c r="H10959" s="18"/>
      <c r="I10959" s="18"/>
      <c r="J10959" s="18"/>
      <c r="K10959" s="18"/>
      <c r="L10959" s="18"/>
      <c r="M10959" s="18"/>
      <c r="N10959" s="18"/>
      <c r="O10959" s="18"/>
      <c r="P10959" s="19"/>
      <c r="Q10959" s="19"/>
      <c r="R10959" s="19"/>
      <c r="S10959" s="19"/>
      <c r="T10959" s="19"/>
      <c r="U10959" s="19"/>
      <c r="V10959" s="19"/>
      <c r="W10959" s="19"/>
      <c r="X10959" s="19"/>
      <c r="Y10959" s="19"/>
      <c r="Z10959" s="19"/>
      <c r="AA10959" s="19"/>
    </row>
    <row r="10960" spans="1:27" s="1" customFormat="1" ht="11.1" customHeight="1" outlineLevel="3" x14ac:dyDescent="0.2">
      <c r="A10960" s="17">
        <v>486</v>
      </c>
      <c r="B10960" s="17"/>
      <c r="C10960" s="17"/>
      <c r="D10960" s="18" t="s">
        <v>5437</v>
      </c>
      <c r="E10960" s="18"/>
      <c r="F10960" s="18"/>
      <c r="G10960" s="18"/>
      <c r="H10960" s="18"/>
      <c r="I10960" s="18"/>
      <c r="J10960" s="18"/>
      <c r="K10960" s="18"/>
      <c r="L10960" s="18"/>
      <c r="M10960" s="18"/>
      <c r="N10960" s="18"/>
      <c r="O10960" s="18"/>
      <c r="P10960" s="19">
        <v>220</v>
      </c>
      <c r="Q10960" s="19"/>
      <c r="R10960" s="19"/>
      <c r="S10960" s="19"/>
      <c r="T10960" s="19">
        <v>60</v>
      </c>
      <c r="U10960" s="19"/>
      <c r="V10960" s="19"/>
      <c r="W10960" s="19"/>
      <c r="X10960" s="19">
        <v>4</v>
      </c>
      <c r="Y10960" s="19"/>
      <c r="Z10960" s="19"/>
      <c r="AA10960" s="19"/>
    </row>
    <row r="10961" spans="1:27" s="1" customFormat="1" ht="11.1" customHeight="1" outlineLevel="3" x14ac:dyDescent="0.2">
      <c r="A10961" s="17"/>
      <c r="B10961" s="17"/>
      <c r="C10961" s="17"/>
      <c r="D10961" s="18"/>
      <c r="E10961" s="18"/>
      <c r="F10961" s="18"/>
      <c r="G10961" s="18"/>
      <c r="H10961" s="18"/>
      <c r="I10961" s="18"/>
      <c r="J10961" s="18"/>
      <c r="K10961" s="18"/>
      <c r="L10961" s="18"/>
      <c r="M10961" s="18"/>
      <c r="N10961" s="18"/>
      <c r="O10961" s="18"/>
      <c r="P10961" s="19"/>
      <c r="Q10961" s="19"/>
      <c r="R10961" s="19"/>
      <c r="S10961" s="19"/>
      <c r="T10961" s="19"/>
      <c r="U10961" s="19"/>
      <c r="V10961" s="19"/>
      <c r="W10961" s="19"/>
      <c r="X10961" s="19"/>
      <c r="Y10961" s="19"/>
      <c r="Z10961" s="19"/>
      <c r="AA10961" s="19"/>
    </row>
    <row r="10962" spans="1:27" s="1" customFormat="1" ht="11.1" customHeight="1" outlineLevel="3" x14ac:dyDescent="0.2">
      <c r="A10962" s="17">
        <v>12408</v>
      </c>
      <c r="B10962" s="17"/>
      <c r="C10962" s="17"/>
      <c r="D10962" s="18" t="s">
        <v>5438</v>
      </c>
      <c r="E10962" s="18"/>
      <c r="F10962" s="18"/>
      <c r="G10962" s="18"/>
      <c r="H10962" s="18"/>
      <c r="I10962" s="18"/>
      <c r="J10962" s="18"/>
      <c r="K10962" s="18"/>
      <c r="L10962" s="18"/>
      <c r="M10962" s="18"/>
      <c r="N10962" s="18"/>
      <c r="O10962" s="18"/>
      <c r="P10962" s="19">
        <v>310</v>
      </c>
      <c r="Q10962" s="19"/>
      <c r="R10962" s="19"/>
      <c r="S10962" s="19"/>
      <c r="T10962" s="19">
        <v>220</v>
      </c>
      <c r="U10962" s="19"/>
      <c r="V10962" s="19"/>
      <c r="W10962" s="19"/>
      <c r="X10962" s="19">
        <v>1</v>
      </c>
      <c r="Y10962" s="19"/>
      <c r="Z10962" s="19"/>
      <c r="AA10962" s="19"/>
    </row>
    <row r="10963" spans="1:27" s="1" customFormat="1" ht="11.1" customHeight="1" outlineLevel="3" x14ac:dyDescent="0.2">
      <c r="A10963" s="17"/>
      <c r="B10963" s="17"/>
      <c r="C10963" s="17"/>
      <c r="D10963" s="18"/>
      <c r="E10963" s="18"/>
      <c r="F10963" s="18"/>
      <c r="G10963" s="18"/>
      <c r="H10963" s="18"/>
      <c r="I10963" s="18"/>
      <c r="J10963" s="18"/>
      <c r="K10963" s="18"/>
      <c r="L10963" s="18"/>
      <c r="M10963" s="18"/>
      <c r="N10963" s="18"/>
      <c r="O10963" s="18"/>
      <c r="P10963" s="19"/>
      <c r="Q10963" s="19"/>
      <c r="R10963" s="19"/>
      <c r="S10963" s="19"/>
      <c r="T10963" s="19"/>
      <c r="U10963" s="19"/>
      <c r="V10963" s="19"/>
      <c r="W10963" s="19"/>
      <c r="X10963" s="19"/>
      <c r="Y10963" s="19"/>
      <c r="Z10963" s="19"/>
      <c r="AA10963" s="19"/>
    </row>
    <row r="10964" spans="1:27" s="1" customFormat="1" ht="11.1" customHeight="1" outlineLevel="3" x14ac:dyDescent="0.2">
      <c r="A10964" s="17">
        <v>11991</v>
      </c>
      <c r="B10964" s="17"/>
      <c r="C10964" s="17"/>
      <c r="D10964" s="18" t="s">
        <v>5439</v>
      </c>
      <c r="E10964" s="18"/>
      <c r="F10964" s="18"/>
      <c r="G10964" s="18"/>
      <c r="H10964" s="18"/>
      <c r="I10964" s="18"/>
      <c r="J10964" s="18"/>
      <c r="K10964" s="18"/>
      <c r="L10964" s="18"/>
      <c r="M10964" s="18"/>
      <c r="N10964" s="18"/>
      <c r="O10964" s="18"/>
      <c r="P10964" s="19">
        <v>690</v>
      </c>
      <c r="Q10964" s="19"/>
      <c r="R10964" s="19"/>
      <c r="S10964" s="19"/>
      <c r="T10964" s="19">
        <v>550</v>
      </c>
      <c r="U10964" s="19"/>
      <c r="V10964" s="19"/>
      <c r="W10964" s="19"/>
      <c r="X10964" s="19">
        <v>1</v>
      </c>
      <c r="Y10964" s="19"/>
      <c r="Z10964" s="19"/>
      <c r="AA10964" s="19"/>
    </row>
    <row r="10965" spans="1:27" s="1" customFormat="1" ht="11.1" customHeight="1" outlineLevel="3" x14ac:dyDescent="0.2">
      <c r="A10965" s="17"/>
      <c r="B10965" s="17"/>
      <c r="C10965" s="17"/>
      <c r="D10965" s="18"/>
      <c r="E10965" s="18"/>
      <c r="F10965" s="18"/>
      <c r="G10965" s="18"/>
      <c r="H10965" s="18"/>
      <c r="I10965" s="18"/>
      <c r="J10965" s="18"/>
      <c r="K10965" s="18"/>
      <c r="L10965" s="18"/>
      <c r="M10965" s="18"/>
      <c r="N10965" s="18"/>
      <c r="O10965" s="18"/>
      <c r="P10965" s="19"/>
      <c r="Q10965" s="19"/>
      <c r="R10965" s="19"/>
      <c r="S10965" s="19"/>
      <c r="T10965" s="19"/>
      <c r="U10965" s="19"/>
      <c r="V10965" s="19"/>
      <c r="W10965" s="19"/>
      <c r="X10965" s="19"/>
      <c r="Y10965" s="19"/>
      <c r="Z10965" s="19"/>
      <c r="AA10965" s="19"/>
    </row>
    <row r="10966" spans="1:27" s="1" customFormat="1" ht="11.1" customHeight="1" outlineLevel="3" x14ac:dyDescent="0.2">
      <c r="A10966" s="17">
        <v>7384</v>
      </c>
      <c r="B10966" s="17"/>
      <c r="C10966" s="17"/>
      <c r="D10966" s="18" t="s">
        <v>5440</v>
      </c>
      <c r="E10966" s="18"/>
      <c r="F10966" s="18"/>
      <c r="G10966" s="18"/>
      <c r="H10966" s="18"/>
      <c r="I10966" s="18"/>
      <c r="J10966" s="18"/>
      <c r="K10966" s="18"/>
      <c r="L10966" s="18"/>
      <c r="M10966" s="18"/>
      <c r="N10966" s="18"/>
      <c r="O10966" s="18"/>
      <c r="P10966" s="19">
        <v>59</v>
      </c>
      <c r="Q10966" s="19"/>
      <c r="R10966" s="19"/>
      <c r="S10966" s="19"/>
      <c r="T10966" s="19">
        <v>25</v>
      </c>
      <c r="U10966" s="19"/>
      <c r="V10966" s="19"/>
      <c r="W10966" s="19"/>
      <c r="X10966" s="19">
        <v>190</v>
      </c>
      <c r="Y10966" s="19"/>
      <c r="Z10966" s="19"/>
      <c r="AA10966" s="19"/>
    </row>
    <row r="10967" spans="1:27" s="1" customFormat="1" ht="11.1" customHeight="1" outlineLevel="3" x14ac:dyDescent="0.2">
      <c r="A10967" s="17"/>
      <c r="B10967" s="17"/>
      <c r="C10967" s="17"/>
      <c r="D10967" s="18"/>
      <c r="E10967" s="18"/>
      <c r="F10967" s="18"/>
      <c r="G10967" s="18"/>
      <c r="H10967" s="18"/>
      <c r="I10967" s="18"/>
      <c r="J10967" s="18"/>
      <c r="K10967" s="18"/>
      <c r="L10967" s="18"/>
      <c r="M10967" s="18"/>
      <c r="N10967" s="18"/>
      <c r="O10967" s="18"/>
      <c r="P10967" s="19"/>
      <c r="Q10967" s="19"/>
      <c r="R10967" s="19"/>
      <c r="S10967" s="19"/>
      <c r="T10967" s="19"/>
      <c r="U10967" s="19"/>
      <c r="V10967" s="19"/>
      <c r="W10967" s="19"/>
      <c r="X10967" s="19"/>
      <c r="Y10967" s="19"/>
      <c r="Z10967" s="19"/>
      <c r="AA10967" s="19"/>
    </row>
    <row r="10968" spans="1:27" s="1" customFormat="1" ht="11.1" customHeight="1" outlineLevel="3" x14ac:dyDescent="0.2">
      <c r="A10968" s="17">
        <v>13271</v>
      </c>
      <c r="B10968" s="17"/>
      <c r="C10968" s="17"/>
      <c r="D10968" s="18" t="s">
        <v>5441</v>
      </c>
      <c r="E10968" s="18"/>
      <c r="F10968" s="18"/>
      <c r="G10968" s="18"/>
      <c r="H10968" s="18"/>
      <c r="I10968" s="18"/>
      <c r="J10968" s="18"/>
      <c r="K10968" s="18"/>
      <c r="L10968" s="18"/>
      <c r="M10968" s="18"/>
      <c r="N10968" s="18"/>
      <c r="O10968" s="18"/>
      <c r="P10968" s="19">
        <v>220</v>
      </c>
      <c r="Q10968" s="19"/>
      <c r="R10968" s="19"/>
      <c r="S10968" s="19"/>
      <c r="T10968" s="19">
        <v>110</v>
      </c>
      <c r="U10968" s="19"/>
      <c r="V10968" s="19"/>
      <c r="W10968" s="19"/>
      <c r="X10968" s="19">
        <v>7</v>
      </c>
      <c r="Y10968" s="19"/>
      <c r="Z10968" s="19"/>
      <c r="AA10968" s="19"/>
    </row>
    <row r="10969" spans="1:27" s="1" customFormat="1" ht="11.1" customHeight="1" outlineLevel="3" x14ac:dyDescent="0.2">
      <c r="A10969" s="17"/>
      <c r="B10969" s="17"/>
      <c r="C10969" s="17"/>
      <c r="D10969" s="18"/>
      <c r="E10969" s="18"/>
      <c r="F10969" s="18"/>
      <c r="G10969" s="18"/>
      <c r="H10969" s="18"/>
      <c r="I10969" s="18"/>
      <c r="J10969" s="18"/>
      <c r="K10969" s="18"/>
      <c r="L10969" s="18"/>
      <c r="M10969" s="18"/>
      <c r="N10969" s="18"/>
      <c r="O10969" s="18"/>
      <c r="P10969" s="19"/>
      <c r="Q10969" s="19"/>
      <c r="R10969" s="19"/>
      <c r="S10969" s="19"/>
      <c r="T10969" s="19"/>
      <c r="U10969" s="19"/>
      <c r="V10969" s="19"/>
      <c r="W10969" s="19"/>
      <c r="X10969" s="19"/>
      <c r="Y10969" s="19"/>
      <c r="Z10969" s="19"/>
      <c r="AA10969" s="19"/>
    </row>
    <row r="10970" spans="1:27" s="1" customFormat="1" ht="11.1" customHeight="1" outlineLevel="3" x14ac:dyDescent="0.2">
      <c r="A10970" s="17">
        <v>12018</v>
      </c>
      <c r="B10970" s="17"/>
      <c r="C10970" s="17"/>
      <c r="D10970" s="18" t="s">
        <v>5442</v>
      </c>
      <c r="E10970" s="18"/>
      <c r="F10970" s="18"/>
      <c r="G10970" s="18"/>
      <c r="H10970" s="18"/>
      <c r="I10970" s="18"/>
      <c r="J10970" s="18"/>
      <c r="K10970" s="18"/>
      <c r="L10970" s="18"/>
      <c r="M10970" s="18"/>
      <c r="N10970" s="18"/>
      <c r="O10970" s="18"/>
      <c r="P10970" s="19">
        <v>190</v>
      </c>
      <c r="Q10970" s="19"/>
      <c r="R10970" s="19"/>
      <c r="S10970" s="19"/>
      <c r="T10970" s="19">
        <v>55</v>
      </c>
      <c r="U10970" s="19"/>
      <c r="V10970" s="19"/>
      <c r="W10970" s="19"/>
      <c r="X10970" s="19">
        <v>1</v>
      </c>
      <c r="Y10970" s="19"/>
      <c r="Z10970" s="19"/>
      <c r="AA10970" s="19"/>
    </row>
    <row r="10971" spans="1:27" s="1" customFormat="1" ht="11.1" customHeight="1" outlineLevel="3" x14ac:dyDescent="0.2">
      <c r="A10971" s="17"/>
      <c r="B10971" s="17"/>
      <c r="C10971" s="17"/>
      <c r="D10971" s="18"/>
      <c r="E10971" s="18"/>
      <c r="F10971" s="18"/>
      <c r="G10971" s="18"/>
      <c r="H10971" s="18"/>
      <c r="I10971" s="18"/>
      <c r="J10971" s="18"/>
      <c r="K10971" s="18"/>
      <c r="L10971" s="18"/>
      <c r="M10971" s="18"/>
      <c r="N10971" s="18"/>
      <c r="O10971" s="18"/>
      <c r="P10971" s="19"/>
      <c r="Q10971" s="19"/>
      <c r="R10971" s="19"/>
      <c r="S10971" s="19"/>
      <c r="T10971" s="19"/>
      <c r="U10971" s="19"/>
      <c r="V10971" s="19"/>
      <c r="W10971" s="19"/>
      <c r="X10971" s="19"/>
      <c r="Y10971" s="19"/>
      <c r="Z10971" s="19"/>
      <c r="AA10971" s="19"/>
    </row>
    <row r="10972" spans="1:27" s="1" customFormat="1" ht="11.1" customHeight="1" outlineLevel="3" x14ac:dyDescent="0.2">
      <c r="A10972" s="17">
        <v>6471</v>
      </c>
      <c r="B10972" s="17"/>
      <c r="C10972" s="17"/>
      <c r="D10972" s="18" t="s">
        <v>5443</v>
      </c>
      <c r="E10972" s="18"/>
      <c r="F10972" s="18"/>
      <c r="G10972" s="18"/>
      <c r="H10972" s="18"/>
      <c r="I10972" s="18"/>
      <c r="J10972" s="18"/>
      <c r="K10972" s="18"/>
      <c r="L10972" s="18"/>
      <c r="M10972" s="18"/>
      <c r="N10972" s="18"/>
      <c r="O10972" s="18"/>
      <c r="P10972" s="19">
        <v>150</v>
      </c>
      <c r="Q10972" s="19"/>
      <c r="R10972" s="19"/>
      <c r="S10972" s="19"/>
      <c r="T10972" s="19">
        <v>32</v>
      </c>
      <c r="U10972" s="19"/>
      <c r="V10972" s="19"/>
      <c r="W10972" s="19"/>
      <c r="X10972" s="19">
        <v>22</v>
      </c>
      <c r="Y10972" s="19"/>
      <c r="Z10972" s="19"/>
      <c r="AA10972" s="19"/>
    </row>
    <row r="10973" spans="1:27" s="1" customFormat="1" ht="11.1" customHeight="1" outlineLevel="3" x14ac:dyDescent="0.2">
      <c r="A10973" s="17"/>
      <c r="B10973" s="17"/>
      <c r="C10973" s="17"/>
      <c r="D10973" s="18"/>
      <c r="E10973" s="18"/>
      <c r="F10973" s="18"/>
      <c r="G10973" s="18"/>
      <c r="H10973" s="18"/>
      <c r="I10973" s="18"/>
      <c r="J10973" s="18"/>
      <c r="K10973" s="18"/>
      <c r="L10973" s="18"/>
      <c r="M10973" s="18"/>
      <c r="N10973" s="18"/>
      <c r="O10973" s="18"/>
      <c r="P10973" s="19"/>
      <c r="Q10973" s="19"/>
      <c r="R10973" s="19"/>
      <c r="S10973" s="19"/>
      <c r="T10973" s="19"/>
      <c r="U10973" s="19"/>
      <c r="V10973" s="19"/>
      <c r="W10973" s="19"/>
      <c r="X10973" s="19"/>
      <c r="Y10973" s="19"/>
      <c r="Z10973" s="19"/>
      <c r="AA10973" s="19"/>
    </row>
    <row r="10974" spans="1:27" s="1" customFormat="1" ht="11.1" customHeight="1" outlineLevel="3" x14ac:dyDescent="0.2">
      <c r="A10974" s="17">
        <v>13269</v>
      </c>
      <c r="B10974" s="17"/>
      <c r="C10974" s="17"/>
      <c r="D10974" s="18" t="s">
        <v>5444</v>
      </c>
      <c r="E10974" s="18"/>
      <c r="F10974" s="18"/>
      <c r="G10974" s="18"/>
      <c r="H10974" s="18"/>
      <c r="I10974" s="18"/>
      <c r="J10974" s="18"/>
      <c r="K10974" s="18"/>
      <c r="L10974" s="18"/>
      <c r="M10974" s="18"/>
      <c r="N10974" s="18"/>
      <c r="O10974" s="18"/>
      <c r="P10974" s="19">
        <v>225</v>
      </c>
      <c r="Q10974" s="19"/>
      <c r="R10974" s="19"/>
      <c r="S10974" s="19"/>
      <c r="T10974" s="19">
        <v>130</v>
      </c>
      <c r="U10974" s="19"/>
      <c r="V10974" s="19"/>
      <c r="W10974" s="19"/>
      <c r="X10974" s="19">
        <v>2</v>
      </c>
      <c r="Y10974" s="19"/>
      <c r="Z10974" s="19"/>
      <c r="AA10974" s="19"/>
    </row>
    <row r="10975" spans="1:27" s="1" customFormat="1" ht="11.1" customHeight="1" outlineLevel="3" x14ac:dyDescent="0.2">
      <c r="A10975" s="17"/>
      <c r="B10975" s="17"/>
      <c r="C10975" s="17"/>
      <c r="D10975" s="18"/>
      <c r="E10975" s="18"/>
      <c r="F10975" s="18"/>
      <c r="G10975" s="18"/>
      <c r="H10975" s="18"/>
      <c r="I10975" s="18"/>
      <c r="J10975" s="18"/>
      <c r="K10975" s="18"/>
      <c r="L10975" s="18"/>
      <c r="M10975" s="18"/>
      <c r="N10975" s="18"/>
      <c r="O10975" s="18"/>
      <c r="P10975" s="19"/>
      <c r="Q10975" s="19"/>
      <c r="R10975" s="19"/>
      <c r="S10975" s="19"/>
      <c r="T10975" s="19"/>
      <c r="U10975" s="19"/>
      <c r="V10975" s="19"/>
      <c r="W10975" s="19"/>
      <c r="X10975" s="19"/>
      <c r="Y10975" s="19"/>
      <c r="Z10975" s="19"/>
      <c r="AA10975" s="19"/>
    </row>
    <row r="10976" spans="1:27" s="1" customFormat="1" ht="11.1" customHeight="1" outlineLevel="3" x14ac:dyDescent="0.2">
      <c r="A10976" s="17">
        <v>11923</v>
      </c>
      <c r="B10976" s="17"/>
      <c r="C10976" s="17"/>
      <c r="D10976" s="18" t="s">
        <v>5445</v>
      </c>
      <c r="E10976" s="18"/>
      <c r="F10976" s="18"/>
      <c r="G10976" s="18"/>
      <c r="H10976" s="18"/>
      <c r="I10976" s="18"/>
      <c r="J10976" s="18"/>
      <c r="K10976" s="18"/>
      <c r="L10976" s="18"/>
      <c r="M10976" s="18"/>
      <c r="N10976" s="18"/>
      <c r="O10976" s="18"/>
      <c r="P10976" s="19">
        <v>225</v>
      </c>
      <c r="Q10976" s="19"/>
      <c r="R10976" s="19"/>
      <c r="S10976" s="19"/>
      <c r="T10976" s="19">
        <v>130</v>
      </c>
      <c r="U10976" s="19"/>
      <c r="V10976" s="19"/>
      <c r="W10976" s="19"/>
      <c r="X10976" s="19">
        <v>2</v>
      </c>
      <c r="Y10976" s="19"/>
      <c r="Z10976" s="19"/>
      <c r="AA10976" s="19"/>
    </row>
    <row r="10977" spans="1:27" s="1" customFormat="1" ht="11.1" customHeight="1" outlineLevel="3" x14ac:dyDescent="0.2">
      <c r="A10977" s="17"/>
      <c r="B10977" s="17"/>
      <c r="C10977" s="17"/>
      <c r="D10977" s="18"/>
      <c r="E10977" s="18"/>
      <c r="F10977" s="18"/>
      <c r="G10977" s="18"/>
      <c r="H10977" s="18"/>
      <c r="I10977" s="18"/>
      <c r="J10977" s="18"/>
      <c r="K10977" s="18"/>
      <c r="L10977" s="18"/>
      <c r="M10977" s="18"/>
      <c r="N10977" s="18"/>
      <c r="O10977" s="18"/>
      <c r="P10977" s="19"/>
      <c r="Q10977" s="19"/>
      <c r="R10977" s="19"/>
      <c r="S10977" s="19"/>
      <c r="T10977" s="19"/>
      <c r="U10977" s="19"/>
      <c r="V10977" s="19"/>
      <c r="W10977" s="19"/>
      <c r="X10977" s="19"/>
      <c r="Y10977" s="19"/>
      <c r="Z10977" s="19"/>
      <c r="AA10977" s="19"/>
    </row>
    <row r="10978" spans="1:27" s="1" customFormat="1" ht="14.1" customHeight="1" outlineLevel="3" x14ac:dyDescent="0.2">
      <c r="A10978" s="17">
        <v>13893</v>
      </c>
      <c r="B10978" s="17"/>
      <c r="C10978" s="17"/>
      <c r="D10978" s="18" t="s">
        <v>5446</v>
      </c>
      <c r="E10978" s="18"/>
      <c r="F10978" s="18"/>
      <c r="G10978" s="18"/>
      <c r="H10978" s="18"/>
      <c r="I10978" s="18"/>
      <c r="J10978" s="18"/>
      <c r="K10978" s="18"/>
      <c r="L10978" s="18"/>
      <c r="M10978" s="18"/>
      <c r="N10978" s="18"/>
      <c r="O10978" s="18"/>
      <c r="P10978" s="19">
        <v>290</v>
      </c>
      <c r="Q10978" s="19"/>
      <c r="R10978" s="19"/>
      <c r="S10978" s="19"/>
      <c r="T10978" s="19">
        <v>130</v>
      </c>
      <c r="U10978" s="19"/>
      <c r="V10978" s="19"/>
      <c r="W10978" s="19"/>
      <c r="X10978" s="19">
        <v>1</v>
      </c>
      <c r="Y10978" s="19"/>
      <c r="Z10978" s="19"/>
      <c r="AA10978" s="19"/>
    </row>
    <row r="10979" spans="1:27" s="1" customFormat="1" ht="14.1" customHeight="1" outlineLevel="3" x14ac:dyDescent="0.2">
      <c r="A10979" s="17"/>
      <c r="B10979" s="17"/>
      <c r="C10979" s="17"/>
      <c r="D10979" s="18"/>
      <c r="E10979" s="18"/>
      <c r="F10979" s="18"/>
      <c r="G10979" s="18"/>
      <c r="H10979" s="18"/>
      <c r="I10979" s="18"/>
      <c r="J10979" s="18"/>
      <c r="K10979" s="18"/>
      <c r="L10979" s="18"/>
      <c r="M10979" s="18"/>
      <c r="N10979" s="18"/>
      <c r="O10979" s="18"/>
      <c r="P10979" s="19"/>
      <c r="Q10979" s="19"/>
      <c r="R10979" s="19"/>
      <c r="S10979" s="19"/>
      <c r="T10979" s="19"/>
      <c r="U10979" s="19"/>
      <c r="V10979" s="19"/>
      <c r="W10979" s="19"/>
      <c r="X10979" s="19"/>
      <c r="Y10979" s="19"/>
      <c r="Z10979" s="19"/>
      <c r="AA10979" s="19"/>
    </row>
    <row r="10980" spans="1:27" s="1" customFormat="1" ht="11.1" customHeight="1" outlineLevel="3" x14ac:dyDescent="0.2">
      <c r="A10980" s="17">
        <v>9346</v>
      </c>
      <c r="B10980" s="17"/>
      <c r="C10980" s="17"/>
      <c r="D10980" s="18" t="s">
        <v>5447</v>
      </c>
      <c r="E10980" s="18"/>
      <c r="F10980" s="18"/>
      <c r="G10980" s="18"/>
      <c r="H10980" s="18"/>
      <c r="I10980" s="18"/>
      <c r="J10980" s="18"/>
      <c r="K10980" s="18"/>
      <c r="L10980" s="18"/>
      <c r="M10980" s="18"/>
      <c r="N10980" s="18"/>
      <c r="O10980" s="18"/>
      <c r="P10980" s="19">
        <v>160</v>
      </c>
      <c r="Q10980" s="19"/>
      <c r="R10980" s="19"/>
      <c r="S10980" s="19"/>
      <c r="T10980" s="19">
        <v>55</v>
      </c>
      <c r="U10980" s="19"/>
      <c r="V10980" s="19"/>
      <c r="W10980" s="19"/>
      <c r="X10980" s="19">
        <v>6</v>
      </c>
      <c r="Y10980" s="19"/>
      <c r="Z10980" s="19"/>
      <c r="AA10980" s="19"/>
    </row>
    <row r="10981" spans="1:27" s="1" customFormat="1" ht="11.1" customHeight="1" outlineLevel="3" x14ac:dyDescent="0.2">
      <c r="A10981" s="17"/>
      <c r="B10981" s="17"/>
      <c r="C10981" s="17"/>
      <c r="D10981" s="18"/>
      <c r="E10981" s="18"/>
      <c r="F10981" s="18"/>
      <c r="G10981" s="18"/>
      <c r="H10981" s="18"/>
      <c r="I10981" s="18"/>
      <c r="J10981" s="18"/>
      <c r="K10981" s="18"/>
      <c r="L10981" s="18"/>
      <c r="M10981" s="18"/>
      <c r="N10981" s="18"/>
      <c r="O10981" s="18"/>
      <c r="P10981" s="19"/>
      <c r="Q10981" s="19"/>
      <c r="R10981" s="19"/>
      <c r="S10981" s="19"/>
      <c r="T10981" s="19"/>
      <c r="U10981" s="19"/>
      <c r="V10981" s="19"/>
      <c r="W10981" s="19"/>
      <c r="X10981" s="19"/>
      <c r="Y10981" s="19"/>
      <c r="Z10981" s="19"/>
      <c r="AA10981" s="19"/>
    </row>
    <row r="10982" spans="1:27" s="1" customFormat="1" ht="11.1" customHeight="1" outlineLevel="3" x14ac:dyDescent="0.2">
      <c r="A10982" s="17">
        <v>11916</v>
      </c>
      <c r="B10982" s="17"/>
      <c r="C10982" s="17"/>
      <c r="D10982" s="18" t="s">
        <v>5448</v>
      </c>
      <c r="E10982" s="18"/>
      <c r="F10982" s="18"/>
      <c r="G10982" s="18"/>
      <c r="H10982" s="18"/>
      <c r="I10982" s="18"/>
      <c r="J10982" s="18"/>
      <c r="K10982" s="18"/>
      <c r="L10982" s="18"/>
      <c r="M10982" s="18"/>
      <c r="N10982" s="18"/>
      <c r="O10982" s="18"/>
      <c r="P10982" s="19">
        <v>200</v>
      </c>
      <c r="Q10982" s="19"/>
      <c r="R10982" s="19"/>
      <c r="S10982" s="19"/>
      <c r="T10982" s="19">
        <v>105</v>
      </c>
      <c r="U10982" s="19"/>
      <c r="V10982" s="19"/>
      <c r="W10982" s="19"/>
      <c r="X10982" s="19">
        <v>2</v>
      </c>
      <c r="Y10982" s="19"/>
      <c r="Z10982" s="19"/>
      <c r="AA10982" s="19"/>
    </row>
    <row r="10983" spans="1:27" s="1" customFormat="1" ht="11.1" customHeight="1" outlineLevel="3" x14ac:dyDescent="0.2">
      <c r="A10983" s="17"/>
      <c r="B10983" s="17"/>
      <c r="C10983" s="17"/>
      <c r="D10983" s="18"/>
      <c r="E10983" s="18"/>
      <c r="F10983" s="18"/>
      <c r="G10983" s="18"/>
      <c r="H10983" s="18"/>
      <c r="I10983" s="18"/>
      <c r="J10983" s="18"/>
      <c r="K10983" s="18"/>
      <c r="L10983" s="18"/>
      <c r="M10983" s="18"/>
      <c r="N10983" s="18"/>
      <c r="O10983" s="18"/>
      <c r="P10983" s="19"/>
      <c r="Q10983" s="19"/>
      <c r="R10983" s="19"/>
      <c r="S10983" s="19"/>
      <c r="T10983" s="19"/>
      <c r="U10983" s="19"/>
      <c r="V10983" s="19"/>
      <c r="W10983" s="19"/>
      <c r="X10983" s="19"/>
      <c r="Y10983" s="19"/>
      <c r="Z10983" s="19"/>
      <c r="AA10983" s="19"/>
    </row>
    <row r="10984" spans="1:27" s="1" customFormat="1" ht="11.1" customHeight="1" outlineLevel="3" x14ac:dyDescent="0.2">
      <c r="A10984" s="17">
        <v>10859</v>
      </c>
      <c r="B10984" s="17"/>
      <c r="C10984" s="17"/>
      <c r="D10984" s="18" t="s">
        <v>5449</v>
      </c>
      <c r="E10984" s="18"/>
      <c r="F10984" s="18"/>
      <c r="G10984" s="18"/>
      <c r="H10984" s="18"/>
      <c r="I10984" s="18"/>
      <c r="J10984" s="18"/>
      <c r="K10984" s="18"/>
      <c r="L10984" s="18"/>
      <c r="M10984" s="18"/>
      <c r="N10984" s="18"/>
      <c r="O10984" s="18"/>
      <c r="P10984" s="19">
        <v>200</v>
      </c>
      <c r="Q10984" s="19"/>
      <c r="R10984" s="19"/>
      <c r="S10984" s="19"/>
      <c r="T10984" s="19">
        <v>105</v>
      </c>
      <c r="U10984" s="19"/>
      <c r="V10984" s="19"/>
      <c r="W10984" s="19"/>
      <c r="X10984" s="19">
        <v>2</v>
      </c>
      <c r="Y10984" s="19"/>
      <c r="Z10984" s="19"/>
      <c r="AA10984" s="19"/>
    </row>
    <row r="10985" spans="1:27" s="1" customFormat="1" ht="11.1" customHeight="1" outlineLevel="3" x14ac:dyDescent="0.2">
      <c r="A10985" s="17"/>
      <c r="B10985" s="17"/>
      <c r="C10985" s="17"/>
      <c r="D10985" s="18"/>
      <c r="E10985" s="18"/>
      <c r="F10985" s="18"/>
      <c r="G10985" s="18"/>
      <c r="H10985" s="18"/>
      <c r="I10985" s="18"/>
      <c r="J10985" s="18"/>
      <c r="K10985" s="18"/>
      <c r="L10985" s="18"/>
      <c r="M10985" s="18"/>
      <c r="N10985" s="18"/>
      <c r="O10985" s="18"/>
      <c r="P10985" s="19"/>
      <c r="Q10985" s="19"/>
      <c r="R10985" s="19"/>
      <c r="S10985" s="19"/>
      <c r="T10985" s="19"/>
      <c r="U10985" s="19"/>
      <c r="V10985" s="19"/>
      <c r="W10985" s="19"/>
      <c r="X10985" s="19"/>
      <c r="Y10985" s="19"/>
      <c r="Z10985" s="19"/>
      <c r="AA10985" s="19"/>
    </row>
    <row r="10986" spans="1:27" s="1" customFormat="1" ht="11.1" customHeight="1" outlineLevel="3" x14ac:dyDescent="0.2">
      <c r="A10986" s="17">
        <v>11494</v>
      </c>
      <c r="B10986" s="17"/>
      <c r="C10986" s="17"/>
      <c r="D10986" s="18" t="s">
        <v>5450</v>
      </c>
      <c r="E10986" s="18"/>
      <c r="F10986" s="18"/>
      <c r="G10986" s="18"/>
      <c r="H10986" s="18"/>
      <c r="I10986" s="18"/>
      <c r="J10986" s="18"/>
      <c r="K10986" s="18"/>
      <c r="L10986" s="18"/>
      <c r="M10986" s="18"/>
      <c r="N10986" s="18"/>
      <c r="O10986" s="18"/>
      <c r="P10986" s="19">
        <v>165</v>
      </c>
      <c r="Q10986" s="19"/>
      <c r="R10986" s="19"/>
      <c r="S10986" s="19"/>
      <c r="T10986" s="19">
        <v>60</v>
      </c>
      <c r="U10986" s="19"/>
      <c r="V10986" s="19"/>
      <c r="W10986" s="19"/>
      <c r="X10986" s="19">
        <v>1</v>
      </c>
      <c r="Y10986" s="19"/>
      <c r="Z10986" s="19"/>
      <c r="AA10986" s="19"/>
    </row>
    <row r="10987" spans="1:27" s="1" customFormat="1" ht="11.1" customHeight="1" outlineLevel="3" x14ac:dyDescent="0.2">
      <c r="A10987" s="17"/>
      <c r="B10987" s="17"/>
      <c r="C10987" s="17"/>
      <c r="D10987" s="18"/>
      <c r="E10987" s="18"/>
      <c r="F10987" s="18"/>
      <c r="G10987" s="18"/>
      <c r="H10987" s="18"/>
      <c r="I10987" s="18"/>
      <c r="J10987" s="18"/>
      <c r="K10987" s="18"/>
      <c r="L10987" s="18"/>
      <c r="M10987" s="18"/>
      <c r="N10987" s="18"/>
      <c r="O10987" s="18"/>
      <c r="P10987" s="19"/>
      <c r="Q10987" s="19"/>
      <c r="R10987" s="19"/>
      <c r="S10987" s="19"/>
      <c r="T10987" s="19"/>
      <c r="U10987" s="19"/>
      <c r="V10987" s="19"/>
      <c r="W10987" s="19"/>
      <c r="X10987" s="19"/>
      <c r="Y10987" s="19"/>
      <c r="Z10987" s="19"/>
      <c r="AA10987" s="19"/>
    </row>
    <row r="10988" spans="1:27" s="1" customFormat="1" ht="11.1" customHeight="1" outlineLevel="3" x14ac:dyDescent="0.2">
      <c r="A10988" s="17">
        <v>10767</v>
      </c>
      <c r="B10988" s="17"/>
      <c r="C10988" s="17"/>
      <c r="D10988" s="18" t="s">
        <v>5451</v>
      </c>
      <c r="E10988" s="18"/>
      <c r="F10988" s="18"/>
      <c r="G10988" s="18"/>
      <c r="H10988" s="18"/>
      <c r="I10988" s="18"/>
      <c r="J10988" s="18"/>
      <c r="K10988" s="18"/>
      <c r="L10988" s="18"/>
      <c r="M10988" s="18"/>
      <c r="N10988" s="18"/>
      <c r="O10988" s="18"/>
      <c r="P10988" s="19">
        <v>190</v>
      </c>
      <c r="Q10988" s="19"/>
      <c r="R10988" s="19"/>
      <c r="S10988" s="19"/>
      <c r="T10988" s="19">
        <v>57</v>
      </c>
      <c r="U10988" s="19"/>
      <c r="V10988" s="19"/>
      <c r="W10988" s="19"/>
      <c r="X10988" s="19">
        <v>7</v>
      </c>
      <c r="Y10988" s="19"/>
      <c r="Z10988" s="19"/>
      <c r="AA10988" s="19"/>
    </row>
    <row r="10989" spans="1:27" s="1" customFormat="1" ht="11.1" customHeight="1" outlineLevel="3" x14ac:dyDescent="0.2">
      <c r="A10989" s="17"/>
      <c r="B10989" s="17"/>
      <c r="C10989" s="17"/>
      <c r="D10989" s="18"/>
      <c r="E10989" s="18"/>
      <c r="F10989" s="18"/>
      <c r="G10989" s="18"/>
      <c r="H10989" s="18"/>
      <c r="I10989" s="18"/>
      <c r="J10989" s="18"/>
      <c r="K10989" s="18"/>
      <c r="L10989" s="18"/>
      <c r="M10989" s="18"/>
      <c r="N10989" s="18"/>
      <c r="O10989" s="18"/>
      <c r="P10989" s="19"/>
      <c r="Q10989" s="19"/>
      <c r="R10989" s="19"/>
      <c r="S10989" s="19"/>
      <c r="T10989" s="19"/>
      <c r="U10989" s="19"/>
      <c r="V10989" s="19"/>
      <c r="W10989" s="19"/>
      <c r="X10989" s="19"/>
      <c r="Y10989" s="19"/>
      <c r="Z10989" s="19"/>
      <c r="AA10989" s="19"/>
    </row>
    <row r="10990" spans="1:27" s="1" customFormat="1" ht="11.1" customHeight="1" outlineLevel="3" x14ac:dyDescent="0.2">
      <c r="A10990" s="17">
        <v>15232</v>
      </c>
      <c r="B10990" s="17"/>
      <c r="C10990" s="17"/>
      <c r="D10990" s="18" t="s">
        <v>5452</v>
      </c>
      <c r="E10990" s="18"/>
      <c r="F10990" s="18"/>
      <c r="G10990" s="18"/>
      <c r="H10990" s="18"/>
      <c r="I10990" s="18"/>
      <c r="J10990" s="18"/>
      <c r="K10990" s="18"/>
      <c r="L10990" s="18"/>
      <c r="M10990" s="18"/>
      <c r="N10990" s="18"/>
      <c r="O10990" s="18"/>
      <c r="P10990" s="19">
        <v>140</v>
      </c>
      <c r="Q10990" s="19"/>
      <c r="R10990" s="19"/>
      <c r="S10990" s="19"/>
      <c r="T10990" s="19">
        <v>40</v>
      </c>
      <c r="U10990" s="19"/>
      <c r="V10990" s="19"/>
      <c r="W10990" s="19"/>
      <c r="X10990" s="19">
        <v>35</v>
      </c>
      <c r="Y10990" s="19"/>
      <c r="Z10990" s="19"/>
      <c r="AA10990" s="19"/>
    </row>
    <row r="10991" spans="1:27" s="1" customFormat="1" ht="11.1" customHeight="1" outlineLevel="3" x14ac:dyDescent="0.2">
      <c r="A10991" s="17"/>
      <c r="B10991" s="17"/>
      <c r="C10991" s="17"/>
      <c r="D10991" s="18"/>
      <c r="E10991" s="18"/>
      <c r="F10991" s="18"/>
      <c r="G10991" s="18"/>
      <c r="H10991" s="18"/>
      <c r="I10991" s="18"/>
      <c r="J10991" s="18"/>
      <c r="K10991" s="18"/>
      <c r="L10991" s="18"/>
      <c r="M10991" s="18"/>
      <c r="N10991" s="18"/>
      <c r="O10991" s="18"/>
      <c r="P10991" s="19"/>
      <c r="Q10991" s="19"/>
      <c r="R10991" s="19"/>
      <c r="S10991" s="19"/>
      <c r="T10991" s="19"/>
      <c r="U10991" s="19"/>
      <c r="V10991" s="19"/>
      <c r="W10991" s="19"/>
      <c r="X10991" s="19"/>
      <c r="Y10991" s="19"/>
      <c r="Z10991" s="19"/>
      <c r="AA10991" s="19"/>
    </row>
    <row r="10992" spans="1:27" s="1" customFormat="1" ht="14.1" customHeight="1" outlineLevel="3" x14ac:dyDescent="0.2">
      <c r="A10992" s="17">
        <v>6473</v>
      </c>
      <c r="B10992" s="17"/>
      <c r="C10992" s="17"/>
      <c r="D10992" s="18" t="s">
        <v>5453</v>
      </c>
      <c r="E10992" s="18"/>
      <c r="F10992" s="18"/>
      <c r="G10992" s="18"/>
      <c r="H10992" s="18"/>
      <c r="I10992" s="18"/>
      <c r="J10992" s="18"/>
      <c r="K10992" s="18"/>
      <c r="L10992" s="18"/>
      <c r="M10992" s="18"/>
      <c r="N10992" s="18"/>
      <c r="O10992" s="18"/>
      <c r="P10992" s="19">
        <v>105</v>
      </c>
      <c r="Q10992" s="19"/>
      <c r="R10992" s="19"/>
      <c r="S10992" s="19"/>
      <c r="T10992" s="19">
        <v>30</v>
      </c>
      <c r="U10992" s="19"/>
      <c r="V10992" s="19"/>
      <c r="W10992" s="19"/>
      <c r="X10992" s="19">
        <v>20</v>
      </c>
      <c r="Y10992" s="19"/>
      <c r="Z10992" s="19"/>
      <c r="AA10992" s="19"/>
    </row>
    <row r="10993" spans="1:27" s="1" customFormat="1" ht="14.1" customHeight="1" outlineLevel="3" x14ac:dyDescent="0.2">
      <c r="A10993" s="17"/>
      <c r="B10993" s="17"/>
      <c r="C10993" s="17"/>
      <c r="D10993" s="18"/>
      <c r="E10993" s="18"/>
      <c r="F10993" s="18"/>
      <c r="G10993" s="18"/>
      <c r="H10993" s="18"/>
      <c r="I10993" s="18"/>
      <c r="J10993" s="18"/>
      <c r="K10993" s="18"/>
      <c r="L10993" s="18"/>
      <c r="M10993" s="18"/>
      <c r="N10993" s="18"/>
      <c r="O10993" s="18"/>
      <c r="P10993" s="19"/>
      <c r="Q10993" s="19"/>
      <c r="R10993" s="19"/>
      <c r="S10993" s="19"/>
      <c r="T10993" s="19"/>
      <c r="U10993" s="19"/>
      <c r="V10993" s="19"/>
      <c r="W10993" s="19"/>
      <c r="X10993" s="19"/>
      <c r="Y10993" s="19"/>
      <c r="Z10993" s="19"/>
      <c r="AA10993" s="19"/>
    </row>
    <row r="10994" spans="1:27" s="1" customFormat="1" ht="11.1" customHeight="1" outlineLevel="3" x14ac:dyDescent="0.2">
      <c r="A10994" s="17">
        <v>11989</v>
      </c>
      <c r="B10994" s="17"/>
      <c r="C10994" s="17"/>
      <c r="D10994" s="18" t="s">
        <v>5454</v>
      </c>
      <c r="E10994" s="18"/>
      <c r="F10994" s="18"/>
      <c r="G10994" s="18"/>
      <c r="H10994" s="18"/>
      <c r="I10994" s="18"/>
      <c r="J10994" s="18"/>
      <c r="K10994" s="18"/>
      <c r="L10994" s="18"/>
      <c r="M10994" s="18"/>
      <c r="N10994" s="18"/>
      <c r="O10994" s="18"/>
      <c r="P10994" s="19">
        <v>140</v>
      </c>
      <c r="Q10994" s="19"/>
      <c r="R10994" s="19"/>
      <c r="S10994" s="19"/>
      <c r="T10994" s="19">
        <v>85</v>
      </c>
      <c r="U10994" s="19"/>
      <c r="V10994" s="19"/>
      <c r="W10994" s="19"/>
      <c r="X10994" s="19">
        <v>6</v>
      </c>
      <c r="Y10994" s="19"/>
      <c r="Z10994" s="19"/>
      <c r="AA10994" s="19"/>
    </row>
    <row r="10995" spans="1:27" s="1" customFormat="1" ht="11.1" customHeight="1" outlineLevel="3" x14ac:dyDescent="0.2">
      <c r="A10995" s="17"/>
      <c r="B10995" s="17"/>
      <c r="C10995" s="17"/>
      <c r="D10995" s="18"/>
      <c r="E10995" s="18"/>
      <c r="F10995" s="18"/>
      <c r="G10995" s="18"/>
      <c r="H10995" s="18"/>
      <c r="I10995" s="18"/>
      <c r="J10995" s="18"/>
      <c r="K10995" s="18"/>
      <c r="L10995" s="18"/>
      <c r="M10995" s="18"/>
      <c r="N10995" s="18"/>
      <c r="O10995" s="18"/>
      <c r="P10995" s="19"/>
      <c r="Q10995" s="19"/>
      <c r="R10995" s="19"/>
      <c r="S10995" s="19"/>
      <c r="T10995" s="19"/>
      <c r="U10995" s="19"/>
      <c r="V10995" s="19"/>
      <c r="W10995" s="19"/>
      <c r="X10995" s="19"/>
      <c r="Y10995" s="19"/>
      <c r="Z10995" s="19"/>
      <c r="AA10995" s="19"/>
    </row>
    <row r="10996" spans="1:27" s="1" customFormat="1" ht="11.1" customHeight="1" outlineLevel="3" x14ac:dyDescent="0.2">
      <c r="A10996" s="17">
        <v>6472</v>
      </c>
      <c r="B10996" s="17"/>
      <c r="C10996" s="17"/>
      <c r="D10996" s="18" t="s">
        <v>5455</v>
      </c>
      <c r="E10996" s="18"/>
      <c r="F10996" s="18"/>
      <c r="G10996" s="18"/>
      <c r="H10996" s="18"/>
      <c r="I10996" s="18"/>
      <c r="J10996" s="18"/>
      <c r="K10996" s="18"/>
      <c r="L10996" s="18"/>
      <c r="M10996" s="18"/>
      <c r="N10996" s="18"/>
      <c r="O10996" s="18"/>
      <c r="P10996" s="19">
        <v>150</v>
      </c>
      <c r="Q10996" s="19"/>
      <c r="R10996" s="19"/>
      <c r="S10996" s="19"/>
      <c r="T10996" s="19">
        <v>40</v>
      </c>
      <c r="U10996" s="19"/>
      <c r="V10996" s="19"/>
      <c r="W10996" s="19"/>
      <c r="X10996" s="19">
        <v>6</v>
      </c>
      <c r="Y10996" s="19"/>
      <c r="Z10996" s="19"/>
      <c r="AA10996" s="19"/>
    </row>
    <row r="10997" spans="1:27" s="1" customFormat="1" ht="11.1" customHeight="1" outlineLevel="3" x14ac:dyDescent="0.2">
      <c r="A10997" s="17"/>
      <c r="B10997" s="17"/>
      <c r="C10997" s="17"/>
      <c r="D10997" s="18"/>
      <c r="E10997" s="18"/>
      <c r="F10997" s="18"/>
      <c r="G10997" s="18"/>
      <c r="H10997" s="18"/>
      <c r="I10997" s="18"/>
      <c r="J10997" s="18"/>
      <c r="K10997" s="18"/>
      <c r="L10997" s="18"/>
      <c r="M10997" s="18"/>
      <c r="N10997" s="18"/>
      <c r="O10997" s="18"/>
      <c r="P10997" s="19"/>
      <c r="Q10997" s="19"/>
      <c r="R10997" s="19"/>
      <c r="S10997" s="19"/>
      <c r="T10997" s="19"/>
      <c r="U10997" s="19"/>
      <c r="V10997" s="19"/>
      <c r="W10997" s="19"/>
      <c r="X10997" s="19"/>
      <c r="Y10997" s="19"/>
      <c r="Z10997" s="19"/>
      <c r="AA10997" s="19"/>
    </row>
    <row r="10998" spans="1:27" s="1" customFormat="1" ht="11.1" customHeight="1" outlineLevel="3" x14ac:dyDescent="0.2">
      <c r="A10998" s="17">
        <v>10044</v>
      </c>
      <c r="B10998" s="17"/>
      <c r="C10998" s="17"/>
      <c r="D10998" s="18" t="s">
        <v>5456</v>
      </c>
      <c r="E10998" s="18"/>
      <c r="F10998" s="18"/>
      <c r="G10998" s="18"/>
      <c r="H10998" s="18"/>
      <c r="I10998" s="18"/>
      <c r="J10998" s="18"/>
      <c r="K10998" s="18"/>
      <c r="L10998" s="18"/>
      <c r="M10998" s="18"/>
      <c r="N10998" s="18"/>
      <c r="O10998" s="18"/>
      <c r="P10998" s="19">
        <v>130</v>
      </c>
      <c r="Q10998" s="19"/>
      <c r="R10998" s="19"/>
      <c r="S10998" s="19"/>
      <c r="T10998" s="19">
        <v>44</v>
      </c>
      <c r="U10998" s="19"/>
      <c r="V10998" s="19"/>
      <c r="W10998" s="19"/>
      <c r="X10998" s="19">
        <v>131</v>
      </c>
      <c r="Y10998" s="19"/>
      <c r="Z10998" s="19"/>
      <c r="AA10998" s="19"/>
    </row>
    <row r="10999" spans="1:27" s="1" customFormat="1" ht="11.1" customHeight="1" outlineLevel="3" x14ac:dyDescent="0.2">
      <c r="A10999" s="17"/>
      <c r="B10999" s="17"/>
      <c r="C10999" s="17"/>
      <c r="D10999" s="18"/>
      <c r="E10999" s="18"/>
      <c r="F10999" s="18"/>
      <c r="G10999" s="18"/>
      <c r="H10999" s="18"/>
      <c r="I10999" s="18"/>
      <c r="J10999" s="18"/>
      <c r="K10999" s="18"/>
      <c r="L10999" s="18"/>
      <c r="M10999" s="18"/>
      <c r="N10999" s="18"/>
      <c r="O10999" s="18"/>
      <c r="P10999" s="19"/>
      <c r="Q10999" s="19"/>
      <c r="R10999" s="19"/>
      <c r="S10999" s="19"/>
      <c r="T10999" s="19"/>
      <c r="U10999" s="19"/>
      <c r="V10999" s="19"/>
      <c r="W10999" s="19"/>
      <c r="X10999" s="19"/>
      <c r="Y10999" s="19"/>
      <c r="Z10999" s="19"/>
      <c r="AA10999" s="19"/>
    </row>
    <row r="11000" spans="1:27" s="1" customFormat="1" ht="11.1" customHeight="1" outlineLevel="3" x14ac:dyDescent="0.2">
      <c r="A11000" s="17">
        <v>11536</v>
      </c>
      <c r="B11000" s="17"/>
      <c r="C11000" s="17"/>
      <c r="D11000" s="18" t="s">
        <v>5457</v>
      </c>
      <c r="E11000" s="18"/>
      <c r="F11000" s="18"/>
      <c r="G11000" s="18"/>
      <c r="H11000" s="18"/>
      <c r="I11000" s="18"/>
      <c r="J11000" s="18"/>
      <c r="K11000" s="18"/>
      <c r="L11000" s="18"/>
      <c r="M11000" s="18"/>
      <c r="N11000" s="18"/>
      <c r="O11000" s="18"/>
      <c r="P11000" s="19">
        <v>240</v>
      </c>
      <c r="Q11000" s="19"/>
      <c r="R11000" s="19"/>
      <c r="S11000" s="19"/>
      <c r="T11000" s="19">
        <v>155</v>
      </c>
      <c r="U11000" s="19"/>
      <c r="V11000" s="19"/>
      <c r="W11000" s="19"/>
      <c r="X11000" s="19">
        <v>3</v>
      </c>
      <c r="Y11000" s="19"/>
      <c r="Z11000" s="19"/>
      <c r="AA11000" s="19"/>
    </row>
    <row r="11001" spans="1:27" s="1" customFormat="1" ht="11.1" customHeight="1" outlineLevel="3" x14ac:dyDescent="0.2">
      <c r="A11001" s="17"/>
      <c r="B11001" s="17"/>
      <c r="C11001" s="17"/>
      <c r="D11001" s="18"/>
      <c r="E11001" s="18"/>
      <c r="F11001" s="18"/>
      <c r="G11001" s="18"/>
      <c r="H11001" s="18"/>
      <c r="I11001" s="18"/>
      <c r="J11001" s="18"/>
      <c r="K11001" s="18"/>
      <c r="L11001" s="18"/>
      <c r="M11001" s="18"/>
      <c r="N11001" s="18"/>
      <c r="O11001" s="18"/>
      <c r="P11001" s="19"/>
      <c r="Q11001" s="19"/>
      <c r="R11001" s="19"/>
      <c r="S11001" s="19"/>
      <c r="T11001" s="19"/>
      <c r="U11001" s="19"/>
      <c r="V11001" s="19"/>
      <c r="W11001" s="19"/>
      <c r="X11001" s="19"/>
      <c r="Y11001" s="19"/>
      <c r="Z11001" s="19"/>
      <c r="AA11001" s="19"/>
    </row>
    <row r="11002" spans="1:27" s="1" customFormat="1" ht="14.1" customHeight="1" outlineLevel="3" x14ac:dyDescent="0.2">
      <c r="A11002" s="17">
        <v>16051</v>
      </c>
      <c r="B11002" s="17"/>
      <c r="C11002" s="17"/>
      <c r="D11002" s="18" t="s">
        <v>5458</v>
      </c>
      <c r="E11002" s="18"/>
      <c r="F11002" s="18"/>
      <c r="G11002" s="18"/>
      <c r="H11002" s="18"/>
      <c r="I11002" s="18"/>
      <c r="J11002" s="18"/>
      <c r="K11002" s="18"/>
      <c r="L11002" s="18"/>
      <c r="M11002" s="18"/>
      <c r="N11002" s="18"/>
      <c r="O11002" s="18"/>
      <c r="P11002" s="19">
        <v>420</v>
      </c>
      <c r="Q11002" s="19"/>
      <c r="R11002" s="19"/>
      <c r="S11002" s="19"/>
      <c r="T11002" s="19">
        <v>280</v>
      </c>
      <c r="U11002" s="19"/>
      <c r="V11002" s="19"/>
      <c r="W11002" s="19"/>
      <c r="X11002" s="19">
        <v>1</v>
      </c>
      <c r="Y11002" s="19"/>
      <c r="Z11002" s="19"/>
      <c r="AA11002" s="19"/>
    </row>
    <row r="11003" spans="1:27" s="1" customFormat="1" ht="14.1" customHeight="1" outlineLevel="3" x14ac:dyDescent="0.2">
      <c r="A11003" s="17"/>
      <c r="B11003" s="17"/>
      <c r="C11003" s="17"/>
      <c r="D11003" s="18"/>
      <c r="E11003" s="18"/>
      <c r="F11003" s="18"/>
      <c r="G11003" s="18"/>
      <c r="H11003" s="18"/>
      <c r="I11003" s="18"/>
      <c r="J11003" s="18"/>
      <c r="K11003" s="18"/>
      <c r="L11003" s="18"/>
      <c r="M11003" s="18"/>
      <c r="N11003" s="18"/>
      <c r="O11003" s="18"/>
      <c r="P11003" s="19"/>
      <c r="Q11003" s="19"/>
      <c r="R11003" s="19"/>
      <c r="S11003" s="19"/>
      <c r="T11003" s="19"/>
      <c r="U11003" s="19"/>
      <c r="V11003" s="19"/>
      <c r="W11003" s="19"/>
      <c r="X11003" s="19"/>
      <c r="Y11003" s="19"/>
      <c r="Z11003" s="19"/>
      <c r="AA11003" s="19"/>
    </row>
    <row r="11004" spans="1:27" s="1" customFormat="1" ht="14.1" customHeight="1" outlineLevel="3" x14ac:dyDescent="0.2">
      <c r="A11004" s="17">
        <v>17651</v>
      </c>
      <c r="B11004" s="17"/>
      <c r="C11004" s="17"/>
      <c r="D11004" s="18" t="s">
        <v>5459</v>
      </c>
      <c r="E11004" s="18"/>
      <c r="F11004" s="18"/>
      <c r="G11004" s="18"/>
      <c r="H11004" s="18"/>
      <c r="I11004" s="18"/>
      <c r="J11004" s="18"/>
      <c r="K11004" s="18"/>
      <c r="L11004" s="18"/>
      <c r="M11004" s="18"/>
      <c r="N11004" s="18"/>
      <c r="O11004" s="18"/>
      <c r="P11004" s="19">
        <v>450</v>
      </c>
      <c r="Q11004" s="19"/>
      <c r="R11004" s="19"/>
      <c r="S11004" s="19"/>
      <c r="T11004" s="19">
        <v>250</v>
      </c>
      <c r="U11004" s="19"/>
      <c r="V11004" s="19"/>
      <c r="W11004" s="19"/>
      <c r="X11004" s="19">
        <v>8</v>
      </c>
      <c r="Y11004" s="19"/>
      <c r="Z11004" s="19"/>
      <c r="AA11004" s="19"/>
    </row>
    <row r="11005" spans="1:27" s="1" customFormat="1" ht="14.1" customHeight="1" outlineLevel="3" x14ac:dyDescent="0.2">
      <c r="A11005" s="17"/>
      <c r="B11005" s="17"/>
      <c r="C11005" s="17"/>
      <c r="D11005" s="18"/>
      <c r="E11005" s="18"/>
      <c r="F11005" s="18"/>
      <c r="G11005" s="18"/>
      <c r="H11005" s="18"/>
      <c r="I11005" s="18"/>
      <c r="J11005" s="18"/>
      <c r="K11005" s="18"/>
      <c r="L11005" s="18"/>
      <c r="M11005" s="18"/>
      <c r="N11005" s="18"/>
      <c r="O11005" s="18"/>
      <c r="P11005" s="19"/>
      <c r="Q11005" s="19"/>
      <c r="R11005" s="19"/>
      <c r="S11005" s="19"/>
      <c r="T11005" s="19"/>
      <c r="U11005" s="19"/>
      <c r="V11005" s="19"/>
      <c r="W11005" s="19"/>
      <c r="X11005" s="19"/>
      <c r="Y11005" s="19"/>
      <c r="Z11005" s="19"/>
      <c r="AA11005" s="19"/>
    </row>
    <row r="11006" spans="1:27" s="1" customFormat="1" ht="11.1" customHeight="1" outlineLevel="3" x14ac:dyDescent="0.2">
      <c r="A11006" s="17">
        <v>17982</v>
      </c>
      <c r="B11006" s="17"/>
      <c r="C11006" s="17"/>
      <c r="D11006" s="18" t="s">
        <v>5460</v>
      </c>
      <c r="E11006" s="18"/>
      <c r="F11006" s="18"/>
      <c r="G11006" s="18"/>
      <c r="H11006" s="18"/>
      <c r="I11006" s="18"/>
      <c r="J11006" s="18"/>
      <c r="K11006" s="18"/>
      <c r="L11006" s="18"/>
      <c r="M11006" s="18"/>
      <c r="N11006" s="18"/>
      <c r="O11006" s="18"/>
      <c r="P11006" s="19">
        <v>290</v>
      </c>
      <c r="Q11006" s="19"/>
      <c r="R11006" s="19"/>
      <c r="S11006" s="19"/>
      <c r="T11006" s="19">
        <v>190</v>
      </c>
      <c r="U11006" s="19"/>
      <c r="V11006" s="19"/>
      <c r="W11006" s="19"/>
      <c r="X11006" s="19">
        <v>4</v>
      </c>
      <c r="Y11006" s="19"/>
      <c r="Z11006" s="19"/>
      <c r="AA11006" s="19"/>
    </row>
    <row r="11007" spans="1:27" s="1" customFormat="1" ht="11.1" customHeight="1" outlineLevel="3" x14ac:dyDescent="0.2">
      <c r="A11007" s="17"/>
      <c r="B11007" s="17"/>
      <c r="C11007" s="17"/>
      <c r="D11007" s="18"/>
      <c r="E11007" s="18"/>
      <c r="F11007" s="18"/>
      <c r="G11007" s="18"/>
      <c r="H11007" s="18"/>
      <c r="I11007" s="18"/>
      <c r="J11007" s="18"/>
      <c r="K11007" s="18"/>
      <c r="L11007" s="18"/>
      <c r="M11007" s="18"/>
      <c r="N11007" s="18"/>
      <c r="O11007" s="18"/>
      <c r="P11007" s="19"/>
      <c r="Q11007" s="19"/>
      <c r="R11007" s="19"/>
      <c r="S11007" s="19"/>
      <c r="T11007" s="19"/>
      <c r="U11007" s="19"/>
      <c r="V11007" s="19"/>
      <c r="W11007" s="19"/>
      <c r="X11007" s="19"/>
      <c r="Y11007" s="19"/>
      <c r="Z11007" s="19"/>
      <c r="AA11007" s="19"/>
    </row>
    <row r="11008" spans="1:27" s="1" customFormat="1" ht="11.1" customHeight="1" outlineLevel="3" x14ac:dyDescent="0.2">
      <c r="A11008" s="17">
        <v>17986</v>
      </c>
      <c r="B11008" s="17"/>
      <c r="C11008" s="17"/>
      <c r="D11008" s="18" t="s">
        <v>5461</v>
      </c>
      <c r="E11008" s="18"/>
      <c r="F11008" s="18"/>
      <c r="G11008" s="18"/>
      <c r="H11008" s="18"/>
      <c r="I11008" s="18"/>
      <c r="J11008" s="18"/>
      <c r="K11008" s="18"/>
      <c r="L11008" s="18"/>
      <c r="M11008" s="18"/>
      <c r="N11008" s="18"/>
      <c r="O11008" s="18"/>
      <c r="P11008" s="19">
        <v>290</v>
      </c>
      <c r="Q11008" s="19"/>
      <c r="R11008" s="19"/>
      <c r="S11008" s="19"/>
      <c r="T11008" s="19">
        <v>170</v>
      </c>
      <c r="U11008" s="19"/>
      <c r="V11008" s="19"/>
      <c r="W11008" s="19"/>
      <c r="X11008" s="19">
        <v>12</v>
      </c>
      <c r="Y11008" s="19"/>
      <c r="Z11008" s="19"/>
      <c r="AA11008" s="19"/>
    </row>
    <row r="11009" spans="1:27" s="1" customFormat="1" ht="11.1" customHeight="1" outlineLevel="3" x14ac:dyDescent="0.2">
      <c r="A11009" s="17"/>
      <c r="B11009" s="17"/>
      <c r="C11009" s="17"/>
      <c r="D11009" s="18"/>
      <c r="E11009" s="18"/>
      <c r="F11009" s="18"/>
      <c r="G11009" s="18"/>
      <c r="H11009" s="18"/>
      <c r="I11009" s="18"/>
      <c r="J11009" s="18"/>
      <c r="K11009" s="18"/>
      <c r="L11009" s="18"/>
      <c r="M11009" s="18"/>
      <c r="N11009" s="18"/>
      <c r="O11009" s="18"/>
      <c r="P11009" s="19"/>
      <c r="Q11009" s="19"/>
      <c r="R11009" s="19"/>
      <c r="S11009" s="19"/>
      <c r="T11009" s="19"/>
      <c r="U11009" s="19"/>
      <c r="V11009" s="19"/>
      <c r="W11009" s="19"/>
      <c r="X11009" s="19"/>
      <c r="Y11009" s="19"/>
      <c r="Z11009" s="19"/>
      <c r="AA11009" s="19"/>
    </row>
    <row r="11010" spans="1:27" s="1" customFormat="1" ht="11.1" customHeight="1" outlineLevel="3" x14ac:dyDescent="0.2">
      <c r="A11010" s="17">
        <v>14974</v>
      </c>
      <c r="B11010" s="17"/>
      <c r="C11010" s="17"/>
      <c r="D11010" s="18" t="s">
        <v>5462</v>
      </c>
      <c r="E11010" s="18"/>
      <c r="F11010" s="18"/>
      <c r="G11010" s="18"/>
      <c r="H11010" s="18"/>
      <c r="I11010" s="18"/>
      <c r="J11010" s="18"/>
      <c r="K11010" s="18"/>
      <c r="L11010" s="18"/>
      <c r="M11010" s="18"/>
      <c r="N11010" s="18"/>
      <c r="O11010" s="18"/>
      <c r="P11010" s="19">
        <v>390</v>
      </c>
      <c r="Q11010" s="19"/>
      <c r="R11010" s="19"/>
      <c r="S11010" s="19"/>
      <c r="T11010" s="19">
        <v>240</v>
      </c>
      <c r="U11010" s="19"/>
      <c r="V11010" s="19"/>
      <c r="W11010" s="19"/>
      <c r="X11010" s="19">
        <v>1</v>
      </c>
      <c r="Y11010" s="19"/>
      <c r="Z11010" s="19"/>
      <c r="AA11010" s="19"/>
    </row>
    <row r="11011" spans="1:27" s="1" customFormat="1" ht="11.1" customHeight="1" outlineLevel="3" x14ac:dyDescent="0.2">
      <c r="A11011" s="17"/>
      <c r="B11011" s="17"/>
      <c r="C11011" s="17"/>
      <c r="D11011" s="18"/>
      <c r="E11011" s="18"/>
      <c r="F11011" s="18"/>
      <c r="G11011" s="18"/>
      <c r="H11011" s="18"/>
      <c r="I11011" s="18"/>
      <c r="J11011" s="18"/>
      <c r="K11011" s="18"/>
      <c r="L11011" s="18"/>
      <c r="M11011" s="18"/>
      <c r="N11011" s="18"/>
      <c r="O11011" s="18"/>
      <c r="P11011" s="19"/>
      <c r="Q11011" s="19"/>
      <c r="R11011" s="19"/>
      <c r="S11011" s="19"/>
      <c r="T11011" s="19"/>
      <c r="U11011" s="19"/>
      <c r="V11011" s="19"/>
      <c r="W11011" s="19"/>
      <c r="X11011" s="19"/>
      <c r="Y11011" s="19"/>
      <c r="Z11011" s="19"/>
      <c r="AA11011" s="19"/>
    </row>
    <row r="11012" spans="1:27" s="1" customFormat="1" ht="14.1" customHeight="1" outlineLevel="3" x14ac:dyDescent="0.2">
      <c r="A11012" s="17">
        <v>13764</v>
      </c>
      <c r="B11012" s="17"/>
      <c r="C11012" s="17"/>
      <c r="D11012" s="18" t="s">
        <v>5463</v>
      </c>
      <c r="E11012" s="18"/>
      <c r="F11012" s="18"/>
      <c r="G11012" s="18"/>
      <c r="H11012" s="18"/>
      <c r="I11012" s="18"/>
      <c r="J11012" s="18"/>
      <c r="K11012" s="18"/>
      <c r="L11012" s="18"/>
      <c r="M11012" s="18"/>
      <c r="N11012" s="18"/>
      <c r="O11012" s="18"/>
      <c r="P11012" s="19">
        <v>500</v>
      </c>
      <c r="Q11012" s="19"/>
      <c r="R11012" s="19"/>
      <c r="S11012" s="19"/>
      <c r="T11012" s="19">
        <v>400</v>
      </c>
      <c r="U11012" s="19"/>
      <c r="V11012" s="19"/>
      <c r="W11012" s="19"/>
      <c r="X11012" s="19">
        <v>2</v>
      </c>
      <c r="Y11012" s="19"/>
      <c r="Z11012" s="19"/>
      <c r="AA11012" s="19"/>
    </row>
    <row r="11013" spans="1:27" s="1" customFormat="1" ht="14.1" customHeight="1" outlineLevel="3" x14ac:dyDescent="0.2">
      <c r="A11013" s="17"/>
      <c r="B11013" s="17"/>
      <c r="C11013" s="17"/>
      <c r="D11013" s="18"/>
      <c r="E11013" s="18"/>
      <c r="F11013" s="18"/>
      <c r="G11013" s="18"/>
      <c r="H11013" s="18"/>
      <c r="I11013" s="18"/>
      <c r="J11013" s="18"/>
      <c r="K11013" s="18"/>
      <c r="L11013" s="18"/>
      <c r="M11013" s="18"/>
      <c r="N11013" s="18"/>
      <c r="O11013" s="18"/>
      <c r="P11013" s="19"/>
      <c r="Q11013" s="19"/>
      <c r="R11013" s="19"/>
      <c r="S11013" s="19"/>
      <c r="T11013" s="19"/>
      <c r="U11013" s="19"/>
      <c r="V11013" s="19"/>
      <c r="W11013" s="19"/>
      <c r="X11013" s="19"/>
      <c r="Y11013" s="19"/>
      <c r="Z11013" s="19"/>
      <c r="AA11013" s="19"/>
    </row>
    <row r="11014" spans="1:27" s="1" customFormat="1" ht="11.1" customHeight="1" outlineLevel="3" x14ac:dyDescent="0.2">
      <c r="A11014" s="17">
        <v>10490</v>
      </c>
      <c r="B11014" s="17"/>
      <c r="C11014" s="17"/>
      <c r="D11014" s="18" t="s">
        <v>5464</v>
      </c>
      <c r="E11014" s="18"/>
      <c r="F11014" s="18"/>
      <c r="G11014" s="18"/>
      <c r="H11014" s="18"/>
      <c r="I11014" s="18"/>
      <c r="J11014" s="18"/>
      <c r="K11014" s="18"/>
      <c r="L11014" s="18"/>
      <c r="M11014" s="18"/>
      <c r="N11014" s="18"/>
      <c r="O11014" s="18"/>
      <c r="P11014" s="19">
        <v>550</v>
      </c>
      <c r="Q11014" s="19"/>
      <c r="R11014" s="19"/>
      <c r="S11014" s="19"/>
      <c r="T11014" s="19">
        <v>320</v>
      </c>
      <c r="U11014" s="19"/>
      <c r="V11014" s="19"/>
      <c r="W11014" s="19"/>
      <c r="X11014" s="19">
        <v>5</v>
      </c>
      <c r="Y11014" s="19"/>
      <c r="Z11014" s="19"/>
      <c r="AA11014" s="19"/>
    </row>
    <row r="11015" spans="1:27" s="1" customFormat="1" ht="11.1" customHeight="1" outlineLevel="3" x14ac:dyDescent="0.2">
      <c r="A11015" s="17"/>
      <c r="B11015" s="17"/>
      <c r="C11015" s="17"/>
      <c r="D11015" s="18"/>
      <c r="E11015" s="18"/>
      <c r="F11015" s="18"/>
      <c r="G11015" s="18"/>
      <c r="H11015" s="18"/>
      <c r="I11015" s="18"/>
      <c r="J11015" s="18"/>
      <c r="K11015" s="18"/>
      <c r="L11015" s="18"/>
      <c r="M11015" s="18"/>
      <c r="N11015" s="18"/>
      <c r="O11015" s="18"/>
      <c r="P11015" s="19"/>
      <c r="Q11015" s="19"/>
      <c r="R11015" s="19"/>
      <c r="S11015" s="19"/>
      <c r="T11015" s="19"/>
      <c r="U11015" s="19"/>
      <c r="V11015" s="19"/>
      <c r="W11015" s="19"/>
      <c r="X11015" s="19"/>
      <c r="Y11015" s="19"/>
      <c r="Z11015" s="19"/>
      <c r="AA11015" s="19"/>
    </row>
    <row r="11016" spans="1:27" s="1" customFormat="1" ht="11.1" customHeight="1" outlineLevel="3" x14ac:dyDescent="0.2">
      <c r="A11016" s="17">
        <v>12410</v>
      </c>
      <c r="B11016" s="17"/>
      <c r="C11016" s="17"/>
      <c r="D11016" s="18" t="s">
        <v>5465</v>
      </c>
      <c r="E11016" s="18"/>
      <c r="F11016" s="18"/>
      <c r="G11016" s="18"/>
      <c r="H11016" s="18"/>
      <c r="I11016" s="18"/>
      <c r="J11016" s="18"/>
      <c r="K11016" s="18"/>
      <c r="L11016" s="18"/>
      <c r="M11016" s="18"/>
      <c r="N11016" s="18"/>
      <c r="O11016" s="18"/>
      <c r="P11016" s="19">
        <v>790</v>
      </c>
      <c r="Q11016" s="19"/>
      <c r="R11016" s="19"/>
      <c r="S11016" s="19"/>
      <c r="T11016" s="19">
        <v>550</v>
      </c>
      <c r="U11016" s="19"/>
      <c r="V11016" s="19"/>
      <c r="W11016" s="19"/>
      <c r="X11016" s="19">
        <v>2</v>
      </c>
      <c r="Y11016" s="19"/>
      <c r="Z11016" s="19"/>
      <c r="AA11016" s="19"/>
    </row>
    <row r="11017" spans="1:27" s="1" customFormat="1" ht="11.1" customHeight="1" outlineLevel="3" x14ac:dyDescent="0.2">
      <c r="A11017" s="17"/>
      <c r="B11017" s="17"/>
      <c r="C11017" s="17"/>
      <c r="D11017" s="18"/>
      <c r="E11017" s="18"/>
      <c r="F11017" s="18"/>
      <c r="G11017" s="18"/>
      <c r="H11017" s="18"/>
      <c r="I11017" s="18"/>
      <c r="J11017" s="18"/>
      <c r="K11017" s="18"/>
      <c r="L11017" s="18"/>
      <c r="M11017" s="18"/>
      <c r="N11017" s="18"/>
      <c r="O11017" s="18"/>
      <c r="P11017" s="19"/>
      <c r="Q11017" s="19"/>
      <c r="R11017" s="19"/>
      <c r="S11017" s="19"/>
      <c r="T11017" s="19"/>
      <c r="U11017" s="19"/>
      <c r="V11017" s="19"/>
      <c r="W11017" s="19"/>
      <c r="X11017" s="19"/>
      <c r="Y11017" s="19"/>
      <c r="Z11017" s="19"/>
      <c r="AA11017" s="19"/>
    </row>
    <row r="11018" spans="1:27" s="1" customFormat="1" ht="11.1" customHeight="1" outlineLevel="3" x14ac:dyDescent="0.2">
      <c r="A11018" s="17">
        <v>16243</v>
      </c>
      <c r="B11018" s="17"/>
      <c r="C11018" s="17"/>
      <c r="D11018" s="18" t="s">
        <v>5466</v>
      </c>
      <c r="E11018" s="18"/>
      <c r="F11018" s="18"/>
      <c r="G11018" s="18"/>
      <c r="H11018" s="18"/>
      <c r="I11018" s="18"/>
      <c r="J11018" s="18"/>
      <c r="K11018" s="18"/>
      <c r="L11018" s="18"/>
      <c r="M11018" s="18"/>
      <c r="N11018" s="18"/>
      <c r="O11018" s="18"/>
      <c r="P11018" s="19">
        <v>380</v>
      </c>
      <c r="Q11018" s="19"/>
      <c r="R11018" s="19"/>
      <c r="S11018" s="19"/>
      <c r="T11018" s="19">
        <v>230</v>
      </c>
      <c r="U11018" s="19"/>
      <c r="V11018" s="19"/>
      <c r="W11018" s="19"/>
      <c r="X11018" s="19">
        <v>1</v>
      </c>
      <c r="Y11018" s="19"/>
      <c r="Z11018" s="19"/>
      <c r="AA11018" s="19"/>
    </row>
    <row r="11019" spans="1:27" s="1" customFormat="1" ht="11.1" customHeight="1" outlineLevel="3" x14ac:dyDescent="0.2">
      <c r="A11019" s="17"/>
      <c r="B11019" s="17"/>
      <c r="C11019" s="17"/>
      <c r="D11019" s="18"/>
      <c r="E11019" s="18"/>
      <c r="F11019" s="18"/>
      <c r="G11019" s="18"/>
      <c r="H11019" s="18"/>
      <c r="I11019" s="18"/>
      <c r="J11019" s="18"/>
      <c r="K11019" s="18"/>
      <c r="L11019" s="18"/>
      <c r="M11019" s="18"/>
      <c r="N11019" s="18"/>
      <c r="O11019" s="18"/>
      <c r="P11019" s="19"/>
      <c r="Q11019" s="19"/>
      <c r="R11019" s="19"/>
      <c r="S11019" s="19"/>
      <c r="T11019" s="19"/>
      <c r="U11019" s="19"/>
      <c r="V11019" s="19"/>
      <c r="W11019" s="19"/>
      <c r="X11019" s="19"/>
      <c r="Y11019" s="19"/>
      <c r="Z11019" s="19"/>
      <c r="AA11019" s="19"/>
    </row>
    <row r="11020" spans="1:27" s="1" customFormat="1" ht="11.1" customHeight="1" outlineLevel="3" x14ac:dyDescent="0.2">
      <c r="A11020" s="17">
        <v>11992</v>
      </c>
      <c r="B11020" s="17"/>
      <c r="C11020" s="17"/>
      <c r="D11020" s="18" t="s">
        <v>5467</v>
      </c>
      <c r="E11020" s="18"/>
      <c r="F11020" s="18"/>
      <c r="G11020" s="18"/>
      <c r="H11020" s="18"/>
      <c r="I11020" s="18"/>
      <c r="J11020" s="18"/>
      <c r="K11020" s="18"/>
      <c r="L11020" s="18"/>
      <c r="M11020" s="18"/>
      <c r="N11020" s="18"/>
      <c r="O11020" s="18"/>
      <c r="P11020" s="19">
        <v>590</v>
      </c>
      <c r="Q11020" s="19"/>
      <c r="R11020" s="19"/>
      <c r="S11020" s="19"/>
      <c r="T11020" s="19">
        <v>430</v>
      </c>
      <c r="U11020" s="19"/>
      <c r="V11020" s="19"/>
      <c r="W11020" s="19"/>
      <c r="X11020" s="19">
        <v>1</v>
      </c>
      <c r="Y11020" s="19"/>
      <c r="Z11020" s="19"/>
      <c r="AA11020" s="19"/>
    </row>
    <row r="11021" spans="1:27" s="1" customFormat="1" ht="11.1" customHeight="1" outlineLevel="3" x14ac:dyDescent="0.2">
      <c r="A11021" s="17"/>
      <c r="B11021" s="17"/>
      <c r="C11021" s="17"/>
      <c r="D11021" s="18"/>
      <c r="E11021" s="18"/>
      <c r="F11021" s="18"/>
      <c r="G11021" s="18"/>
      <c r="H11021" s="18"/>
      <c r="I11021" s="18"/>
      <c r="J11021" s="18"/>
      <c r="K11021" s="18"/>
      <c r="L11021" s="18"/>
      <c r="M11021" s="18"/>
      <c r="N11021" s="18"/>
      <c r="O11021" s="18"/>
      <c r="P11021" s="19"/>
      <c r="Q11021" s="19"/>
      <c r="R11021" s="19"/>
      <c r="S11021" s="19"/>
      <c r="T11021" s="19"/>
      <c r="U11021" s="19"/>
      <c r="V11021" s="19"/>
      <c r="W11021" s="19"/>
      <c r="X11021" s="19"/>
      <c r="Y11021" s="19"/>
      <c r="Z11021" s="19"/>
      <c r="AA11021" s="19"/>
    </row>
    <row r="11022" spans="1:27" s="1" customFormat="1" ht="14.1" customHeight="1" outlineLevel="3" x14ac:dyDescent="0.2">
      <c r="A11022" s="17">
        <v>13768</v>
      </c>
      <c r="B11022" s="17"/>
      <c r="C11022" s="17"/>
      <c r="D11022" s="18" t="s">
        <v>5468</v>
      </c>
      <c r="E11022" s="18"/>
      <c r="F11022" s="18"/>
      <c r="G11022" s="18"/>
      <c r="H11022" s="18"/>
      <c r="I11022" s="18"/>
      <c r="J11022" s="18"/>
      <c r="K11022" s="18"/>
      <c r="L11022" s="18"/>
      <c r="M11022" s="18"/>
      <c r="N11022" s="18"/>
      <c r="O11022" s="18"/>
      <c r="P11022" s="19">
        <v>310</v>
      </c>
      <c r="Q11022" s="19"/>
      <c r="R11022" s="19"/>
      <c r="S11022" s="19"/>
      <c r="T11022" s="19">
        <v>105</v>
      </c>
      <c r="U11022" s="19"/>
      <c r="V11022" s="19"/>
      <c r="W11022" s="19"/>
      <c r="X11022" s="19">
        <v>6</v>
      </c>
      <c r="Y11022" s="19"/>
      <c r="Z11022" s="19"/>
      <c r="AA11022" s="19"/>
    </row>
    <row r="11023" spans="1:27" s="1" customFormat="1" ht="14.1" customHeight="1" outlineLevel="3" x14ac:dyDescent="0.2">
      <c r="A11023" s="17"/>
      <c r="B11023" s="17"/>
      <c r="C11023" s="17"/>
      <c r="D11023" s="18"/>
      <c r="E11023" s="18"/>
      <c r="F11023" s="18"/>
      <c r="G11023" s="18"/>
      <c r="H11023" s="18"/>
      <c r="I11023" s="18"/>
      <c r="J11023" s="18"/>
      <c r="K11023" s="18"/>
      <c r="L11023" s="18"/>
      <c r="M11023" s="18"/>
      <c r="N11023" s="18"/>
      <c r="O11023" s="18"/>
      <c r="P11023" s="19"/>
      <c r="Q11023" s="19"/>
      <c r="R11023" s="19"/>
      <c r="S11023" s="19"/>
      <c r="T11023" s="19"/>
      <c r="U11023" s="19"/>
      <c r="V11023" s="19"/>
      <c r="W11023" s="19"/>
      <c r="X11023" s="19"/>
      <c r="Y11023" s="19"/>
      <c r="Z11023" s="19"/>
      <c r="AA11023" s="19"/>
    </row>
    <row r="11024" spans="1:27" s="1" customFormat="1" ht="11.1" customHeight="1" outlineLevel="3" x14ac:dyDescent="0.2">
      <c r="A11024" s="17">
        <v>12409</v>
      </c>
      <c r="B11024" s="17"/>
      <c r="C11024" s="17"/>
      <c r="D11024" s="18" t="s">
        <v>5469</v>
      </c>
      <c r="E11024" s="18"/>
      <c r="F11024" s="18"/>
      <c r="G11024" s="18"/>
      <c r="H11024" s="18"/>
      <c r="I11024" s="18"/>
      <c r="J11024" s="18"/>
      <c r="K11024" s="18"/>
      <c r="L11024" s="18"/>
      <c r="M11024" s="18"/>
      <c r="N11024" s="18"/>
      <c r="O11024" s="18"/>
      <c r="P11024" s="19">
        <v>370</v>
      </c>
      <c r="Q11024" s="19"/>
      <c r="R11024" s="19"/>
      <c r="S11024" s="19"/>
      <c r="T11024" s="19">
        <v>250</v>
      </c>
      <c r="U11024" s="19"/>
      <c r="V11024" s="19"/>
      <c r="W11024" s="19"/>
      <c r="X11024" s="19">
        <v>3</v>
      </c>
      <c r="Y11024" s="19"/>
      <c r="Z11024" s="19"/>
      <c r="AA11024" s="19"/>
    </row>
    <row r="11025" spans="1:27" s="1" customFormat="1" ht="11.1" customHeight="1" outlineLevel="3" x14ac:dyDescent="0.2">
      <c r="A11025" s="17"/>
      <c r="B11025" s="17"/>
      <c r="C11025" s="17"/>
      <c r="D11025" s="18"/>
      <c r="E11025" s="18"/>
      <c r="F11025" s="18"/>
      <c r="G11025" s="18"/>
      <c r="H11025" s="18"/>
      <c r="I11025" s="18"/>
      <c r="J11025" s="18"/>
      <c r="K11025" s="18"/>
      <c r="L11025" s="18"/>
      <c r="M11025" s="18"/>
      <c r="N11025" s="18"/>
      <c r="O11025" s="18"/>
      <c r="P11025" s="19"/>
      <c r="Q11025" s="19"/>
      <c r="R11025" s="19"/>
      <c r="S11025" s="19"/>
      <c r="T11025" s="19"/>
      <c r="U11025" s="19"/>
      <c r="V11025" s="19"/>
      <c r="W11025" s="19"/>
      <c r="X11025" s="19"/>
      <c r="Y11025" s="19"/>
      <c r="Z11025" s="19"/>
      <c r="AA11025" s="19"/>
    </row>
    <row r="11026" spans="1:27" s="1" customFormat="1" ht="11.1" customHeight="1" outlineLevel="3" x14ac:dyDescent="0.2">
      <c r="A11026" s="17">
        <v>13587</v>
      </c>
      <c r="B11026" s="17"/>
      <c r="C11026" s="17"/>
      <c r="D11026" s="18" t="s">
        <v>5470</v>
      </c>
      <c r="E11026" s="18"/>
      <c r="F11026" s="18"/>
      <c r="G11026" s="18"/>
      <c r="H11026" s="18"/>
      <c r="I11026" s="18"/>
      <c r="J11026" s="18"/>
      <c r="K11026" s="18"/>
      <c r="L11026" s="18"/>
      <c r="M11026" s="18"/>
      <c r="N11026" s="18"/>
      <c r="O11026" s="18"/>
      <c r="P11026" s="19">
        <v>240</v>
      </c>
      <c r="Q11026" s="19"/>
      <c r="R11026" s="19"/>
      <c r="S11026" s="19"/>
      <c r="T11026" s="19">
        <v>140</v>
      </c>
      <c r="U11026" s="19"/>
      <c r="V11026" s="19"/>
      <c r="W11026" s="19"/>
      <c r="X11026" s="19">
        <v>127</v>
      </c>
      <c r="Y11026" s="19"/>
      <c r="Z11026" s="19"/>
      <c r="AA11026" s="19"/>
    </row>
    <row r="11027" spans="1:27" s="1" customFormat="1" ht="11.1" customHeight="1" outlineLevel="3" x14ac:dyDescent="0.2">
      <c r="A11027" s="17"/>
      <c r="B11027" s="17"/>
      <c r="C11027" s="17"/>
      <c r="D11027" s="18"/>
      <c r="E11027" s="18"/>
      <c r="F11027" s="18"/>
      <c r="G11027" s="18"/>
      <c r="H11027" s="18"/>
      <c r="I11027" s="18"/>
      <c r="J11027" s="18"/>
      <c r="K11027" s="18"/>
      <c r="L11027" s="18"/>
      <c r="M11027" s="18"/>
      <c r="N11027" s="18"/>
      <c r="O11027" s="18"/>
      <c r="P11027" s="19"/>
      <c r="Q11027" s="19"/>
      <c r="R11027" s="19"/>
      <c r="S11027" s="19"/>
      <c r="T11027" s="19"/>
      <c r="U11027" s="19"/>
      <c r="V11027" s="19"/>
      <c r="W11027" s="19"/>
      <c r="X11027" s="19"/>
      <c r="Y11027" s="19"/>
      <c r="Z11027" s="19"/>
      <c r="AA11027" s="19"/>
    </row>
    <row r="11028" spans="1:27" s="1" customFormat="1" ht="11.1" customHeight="1" outlineLevel="3" x14ac:dyDescent="0.2">
      <c r="A11028" s="17">
        <v>12407</v>
      </c>
      <c r="B11028" s="17"/>
      <c r="C11028" s="17"/>
      <c r="D11028" s="18" t="s">
        <v>5471</v>
      </c>
      <c r="E11028" s="18"/>
      <c r="F11028" s="18"/>
      <c r="G11028" s="18"/>
      <c r="H11028" s="18"/>
      <c r="I11028" s="18"/>
      <c r="J11028" s="18"/>
      <c r="K11028" s="18"/>
      <c r="L11028" s="18"/>
      <c r="M11028" s="18"/>
      <c r="N11028" s="18"/>
      <c r="O11028" s="18"/>
      <c r="P11028" s="19">
        <v>310</v>
      </c>
      <c r="Q11028" s="19"/>
      <c r="R11028" s="19"/>
      <c r="S11028" s="19"/>
      <c r="T11028" s="19">
        <v>220</v>
      </c>
      <c r="U11028" s="19"/>
      <c r="V11028" s="19"/>
      <c r="W11028" s="19"/>
      <c r="X11028" s="19">
        <v>53</v>
      </c>
      <c r="Y11028" s="19"/>
      <c r="Z11028" s="19"/>
      <c r="AA11028" s="19"/>
    </row>
    <row r="11029" spans="1:27" s="1" customFormat="1" ht="11.1" customHeight="1" outlineLevel="3" x14ac:dyDescent="0.2">
      <c r="A11029" s="17"/>
      <c r="B11029" s="17"/>
      <c r="C11029" s="17"/>
      <c r="D11029" s="18"/>
      <c r="E11029" s="18"/>
      <c r="F11029" s="18"/>
      <c r="G11029" s="18"/>
      <c r="H11029" s="18"/>
      <c r="I11029" s="18"/>
      <c r="J11029" s="18"/>
      <c r="K11029" s="18"/>
      <c r="L11029" s="18"/>
      <c r="M11029" s="18"/>
      <c r="N11029" s="18"/>
      <c r="O11029" s="18"/>
      <c r="P11029" s="19"/>
      <c r="Q11029" s="19"/>
      <c r="R11029" s="19"/>
      <c r="S11029" s="19"/>
      <c r="T11029" s="19"/>
      <c r="U11029" s="19"/>
      <c r="V11029" s="19"/>
      <c r="W11029" s="19"/>
      <c r="X11029" s="19"/>
      <c r="Y11029" s="19"/>
      <c r="Z11029" s="19"/>
      <c r="AA11029" s="19"/>
    </row>
    <row r="11030" spans="1:27" s="1" customFormat="1" ht="14.1" customHeight="1" outlineLevel="3" x14ac:dyDescent="0.2">
      <c r="A11030" s="17">
        <v>544</v>
      </c>
      <c r="B11030" s="17"/>
      <c r="C11030" s="17"/>
      <c r="D11030" s="18" t="s">
        <v>5472</v>
      </c>
      <c r="E11030" s="18"/>
      <c r="F11030" s="18"/>
      <c r="G11030" s="18"/>
      <c r="H11030" s="18"/>
      <c r="I11030" s="18"/>
      <c r="J11030" s="18"/>
      <c r="K11030" s="18"/>
      <c r="L11030" s="18"/>
      <c r="M11030" s="18"/>
      <c r="N11030" s="18"/>
      <c r="O11030" s="18"/>
      <c r="P11030" s="19">
        <v>260</v>
      </c>
      <c r="Q11030" s="19"/>
      <c r="R11030" s="19"/>
      <c r="S11030" s="19"/>
      <c r="T11030" s="19">
        <v>130</v>
      </c>
      <c r="U11030" s="19"/>
      <c r="V11030" s="19"/>
      <c r="W11030" s="19"/>
      <c r="X11030" s="19">
        <v>6</v>
      </c>
      <c r="Y11030" s="19"/>
      <c r="Z11030" s="19"/>
      <c r="AA11030" s="19"/>
    </row>
    <row r="11031" spans="1:27" s="1" customFormat="1" ht="14.1" customHeight="1" outlineLevel="3" x14ac:dyDescent="0.2">
      <c r="A11031" s="17"/>
      <c r="B11031" s="17"/>
      <c r="C11031" s="17"/>
      <c r="D11031" s="18"/>
      <c r="E11031" s="18"/>
      <c r="F11031" s="18"/>
      <c r="G11031" s="18"/>
      <c r="H11031" s="18"/>
      <c r="I11031" s="18"/>
      <c r="J11031" s="18"/>
      <c r="K11031" s="18"/>
      <c r="L11031" s="18"/>
      <c r="M11031" s="18"/>
      <c r="N11031" s="18"/>
      <c r="O11031" s="18"/>
      <c r="P11031" s="19"/>
      <c r="Q11031" s="19"/>
      <c r="R11031" s="19"/>
      <c r="S11031" s="19"/>
      <c r="T11031" s="19"/>
      <c r="U11031" s="19"/>
      <c r="V11031" s="19"/>
      <c r="W11031" s="19"/>
      <c r="X11031" s="19"/>
      <c r="Y11031" s="19"/>
      <c r="Z11031" s="19"/>
      <c r="AA11031" s="19"/>
    </row>
    <row r="11032" spans="1:27" s="1" customFormat="1" ht="11.1" customHeight="1" outlineLevel="3" x14ac:dyDescent="0.2">
      <c r="A11032" s="17">
        <v>12987</v>
      </c>
      <c r="B11032" s="17"/>
      <c r="C11032" s="17"/>
      <c r="D11032" s="18" t="s">
        <v>5473</v>
      </c>
      <c r="E11032" s="18"/>
      <c r="F11032" s="18"/>
      <c r="G11032" s="18"/>
      <c r="H11032" s="18"/>
      <c r="I11032" s="18"/>
      <c r="J11032" s="18"/>
      <c r="K11032" s="18"/>
      <c r="L11032" s="18"/>
      <c r="M11032" s="18"/>
      <c r="N11032" s="18"/>
      <c r="O11032" s="18"/>
      <c r="P11032" s="19">
        <v>490</v>
      </c>
      <c r="Q11032" s="19"/>
      <c r="R11032" s="19"/>
      <c r="S11032" s="19"/>
      <c r="T11032" s="19">
        <v>330</v>
      </c>
      <c r="U11032" s="19"/>
      <c r="V11032" s="19"/>
      <c r="W11032" s="19"/>
      <c r="X11032" s="19">
        <v>3</v>
      </c>
      <c r="Y11032" s="19"/>
      <c r="Z11032" s="19"/>
      <c r="AA11032" s="19"/>
    </row>
    <row r="11033" spans="1:27" s="1" customFormat="1" ht="11.1" customHeight="1" outlineLevel="3" x14ac:dyDescent="0.2">
      <c r="A11033" s="17"/>
      <c r="B11033" s="17"/>
      <c r="C11033" s="17"/>
      <c r="D11033" s="18"/>
      <c r="E11033" s="18"/>
      <c r="F11033" s="18"/>
      <c r="G11033" s="18"/>
      <c r="H11033" s="18"/>
      <c r="I11033" s="18"/>
      <c r="J11033" s="18"/>
      <c r="K11033" s="18"/>
      <c r="L11033" s="18"/>
      <c r="M11033" s="18"/>
      <c r="N11033" s="18"/>
      <c r="O11033" s="18"/>
      <c r="P11033" s="19"/>
      <c r="Q11033" s="19"/>
      <c r="R11033" s="19"/>
      <c r="S11033" s="19"/>
      <c r="T11033" s="19"/>
      <c r="U11033" s="19"/>
      <c r="V11033" s="19"/>
      <c r="W11033" s="19"/>
      <c r="X11033" s="19"/>
      <c r="Y11033" s="19"/>
      <c r="Z11033" s="19"/>
      <c r="AA11033" s="19"/>
    </row>
    <row r="11034" spans="1:27" s="1" customFormat="1" ht="14.1" customHeight="1" outlineLevel="3" x14ac:dyDescent="0.2">
      <c r="A11034" s="17">
        <v>490</v>
      </c>
      <c r="B11034" s="17"/>
      <c r="C11034" s="17"/>
      <c r="D11034" s="18" t="s">
        <v>5474</v>
      </c>
      <c r="E11034" s="18"/>
      <c r="F11034" s="18"/>
      <c r="G11034" s="18"/>
      <c r="H11034" s="18"/>
      <c r="I11034" s="18"/>
      <c r="J11034" s="18"/>
      <c r="K11034" s="18"/>
      <c r="L11034" s="18"/>
      <c r="M11034" s="18"/>
      <c r="N11034" s="18"/>
      <c r="O11034" s="18"/>
      <c r="P11034" s="19">
        <v>250</v>
      </c>
      <c r="Q11034" s="19"/>
      <c r="R11034" s="19"/>
      <c r="S11034" s="19"/>
      <c r="T11034" s="19">
        <v>140</v>
      </c>
      <c r="U11034" s="19"/>
      <c r="V11034" s="19"/>
      <c r="W11034" s="19"/>
      <c r="X11034" s="19">
        <v>1</v>
      </c>
      <c r="Y11034" s="19"/>
      <c r="Z11034" s="19"/>
      <c r="AA11034" s="19"/>
    </row>
    <row r="11035" spans="1:27" s="1" customFormat="1" ht="14.1" customHeight="1" outlineLevel="3" x14ac:dyDescent="0.2">
      <c r="A11035" s="17"/>
      <c r="B11035" s="17"/>
      <c r="C11035" s="17"/>
      <c r="D11035" s="18"/>
      <c r="E11035" s="18"/>
      <c r="F11035" s="18"/>
      <c r="G11035" s="18"/>
      <c r="H11035" s="18"/>
      <c r="I11035" s="18"/>
      <c r="J11035" s="18"/>
      <c r="K11035" s="18"/>
      <c r="L11035" s="18"/>
      <c r="M11035" s="18"/>
      <c r="N11035" s="18"/>
      <c r="O11035" s="18"/>
      <c r="P11035" s="19"/>
      <c r="Q11035" s="19"/>
      <c r="R11035" s="19"/>
      <c r="S11035" s="19"/>
      <c r="T11035" s="19"/>
      <c r="U11035" s="19"/>
      <c r="V11035" s="19"/>
      <c r="W11035" s="19"/>
      <c r="X11035" s="19"/>
      <c r="Y11035" s="19"/>
      <c r="Z11035" s="19"/>
      <c r="AA11035" s="19"/>
    </row>
    <row r="11036" spans="1:27" s="1" customFormat="1" ht="11.1" customHeight="1" outlineLevel="2" x14ac:dyDescent="0.2">
      <c r="A11036" s="16" t="s">
        <v>5475</v>
      </c>
      <c r="B11036" s="16"/>
      <c r="C11036" s="16"/>
      <c r="D11036" s="16"/>
      <c r="E11036" s="16"/>
      <c r="F11036" s="16"/>
      <c r="G11036" s="16"/>
      <c r="H11036" s="16"/>
      <c r="I11036" s="16"/>
      <c r="J11036" s="16"/>
      <c r="K11036" s="16"/>
      <c r="L11036" s="16"/>
      <c r="M11036" s="16"/>
      <c r="N11036" s="16"/>
      <c r="O11036" s="16"/>
      <c r="P11036" s="16"/>
      <c r="Q11036" s="16"/>
      <c r="R11036" s="16"/>
      <c r="S11036" s="16"/>
      <c r="T11036" s="16"/>
      <c r="U11036" s="16"/>
      <c r="V11036" s="16"/>
      <c r="W11036" s="16"/>
      <c r="X11036" s="16"/>
      <c r="Y11036" s="16"/>
      <c r="Z11036" s="16"/>
      <c r="AA11036" s="16"/>
    </row>
    <row r="11037" spans="1:27" s="1" customFormat="1" ht="11.1" customHeight="1" outlineLevel="2" x14ac:dyDescent="0.2">
      <c r="A11037" s="16"/>
      <c r="B11037" s="16"/>
      <c r="C11037" s="16"/>
      <c r="D11037" s="16"/>
      <c r="E11037" s="16"/>
      <c r="F11037" s="16"/>
      <c r="G11037" s="16"/>
      <c r="H11037" s="16"/>
      <c r="I11037" s="16"/>
      <c r="J11037" s="16"/>
      <c r="K11037" s="16"/>
      <c r="L11037" s="16"/>
      <c r="M11037" s="16"/>
      <c r="N11037" s="16"/>
      <c r="O11037" s="16"/>
      <c r="P11037" s="16"/>
      <c r="Q11037" s="16"/>
      <c r="R11037" s="16"/>
      <c r="S11037" s="16"/>
      <c r="T11037" s="16"/>
      <c r="U11037" s="16"/>
      <c r="V11037" s="16"/>
      <c r="W11037" s="16"/>
      <c r="X11037" s="16"/>
      <c r="Y11037" s="16"/>
      <c r="Z11037" s="16"/>
      <c r="AA11037" s="16"/>
    </row>
    <row r="11038" spans="1:27" s="1" customFormat="1" ht="14.1" customHeight="1" outlineLevel="3" x14ac:dyDescent="0.2">
      <c r="A11038" s="17">
        <v>4066</v>
      </c>
      <c r="B11038" s="17"/>
      <c r="C11038" s="17"/>
      <c r="D11038" s="18" t="s">
        <v>5476</v>
      </c>
      <c r="E11038" s="18"/>
      <c r="F11038" s="18"/>
      <c r="G11038" s="18"/>
      <c r="H11038" s="18"/>
      <c r="I11038" s="18"/>
      <c r="J11038" s="18"/>
      <c r="K11038" s="18"/>
      <c r="L11038" s="18"/>
      <c r="M11038" s="18"/>
      <c r="N11038" s="18"/>
      <c r="O11038" s="18"/>
      <c r="P11038" s="19">
        <v>440</v>
      </c>
      <c r="Q11038" s="19"/>
      <c r="R11038" s="19"/>
      <c r="S11038" s="19"/>
      <c r="T11038" s="19">
        <v>390</v>
      </c>
      <c r="U11038" s="19"/>
      <c r="V11038" s="19"/>
      <c r="W11038" s="19"/>
      <c r="X11038" s="19">
        <v>1</v>
      </c>
      <c r="Y11038" s="19"/>
      <c r="Z11038" s="19"/>
      <c r="AA11038" s="19"/>
    </row>
    <row r="11039" spans="1:27" s="1" customFormat="1" ht="14.1" customHeight="1" outlineLevel="3" x14ac:dyDescent="0.2">
      <c r="A11039" s="17"/>
      <c r="B11039" s="17"/>
      <c r="C11039" s="17"/>
      <c r="D11039" s="18"/>
      <c r="E11039" s="18"/>
      <c r="F11039" s="18"/>
      <c r="G11039" s="18"/>
      <c r="H11039" s="18"/>
      <c r="I11039" s="18"/>
      <c r="J11039" s="18"/>
      <c r="K11039" s="18"/>
      <c r="L11039" s="18"/>
      <c r="M11039" s="18"/>
      <c r="N11039" s="18"/>
      <c r="O11039" s="18"/>
      <c r="P11039" s="19"/>
      <c r="Q11039" s="19"/>
      <c r="R11039" s="19"/>
      <c r="S11039" s="19"/>
      <c r="T11039" s="19"/>
      <c r="U11039" s="19"/>
      <c r="V11039" s="19"/>
      <c r="W11039" s="19"/>
      <c r="X11039" s="19"/>
      <c r="Y11039" s="19"/>
      <c r="Z11039" s="19"/>
      <c r="AA11039" s="19"/>
    </row>
    <row r="11040" spans="1:27" s="1" customFormat="1" ht="14.1" customHeight="1" outlineLevel="3" x14ac:dyDescent="0.2">
      <c r="A11040" s="17">
        <v>7174</v>
      </c>
      <c r="B11040" s="17"/>
      <c r="C11040" s="17"/>
      <c r="D11040" s="18" t="s">
        <v>5477</v>
      </c>
      <c r="E11040" s="18"/>
      <c r="F11040" s="18"/>
      <c r="G11040" s="18"/>
      <c r="H11040" s="18"/>
      <c r="I11040" s="18"/>
      <c r="J11040" s="18"/>
      <c r="K11040" s="18"/>
      <c r="L11040" s="18"/>
      <c r="M11040" s="18"/>
      <c r="N11040" s="18"/>
      <c r="O11040" s="18"/>
      <c r="P11040" s="19">
        <v>40</v>
      </c>
      <c r="Q11040" s="19"/>
      <c r="R11040" s="19"/>
      <c r="S11040" s="19"/>
      <c r="T11040" s="19">
        <v>40</v>
      </c>
      <c r="U11040" s="19"/>
      <c r="V11040" s="19"/>
      <c r="W11040" s="19"/>
      <c r="X11040" s="19">
        <v>2</v>
      </c>
      <c r="Y11040" s="19"/>
      <c r="Z11040" s="19"/>
      <c r="AA11040" s="19"/>
    </row>
    <row r="11041" spans="1:27" s="1" customFormat="1" ht="14.1" customHeight="1" outlineLevel="3" x14ac:dyDescent="0.2">
      <c r="A11041" s="17"/>
      <c r="B11041" s="17"/>
      <c r="C11041" s="17"/>
      <c r="D11041" s="18"/>
      <c r="E11041" s="18"/>
      <c r="F11041" s="18"/>
      <c r="G11041" s="18"/>
      <c r="H11041" s="18"/>
      <c r="I11041" s="18"/>
      <c r="J11041" s="18"/>
      <c r="K11041" s="18"/>
      <c r="L11041" s="18"/>
      <c r="M11041" s="18"/>
      <c r="N11041" s="18"/>
      <c r="O11041" s="18"/>
      <c r="P11041" s="19"/>
      <c r="Q11041" s="19"/>
      <c r="R11041" s="19"/>
      <c r="S11041" s="19"/>
      <c r="T11041" s="19"/>
      <c r="U11041" s="19"/>
      <c r="V11041" s="19"/>
      <c r="W11041" s="19"/>
      <c r="X11041" s="19"/>
      <c r="Y11041" s="19"/>
      <c r="Z11041" s="19"/>
      <c r="AA11041" s="19"/>
    </row>
    <row r="11042" spans="1:27" s="1" customFormat="1" ht="11.1" customHeight="1" outlineLevel="3" x14ac:dyDescent="0.2">
      <c r="A11042" s="17">
        <v>7177</v>
      </c>
      <c r="B11042" s="17"/>
      <c r="C11042" s="17"/>
      <c r="D11042" s="18" t="s">
        <v>5478</v>
      </c>
      <c r="E11042" s="18"/>
      <c r="F11042" s="18"/>
      <c r="G11042" s="18"/>
      <c r="H11042" s="18"/>
      <c r="I11042" s="18"/>
      <c r="J11042" s="18"/>
      <c r="K11042" s="18"/>
      <c r="L11042" s="18"/>
      <c r="M11042" s="18"/>
      <c r="N11042" s="18"/>
      <c r="O11042" s="18"/>
      <c r="P11042" s="19">
        <v>40</v>
      </c>
      <c r="Q11042" s="19"/>
      <c r="R11042" s="19"/>
      <c r="S11042" s="19"/>
      <c r="T11042" s="19">
        <v>40</v>
      </c>
      <c r="U11042" s="19"/>
      <c r="V11042" s="19"/>
      <c r="W11042" s="19"/>
      <c r="X11042" s="19">
        <v>3</v>
      </c>
      <c r="Y11042" s="19"/>
      <c r="Z11042" s="19"/>
      <c r="AA11042" s="19"/>
    </row>
    <row r="11043" spans="1:27" s="1" customFormat="1" ht="11.1" customHeight="1" outlineLevel="3" x14ac:dyDescent="0.2">
      <c r="A11043" s="17"/>
      <c r="B11043" s="17"/>
      <c r="C11043" s="17"/>
      <c r="D11043" s="18"/>
      <c r="E11043" s="18"/>
      <c r="F11043" s="18"/>
      <c r="G11043" s="18"/>
      <c r="H11043" s="18"/>
      <c r="I11043" s="18"/>
      <c r="J11043" s="18"/>
      <c r="K11043" s="18"/>
      <c r="L11043" s="18"/>
      <c r="M11043" s="18"/>
      <c r="N11043" s="18"/>
      <c r="O11043" s="18"/>
      <c r="P11043" s="19"/>
      <c r="Q11043" s="19"/>
      <c r="R11043" s="19"/>
      <c r="S11043" s="19"/>
      <c r="T11043" s="19"/>
      <c r="U11043" s="19"/>
      <c r="V11043" s="19"/>
      <c r="W11043" s="19"/>
      <c r="X11043" s="19"/>
      <c r="Y11043" s="19"/>
      <c r="Z11043" s="19"/>
      <c r="AA11043" s="19"/>
    </row>
    <row r="11044" spans="1:27" s="1" customFormat="1" ht="11.1" customHeight="1" outlineLevel="3" x14ac:dyDescent="0.2">
      <c r="A11044" s="17">
        <v>7176</v>
      </c>
      <c r="B11044" s="17"/>
      <c r="C11044" s="17"/>
      <c r="D11044" s="18" t="s">
        <v>5479</v>
      </c>
      <c r="E11044" s="18"/>
      <c r="F11044" s="18"/>
      <c r="G11044" s="18"/>
      <c r="H11044" s="18"/>
      <c r="I11044" s="18"/>
      <c r="J11044" s="18"/>
      <c r="K11044" s="18"/>
      <c r="L11044" s="18"/>
      <c r="M11044" s="18"/>
      <c r="N11044" s="18"/>
      <c r="O11044" s="18"/>
      <c r="P11044" s="19">
        <v>40</v>
      </c>
      <c r="Q11044" s="19"/>
      <c r="R11044" s="19"/>
      <c r="S11044" s="19"/>
      <c r="T11044" s="19">
        <v>40</v>
      </c>
      <c r="U11044" s="19"/>
      <c r="V11044" s="19"/>
      <c r="W11044" s="19"/>
      <c r="X11044" s="19">
        <v>1</v>
      </c>
      <c r="Y11044" s="19"/>
      <c r="Z11044" s="19"/>
      <c r="AA11044" s="19"/>
    </row>
    <row r="11045" spans="1:27" s="1" customFormat="1" ht="11.1" customHeight="1" outlineLevel="3" x14ac:dyDescent="0.2">
      <c r="A11045" s="17"/>
      <c r="B11045" s="17"/>
      <c r="C11045" s="17"/>
      <c r="D11045" s="18"/>
      <c r="E11045" s="18"/>
      <c r="F11045" s="18"/>
      <c r="G11045" s="18"/>
      <c r="H11045" s="18"/>
      <c r="I11045" s="18"/>
      <c r="J11045" s="18"/>
      <c r="K11045" s="18"/>
      <c r="L11045" s="18"/>
      <c r="M11045" s="18"/>
      <c r="N11045" s="18"/>
      <c r="O11045" s="18"/>
      <c r="P11045" s="19"/>
      <c r="Q11045" s="19"/>
      <c r="R11045" s="19"/>
      <c r="S11045" s="19"/>
      <c r="T11045" s="19"/>
      <c r="U11045" s="19"/>
      <c r="V11045" s="19"/>
      <c r="W11045" s="19"/>
      <c r="X11045" s="19"/>
      <c r="Y11045" s="19"/>
      <c r="Z11045" s="19"/>
      <c r="AA11045" s="19"/>
    </row>
    <row r="11046" spans="1:27" s="1" customFormat="1" ht="14.1" customHeight="1" outlineLevel="3" x14ac:dyDescent="0.2">
      <c r="A11046" s="17">
        <v>7178</v>
      </c>
      <c r="B11046" s="17"/>
      <c r="C11046" s="17"/>
      <c r="D11046" s="18" t="s">
        <v>5480</v>
      </c>
      <c r="E11046" s="18"/>
      <c r="F11046" s="18"/>
      <c r="G11046" s="18"/>
      <c r="H11046" s="18"/>
      <c r="I11046" s="18"/>
      <c r="J11046" s="18"/>
      <c r="K11046" s="18"/>
      <c r="L11046" s="18"/>
      <c r="M11046" s="18"/>
      <c r="N11046" s="18"/>
      <c r="O11046" s="18"/>
      <c r="P11046" s="19">
        <v>40</v>
      </c>
      <c r="Q11046" s="19"/>
      <c r="R11046" s="19"/>
      <c r="S11046" s="19"/>
      <c r="T11046" s="19">
        <v>40</v>
      </c>
      <c r="U11046" s="19"/>
      <c r="V11046" s="19"/>
      <c r="W11046" s="19"/>
      <c r="X11046" s="19">
        <v>3</v>
      </c>
      <c r="Y11046" s="19"/>
      <c r="Z11046" s="19"/>
      <c r="AA11046" s="19"/>
    </row>
    <row r="11047" spans="1:27" s="1" customFormat="1" ht="14.1" customHeight="1" outlineLevel="3" x14ac:dyDescent="0.2">
      <c r="A11047" s="17"/>
      <c r="B11047" s="17"/>
      <c r="C11047" s="17"/>
      <c r="D11047" s="18"/>
      <c r="E11047" s="18"/>
      <c r="F11047" s="18"/>
      <c r="G11047" s="18"/>
      <c r="H11047" s="18"/>
      <c r="I11047" s="18"/>
      <c r="J11047" s="18"/>
      <c r="K11047" s="18"/>
      <c r="L11047" s="18"/>
      <c r="M11047" s="18"/>
      <c r="N11047" s="18"/>
      <c r="O11047" s="18"/>
      <c r="P11047" s="19"/>
      <c r="Q11047" s="19"/>
      <c r="R11047" s="19"/>
      <c r="S11047" s="19"/>
      <c r="T11047" s="19"/>
      <c r="U11047" s="19"/>
      <c r="V11047" s="19"/>
      <c r="W11047" s="19"/>
      <c r="X11047" s="19"/>
      <c r="Y11047" s="19"/>
      <c r="Z11047" s="19"/>
      <c r="AA11047" s="19"/>
    </row>
    <row r="11048" spans="1:27" s="1" customFormat="1" ht="14.1" customHeight="1" outlineLevel="3" x14ac:dyDescent="0.2">
      <c r="A11048" s="17">
        <v>7180</v>
      </c>
      <c r="B11048" s="17"/>
      <c r="C11048" s="17"/>
      <c r="D11048" s="18" t="s">
        <v>5481</v>
      </c>
      <c r="E11048" s="18"/>
      <c r="F11048" s="18"/>
      <c r="G11048" s="18"/>
      <c r="H11048" s="18"/>
      <c r="I11048" s="18"/>
      <c r="J11048" s="18"/>
      <c r="K11048" s="18"/>
      <c r="L11048" s="18"/>
      <c r="M11048" s="18"/>
      <c r="N11048" s="18"/>
      <c r="O11048" s="18"/>
      <c r="P11048" s="19">
        <v>40</v>
      </c>
      <c r="Q11048" s="19"/>
      <c r="R11048" s="19"/>
      <c r="S11048" s="19"/>
      <c r="T11048" s="19">
        <v>40</v>
      </c>
      <c r="U11048" s="19"/>
      <c r="V11048" s="19"/>
      <c r="W11048" s="19"/>
      <c r="X11048" s="19">
        <v>2</v>
      </c>
      <c r="Y11048" s="19"/>
      <c r="Z11048" s="19"/>
      <c r="AA11048" s="19"/>
    </row>
    <row r="11049" spans="1:27" s="1" customFormat="1" ht="14.1" customHeight="1" outlineLevel="3" x14ac:dyDescent="0.2">
      <c r="A11049" s="17"/>
      <c r="B11049" s="17"/>
      <c r="C11049" s="17"/>
      <c r="D11049" s="18"/>
      <c r="E11049" s="18"/>
      <c r="F11049" s="18"/>
      <c r="G11049" s="18"/>
      <c r="H11049" s="18"/>
      <c r="I11049" s="18"/>
      <c r="J11049" s="18"/>
      <c r="K11049" s="18"/>
      <c r="L11049" s="18"/>
      <c r="M11049" s="18"/>
      <c r="N11049" s="18"/>
      <c r="O11049" s="18"/>
      <c r="P11049" s="19"/>
      <c r="Q11049" s="19"/>
      <c r="R11049" s="19"/>
      <c r="S11049" s="19"/>
      <c r="T11049" s="19"/>
      <c r="U11049" s="19"/>
      <c r="V11049" s="19"/>
      <c r="W11049" s="19"/>
      <c r="X11049" s="19"/>
      <c r="Y11049" s="19"/>
      <c r="Z11049" s="19"/>
      <c r="AA11049" s="19"/>
    </row>
    <row r="11050" spans="1:27" s="1" customFormat="1" ht="14.1" customHeight="1" outlineLevel="3" x14ac:dyDescent="0.2">
      <c r="A11050" s="17">
        <v>4076</v>
      </c>
      <c r="B11050" s="17"/>
      <c r="C11050" s="17"/>
      <c r="D11050" s="18" t="s">
        <v>5482</v>
      </c>
      <c r="E11050" s="18"/>
      <c r="F11050" s="18"/>
      <c r="G11050" s="18"/>
      <c r="H11050" s="18"/>
      <c r="I11050" s="18"/>
      <c r="J11050" s="18"/>
      <c r="K11050" s="18"/>
      <c r="L11050" s="18"/>
      <c r="M11050" s="18"/>
      <c r="N11050" s="18"/>
      <c r="O11050" s="18"/>
      <c r="P11050" s="19">
        <v>90</v>
      </c>
      <c r="Q11050" s="19"/>
      <c r="R11050" s="19"/>
      <c r="S11050" s="19"/>
      <c r="T11050" s="19">
        <v>70</v>
      </c>
      <c r="U11050" s="19"/>
      <c r="V11050" s="19"/>
      <c r="W11050" s="19"/>
      <c r="X11050" s="19">
        <v>1</v>
      </c>
      <c r="Y11050" s="19"/>
      <c r="Z11050" s="19"/>
      <c r="AA11050" s="19"/>
    </row>
    <row r="11051" spans="1:27" s="1" customFormat="1" ht="14.1" customHeight="1" outlineLevel="3" x14ac:dyDescent="0.2">
      <c r="A11051" s="17"/>
      <c r="B11051" s="17"/>
      <c r="C11051" s="17"/>
      <c r="D11051" s="18"/>
      <c r="E11051" s="18"/>
      <c r="F11051" s="18"/>
      <c r="G11051" s="18"/>
      <c r="H11051" s="18"/>
      <c r="I11051" s="18"/>
      <c r="J11051" s="18"/>
      <c r="K11051" s="18"/>
      <c r="L11051" s="18"/>
      <c r="M11051" s="18"/>
      <c r="N11051" s="18"/>
      <c r="O11051" s="18"/>
      <c r="P11051" s="19"/>
      <c r="Q11051" s="19"/>
      <c r="R11051" s="19"/>
      <c r="S11051" s="19"/>
      <c r="T11051" s="19"/>
      <c r="U11051" s="19"/>
      <c r="V11051" s="19"/>
      <c r="W11051" s="19"/>
      <c r="X11051" s="19"/>
      <c r="Y11051" s="19"/>
      <c r="Z11051" s="19"/>
      <c r="AA11051" s="19"/>
    </row>
    <row r="11052" spans="1:27" s="1" customFormat="1" ht="14.1" customHeight="1" outlineLevel="3" x14ac:dyDescent="0.2">
      <c r="A11052" s="17">
        <v>4113</v>
      </c>
      <c r="B11052" s="17"/>
      <c r="C11052" s="17"/>
      <c r="D11052" s="18" t="s">
        <v>5483</v>
      </c>
      <c r="E11052" s="18"/>
      <c r="F11052" s="18"/>
      <c r="G11052" s="18"/>
      <c r="H11052" s="18"/>
      <c r="I11052" s="18"/>
      <c r="J11052" s="18"/>
      <c r="K11052" s="18"/>
      <c r="L11052" s="18"/>
      <c r="M11052" s="18"/>
      <c r="N11052" s="18"/>
      <c r="O11052" s="18"/>
      <c r="P11052" s="19">
        <v>90</v>
      </c>
      <c r="Q11052" s="19"/>
      <c r="R11052" s="19"/>
      <c r="S11052" s="19"/>
      <c r="T11052" s="19">
        <v>25</v>
      </c>
      <c r="U11052" s="19"/>
      <c r="V11052" s="19"/>
      <c r="W11052" s="19"/>
      <c r="X11052" s="19">
        <v>4</v>
      </c>
      <c r="Y11052" s="19"/>
      <c r="Z11052" s="19"/>
      <c r="AA11052" s="19"/>
    </row>
    <row r="11053" spans="1:27" s="1" customFormat="1" ht="14.1" customHeight="1" outlineLevel="3" x14ac:dyDescent="0.2">
      <c r="A11053" s="17"/>
      <c r="B11053" s="17"/>
      <c r="C11053" s="17"/>
      <c r="D11053" s="18"/>
      <c r="E11053" s="18"/>
      <c r="F11053" s="18"/>
      <c r="G11053" s="18"/>
      <c r="H11053" s="18"/>
      <c r="I11053" s="18"/>
      <c r="J11053" s="18"/>
      <c r="K11053" s="18"/>
      <c r="L11053" s="18"/>
      <c r="M11053" s="18"/>
      <c r="N11053" s="18"/>
      <c r="O11053" s="18"/>
      <c r="P11053" s="19"/>
      <c r="Q11053" s="19"/>
      <c r="R11053" s="19"/>
      <c r="S11053" s="19"/>
      <c r="T11053" s="19"/>
      <c r="U11053" s="19"/>
      <c r="V11053" s="19"/>
      <c r="W11053" s="19"/>
      <c r="X11053" s="19"/>
      <c r="Y11053" s="19"/>
      <c r="Z11053" s="19"/>
      <c r="AA11053" s="19"/>
    </row>
    <row r="11054" spans="1:27" s="1" customFormat="1" ht="21" customHeight="1" outlineLevel="3" x14ac:dyDescent="0.2">
      <c r="A11054" s="17">
        <v>4063</v>
      </c>
      <c r="B11054" s="17"/>
      <c r="C11054" s="17"/>
      <c r="D11054" s="18" t="s">
        <v>5484</v>
      </c>
      <c r="E11054" s="18"/>
      <c r="F11054" s="18"/>
      <c r="G11054" s="18"/>
      <c r="H11054" s="18"/>
      <c r="I11054" s="18"/>
      <c r="J11054" s="18"/>
      <c r="K11054" s="18"/>
      <c r="L11054" s="18"/>
      <c r="M11054" s="18"/>
      <c r="N11054" s="18"/>
      <c r="O11054" s="18"/>
      <c r="P11054" s="19">
        <v>190</v>
      </c>
      <c r="Q11054" s="19"/>
      <c r="R11054" s="19"/>
      <c r="S11054" s="19"/>
      <c r="T11054" s="19">
        <v>160</v>
      </c>
      <c r="U11054" s="19"/>
      <c r="V11054" s="19"/>
      <c r="W11054" s="19"/>
      <c r="X11054" s="19">
        <v>4</v>
      </c>
      <c r="Y11054" s="19"/>
      <c r="Z11054" s="19"/>
      <c r="AA11054" s="19"/>
    </row>
    <row r="11055" spans="1:27" s="1" customFormat="1" ht="21" customHeight="1" outlineLevel="3" x14ac:dyDescent="0.2">
      <c r="A11055" s="17"/>
      <c r="B11055" s="17"/>
      <c r="C11055" s="17"/>
      <c r="D11055" s="18"/>
      <c r="E11055" s="18"/>
      <c r="F11055" s="18"/>
      <c r="G11055" s="18"/>
      <c r="H11055" s="18"/>
      <c r="I11055" s="18"/>
      <c r="J11055" s="18"/>
      <c r="K11055" s="18"/>
      <c r="L11055" s="18"/>
      <c r="M11055" s="18"/>
      <c r="N11055" s="18"/>
      <c r="O11055" s="18"/>
      <c r="P11055" s="19"/>
      <c r="Q11055" s="19"/>
      <c r="R11055" s="19"/>
      <c r="S11055" s="19"/>
      <c r="T11055" s="19"/>
      <c r="U11055" s="19"/>
      <c r="V11055" s="19"/>
      <c r="W11055" s="19"/>
      <c r="X11055" s="19"/>
      <c r="Y11055" s="19"/>
      <c r="Z11055" s="19"/>
      <c r="AA11055" s="19"/>
    </row>
    <row r="11056" spans="1:27" s="1" customFormat="1" ht="14.1" customHeight="1" outlineLevel="3" x14ac:dyDescent="0.2">
      <c r="A11056" s="17">
        <v>4079</v>
      </c>
      <c r="B11056" s="17"/>
      <c r="C11056" s="17"/>
      <c r="D11056" s="18" t="s">
        <v>5485</v>
      </c>
      <c r="E11056" s="18"/>
      <c r="F11056" s="18"/>
      <c r="G11056" s="18"/>
      <c r="H11056" s="18"/>
      <c r="I11056" s="18"/>
      <c r="J11056" s="18"/>
      <c r="K11056" s="18"/>
      <c r="L11056" s="18"/>
      <c r="M11056" s="18"/>
      <c r="N11056" s="18"/>
      <c r="O11056" s="18"/>
      <c r="P11056" s="19">
        <v>300</v>
      </c>
      <c r="Q11056" s="19"/>
      <c r="R11056" s="19"/>
      <c r="S11056" s="19"/>
      <c r="T11056" s="19">
        <v>240</v>
      </c>
      <c r="U11056" s="19"/>
      <c r="V11056" s="19"/>
      <c r="W11056" s="19"/>
      <c r="X11056" s="19">
        <v>1</v>
      </c>
      <c r="Y11056" s="19"/>
      <c r="Z11056" s="19"/>
      <c r="AA11056" s="19"/>
    </row>
    <row r="11057" spans="1:27" s="1" customFormat="1" ht="14.1" customHeight="1" outlineLevel="3" x14ac:dyDescent="0.2">
      <c r="A11057" s="17"/>
      <c r="B11057" s="17"/>
      <c r="C11057" s="17"/>
      <c r="D11057" s="18"/>
      <c r="E11057" s="18"/>
      <c r="F11057" s="18"/>
      <c r="G11057" s="18"/>
      <c r="H11057" s="18"/>
      <c r="I11057" s="18"/>
      <c r="J11057" s="18"/>
      <c r="K11057" s="18"/>
      <c r="L11057" s="18"/>
      <c r="M11057" s="18"/>
      <c r="N11057" s="18"/>
      <c r="O11057" s="18"/>
      <c r="P11057" s="19"/>
      <c r="Q11057" s="19"/>
      <c r="R11057" s="19"/>
      <c r="S11057" s="19"/>
      <c r="T11057" s="19"/>
      <c r="U11057" s="19"/>
      <c r="V11057" s="19"/>
      <c r="W11057" s="19"/>
      <c r="X11057" s="19"/>
      <c r="Y11057" s="19"/>
      <c r="Z11057" s="19"/>
      <c r="AA11057" s="19"/>
    </row>
    <row r="11058" spans="1:27" s="1" customFormat="1" ht="14.1" customHeight="1" outlineLevel="3" x14ac:dyDescent="0.2">
      <c r="A11058" s="17">
        <v>4078</v>
      </c>
      <c r="B11058" s="17"/>
      <c r="C11058" s="17"/>
      <c r="D11058" s="18" t="s">
        <v>5486</v>
      </c>
      <c r="E11058" s="18"/>
      <c r="F11058" s="18"/>
      <c r="G11058" s="18"/>
      <c r="H11058" s="18"/>
      <c r="I11058" s="18"/>
      <c r="J11058" s="18"/>
      <c r="K11058" s="18"/>
      <c r="L11058" s="18"/>
      <c r="M11058" s="18"/>
      <c r="N11058" s="18"/>
      <c r="O11058" s="18"/>
      <c r="P11058" s="19">
        <v>300</v>
      </c>
      <c r="Q11058" s="19"/>
      <c r="R11058" s="19"/>
      <c r="S11058" s="19"/>
      <c r="T11058" s="19">
        <v>240</v>
      </c>
      <c r="U11058" s="19"/>
      <c r="V11058" s="19"/>
      <c r="W11058" s="19"/>
      <c r="X11058" s="19">
        <v>2</v>
      </c>
      <c r="Y11058" s="19"/>
      <c r="Z11058" s="19"/>
      <c r="AA11058" s="19"/>
    </row>
    <row r="11059" spans="1:27" s="1" customFormat="1" ht="14.1" customHeight="1" outlineLevel="3" x14ac:dyDescent="0.2">
      <c r="A11059" s="17"/>
      <c r="B11059" s="17"/>
      <c r="C11059" s="17"/>
      <c r="D11059" s="18"/>
      <c r="E11059" s="18"/>
      <c r="F11059" s="18"/>
      <c r="G11059" s="18"/>
      <c r="H11059" s="18"/>
      <c r="I11059" s="18"/>
      <c r="J11059" s="18"/>
      <c r="K11059" s="18"/>
      <c r="L11059" s="18"/>
      <c r="M11059" s="18"/>
      <c r="N11059" s="18"/>
      <c r="O11059" s="18"/>
      <c r="P11059" s="19"/>
      <c r="Q11059" s="19"/>
      <c r="R11059" s="19"/>
      <c r="S11059" s="19"/>
      <c r="T11059" s="19"/>
      <c r="U11059" s="19"/>
      <c r="V11059" s="19"/>
      <c r="W11059" s="19"/>
      <c r="X11059" s="19"/>
      <c r="Y11059" s="19"/>
      <c r="Z11059" s="19"/>
      <c r="AA11059" s="19"/>
    </row>
    <row r="11060" spans="1:27" s="1" customFormat="1" ht="14.1" customHeight="1" outlineLevel="3" x14ac:dyDescent="0.2">
      <c r="A11060" s="17">
        <v>4086</v>
      </c>
      <c r="B11060" s="17"/>
      <c r="C11060" s="17"/>
      <c r="D11060" s="18" t="s">
        <v>5487</v>
      </c>
      <c r="E11060" s="18"/>
      <c r="F11060" s="18"/>
      <c r="G11060" s="18"/>
      <c r="H11060" s="18"/>
      <c r="I11060" s="18"/>
      <c r="J11060" s="18"/>
      <c r="K11060" s="18"/>
      <c r="L11060" s="18"/>
      <c r="M11060" s="18"/>
      <c r="N11060" s="18"/>
      <c r="O11060" s="18"/>
      <c r="P11060" s="19">
        <v>190</v>
      </c>
      <c r="Q11060" s="19"/>
      <c r="R11060" s="19"/>
      <c r="S11060" s="19"/>
      <c r="T11060" s="19">
        <v>25</v>
      </c>
      <c r="U11060" s="19"/>
      <c r="V11060" s="19"/>
      <c r="W11060" s="19"/>
      <c r="X11060" s="19">
        <v>1</v>
      </c>
      <c r="Y11060" s="19"/>
      <c r="Z11060" s="19"/>
      <c r="AA11060" s="19"/>
    </row>
    <row r="11061" spans="1:27" s="1" customFormat="1" ht="14.1" customHeight="1" outlineLevel="3" x14ac:dyDescent="0.2">
      <c r="A11061" s="17"/>
      <c r="B11061" s="17"/>
      <c r="C11061" s="17"/>
      <c r="D11061" s="18"/>
      <c r="E11061" s="18"/>
      <c r="F11061" s="18"/>
      <c r="G11061" s="18"/>
      <c r="H11061" s="18"/>
      <c r="I11061" s="18"/>
      <c r="J11061" s="18"/>
      <c r="K11061" s="18"/>
      <c r="L11061" s="18"/>
      <c r="M11061" s="18"/>
      <c r="N11061" s="18"/>
      <c r="O11061" s="18"/>
      <c r="P11061" s="19"/>
      <c r="Q11061" s="19"/>
      <c r="R11061" s="19"/>
      <c r="S11061" s="19"/>
      <c r="T11061" s="19"/>
      <c r="U11061" s="19"/>
      <c r="V11061" s="19"/>
      <c r="W11061" s="19"/>
      <c r="X11061" s="19"/>
      <c r="Y11061" s="19"/>
      <c r="Z11061" s="19"/>
      <c r="AA11061" s="19"/>
    </row>
    <row r="11062" spans="1:27" s="1" customFormat="1" ht="14.1" customHeight="1" outlineLevel="3" x14ac:dyDescent="0.2">
      <c r="A11062" s="17">
        <v>4074</v>
      </c>
      <c r="B11062" s="17"/>
      <c r="C11062" s="17"/>
      <c r="D11062" s="18" t="s">
        <v>5488</v>
      </c>
      <c r="E11062" s="18"/>
      <c r="F11062" s="18"/>
      <c r="G11062" s="18"/>
      <c r="H11062" s="18"/>
      <c r="I11062" s="18"/>
      <c r="J11062" s="18"/>
      <c r="K11062" s="18"/>
      <c r="L11062" s="18"/>
      <c r="M11062" s="18"/>
      <c r="N11062" s="18"/>
      <c r="O11062" s="18"/>
      <c r="P11062" s="19">
        <v>250</v>
      </c>
      <c r="Q11062" s="19"/>
      <c r="R11062" s="19"/>
      <c r="S11062" s="19"/>
      <c r="T11062" s="19">
        <v>240</v>
      </c>
      <c r="U11062" s="19"/>
      <c r="V11062" s="19"/>
      <c r="W11062" s="19"/>
      <c r="X11062" s="19">
        <v>1</v>
      </c>
      <c r="Y11062" s="19"/>
      <c r="Z11062" s="19"/>
      <c r="AA11062" s="19"/>
    </row>
    <row r="11063" spans="1:27" s="1" customFormat="1" ht="14.1" customHeight="1" outlineLevel="3" x14ac:dyDescent="0.2">
      <c r="A11063" s="17"/>
      <c r="B11063" s="17"/>
      <c r="C11063" s="17"/>
      <c r="D11063" s="18"/>
      <c r="E11063" s="18"/>
      <c r="F11063" s="18"/>
      <c r="G11063" s="18"/>
      <c r="H11063" s="18"/>
      <c r="I11063" s="18"/>
      <c r="J11063" s="18"/>
      <c r="K11063" s="18"/>
      <c r="L11063" s="18"/>
      <c r="M11063" s="18"/>
      <c r="N11063" s="18"/>
      <c r="O11063" s="18"/>
      <c r="P11063" s="19"/>
      <c r="Q11063" s="19"/>
      <c r="R11063" s="19"/>
      <c r="S11063" s="19"/>
      <c r="T11063" s="19"/>
      <c r="U11063" s="19"/>
      <c r="V11063" s="19"/>
      <c r="W11063" s="19"/>
      <c r="X11063" s="19"/>
      <c r="Y11063" s="19"/>
      <c r="Z11063" s="19"/>
      <c r="AA11063" s="19"/>
    </row>
    <row r="11064" spans="1:27" s="1" customFormat="1" ht="14.1" customHeight="1" outlineLevel="3" x14ac:dyDescent="0.2">
      <c r="A11064" s="17">
        <v>5949</v>
      </c>
      <c r="B11064" s="17"/>
      <c r="C11064" s="17"/>
      <c r="D11064" s="18" t="s">
        <v>5489</v>
      </c>
      <c r="E11064" s="18"/>
      <c r="F11064" s="18"/>
      <c r="G11064" s="18"/>
      <c r="H11064" s="18"/>
      <c r="I11064" s="18"/>
      <c r="J11064" s="18"/>
      <c r="K11064" s="18"/>
      <c r="L11064" s="18"/>
      <c r="M11064" s="18"/>
      <c r="N11064" s="18"/>
      <c r="O11064" s="18"/>
      <c r="P11064" s="19">
        <v>150</v>
      </c>
      <c r="Q11064" s="19"/>
      <c r="R11064" s="19"/>
      <c r="S11064" s="19"/>
      <c r="T11064" s="19">
        <v>70</v>
      </c>
      <c r="U11064" s="19"/>
      <c r="V11064" s="19"/>
      <c r="W11064" s="19"/>
      <c r="X11064" s="19">
        <v>2</v>
      </c>
      <c r="Y11064" s="19"/>
      <c r="Z11064" s="19"/>
      <c r="AA11064" s="19"/>
    </row>
    <row r="11065" spans="1:27" s="1" customFormat="1" ht="14.1" customHeight="1" outlineLevel="3" x14ac:dyDescent="0.2">
      <c r="A11065" s="17"/>
      <c r="B11065" s="17"/>
      <c r="C11065" s="17"/>
      <c r="D11065" s="18"/>
      <c r="E11065" s="18"/>
      <c r="F11065" s="18"/>
      <c r="G11065" s="18"/>
      <c r="H11065" s="18"/>
      <c r="I11065" s="18"/>
      <c r="J11065" s="18"/>
      <c r="K11065" s="18"/>
      <c r="L11065" s="18"/>
      <c r="M11065" s="18"/>
      <c r="N11065" s="18"/>
      <c r="O11065" s="18"/>
      <c r="P11065" s="19"/>
      <c r="Q11065" s="19"/>
      <c r="R11065" s="19"/>
      <c r="S11065" s="19"/>
      <c r="T11065" s="19"/>
      <c r="U11065" s="19"/>
      <c r="V11065" s="19"/>
      <c r="W11065" s="19"/>
      <c r="X11065" s="19"/>
      <c r="Y11065" s="19"/>
      <c r="Z11065" s="19"/>
      <c r="AA11065" s="19"/>
    </row>
    <row r="11066" spans="1:27" s="1" customFormat="1" ht="14.1" customHeight="1" outlineLevel="3" x14ac:dyDescent="0.2">
      <c r="A11066" s="17">
        <v>15182</v>
      </c>
      <c r="B11066" s="17"/>
      <c r="C11066" s="17"/>
      <c r="D11066" s="18" t="s">
        <v>5490</v>
      </c>
      <c r="E11066" s="18"/>
      <c r="F11066" s="18"/>
      <c r="G11066" s="18"/>
      <c r="H11066" s="18"/>
      <c r="I11066" s="18"/>
      <c r="J11066" s="18"/>
      <c r="K11066" s="18"/>
      <c r="L11066" s="18"/>
      <c r="M11066" s="18"/>
      <c r="N11066" s="18"/>
      <c r="O11066" s="18"/>
      <c r="P11066" s="19">
        <v>280</v>
      </c>
      <c r="Q11066" s="19"/>
      <c r="R11066" s="19"/>
      <c r="S11066" s="19"/>
      <c r="T11066" s="19">
        <v>110</v>
      </c>
      <c r="U11066" s="19"/>
      <c r="V11066" s="19"/>
      <c r="W11066" s="19"/>
      <c r="X11066" s="19">
        <v>9</v>
      </c>
      <c r="Y11066" s="19"/>
      <c r="Z11066" s="19"/>
      <c r="AA11066" s="19"/>
    </row>
    <row r="11067" spans="1:27" s="1" customFormat="1" ht="14.1" customHeight="1" outlineLevel="3" x14ac:dyDescent="0.2">
      <c r="A11067" s="17"/>
      <c r="B11067" s="17"/>
      <c r="C11067" s="17"/>
      <c r="D11067" s="18"/>
      <c r="E11067" s="18"/>
      <c r="F11067" s="18"/>
      <c r="G11067" s="18"/>
      <c r="H11067" s="18"/>
      <c r="I11067" s="18"/>
      <c r="J11067" s="18"/>
      <c r="K11067" s="18"/>
      <c r="L11067" s="18"/>
      <c r="M11067" s="18"/>
      <c r="N11067" s="18"/>
      <c r="O11067" s="18"/>
      <c r="P11067" s="19"/>
      <c r="Q11067" s="19"/>
      <c r="R11067" s="19"/>
      <c r="S11067" s="19"/>
      <c r="T11067" s="19"/>
      <c r="U11067" s="19"/>
      <c r="V11067" s="19"/>
      <c r="W11067" s="19"/>
      <c r="X11067" s="19"/>
      <c r="Y11067" s="19"/>
      <c r="Z11067" s="19"/>
      <c r="AA11067" s="19"/>
    </row>
    <row r="11068" spans="1:27" s="1" customFormat="1" ht="14.1" customHeight="1" outlineLevel="3" x14ac:dyDescent="0.2">
      <c r="A11068" s="17">
        <v>8422</v>
      </c>
      <c r="B11068" s="17"/>
      <c r="C11068" s="17"/>
      <c r="D11068" s="18" t="s">
        <v>5491</v>
      </c>
      <c r="E11068" s="18"/>
      <c r="F11068" s="18"/>
      <c r="G11068" s="18"/>
      <c r="H11068" s="18"/>
      <c r="I11068" s="18"/>
      <c r="J11068" s="18"/>
      <c r="K11068" s="18"/>
      <c r="L11068" s="18"/>
      <c r="M11068" s="18"/>
      <c r="N11068" s="18"/>
      <c r="O11068" s="18"/>
      <c r="P11068" s="19">
        <v>300</v>
      </c>
      <c r="Q11068" s="19"/>
      <c r="R11068" s="19"/>
      <c r="S11068" s="19"/>
      <c r="T11068" s="19">
        <v>90</v>
      </c>
      <c r="U11068" s="19"/>
      <c r="V11068" s="19"/>
      <c r="W11068" s="19"/>
      <c r="X11068" s="19">
        <v>13</v>
      </c>
      <c r="Y11068" s="19"/>
      <c r="Z11068" s="19"/>
      <c r="AA11068" s="19"/>
    </row>
    <row r="11069" spans="1:27" s="1" customFormat="1" ht="14.1" customHeight="1" outlineLevel="3" x14ac:dyDescent="0.2">
      <c r="A11069" s="17"/>
      <c r="B11069" s="17"/>
      <c r="C11069" s="17"/>
      <c r="D11069" s="18"/>
      <c r="E11069" s="18"/>
      <c r="F11069" s="18"/>
      <c r="G11069" s="18"/>
      <c r="H11069" s="18"/>
      <c r="I11069" s="18"/>
      <c r="J11069" s="18"/>
      <c r="K11069" s="18"/>
      <c r="L11069" s="18"/>
      <c r="M11069" s="18"/>
      <c r="N11069" s="18"/>
      <c r="O11069" s="18"/>
      <c r="P11069" s="19"/>
      <c r="Q11069" s="19"/>
      <c r="R11069" s="19"/>
      <c r="S11069" s="19"/>
      <c r="T11069" s="19"/>
      <c r="U11069" s="19"/>
      <c r="V11069" s="19"/>
      <c r="W11069" s="19"/>
      <c r="X11069" s="19"/>
      <c r="Y11069" s="19"/>
      <c r="Z11069" s="19"/>
      <c r="AA11069" s="19"/>
    </row>
    <row r="11070" spans="1:27" s="1" customFormat="1" ht="11.1" customHeight="1" outlineLevel="3" x14ac:dyDescent="0.2">
      <c r="A11070" s="17">
        <v>13790</v>
      </c>
      <c r="B11070" s="17"/>
      <c r="C11070" s="17"/>
      <c r="D11070" s="18" t="s">
        <v>5492</v>
      </c>
      <c r="E11070" s="18"/>
      <c r="F11070" s="18"/>
      <c r="G11070" s="18"/>
      <c r="H11070" s="18"/>
      <c r="I11070" s="18"/>
      <c r="J11070" s="18"/>
      <c r="K11070" s="18"/>
      <c r="L11070" s="18"/>
      <c r="M11070" s="18"/>
      <c r="N11070" s="18"/>
      <c r="O11070" s="18"/>
      <c r="P11070" s="19">
        <v>290</v>
      </c>
      <c r="Q11070" s="19"/>
      <c r="R11070" s="19"/>
      <c r="S11070" s="19"/>
      <c r="T11070" s="19">
        <v>140</v>
      </c>
      <c r="U11070" s="19"/>
      <c r="V11070" s="19"/>
      <c r="W11070" s="19"/>
      <c r="X11070" s="19">
        <v>10</v>
      </c>
      <c r="Y11070" s="19"/>
      <c r="Z11070" s="19"/>
      <c r="AA11070" s="19"/>
    </row>
    <row r="11071" spans="1:27" s="1" customFormat="1" ht="11.1" customHeight="1" outlineLevel="3" x14ac:dyDescent="0.2">
      <c r="A11071" s="17"/>
      <c r="B11071" s="17"/>
      <c r="C11071" s="17"/>
      <c r="D11071" s="18"/>
      <c r="E11071" s="18"/>
      <c r="F11071" s="18"/>
      <c r="G11071" s="18"/>
      <c r="H11071" s="18"/>
      <c r="I11071" s="18"/>
      <c r="J11071" s="18"/>
      <c r="K11071" s="18"/>
      <c r="L11071" s="18"/>
      <c r="M11071" s="18"/>
      <c r="N11071" s="18"/>
      <c r="O11071" s="18"/>
      <c r="P11071" s="19"/>
      <c r="Q11071" s="19"/>
      <c r="R11071" s="19"/>
      <c r="S11071" s="19"/>
      <c r="T11071" s="19"/>
      <c r="U11071" s="19"/>
      <c r="V11071" s="19"/>
      <c r="W11071" s="19"/>
      <c r="X11071" s="19"/>
      <c r="Y11071" s="19"/>
      <c r="Z11071" s="19"/>
      <c r="AA11071" s="19"/>
    </row>
    <row r="11072" spans="1:27" s="1" customFormat="1" ht="14.1" customHeight="1" outlineLevel="3" x14ac:dyDescent="0.2">
      <c r="A11072" s="17">
        <v>13791</v>
      </c>
      <c r="B11072" s="17"/>
      <c r="C11072" s="17"/>
      <c r="D11072" s="18" t="s">
        <v>5493</v>
      </c>
      <c r="E11072" s="18"/>
      <c r="F11072" s="18"/>
      <c r="G11072" s="18"/>
      <c r="H11072" s="18"/>
      <c r="I11072" s="18"/>
      <c r="J11072" s="18"/>
      <c r="K11072" s="18"/>
      <c r="L11072" s="18"/>
      <c r="M11072" s="18"/>
      <c r="N11072" s="18"/>
      <c r="O11072" s="18"/>
      <c r="P11072" s="19">
        <v>290</v>
      </c>
      <c r="Q11072" s="19"/>
      <c r="R11072" s="19"/>
      <c r="S11072" s="19"/>
      <c r="T11072" s="19">
        <v>140</v>
      </c>
      <c r="U11072" s="19"/>
      <c r="V11072" s="19"/>
      <c r="W11072" s="19"/>
      <c r="X11072" s="19">
        <v>7</v>
      </c>
      <c r="Y11072" s="19"/>
      <c r="Z11072" s="19"/>
      <c r="AA11072" s="19"/>
    </row>
    <row r="11073" spans="1:27" s="1" customFormat="1" ht="14.1" customHeight="1" outlineLevel="3" x14ac:dyDescent="0.2">
      <c r="A11073" s="17"/>
      <c r="B11073" s="17"/>
      <c r="C11073" s="17"/>
      <c r="D11073" s="18"/>
      <c r="E11073" s="18"/>
      <c r="F11073" s="18"/>
      <c r="G11073" s="18"/>
      <c r="H11073" s="18"/>
      <c r="I11073" s="18"/>
      <c r="J11073" s="18"/>
      <c r="K11073" s="18"/>
      <c r="L11073" s="18"/>
      <c r="M11073" s="18"/>
      <c r="N11073" s="18"/>
      <c r="O11073" s="18"/>
      <c r="P11073" s="19"/>
      <c r="Q11073" s="19"/>
      <c r="R11073" s="19"/>
      <c r="S11073" s="19"/>
      <c r="T11073" s="19"/>
      <c r="U11073" s="19"/>
      <c r="V11073" s="19"/>
      <c r="W11073" s="19"/>
      <c r="X11073" s="19"/>
      <c r="Y11073" s="19"/>
      <c r="Z11073" s="19"/>
      <c r="AA11073" s="19"/>
    </row>
    <row r="11074" spans="1:27" s="1" customFormat="1" ht="11.1" customHeight="1" outlineLevel="3" x14ac:dyDescent="0.2">
      <c r="A11074" s="17">
        <v>13789</v>
      </c>
      <c r="B11074" s="17"/>
      <c r="C11074" s="17"/>
      <c r="D11074" s="18" t="s">
        <v>5494</v>
      </c>
      <c r="E11074" s="18"/>
      <c r="F11074" s="18"/>
      <c r="G11074" s="18"/>
      <c r="H11074" s="18"/>
      <c r="I11074" s="18"/>
      <c r="J11074" s="18"/>
      <c r="K11074" s="18"/>
      <c r="L11074" s="18"/>
      <c r="M11074" s="18"/>
      <c r="N11074" s="18"/>
      <c r="O11074" s="18"/>
      <c r="P11074" s="19">
        <v>290</v>
      </c>
      <c r="Q11074" s="19"/>
      <c r="R11074" s="19"/>
      <c r="S11074" s="19"/>
      <c r="T11074" s="19">
        <v>140</v>
      </c>
      <c r="U11074" s="19"/>
      <c r="V11074" s="19"/>
      <c r="W11074" s="19"/>
      <c r="X11074" s="19">
        <v>8</v>
      </c>
      <c r="Y11074" s="19"/>
      <c r="Z11074" s="19"/>
      <c r="AA11074" s="19"/>
    </row>
    <row r="11075" spans="1:27" s="1" customFormat="1" ht="11.1" customHeight="1" outlineLevel="3" x14ac:dyDescent="0.2">
      <c r="A11075" s="17"/>
      <c r="B11075" s="17"/>
      <c r="C11075" s="17"/>
      <c r="D11075" s="18"/>
      <c r="E11075" s="18"/>
      <c r="F11075" s="18"/>
      <c r="G11075" s="18"/>
      <c r="H11075" s="18"/>
      <c r="I11075" s="18"/>
      <c r="J11075" s="18"/>
      <c r="K11075" s="18"/>
      <c r="L11075" s="18"/>
      <c r="M11075" s="18"/>
      <c r="N11075" s="18"/>
      <c r="O11075" s="18"/>
      <c r="P11075" s="19"/>
      <c r="Q11075" s="19"/>
      <c r="R11075" s="19"/>
      <c r="S11075" s="19"/>
      <c r="T11075" s="19"/>
      <c r="U11075" s="19"/>
      <c r="V11075" s="19"/>
      <c r="W11075" s="19"/>
      <c r="X11075" s="19"/>
      <c r="Y11075" s="19"/>
      <c r="Z11075" s="19"/>
      <c r="AA11075" s="19"/>
    </row>
    <row r="11076" spans="1:27" s="1" customFormat="1" ht="14.1" customHeight="1" outlineLevel="3" x14ac:dyDescent="0.2">
      <c r="A11076" s="17">
        <v>7103</v>
      </c>
      <c r="B11076" s="17"/>
      <c r="C11076" s="17"/>
      <c r="D11076" s="18" t="s">
        <v>5495</v>
      </c>
      <c r="E11076" s="18"/>
      <c r="F11076" s="18"/>
      <c r="G11076" s="18"/>
      <c r="H11076" s="18"/>
      <c r="I11076" s="18"/>
      <c r="J11076" s="18"/>
      <c r="K11076" s="18"/>
      <c r="L11076" s="18"/>
      <c r="M11076" s="18"/>
      <c r="N11076" s="18"/>
      <c r="O11076" s="18"/>
      <c r="P11076" s="19">
        <v>90</v>
      </c>
      <c r="Q11076" s="19"/>
      <c r="R11076" s="19"/>
      <c r="S11076" s="19"/>
      <c r="T11076" s="19">
        <v>30</v>
      </c>
      <c r="U11076" s="19"/>
      <c r="V11076" s="19"/>
      <c r="W11076" s="19"/>
      <c r="X11076" s="19">
        <v>31</v>
      </c>
      <c r="Y11076" s="19"/>
      <c r="Z11076" s="19"/>
      <c r="AA11076" s="19"/>
    </row>
    <row r="11077" spans="1:27" s="1" customFormat="1" ht="14.1" customHeight="1" outlineLevel="3" x14ac:dyDescent="0.2">
      <c r="A11077" s="17"/>
      <c r="B11077" s="17"/>
      <c r="C11077" s="17"/>
      <c r="D11077" s="18"/>
      <c r="E11077" s="18"/>
      <c r="F11077" s="18"/>
      <c r="G11077" s="18"/>
      <c r="H11077" s="18"/>
      <c r="I11077" s="18"/>
      <c r="J11077" s="18"/>
      <c r="K11077" s="18"/>
      <c r="L11077" s="18"/>
      <c r="M11077" s="18"/>
      <c r="N11077" s="18"/>
      <c r="O11077" s="18"/>
      <c r="P11077" s="19"/>
      <c r="Q11077" s="19"/>
      <c r="R11077" s="19"/>
      <c r="S11077" s="19"/>
      <c r="T11077" s="19"/>
      <c r="U11077" s="19"/>
      <c r="V11077" s="19"/>
      <c r="W11077" s="19"/>
      <c r="X11077" s="19"/>
      <c r="Y11077" s="19"/>
      <c r="Z11077" s="19"/>
      <c r="AA11077" s="19"/>
    </row>
    <row r="11078" spans="1:27" s="1" customFormat="1" ht="14.1" customHeight="1" outlineLevel="3" x14ac:dyDescent="0.2">
      <c r="A11078" s="17">
        <v>14983</v>
      </c>
      <c r="B11078" s="17"/>
      <c r="C11078" s="17"/>
      <c r="D11078" s="18" t="s">
        <v>5496</v>
      </c>
      <c r="E11078" s="18"/>
      <c r="F11078" s="18"/>
      <c r="G11078" s="18"/>
      <c r="H11078" s="18"/>
      <c r="I11078" s="18"/>
      <c r="J11078" s="18"/>
      <c r="K11078" s="18"/>
      <c r="L11078" s="18"/>
      <c r="M11078" s="18"/>
      <c r="N11078" s="18"/>
      <c r="O11078" s="18"/>
      <c r="P11078" s="19">
        <v>450</v>
      </c>
      <c r="Q11078" s="19"/>
      <c r="R11078" s="19"/>
      <c r="S11078" s="19"/>
      <c r="T11078" s="19">
        <v>300</v>
      </c>
      <c r="U11078" s="19"/>
      <c r="V11078" s="19"/>
      <c r="W11078" s="19"/>
      <c r="X11078" s="19">
        <v>1</v>
      </c>
      <c r="Y11078" s="19"/>
      <c r="Z11078" s="19"/>
      <c r="AA11078" s="19"/>
    </row>
    <row r="11079" spans="1:27" s="1" customFormat="1" ht="14.1" customHeight="1" outlineLevel="3" x14ac:dyDescent="0.2">
      <c r="A11079" s="17"/>
      <c r="B11079" s="17"/>
      <c r="C11079" s="17"/>
      <c r="D11079" s="18"/>
      <c r="E11079" s="18"/>
      <c r="F11079" s="18"/>
      <c r="G11079" s="18"/>
      <c r="H11079" s="18"/>
      <c r="I11079" s="18"/>
      <c r="J11079" s="18"/>
      <c r="K11079" s="18"/>
      <c r="L11079" s="18"/>
      <c r="M11079" s="18"/>
      <c r="N11079" s="18"/>
      <c r="O11079" s="18"/>
      <c r="P11079" s="19"/>
      <c r="Q11079" s="19"/>
      <c r="R11079" s="19"/>
      <c r="S11079" s="19"/>
      <c r="T11079" s="19"/>
      <c r="U11079" s="19"/>
      <c r="V11079" s="19"/>
      <c r="W11079" s="19"/>
      <c r="X11079" s="19"/>
      <c r="Y11079" s="19"/>
      <c r="Z11079" s="19"/>
      <c r="AA11079" s="19"/>
    </row>
    <row r="11080" spans="1:27" s="1" customFormat="1" ht="14.1" customHeight="1" outlineLevel="3" x14ac:dyDescent="0.2">
      <c r="A11080" s="17">
        <v>14984</v>
      </c>
      <c r="B11080" s="17"/>
      <c r="C11080" s="17"/>
      <c r="D11080" s="18" t="s">
        <v>5497</v>
      </c>
      <c r="E11080" s="18"/>
      <c r="F11080" s="18"/>
      <c r="G11080" s="18"/>
      <c r="H11080" s="18"/>
      <c r="I11080" s="18"/>
      <c r="J11080" s="18"/>
      <c r="K11080" s="18"/>
      <c r="L11080" s="18"/>
      <c r="M11080" s="18"/>
      <c r="N11080" s="18"/>
      <c r="O11080" s="18"/>
      <c r="P11080" s="19">
        <v>450</v>
      </c>
      <c r="Q11080" s="19"/>
      <c r="R11080" s="19"/>
      <c r="S11080" s="19"/>
      <c r="T11080" s="19">
        <v>300</v>
      </c>
      <c r="U11080" s="19"/>
      <c r="V11080" s="19"/>
      <c r="W11080" s="19"/>
      <c r="X11080" s="19">
        <v>5</v>
      </c>
      <c r="Y11080" s="19"/>
      <c r="Z11080" s="19"/>
      <c r="AA11080" s="19"/>
    </row>
    <row r="11081" spans="1:27" s="1" customFormat="1" ht="14.1" customHeight="1" outlineLevel="3" x14ac:dyDescent="0.2">
      <c r="A11081" s="17"/>
      <c r="B11081" s="17"/>
      <c r="C11081" s="17"/>
      <c r="D11081" s="18"/>
      <c r="E11081" s="18"/>
      <c r="F11081" s="18"/>
      <c r="G11081" s="18"/>
      <c r="H11081" s="18"/>
      <c r="I11081" s="18"/>
      <c r="J11081" s="18"/>
      <c r="K11081" s="18"/>
      <c r="L11081" s="18"/>
      <c r="M11081" s="18"/>
      <c r="N11081" s="18"/>
      <c r="O11081" s="18"/>
      <c r="P11081" s="19"/>
      <c r="Q11081" s="19"/>
      <c r="R11081" s="19"/>
      <c r="S11081" s="19"/>
      <c r="T11081" s="19"/>
      <c r="U11081" s="19"/>
      <c r="V11081" s="19"/>
      <c r="W11081" s="19"/>
      <c r="X11081" s="19"/>
      <c r="Y11081" s="19"/>
      <c r="Z11081" s="19"/>
      <c r="AA11081" s="19"/>
    </row>
    <row r="11082" spans="1:27" s="1" customFormat="1" ht="14.1" customHeight="1" outlineLevel="3" x14ac:dyDescent="0.2">
      <c r="A11082" s="17">
        <v>14985</v>
      </c>
      <c r="B11082" s="17"/>
      <c r="C11082" s="17"/>
      <c r="D11082" s="18" t="s">
        <v>5498</v>
      </c>
      <c r="E11082" s="18"/>
      <c r="F11082" s="18"/>
      <c r="G11082" s="18"/>
      <c r="H11082" s="18"/>
      <c r="I11082" s="18"/>
      <c r="J11082" s="18"/>
      <c r="K11082" s="18"/>
      <c r="L11082" s="18"/>
      <c r="M11082" s="18"/>
      <c r="N11082" s="18"/>
      <c r="O11082" s="18"/>
      <c r="P11082" s="19">
        <v>450</v>
      </c>
      <c r="Q11082" s="19"/>
      <c r="R11082" s="19"/>
      <c r="S11082" s="19"/>
      <c r="T11082" s="19">
        <v>300</v>
      </c>
      <c r="U11082" s="19"/>
      <c r="V11082" s="19"/>
      <c r="W11082" s="19"/>
      <c r="X11082" s="19">
        <v>4</v>
      </c>
      <c r="Y11082" s="19"/>
      <c r="Z11082" s="19"/>
      <c r="AA11082" s="19"/>
    </row>
    <row r="11083" spans="1:27" s="1" customFormat="1" ht="14.1" customHeight="1" outlineLevel="3" x14ac:dyDescent="0.2">
      <c r="A11083" s="17"/>
      <c r="B11083" s="17"/>
      <c r="C11083" s="17"/>
      <c r="D11083" s="18"/>
      <c r="E11083" s="18"/>
      <c r="F11083" s="18"/>
      <c r="G11083" s="18"/>
      <c r="H11083" s="18"/>
      <c r="I11083" s="18"/>
      <c r="J11083" s="18"/>
      <c r="K11083" s="18"/>
      <c r="L11083" s="18"/>
      <c r="M11083" s="18"/>
      <c r="N11083" s="18"/>
      <c r="O11083" s="18"/>
      <c r="P11083" s="19"/>
      <c r="Q11083" s="19"/>
      <c r="R11083" s="19"/>
      <c r="S11083" s="19"/>
      <c r="T11083" s="19"/>
      <c r="U11083" s="19"/>
      <c r="V11083" s="19"/>
      <c r="W11083" s="19"/>
      <c r="X11083" s="19"/>
      <c r="Y11083" s="19"/>
      <c r="Z11083" s="19"/>
      <c r="AA11083" s="19"/>
    </row>
    <row r="11084" spans="1:27" s="1" customFormat="1" ht="14.1" customHeight="1" outlineLevel="3" x14ac:dyDescent="0.2">
      <c r="A11084" s="17">
        <v>14986</v>
      </c>
      <c r="B11084" s="17"/>
      <c r="C11084" s="17"/>
      <c r="D11084" s="18" t="s">
        <v>5499</v>
      </c>
      <c r="E11084" s="18"/>
      <c r="F11084" s="18"/>
      <c r="G11084" s="18"/>
      <c r="H11084" s="18"/>
      <c r="I11084" s="18"/>
      <c r="J11084" s="18"/>
      <c r="K11084" s="18"/>
      <c r="L11084" s="18"/>
      <c r="M11084" s="18"/>
      <c r="N11084" s="18"/>
      <c r="O11084" s="18"/>
      <c r="P11084" s="19">
        <v>450</v>
      </c>
      <c r="Q11084" s="19"/>
      <c r="R11084" s="19"/>
      <c r="S11084" s="19"/>
      <c r="T11084" s="19">
        <v>300</v>
      </c>
      <c r="U11084" s="19"/>
      <c r="V11084" s="19"/>
      <c r="W11084" s="19"/>
      <c r="X11084" s="19">
        <v>2</v>
      </c>
      <c r="Y11084" s="19"/>
      <c r="Z11084" s="19"/>
      <c r="AA11084" s="19"/>
    </row>
    <row r="11085" spans="1:27" s="1" customFormat="1" ht="14.1" customHeight="1" outlineLevel="3" x14ac:dyDescent="0.2">
      <c r="A11085" s="17"/>
      <c r="B11085" s="17"/>
      <c r="C11085" s="17"/>
      <c r="D11085" s="18"/>
      <c r="E11085" s="18"/>
      <c r="F11085" s="18"/>
      <c r="G11085" s="18"/>
      <c r="H11085" s="18"/>
      <c r="I11085" s="18"/>
      <c r="J11085" s="18"/>
      <c r="K11085" s="18"/>
      <c r="L11085" s="18"/>
      <c r="M11085" s="18"/>
      <c r="N11085" s="18"/>
      <c r="O11085" s="18"/>
      <c r="P11085" s="19"/>
      <c r="Q11085" s="19"/>
      <c r="R11085" s="19"/>
      <c r="S11085" s="19"/>
      <c r="T11085" s="19"/>
      <c r="U11085" s="19"/>
      <c r="V11085" s="19"/>
      <c r="W11085" s="19"/>
      <c r="X11085" s="19"/>
      <c r="Y11085" s="19"/>
      <c r="Z11085" s="19"/>
      <c r="AA11085" s="19"/>
    </row>
    <row r="11086" spans="1:27" s="1" customFormat="1" ht="14.1" customHeight="1" outlineLevel="3" x14ac:dyDescent="0.2">
      <c r="A11086" s="17">
        <v>17324</v>
      </c>
      <c r="B11086" s="17"/>
      <c r="C11086" s="17"/>
      <c r="D11086" s="18" t="s">
        <v>5500</v>
      </c>
      <c r="E11086" s="18"/>
      <c r="F11086" s="18"/>
      <c r="G11086" s="18"/>
      <c r="H11086" s="18"/>
      <c r="I11086" s="18"/>
      <c r="J11086" s="18"/>
      <c r="K11086" s="18"/>
      <c r="L11086" s="18"/>
      <c r="M11086" s="18"/>
      <c r="N11086" s="18"/>
      <c r="O11086" s="18"/>
      <c r="P11086" s="19">
        <v>450</v>
      </c>
      <c r="Q11086" s="19"/>
      <c r="R11086" s="19"/>
      <c r="S11086" s="19"/>
      <c r="T11086" s="19">
        <v>300</v>
      </c>
      <c r="U11086" s="19"/>
      <c r="V11086" s="19"/>
      <c r="W11086" s="19"/>
      <c r="X11086" s="19">
        <v>53</v>
      </c>
      <c r="Y11086" s="19"/>
      <c r="Z11086" s="19"/>
      <c r="AA11086" s="19"/>
    </row>
    <row r="11087" spans="1:27" s="1" customFormat="1" ht="14.1" customHeight="1" outlineLevel="3" x14ac:dyDescent="0.2">
      <c r="A11087" s="17"/>
      <c r="B11087" s="17"/>
      <c r="C11087" s="17"/>
      <c r="D11087" s="18"/>
      <c r="E11087" s="18"/>
      <c r="F11087" s="18"/>
      <c r="G11087" s="18"/>
      <c r="H11087" s="18"/>
      <c r="I11087" s="18"/>
      <c r="J11087" s="18"/>
      <c r="K11087" s="18"/>
      <c r="L11087" s="18"/>
      <c r="M11087" s="18"/>
      <c r="N11087" s="18"/>
      <c r="O11087" s="18"/>
      <c r="P11087" s="19"/>
      <c r="Q11087" s="19"/>
      <c r="R11087" s="19"/>
      <c r="S11087" s="19"/>
      <c r="T11087" s="19"/>
      <c r="U11087" s="19"/>
      <c r="V11087" s="19"/>
      <c r="W11087" s="19"/>
      <c r="X11087" s="19"/>
      <c r="Y11087" s="19"/>
      <c r="Z11087" s="19"/>
      <c r="AA11087" s="19"/>
    </row>
    <row r="11088" spans="1:27" s="1" customFormat="1" ht="14.1" customHeight="1" outlineLevel="3" x14ac:dyDescent="0.2">
      <c r="A11088" s="17">
        <v>17323</v>
      </c>
      <c r="B11088" s="17"/>
      <c r="C11088" s="17"/>
      <c r="D11088" s="18" t="s">
        <v>5501</v>
      </c>
      <c r="E11088" s="18"/>
      <c r="F11088" s="18"/>
      <c r="G11088" s="18"/>
      <c r="H11088" s="18"/>
      <c r="I11088" s="18"/>
      <c r="J11088" s="18"/>
      <c r="K11088" s="18"/>
      <c r="L11088" s="18"/>
      <c r="M11088" s="18"/>
      <c r="N11088" s="18"/>
      <c r="O11088" s="18"/>
      <c r="P11088" s="19">
        <v>450</v>
      </c>
      <c r="Q11088" s="19"/>
      <c r="R11088" s="19"/>
      <c r="S11088" s="19"/>
      <c r="T11088" s="19">
        <v>300</v>
      </c>
      <c r="U11088" s="19"/>
      <c r="V11088" s="19"/>
      <c r="W11088" s="19"/>
      <c r="X11088" s="19">
        <v>37</v>
      </c>
      <c r="Y11088" s="19"/>
      <c r="Z11088" s="19"/>
      <c r="AA11088" s="19"/>
    </row>
    <row r="11089" spans="1:27" s="1" customFormat="1" ht="14.1" customHeight="1" outlineLevel="3" x14ac:dyDescent="0.2">
      <c r="A11089" s="17"/>
      <c r="B11089" s="17"/>
      <c r="C11089" s="17"/>
      <c r="D11089" s="18"/>
      <c r="E11089" s="18"/>
      <c r="F11089" s="18"/>
      <c r="G11089" s="18"/>
      <c r="H11089" s="18"/>
      <c r="I11089" s="18"/>
      <c r="J11089" s="18"/>
      <c r="K11089" s="18"/>
      <c r="L11089" s="18"/>
      <c r="M11089" s="18"/>
      <c r="N11089" s="18"/>
      <c r="O11089" s="18"/>
      <c r="P11089" s="19"/>
      <c r="Q11089" s="19"/>
      <c r="R11089" s="19"/>
      <c r="S11089" s="19"/>
      <c r="T11089" s="19"/>
      <c r="U11089" s="19"/>
      <c r="V11089" s="19"/>
      <c r="W11089" s="19"/>
      <c r="X11089" s="19"/>
      <c r="Y11089" s="19"/>
      <c r="Z11089" s="19"/>
      <c r="AA11089" s="19"/>
    </row>
    <row r="11090" spans="1:27" s="1" customFormat="1" ht="14.1" customHeight="1" outlineLevel="3" x14ac:dyDescent="0.2">
      <c r="A11090" s="17">
        <v>14987</v>
      </c>
      <c r="B11090" s="17"/>
      <c r="C11090" s="17"/>
      <c r="D11090" s="18" t="s">
        <v>5502</v>
      </c>
      <c r="E11090" s="18"/>
      <c r="F11090" s="18"/>
      <c r="G11090" s="18"/>
      <c r="H11090" s="18"/>
      <c r="I11090" s="18"/>
      <c r="J11090" s="18"/>
      <c r="K11090" s="18"/>
      <c r="L11090" s="18"/>
      <c r="M11090" s="18"/>
      <c r="N11090" s="18"/>
      <c r="O11090" s="18"/>
      <c r="P11090" s="19">
        <v>450</v>
      </c>
      <c r="Q11090" s="19"/>
      <c r="R11090" s="19"/>
      <c r="S11090" s="19"/>
      <c r="T11090" s="19">
        <v>300</v>
      </c>
      <c r="U11090" s="19"/>
      <c r="V11090" s="19"/>
      <c r="W11090" s="19"/>
      <c r="X11090" s="19">
        <v>3</v>
      </c>
      <c r="Y11090" s="19"/>
      <c r="Z11090" s="19"/>
      <c r="AA11090" s="19"/>
    </row>
    <row r="11091" spans="1:27" s="1" customFormat="1" ht="14.1" customHeight="1" outlineLevel="3" x14ac:dyDescent="0.2">
      <c r="A11091" s="17"/>
      <c r="B11091" s="17"/>
      <c r="C11091" s="17"/>
      <c r="D11091" s="18"/>
      <c r="E11091" s="18"/>
      <c r="F11091" s="18"/>
      <c r="G11091" s="18"/>
      <c r="H11091" s="18"/>
      <c r="I11091" s="18"/>
      <c r="J11091" s="18"/>
      <c r="K11091" s="18"/>
      <c r="L11091" s="18"/>
      <c r="M11091" s="18"/>
      <c r="N11091" s="18"/>
      <c r="O11091" s="18"/>
      <c r="P11091" s="19"/>
      <c r="Q11091" s="19"/>
      <c r="R11091" s="19"/>
      <c r="S11091" s="19"/>
      <c r="T11091" s="19"/>
      <c r="U11091" s="19"/>
      <c r="V11091" s="19"/>
      <c r="W11091" s="19"/>
      <c r="X11091" s="19"/>
      <c r="Y11091" s="19"/>
      <c r="Z11091" s="19"/>
      <c r="AA11091" s="19"/>
    </row>
    <row r="11092" spans="1:27" s="1" customFormat="1" ht="14.1" customHeight="1" outlineLevel="3" x14ac:dyDescent="0.2">
      <c r="A11092" s="17">
        <v>17325</v>
      </c>
      <c r="B11092" s="17"/>
      <c r="C11092" s="17"/>
      <c r="D11092" s="18" t="s">
        <v>5503</v>
      </c>
      <c r="E11092" s="18"/>
      <c r="F11092" s="18"/>
      <c r="G11092" s="18"/>
      <c r="H11092" s="18"/>
      <c r="I11092" s="18"/>
      <c r="J11092" s="18"/>
      <c r="K11092" s="18"/>
      <c r="L11092" s="18"/>
      <c r="M11092" s="18"/>
      <c r="N11092" s="18"/>
      <c r="O11092" s="18"/>
      <c r="P11092" s="19">
        <v>450</v>
      </c>
      <c r="Q11092" s="19"/>
      <c r="R11092" s="19"/>
      <c r="S11092" s="19"/>
      <c r="T11092" s="19">
        <v>300</v>
      </c>
      <c r="U11092" s="19"/>
      <c r="V11092" s="19"/>
      <c r="W11092" s="19"/>
      <c r="X11092" s="19">
        <v>17</v>
      </c>
      <c r="Y11092" s="19"/>
      <c r="Z11092" s="19"/>
      <c r="AA11092" s="19"/>
    </row>
    <row r="11093" spans="1:27" s="1" customFormat="1" ht="14.1" customHeight="1" outlineLevel="3" x14ac:dyDescent="0.2">
      <c r="A11093" s="17"/>
      <c r="B11093" s="17"/>
      <c r="C11093" s="17"/>
      <c r="D11093" s="18"/>
      <c r="E11093" s="18"/>
      <c r="F11093" s="18"/>
      <c r="G11093" s="18"/>
      <c r="H11093" s="18"/>
      <c r="I11093" s="18"/>
      <c r="J11093" s="18"/>
      <c r="K11093" s="18"/>
      <c r="L11093" s="18"/>
      <c r="M11093" s="18"/>
      <c r="N11093" s="18"/>
      <c r="O11093" s="18"/>
      <c r="P11093" s="19"/>
      <c r="Q11093" s="19"/>
      <c r="R11093" s="19"/>
      <c r="S11093" s="19"/>
      <c r="T11093" s="19"/>
      <c r="U11093" s="19"/>
      <c r="V11093" s="19"/>
      <c r="W11093" s="19"/>
      <c r="X11093" s="19"/>
      <c r="Y11093" s="19"/>
      <c r="Z11093" s="19"/>
      <c r="AA11093" s="19"/>
    </row>
    <row r="11094" spans="1:27" s="1" customFormat="1" ht="14.1" customHeight="1" outlineLevel="3" x14ac:dyDescent="0.2">
      <c r="A11094" s="17">
        <v>14988</v>
      </c>
      <c r="B11094" s="17"/>
      <c r="C11094" s="17"/>
      <c r="D11094" s="18" t="s">
        <v>5504</v>
      </c>
      <c r="E11094" s="18"/>
      <c r="F11094" s="18"/>
      <c r="G11094" s="18"/>
      <c r="H11094" s="18"/>
      <c r="I11094" s="18"/>
      <c r="J11094" s="18"/>
      <c r="K11094" s="18"/>
      <c r="L11094" s="18"/>
      <c r="M11094" s="18"/>
      <c r="N11094" s="18"/>
      <c r="O11094" s="18"/>
      <c r="P11094" s="19">
        <v>450</v>
      </c>
      <c r="Q11094" s="19"/>
      <c r="R11094" s="19"/>
      <c r="S11094" s="19"/>
      <c r="T11094" s="19">
        <v>300</v>
      </c>
      <c r="U11094" s="19"/>
      <c r="V11094" s="19"/>
      <c r="W11094" s="19"/>
      <c r="X11094" s="19">
        <v>2</v>
      </c>
      <c r="Y11094" s="19"/>
      <c r="Z11094" s="19"/>
      <c r="AA11094" s="19"/>
    </row>
    <row r="11095" spans="1:27" s="1" customFormat="1" ht="14.1" customHeight="1" outlineLevel="3" x14ac:dyDescent="0.2">
      <c r="A11095" s="17"/>
      <c r="B11095" s="17"/>
      <c r="C11095" s="17"/>
      <c r="D11095" s="18"/>
      <c r="E11095" s="18"/>
      <c r="F11095" s="18"/>
      <c r="G11095" s="18"/>
      <c r="H11095" s="18"/>
      <c r="I11095" s="18"/>
      <c r="J11095" s="18"/>
      <c r="K11095" s="18"/>
      <c r="L11095" s="18"/>
      <c r="M11095" s="18"/>
      <c r="N11095" s="18"/>
      <c r="O11095" s="18"/>
      <c r="P11095" s="19"/>
      <c r="Q11095" s="19"/>
      <c r="R11095" s="19"/>
      <c r="S11095" s="19"/>
      <c r="T11095" s="19"/>
      <c r="U11095" s="19"/>
      <c r="V11095" s="19"/>
      <c r="W11095" s="19"/>
      <c r="X11095" s="19"/>
      <c r="Y11095" s="19"/>
      <c r="Z11095" s="19"/>
      <c r="AA11095" s="19"/>
    </row>
    <row r="11096" spans="1:27" s="1" customFormat="1" ht="14.1" customHeight="1" outlineLevel="3" x14ac:dyDescent="0.2">
      <c r="A11096" s="17">
        <v>17326</v>
      </c>
      <c r="B11096" s="17"/>
      <c r="C11096" s="17"/>
      <c r="D11096" s="18" t="s">
        <v>5505</v>
      </c>
      <c r="E11096" s="18"/>
      <c r="F11096" s="18"/>
      <c r="G11096" s="18"/>
      <c r="H11096" s="18"/>
      <c r="I11096" s="18"/>
      <c r="J11096" s="18"/>
      <c r="K11096" s="18"/>
      <c r="L11096" s="18"/>
      <c r="M11096" s="18"/>
      <c r="N11096" s="18"/>
      <c r="O11096" s="18"/>
      <c r="P11096" s="19">
        <v>450</v>
      </c>
      <c r="Q11096" s="19"/>
      <c r="R11096" s="19"/>
      <c r="S11096" s="19"/>
      <c r="T11096" s="19">
        <v>300</v>
      </c>
      <c r="U11096" s="19"/>
      <c r="V11096" s="19"/>
      <c r="W11096" s="19"/>
      <c r="X11096" s="19">
        <v>18</v>
      </c>
      <c r="Y11096" s="19"/>
      <c r="Z11096" s="19"/>
      <c r="AA11096" s="19"/>
    </row>
    <row r="11097" spans="1:27" s="1" customFormat="1" ht="14.1" customHeight="1" outlineLevel="3" x14ac:dyDescent="0.2">
      <c r="A11097" s="17"/>
      <c r="B11097" s="17"/>
      <c r="C11097" s="17"/>
      <c r="D11097" s="18"/>
      <c r="E11097" s="18"/>
      <c r="F11097" s="18"/>
      <c r="G11097" s="18"/>
      <c r="H11097" s="18"/>
      <c r="I11097" s="18"/>
      <c r="J11097" s="18"/>
      <c r="K11097" s="18"/>
      <c r="L11097" s="18"/>
      <c r="M11097" s="18"/>
      <c r="N11097" s="18"/>
      <c r="O11097" s="18"/>
      <c r="P11097" s="19"/>
      <c r="Q11097" s="19"/>
      <c r="R11097" s="19"/>
      <c r="S11097" s="19"/>
      <c r="T11097" s="19"/>
      <c r="U11097" s="19"/>
      <c r="V11097" s="19"/>
      <c r="W11097" s="19"/>
      <c r="X11097" s="19"/>
      <c r="Y11097" s="19"/>
      <c r="Z11097" s="19"/>
      <c r="AA11097" s="19"/>
    </row>
    <row r="11098" spans="1:27" s="1" customFormat="1" ht="14.1" customHeight="1" outlineLevel="3" x14ac:dyDescent="0.2">
      <c r="A11098" s="17">
        <v>16595</v>
      </c>
      <c r="B11098" s="17"/>
      <c r="C11098" s="17"/>
      <c r="D11098" s="18" t="s">
        <v>5506</v>
      </c>
      <c r="E11098" s="18"/>
      <c r="F11098" s="18"/>
      <c r="G11098" s="18"/>
      <c r="H11098" s="18"/>
      <c r="I11098" s="18"/>
      <c r="J11098" s="18"/>
      <c r="K11098" s="18"/>
      <c r="L11098" s="18"/>
      <c r="M11098" s="18"/>
      <c r="N11098" s="18"/>
      <c r="O11098" s="18"/>
      <c r="P11098" s="19">
        <v>450</v>
      </c>
      <c r="Q11098" s="19"/>
      <c r="R11098" s="19"/>
      <c r="S11098" s="19"/>
      <c r="T11098" s="19">
        <v>300</v>
      </c>
      <c r="U11098" s="19"/>
      <c r="V11098" s="19"/>
      <c r="W11098" s="19"/>
      <c r="X11098" s="19">
        <v>3</v>
      </c>
      <c r="Y11098" s="19"/>
      <c r="Z11098" s="19"/>
      <c r="AA11098" s="19"/>
    </row>
    <row r="11099" spans="1:27" s="1" customFormat="1" ht="14.1" customHeight="1" outlineLevel="3" x14ac:dyDescent="0.2">
      <c r="A11099" s="17"/>
      <c r="B11099" s="17"/>
      <c r="C11099" s="17"/>
      <c r="D11099" s="18"/>
      <c r="E11099" s="18"/>
      <c r="F11099" s="18"/>
      <c r="G11099" s="18"/>
      <c r="H11099" s="18"/>
      <c r="I11099" s="18"/>
      <c r="J11099" s="18"/>
      <c r="K11099" s="18"/>
      <c r="L11099" s="18"/>
      <c r="M11099" s="18"/>
      <c r="N11099" s="18"/>
      <c r="O11099" s="18"/>
      <c r="P11099" s="19"/>
      <c r="Q11099" s="19"/>
      <c r="R11099" s="19"/>
      <c r="S11099" s="19"/>
      <c r="T11099" s="19"/>
      <c r="U11099" s="19"/>
      <c r="V11099" s="19"/>
      <c r="W11099" s="19"/>
      <c r="X11099" s="19"/>
      <c r="Y11099" s="19"/>
      <c r="Z11099" s="19"/>
      <c r="AA11099" s="19"/>
    </row>
    <row r="11100" spans="1:27" s="1" customFormat="1" ht="14.1" customHeight="1" outlineLevel="3" x14ac:dyDescent="0.2">
      <c r="A11100" s="17">
        <v>17320</v>
      </c>
      <c r="B11100" s="17"/>
      <c r="C11100" s="17"/>
      <c r="D11100" s="18" t="s">
        <v>5507</v>
      </c>
      <c r="E11100" s="18"/>
      <c r="F11100" s="18"/>
      <c r="G11100" s="18"/>
      <c r="H11100" s="18"/>
      <c r="I11100" s="18"/>
      <c r="J11100" s="18"/>
      <c r="K11100" s="18"/>
      <c r="L11100" s="18"/>
      <c r="M11100" s="18"/>
      <c r="N11100" s="18"/>
      <c r="O11100" s="18"/>
      <c r="P11100" s="19">
        <v>450</v>
      </c>
      <c r="Q11100" s="19"/>
      <c r="R11100" s="19"/>
      <c r="S11100" s="19"/>
      <c r="T11100" s="19">
        <v>300</v>
      </c>
      <c r="U11100" s="19"/>
      <c r="V11100" s="19"/>
      <c r="W11100" s="19"/>
      <c r="X11100" s="19">
        <v>18</v>
      </c>
      <c r="Y11100" s="19"/>
      <c r="Z11100" s="19"/>
      <c r="AA11100" s="19"/>
    </row>
    <row r="11101" spans="1:27" s="1" customFormat="1" ht="14.1" customHeight="1" outlineLevel="3" x14ac:dyDescent="0.2">
      <c r="A11101" s="17"/>
      <c r="B11101" s="17"/>
      <c r="C11101" s="17"/>
      <c r="D11101" s="18"/>
      <c r="E11101" s="18"/>
      <c r="F11101" s="18"/>
      <c r="G11101" s="18"/>
      <c r="H11101" s="18"/>
      <c r="I11101" s="18"/>
      <c r="J11101" s="18"/>
      <c r="K11101" s="18"/>
      <c r="L11101" s="18"/>
      <c r="M11101" s="18"/>
      <c r="N11101" s="18"/>
      <c r="O11101" s="18"/>
      <c r="P11101" s="19"/>
      <c r="Q11101" s="19"/>
      <c r="R11101" s="19"/>
      <c r="S11101" s="19"/>
      <c r="T11101" s="19"/>
      <c r="U11101" s="19"/>
      <c r="V11101" s="19"/>
      <c r="W11101" s="19"/>
      <c r="X11101" s="19"/>
      <c r="Y11101" s="19"/>
      <c r="Z11101" s="19"/>
      <c r="AA11101" s="19"/>
    </row>
    <row r="11102" spans="1:27" s="1" customFormat="1" ht="14.1" customHeight="1" outlineLevel="3" x14ac:dyDescent="0.2">
      <c r="A11102" s="17">
        <v>16596</v>
      </c>
      <c r="B11102" s="17"/>
      <c r="C11102" s="17"/>
      <c r="D11102" s="18" t="s">
        <v>5508</v>
      </c>
      <c r="E11102" s="18"/>
      <c r="F11102" s="18"/>
      <c r="G11102" s="18"/>
      <c r="H11102" s="18"/>
      <c r="I11102" s="18"/>
      <c r="J11102" s="18"/>
      <c r="K11102" s="18"/>
      <c r="L11102" s="18"/>
      <c r="M11102" s="18"/>
      <c r="N11102" s="18"/>
      <c r="O11102" s="18"/>
      <c r="P11102" s="19">
        <v>550</v>
      </c>
      <c r="Q11102" s="19"/>
      <c r="R11102" s="19"/>
      <c r="S11102" s="19"/>
      <c r="T11102" s="19">
        <v>300</v>
      </c>
      <c r="U11102" s="19"/>
      <c r="V11102" s="19"/>
      <c r="W11102" s="19"/>
      <c r="X11102" s="19">
        <v>2</v>
      </c>
      <c r="Y11102" s="19"/>
      <c r="Z11102" s="19"/>
      <c r="AA11102" s="19"/>
    </row>
    <row r="11103" spans="1:27" s="1" customFormat="1" ht="14.1" customHeight="1" outlineLevel="3" x14ac:dyDescent="0.2">
      <c r="A11103" s="17"/>
      <c r="B11103" s="17"/>
      <c r="C11103" s="17"/>
      <c r="D11103" s="18"/>
      <c r="E11103" s="18"/>
      <c r="F11103" s="18"/>
      <c r="G11103" s="18"/>
      <c r="H11103" s="18"/>
      <c r="I11103" s="18"/>
      <c r="J11103" s="18"/>
      <c r="K11103" s="18"/>
      <c r="L11103" s="18"/>
      <c r="M11103" s="18"/>
      <c r="N11103" s="18"/>
      <c r="O11103" s="18"/>
      <c r="P11103" s="19"/>
      <c r="Q11103" s="19"/>
      <c r="R11103" s="19"/>
      <c r="S11103" s="19"/>
      <c r="T11103" s="19"/>
      <c r="U11103" s="19"/>
      <c r="V11103" s="19"/>
      <c r="W11103" s="19"/>
      <c r="X11103" s="19"/>
      <c r="Y11103" s="19"/>
      <c r="Z11103" s="19"/>
      <c r="AA11103" s="19"/>
    </row>
    <row r="11104" spans="1:27" s="1" customFormat="1" ht="14.1" customHeight="1" outlineLevel="3" x14ac:dyDescent="0.2">
      <c r="A11104" s="17">
        <v>17322</v>
      </c>
      <c r="B11104" s="17"/>
      <c r="C11104" s="17"/>
      <c r="D11104" s="18" t="s">
        <v>5509</v>
      </c>
      <c r="E11104" s="18"/>
      <c r="F11104" s="18"/>
      <c r="G11104" s="18"/>
      <c r="H11104" s="18"/>
      <c r="I11104" s="18"/>
      <c r="J11104" s="18"/>
      <c r="K11104" s="18"/>
      <c r="L11104" s="18"/>
      <c r="M11104" s="18"/>
      <c r="N11104" s="18"/>
      <c r="O11104" s="18"/>
      <c r="P11104" s="19">
        <v>450</v>
      </c>
      <c r="Q11104" s="19"/>
      <c r="R11104" s="19"/>
      <c r="S11104" s="19"/>
      <c r="T11104" s="19">
        <v>300</v>
      </c>
      <c r="U11104" s="19"/>
      <c r="V11104" s="19"/>
      <c r="W11104" s="19"/>
      <c r="X11104" s="19">
        <v>18</v>
      </c>
      <c r="Y11104" s="19"/>
      <c r="Z11104" s="19"/>
      <c r="AA11104" s="19"/>
    </row>
    <row r="11105" spans="1:27" s="1" customFormat="1" ht="14.1" customHeight="1" outlineLevel="3" x14ac:dyDescent="0.2">
      <c r="A11105" s="17"/>
      <c r="B11105" s="17"/>
      <c r="C11105" s="17"/>
      <c r="D11105" s="18"/>
      <c r="E11105" s="18"/>
      <c r="F11105" s="18"/>
      <c r="G11105" s="18"/>
      <c r="H11105" s="18"/>
      <c r="I11105" s="18"/>
      <c r="J11105" s="18"/>
      <c r="K11105" s="18"/>
      <c r="L11105" s="18"/>
      <c r="M11105" s="18"/>
      <c r="N11105" s="18"/>
      <c r="O11105" s="18"/>
      <c r="P11105" s="19"/>
      <c r="Q11105" s="19"/>
      <c r="R11105" s="19"/>
      <c r="S11105" s="19"/>
      <c r="T11105" s="19"/>
      <c r="U11105" s="19"/>
      <c r="V11105" s="19"/>
      <c r="W11105" s="19"/>
      <c r="X11105" s="19"/>
      <c r="Y11105" s="19"/>
      <c r="Z11105" s="19"/>
      <c r="AA11105" s="19"/>
    </row>
    <row r="11106" spans="1:27" s="1" customFormat="1" ht="14.1" customHeight="1" outlineLevel="3" x14ac:dyDescent="0.2">
      <c r="A11106" s="17">
        <v>16597</v>
      </c>
      <c r="B11106" s="17"/>
      <c r="C11106" s="17"/>
      <c r="D11106" s="18" t="s">
        <v>5510</v>
      </c>
      <c r="E11106" s="18"/>
      <c r="F11106" s="18"/>
      <c r="G11106" s="18"/>
      <c r="H11106" s="18"/>
      <c r="I11106" s="18"/>
      <c r="J11106" s="18"/>
      <c r="K11106" s="18"/>
      <c r="L11106" s="18"/>
      <c r="M11106" s="18"/>
      <c r="N11106" s="18"/>
      <c r="O11106" s="18"/>
      <c r="P11106" s="19">
        <v>450</v>
      </c>
      <c r="Q11106" s="19"/>
      <c r="R11106" s="19"/>
      <c r="S11106" s="19"/>
      <c r="T11106" s="19">
        <v>300</v>
      </c>
      <c r="U11106" s="19"/>
      <c r="V11106" s="19"/>
      <c r="W11106" s="19"/>
      <c r="X11106" s="19">
        <v>2</v>
      </c>
      <c r="Y11106" s="19"/>
      <c r="Z11106" s="19"/>
      <c r="AA11106" s="19"/>
    </row>
    <row r="11107" spans="1:27" s="1" customFormat="1" ht="14.1" customHeight="1" outlineLevel="3" x14ac:dyDescent="0.2">
      <c r="A11107" s="17"/>
      <c r="B11107" s="17"/>
      <c r="C11107" s="17"/>
      <c r="D11107" s="18"/>
      <c r="E11107" s="18"/>
      <c r="F11107" s="18"/>
      <c r="G11107" s="18"/>
      <c r="H11107" s="18"/>
      <c r="I11107" s="18"/>
      <c r="J11107" s="18"/>
      <c r="K11107" s="18"/>
      <c r="L11107" s="18"/>
      <c r="M11107" s="18"/>
      <c r="N11107" s="18"/>
      <c r="O11107" s="18"/>
      <c r="P11107" s="19"/>
      <c r="Q11107" s="19"/>
      <c r="R11107" s="19"/>
      <c r="S11107" s="19"/>
      <c r="T11107" s="19"/>
      <c r="U11107" s="19"/>
      <c r="V11107" s="19"/>
      <c r="W11107" s="19"/>
      <c r="X11107" s="19"/>
      <c r="Y11107" s="19"/>
      <c r="Z11107" s="19"/>
      <c r="AA11107" s="19"/>
    </row>
    <row r="11108" spans="1:27" s="1" customFormat="1" ht="14.1" customHeight="1" outlineLevel="3" x14ac:dyDescent="0.2">
      <c r="A11108" s="17">
        <v>17321</v>
      </c>
      <c r="B11108" s="17"/>
      <c r="C11108" s="17"/>
      <c r="D11108" s="18" t="s">
        <v>5511</v>
      </c>
      <c r="E11108" s="18"/>
      <c r="F11108" s="18"/>
      <c r="G11108" s="18"/>
      <c r="H11108" s="18"/>
      <c r="I11108" s="18"/>
      <c r="J11108" s="18"/>
      <c r="K11108" s="18"/>
      <c r="L11108" s="18"/>
      <c r="M11108" s="18"/>
      <c r="N11108" s="18"/>
      <c r="O11108" s="18"/>
      <c r="P11108" s="19">
        <v>450</v>
      </c>
      <c r="Q11108" s="19"/>
      <c r="R11108" s="19"/>
      <c r="S11108" s="19"/>
      <c r="T11108" s="19">
        <v>300</v>
      </c>
      <c r="U11108" s="19"/>
      <c r="V11108" s="19"/>
      <c r="W11108" s="19"/>
      <c r="X11108" s="19">
        <v>16</v>
      </c>
      <c r="Y11108" s="19"/>
      <c r="Z11108" s="19"/>
      <c r="AA11108" s="19"/>
    </row>
    <row r="11109" spans="1:27" s="1" customFormat="1" ht="14.1" customHeight="1" outlineLevel="3" x14ac:dyDescent="0.2">
      <c r="A11109" s="17"/>
      <c r="B11109" s="17"/>
      <c r="C11109" s="17"/>
      <c r="D11109" s="18"/>
      <c r="E11109" s="18"/>
      <c r="F11109" s="18"/>
      <c r="G11109" s="18"/>
      <c r="H11109" s="18"/>
      <c r="I11109" s="18"/>
      <c r="J11109" s="18"/>
      <c r="K11109" s="18"/>
      <c r="L11109" s="18"/>
      <c r="M11109" s="18"/>
      <c r="N11109" s="18"/>
      <c r="O11109" s="18"/>
      <c r="P11109" s="19"/>
      <c r="Q11109" s="19"/>
      <c r="R11109" s="19"/>
      <c r="S11109" s="19"/>
      <c r="T11109" s="19"/>
      <c r="U11109" s="19"/>
      <c r="V11109" s="19"/>
      <c r="W11109" s="19"/>
      <c r="X11109" s="19"/>
      <c r="Y11109" s="19"/>
      <c r="Z11109" s="19"/>
      <c r="AA11109" s="19"/>
    </row>
    <row r="11110" spans="1:27" s="1" customFormat="1" ht="14.1" customHeight="1" outlineLevel="3" x14ac:dyDescent="0.2">
      <c r="A11110" s="17">
        <v>17304</v>
      </c>
      <c r="B11110" s="17"/>
      <c r="C11110" s="17"/>
      <c r="D11110" s="18" t="s">
        <v>5512</v>
      </c>
      <c r="E11110" s="18"/>
      <c r="F11110" s="18"/>
      <c r="G11110" s="18"/>
      <c r="H11110" s="18"/>
      <c r="I11110" s="18"/>
      <c r="J11110" s="18"/>
      <c r="K11110" s="18"/>
      <c r="L11110" s="18"/>
      <c r="M11110" s="18"/>
      <c r="N11110" s="18"/>
      <c r="O11110" s="18"/>
      <c r="P11110" s="19">
        <v>450</v>
      </c>
      <c r="Q11110" s="19"/>
      <c r="R11110" s="19"/>
      <c r="S11110" s="19"/>
      <c r="T11110" s="19">
        <v>300</v>
      </c>
      <c r="U11110" s="19"/>
      <c r="V11110" s="19"/>
      <c r="W11110" s="19"/>
      <c r="X11110" s="19">
        <v>5</v>
      </c>
      <c r="Y11110" s="19"/>
      <c r="Z11110" s="19"/>
      <c r="AA11110" s="19"/>
    </row>
    <row r="11111" spans="1:27" s="1" customFormat="1" ht="14.1" customHeight="1" outlineLevel="3" x14ac:dyDescent="0.2">
      <c r="A11111" s="17"/>
      <c r="B11111" s="17"/>
      <c r="C11111" s="17"/>
      <c r="D11111" s="18"/>
      <c r="E11111" s="18"/>
      <c r="F11111" s="18"/>
      <c r="G11111" s="18"/>
      <c r="H11111" s="18"/>
      <c r="I11111" s="18"/>
      <c r="J11111" s="18"/>
      <c r="K11111" s="18"/>
      <c r="L11111" s="18"/>
      <c r="M11111" s="18"/>
      <c r="N11111" s="18"/>
      <c r="O11111" s="18"/>
      <c r="P11111" s="19"/>
      <c r="Q11111" s="19"/>
      <c r="R11111" s="19"/>
      <c r="S11111" s="19"/>
      <c r="T11111" s="19"/>
      <c r="U11111" s="19"/>
      <c r="V11111" s="19"/>
      <c r="W11111" s="19"/>
      <c r="X11111" s="19"/>
      <c r="Y11111" s="19"/>
      <c r="Z11111" s="19"/>
      <c r="AA11111" s="19"/>
    </row>
    <row r="11112" spans="1:27" s="1" customFormat="1" ht="14.1" customHeight="1" outlineLevel="3" x14ac:dyDescent="0.2">
      <c r="A11112" s="17">
        <v>17319</v>
      </c>
      <c r="B11112" s="17"/>
      <c r="C11112" s="17"/>
      <c r="D11112" s="18" t="s">
        <v>5513</v>
      </c>
      <c r="E11112" s="18"/>
      <c r="F11112" s="18"/>
      <c r="G11112" s="18"/>
      <c r="H11112" s="18"/>
      <c r="I11112" s="18"/>
      <c r="J11112" s="18"/>
      <c r="K11112" s="18"/>
      <c r="L11112" s="18"/>
      <c r="M11112" s="18"/>
      <c r="N11112" s="18"/>
      <c r="O11112" s="18"/>
      <c r="P11112" s="19">
        <v>450</v>
      </c>
      <c r="Q11112" s="19"/>
      <c r="R11112" s="19"/>
      <c r="S11112" s="19"/>
      <c r="T11112" s="19">
        <v>300</v>
      </c>
      <c r="U11112" s="19"/>
      <c r="V11112" s="19"/>
      <c r="W11112" s="19"/>
      <c r="X11112" s="19">
        <v>17</v>
      </c>
      <c r="Y11112" s="19"/>
      <c r="Z11112" s="19"/>
      <c r="AA11112" s="19"/>
    </row>
    <row r="11113" spans="1:27" s="1" customFormat="1" ht="14.1" customHeight="1" outlineLevel="3" x14ac:dyDescent="0.2">
      <c r="A11113" s="17"/>
      <c r="B11113" s="17"/>
      <c r="C11113" s="17"/>
      <c r="D11113" s="18"/>
      <c r="E11113" s="18"/>
      <c r="F11113" s="18"/>
      <c r="G11113" s="18"/>
      <c r="H11113" s="18"/>
      <c r="I11113" s="18"/>
      <c r="J11113" s="18"/>
      <c r="K11113" s="18"/>
      <c r="L11113" s="18"/>
      <c r="M11113" s="18"/>
      <c r="N11113" s="18"/>
      <c r="O11113" s="18"/>
      <c r="P11113" s="19"/>
      <c r="Q11113" s="19"/>
      <c r="R11113" s="19"/>
      <c r="S11113" s="19"/>
      <c r="T11113" s="19"/>
      <c r="U11113" s="19"/>
      <c r="V11113" s="19"/>
      <c r="W11113" s="19"/>
      <c r="X11113" s="19"/>
      <c r="Y11113" s="19"/>
      <c r="Z11113" s="19"/>
      <c r="AA11113" s="19"/>
    </row>
    <row r="11114" spans="1:27" s="1" customFormat="1" ht="14.1" customHeight="1" outlineLevel="3" x14ac:dyDescent="0.2">
      <c r="A11114" s="17">
        <v>14982</v>
      </c>
      <c r="B11114" s="17"/>
      <c r="C11114" s="17"/>
      <c r="D11114" s="18" t="s">
        <v>5514</v>
      </c>
      <c r="E11114" s="18"/>
      <c r="F11114" s="18"/>
      <c r="G11114" s="18"/>
      <c r="H11114" s="18"/>
      <c r="I11114" s="18"/>
      <c r="J11114" s="18"/>
      <c r="K11114" s="18"/>
      <c r="L11114" s="18"/>
      <c r="M11114" s="18"/>
      <c r="N11114" s="18"/>
      <c r="O11114" s="18"/>
      <c r="P11114" s="19">
        <v>450</v>
      </c>
      <c r="Q11114" s="19"/>
      <c r="R11114" s="19"/>
      <c r="S11114" s="19"/>
      <c r="T11114" s="19">
        <v>300</v>
      </c>
      <c r="U11114" s="19"/>
      <c r="V11114" s="19"/>
      <c r="W11114" s="19"/>
      <c r="X11114" s="19">
        <v>2</v>
      </c>
      <c r="Y11114" s="19"/>
      <c r="Z11114" s="19"/>
      <c r="AA11114" s="19"/>
    </row>
    <row r="11115" spans="1:27" s="1" customFormat="1" ht="14.1" customHeight="1" outlineLevel="3" x14ac:dyDescent="0.2">
      <c r="A11115" s="17"/>
      <c r="B11115" s="17"/>
      <c r="C11115" s="17"/>
      <c r="D11115" s="18"/>
      <c r="E11115" s="18"/>
      <c r="F11115" s="18"/>
      <c r="G11115" s="18"/>
      <c r="H11115" s="18"/>
      <c r="I11115" s="18"/>
      <c r="J11115" s="18"/>
      <c r="K11115" s="18"/>
      <c r="L11115" s="18"/>
      <c r="M11115" s="18"/>
      <c r="N11115" s="18"/>
      <c r="O11115" s="18"/>
      <c r="P11115" s="19"/>
      <c r="Q11115" s="19"/>
      <c r="R11115" s="19"/>
      <c r="S11115" s="19"/>
      <c r="T11115" s="19"/>
      <c r="U11115" s="19"/>
      <c r="V11115" s="19"/>
      <c r="W11115" s="19"/>
      <c r="X11115" s="19"/>
      <c r="Y11115" s="19"/>
      <c r="Z11115" s="19"/>
      <c r="AA11115" s="19"/>
    </row>
    <row r="11116" spans="1:27" s="1" customFormat="1" ht="14.1" customHeight="1" outlineLevel="3" x14ac:dyDescent="0.2">
      <c r="A11116" s="17">
        <v>14981</v>
      </c>
      <c r="B11116" s="17"/>
      <c r="C11116" s="17"/>
      <c r="D11116" s="18" t="s">
        <v>5515</v>
      </c>
      <c r="E11116" s="18"/>
      <c r="F11116" s="18"/>
      <c r="G11116" s="18"/>
      <c r="H11116" s="18"/>
      <c r="I11116" s="18"/>
      <c r="J11116" s="18"/>
      <c r="K11116" s="18"/>
      <c r="L11116" s="18"/>
      <c r="M11116" s="18"/>
      <c r="N11116" s="18"/>
      <c r="O11116" s="18"/>
      <c r="P11116" s="19">
        <v>450</v>
      </c>
      <c r="Q11116" s="19"/>
      <c r="R11116" s="19"/>
      <c r="S11116" s="19"/>
      <c r="T11116" s="19">
        <v>300</v>
      </c>
      <c r="U11116" s="19"/>
      <c r="V11116" s="19"/>
      <c r="W11116" s="19"/>
      <c r="X11116" s="19">
        <v>4</v>
      </c>
      <c r="Y11116" s="19"/>
      <c r="Z11116" s="19"/>
      <c r="AA11116" s="19"/>
    </row>
    <row r="11117" spans="1:27" s="1" customFormat="1" ht="14.1" customHeight="1" outlineLevel="3" x14ac:dyDescent="0.2">
      <c r="A11117" s="17"/>
      <c r="B11117" s="17"/>
      <c r="C11117" s="17"/>
      <c r="D11117" s="18"/>
      <c r="E11117" s="18"/>
      <c r="F11117" s="18"/>
      <c r="G11117" s="18"/>
      <c r="H11117" s="18"/>
      <c r="I11117" s="18"/>
      <c r="J11117" s="18"/>
      <c r="K11117" s="18"/>
      <c r="L11117" s="18"/>
      <c r="M11117" s="18"/>
      <c r="N11117" s="18"/>
      <c r="O11117" s="18"/>
      <c r="P11117" s="19"/>
      <c r="Q11117" s="19"/>
      <c r="R11117" s="19"/>
      <c r="S11117" s="19"/>
      <c r="T11117" s="19"/>
      <c r="U11117" s="19"/>
      <c r="V11117" s="19"/>
      <c r="W11117" s="19"/>
      <c r="X11117" s="19"/>
      <c r="Y11117" s="19"/>
      <c r="Z11117" s="19"/>
      <c r="AA11117" s="19"/>
    </row>
    <row r="11118" spans="1:27" s="1" customFormat="1" ht="14.1" customHeight="1" outlineLevel="3" x14ac:dyDescent="0.2">
      <c r="A11118" s="17">
        <v>14980</v>
      </c>
      <c r="B11118" s="17"/>
      <c r="C11118" s="17"/>
      <c r="D11118" s="18" t="s">
        <v>5516</v>
      </c>
      <c r="E11118" s="18"/>
      <c r="F11118" s="18"/>
      <c r="G11118" s="18"/>
      <c r="H11118" s="18"/>
      <c r="I11118" s="18"/>
      <c r="J11118" s="18"/>
      <c r="K11118" s="18"/>
      <c r="L11118" s="18"/>
      <c r="M11118" s="18"/>
      <c r="N11118" s="18"/>
      <c r="O11118" s="18"/>
      <c r="P11118" s="19">
        <v>450</v>
      </c>
      <c r="Q11118" s="19"/>
      <c r="R11118" s="19"/>
      <c r="S11118" s="19"/>
      <c r="T11118" s="19">
        <v>300</v>
      </c>
      <c r="U11118" s="19"/>
      <c r="V11118" s="19"/>
      <c r="W11118" s="19"/>
      <c r="X11118" s="19">
        <v>2</v>
      </c>
      <c r="Y11118" s="19"/>
      <c r="Z11118" s="19"/>
      <c r="AA11118" s="19"/>
    </row>
    <row r="11119" spans="1:27" s="1" customFormat="1" ht="14.1" customHeight="1" outlineLevel="3" x14ac:dyDescent="0.2">
      <c r="A11119" s="17"/>
      <c r="B11119" s="17"/>
      <c r="C11119" s="17"/>
      <c r="D11119" s="18"/>
      <c r="E11119" s="18"/>
      <c r="F11119" s="18"/>
      <c r="G11119" s="18"/>
      <c r="H11119" s="18"/>
      <c r="I11119" s="18"/>
      <c r="J11119" s="18"/>
      <c r="K11119" s="18"/>
      <c r="L11119" s="18"/>
      <c r="M11119" s="18"/>
      <c r="N11119" s="18"/>
      <c r="O11119" s="18"/>
      <c r="P11119" s="19"/>
      <c r="Q11119" s="19"/>
      <c r="R11119" s="19"/>
      <c r="S11119" s="19"/>
      <c r="T11119" s="19"/>
      <c r="U11119" s="19"/>
      <c r="V11119" s="19"/>
      <c r="W11119" s="19"/>
      <c r="X11119" s="19"/>
      <c r="Y11119" s="19"/>
      <c r="Z11119" s="19"/>
      <c r="AA11119" s="19"/>
    </row>
    <row r="11120" spans="1:27" s="1" customFormat="1" ht="11.1" customHeight="1" outlineLevel="3" x14ac:dyDescent="0.2">
      <c r="A11120" s="17">
        <v>9040</v>
      </c>
      <c r="B11120" s="17"/>
      <c r="C11120" s="17"/>
      <c r="D11120" s="18" t="s">
        <v>5517</v>
      </c>
      <c r="E11120" s="18"/>
      <c r="F11120" s="18"/>
      <c r="G11120" s="18"/>
      <c r="H11120" s="18"/>
      <c r="I11120" s="18"/>
      <c r="J11120" s="18"/>
      <c r="K11120" s="18"/>
      <c r="L11120" s="18"/>
      <c r="M11120" s="18"/>
      <c r="N11120" s="18"/>
      <c r="O11120" s="18"/>
      <c r="P11120" s="19">
        <v>370</v>
      </c>
      <c r="Q11120" s="19"/>
      <c r="R11120" s="19"/>
      <c r="S11120" s="19"/>
      <c r="T11120" s="19">
        <v>117</v>
      </c>
      <c r="U11120" s="19"/>
      <c r="V11120" s="19"/>
      <c r="W11120" s="19"/>
      <c r="X11120" s="19">
        <v>1</v>
      </c>
      <c r="Y11120" s="19"/>
      <c r="Z11120" s="19"/>
      <c r="AA11120" s="19"/>
    </row>
    <row r="11121" spans="1:27" s="1" customFormat="1" ht="11.1" customHeight="1" outlineLevel="3" x14ac:dyDescent="0.2">
      <c r="A11121" s="17"/>
      <c r="B11121" s="17"/>
      <c r="C11121" s="17"/>
      <c r="D11121" s="18"/>
      <c r="E11121" s="18"/>
      <c r="F11121" s="18"/>
      <c r="G11121" s="18"/>
      <c r="H11121" s="18"/>
      <c r="I11121" s="18"/>
      <c r="J11121" s="18"/>
      <c r="K11121" s="18"/>
      <c r="L11121" s="18"/>
      <c r="M11121" s="18"/>
      <c r="N11121" s="18"/>
      <c r="O11121" s="18"/>
      <c r="P11121" s="19"/>
      <c r="Q11121" s="19"/>
      <c r="R11121" s="19"/>
      <c r="S11121" s="19"/>
      <c r="T11121" s="19"/>
      <c r="U11121" s="19"/>
      <c r="V11121" s="19"/>
      <c r="W11121" s="19"/>
      <c r="X11121" s="19"/>
      <c r="Y11121" s="19"/>
      <c r="Z11121" s="19"/>
      <c r="AA11121" s="19"/>
    </row>
    <row r="11122" spans="1:27" s="1" customFormat="1" ht="14.1" customHeight="1" outlineLevel="3" x14ac:dyDescent="0.2">
      <c r="A11122" s="17">
        <v>13898</v>
      </c>
      <c r="B11122" s="17"/>
      <c r="C11122" s="17"/>
      <c r="D11122" s="18" t="s">
        <v>5518</v>
      </c>
      <c r="E11122" s="18"/>
      <c r="F11122" s="18"/>
      <c r="G11122" s="18"/>
      <c r="H11122" s="18"/>
      <c r="I11122" s="18"/>
      <c r="J11122" s="18"/>
      <c r="K11122" s="18"/>
      <c r="L11122" s="18"/>
      <c r="M11122" s="18"/>
      <c r="N11122" s="18"/>
      <c r="O11122" s="18"/>
      <c r="P11122" s="19">
        <v>200</v>
      </c>
      <c r="Q11122" s="19"/>
      <c r="R11122" s="19"/>
      <c r="S11122" s="19"/>
      <c r="T11122" s="19">
        <v>120</v>
      </c>
      <c r="U11122" s="19"/>
      <c r="V11122" s="19"/>
      <c r="W11122" s="19"/>
      <c r="X11122" s="19">
        <v>7</v>
      </c>
      <c r="Y11122" s="19"/>
      <c r="Z11122" s="19"/>
      <c r="AA11122" s="19"/>
    </row>
    <row r="11123" spans="1:27" s="1" customFormat="1" ht="14.1" customHeight="1" outlineLevel="3" x14ac:dyDescent="0.2">
      <c r="A11123" s="17"/>
      <c r="B11123" s="17"/>
      <c r="C11123" s="17"/>
      <c r="D11123" s="18"/>
      <c r="E11123" s="18"/>
      <c r="F11123" s="18"/>
      <c r="G11123" s="18"/>
      <c r="H11123" s="18"/>
      <c r="I11123" s="18"/>
      <c r="J11123" s="18"/>
      <c r="K11123" s="18"/>
      <c r="L11123" s="18"/>
      <c r="M11123" s="18"/>
      <c r="N11123" s="18"/>
      <c r="O11123" s="18"/>
      <c r="P11123" s="19"/>
      <c r="Q11123" s="19"/>
      <c r="R11123" s="19"/>
      <c r="S11123" s="19"/>
      <c r="T11123" s="19"/>
      <c r="U11123" s="19"/>
      <c r="V11123" s="19"/>
      <c r="W11123" s="19"/>
      <c r="X11123" s="19"/>
      <c r="Y11123" s="19"/>
      <c r="Z11123" s="19"/>
      <c r="AA11123" s="19"/>
    </row>
    <row r="11124" spans="1:27" s="1" customFormat="1" ht="11.1" customHeight="1" outlineLevel="3" x14ac:dyDescent="0.2">
      <c r="A11124" s="17">
        <v>13897</v>
      </c>
      <c r="B11124" s="17"/>
      <c r="C11124" s="17"/>
      <c r="D11124" s="18" t="s">
        <v>5519</v>
      </c>
      <c r="E11124" s="18"/>
      <c r="F11124" s="18"/>
      <c r="G11124" s="18"/>
      <c r="H11124" s="18"/>
      <c r="I11124" s="18"/>
      <c r="J11124" s="18"/>
      <c r="K11124" s="18"/>
      <c r="L11124" s="18"/>
      <c r="M11124" s="18"/>
      <c r="N11124" s="18"/>
      <c r="O11124" s="18"/>
      <c r="P11124" s="19">
        <v>200</v>
      </c>
      <c r="Q11124" s="19"/>
      <c r="R11124" s="19"/>
      <c r="S11124" s="19"/>
      <c r="T11124" s="19">
        <v>120</v>
      </c>
      <c r="U11124" s="19"/>
      <c r="V11124" s="19"/>
      <c r="W11124" s="19"/>
      <c r="X11124" s="19">
        <v>8</v>
      </c>
      <c r="Y11124" s="19"/>
      <c r="Z11124" s="19"/>
      <c r="AA11124" s="19"/>
    </row>
    <row r="11125" spans="1:27" s="1" customFormat="1" ht="11.1" customHeight="1" outlineLevel="3" x14ac:dyDescent="0.2">
      <c r="A11125" s="17"/>
      <c r="B11125" s="17"/>
      <c r="C11125" s="17"/>
      <c r="D11125" s="18"/>
      <c r="E11125" s="18"/>
      <c r="F11125" s="18"/>
      <c r="G11125" s="18"/>
      <c r="H11125" s="18"/>
      <c r="I11125" s="18"/>
      <c r="J11125" s="18"/>
      <c r="K11125" s="18"/>
      <c r="L11125" s="18"/>
      <c r="M11125" s="18"/>
      <c r="N11125" s="18"/>
      <c r="O11125" s="18"/>
      <c r="P11125" s="19"/>
      <c r="Q11125" s="19"/>
      <c r="R11125" s="19"/>
      <c r="S11125" s="19"/>
      <c r="T11125" s="19"/>
      <c r="U11125" s="19"/>
      <c r="V11125" s="19"/>
      <c r="W11125" s="19"/>
      <c r="X11125" s="19"/>
      <c r="Y11125" s="19"/>
      <c r="Z11125" s="19"/>
      <c r="AA11125" s="19"/>
    </row>
    <row r="11126" spans="1:27" s="1" customFormat="1" ht="14.1" customHeight="1" outlineLevel="3" x14ac:dyDescent="0.2">
      <c r="A11126" s="17">
        <v>13899</v>
      </c>
      <c r="B11126" s="17"/>
      <c r="C11126" s="17"/>
      <c r="D11126" s="18" t="s">
        <v>5520</v>
      </c>
      <c r="E11126" s="18"/>
      <c r="F11126" s="18"/>
      <c r="G11126" s="18"/>
      <c r="H11126" s="18"/>
      <c r="I11126" s="18"/>
      <c r="J11126" s="18"/>
      <c r="K11126" s="18"/>
      <c r="L11126" s="18"/>
      <c r="M11126" s="18"/>
      <c r="N11126" s="18"/>
      <c r="O11126" s="18"/>
      <c r="P11126" s="19">
        <v>200</v>
      </c>
      <c r="Q11126" s="19"/>
      <c r="R11126" s="19"/>
      <c r="S11126" s="19"/>
      <c r="T11126" s="19">
        <v>120</v>
      </c>
      <c r="U11126" s="19"/>
      <c r="V11126" s="19"/>
      <c r="W11126" s="19"/>
      <c r="X11126" s="19">
        <v>8</v>
      </c>
      <c r="Y11126" s="19"/>
      <c r="Z11126" s="19"/>
      <c r="AA11126" s="19"/>
    </row>
    <row r="11127" spans="1:27" s="1" customFormat="1" ht="14.1" customHeight="1" outlineLevel="3" x14ac:dyDescent="0.2">
      <c r="A11127" s="17"/>
      <c r="B11127" s="17"/>
      <c r="C11127" s="17"/>
      <c r="D11127" s="18"/>
      <c r="E11127" s="18"/>
      <c r="F11127" s="18"/>
      <c r="G11127" s="18"/>
      <c r="H11127" s="18"/>
      <c r="I11127" s="18"/>
      <c r="J11127" s="18"/>
      <c r="K11127" s="18"/>
      <c r="L11127" s="18"/>
      <c r="M11127" s="18"/>
      <c r="N11127" s="18"/>
      <c r="O11127" s="18"/>
      <c r="P11127" s="19"/>
      <c r="Q11127" s="19"/>
      <c r="R11127" s="19"/>
      <c r="S11127" s="19"/>
      <c r="T11127" s="19"/>
      <c r="U11127" s="19"/>
      <c r="V11127" s="19"/>
      <c r="W11127" s="19"/>
      <c r="X11127" s="19"/>
      <c r="Y11127" s="19"/>
      <c r="Z11127" s="19"/>
      <c r="AA11127" s="19"/>
    </row>
    <row r="11128" spans="1:27" s="1" customFormat="1" ht="11.1" customHeight="1" outlineLevel="3" x14ac:dyDescent="0.2">
      <c r="A11128" s="17">
        <v>3971</v>
      </c>
      <c r="B11128" s="17"/>
      <c r="C11128" s="17"/>
      <c r="D11128" s="18" t="s">
        <v>5521</v>
      </c>
      <c r="E11128" s="18"/>
      <c r="F11128" s="18"/>
      <c r="G11128" s="18"/>
      <c r="H11128" s="18"/>
      <c r="I11128" s="18"/>
      <c r="J11128" s="18"/>
      <c r="K11128" s="18"/>
      <c r="L11128" s="18"/>
      <c r="M11128" s="18"/>
      <c r="N11128" s="18"/>
      <c r="O11128" s="18"/>
      <c r="P11128" s="19">
        <v>200</v>
      </c>
      <c r="Q11128" s="19"/>
      <c r="R11128" s="19"/>
      <c r="S11128" s="19"/>
      <c r="T11128" s="19">
        <v>120</v>
      </c>
      <c r="U11128" s="19"/>
      <c r="V11128" s="19"/>
      <c r="W11128" s="19"/>
      <c r="X11128" s="19">
        <v>11</v>
      </c>
      <c r="Y11128" s="19"/>
      <c r="Z11128" s="19"/>
      <c r="AA11128" s="19"/>
    </row>
    <row r="11129" spans="1:27" s="1" customFormat="1" ht="11.1" customHeight="1" outlineLevel="3" x14ac:dyDescent="0.2">
      <c r="A11129" s="17"/>
      <c r="B11129" s="17"/>
      <c r="C11129" s="17"/>
      <c r="D11129" s="18"/>
      <c r="E11129" s="18"/>
      <c r="F11129" s="18"/>
      <c r="G11129" s="18"/>
      <c r="H11129" s="18"/>
      <c r="I11129" s="18"/>
      <c r="J11129" s="18"/>
      <c r="K11129" s="18"/>
      <c r="L11129" s="18"/>
      <c r="M11129" s="18"/>
      <c r="N11129" s="18"/>
      <c r="O11129" s="18"/>
      <c r="P11129" s="19"/>
      <c r="Q11129" s="19"/>
      <c r="R11129" s="19"/>
      <c r="S11129" s="19"/>
      <c r="T11129" s="19"/>
      <c r="U11129" s="19"/>
      <c r="V11129" s="19"/>
      <c r="W11129" s="19"/>
      <c r="X11129" s="19"/>
      <c r="Y11129" s="19"/>
      <c r="Z11129" s="19"/>
      <c r="AA11129" s="19"/>
    </row>
    <row r="11130" spans="1:27" s="1" customFormat="1" ht="11.1" customHeight="1" outlineLevel="3" x14ac:dyDescent="0.2">
      <c r="A11130" s="17">
        <v>13894</v>
      </c>
      <c r="B11130" s="17"/>
      <c r="C11130" s="17"/>
      <c r="D11130" s="18" t="s">
        <v>5522</v>
      </c>
      <c r="E11130" s="18"/>
      <c r="F11130" s="18"/>
      <c r="G11130" s="18"/>
      <c r="H11130" s="18"/>
      <c r="I11130" s="18"/>
      <c r="J11130" s="18"/>
      <c r="K11130" s="18"/>
      <c r="L11130" s="18"/>
      <c r="M11130" s="18"/>
      <c r="N11130" s="18"/>
      <c r="O11130" s="18"/>
      <c r="P11130" s="19">
        <v>200</v>
      </c>
      <c r="Q11130" s="19"/>
      <c r="R11130" s="19"/>
      <c r="S11130" s="19"/>
      <c r="T11130" s="19">
        <v>120</v>
      </c>
      <c r="U11130" s="19"/>
      <c r="V11130" s="19"/>
      <c r="W11130" s="19"/>
      <c r="X11130" s="19">
        <v>10</v>
      </c>
      <c r="Y11130" s="19"/>
      <c r="Z11130" s="19"/>
      <c r="AA11130" s="19"/>
    </row>
    <row r="11131" spans="1:27" s="1" customFormat="1" ht="11.1" customHeight="1" outlineLevel="3" x14ac:dyDescent="0.2">
      <c r="A11131" s="17"/>
      <c r="B11131" s="17"/>
      <c r="C11131" s="17"/>
      <c r="D11131" s="18"/>
      <c r="E11131" s="18"/>
      <c r="F11131" s="18"/>
      <c r="G11131" s="18"/>
      <c r="H11131" s="18"/>
      <c r="I11131" s="18"/>
      <c r="J11131" s="18"/>
      <c r="K11131" s="18"/>
      <c r="L11131" s="18"/>
      <c r="M11131" s="18"/>
      <c r="N11131" s="18"/>
      <c r="O11131" s="18"/>
      <c r="P11131" s="19"/>
      <c r="Q11131" s="19"/>
      <c r="R11131" s="19"/>
      <c r="S11131" s="19"/>
      <c r="T11131" s="19"/>
      <c r="U11131" s="19"/>
      <c r="V11131" s="19"/>
      <c r="W11131" s="19"/>
      <c r="X11131" s="19"/>
      <c r="Y11131" s="19"/>
      <c r="Z11131" s="19"/>
      <c r="AA11131" s="19"/>
    </row>
    <row r="11132" spans="1:27" s="1" customFormat="1" ht="11.1" customHeight="1" outlineLevel="3" x14ac:dyDescent="0.2">
      <c r="A11132" s="17">
        <v>13895</v>
      </c>
      <c r="B11132" s="17"/>
      <c r="C11132" s="17"/>
      <c r="D11132" s="18" t="s">
        <v>5523</v>
      </c>
      <c r="E11132" s="18"/>
      <c r="F11132" s="18"/>
      <c r="G11132" s="18"/>
      <c r="H11132" s="18"/>
      <c r="I11132" s="18"/>
      <c r="J11132" s="18"/>
      <c r="K11132" s="18"/>
      <c r="L11132" s="18"/>
      <c r="M11132" s="18"/>
      <c r="N11132" s="18"/>
      <c r="O11132" s="18"/>
      <c r="P11132" s="19">
        <v>200</v>
      </c>
      <c r="Q11132" s="19"/>
      <c r="R11132" s="19"/>
      <c r="S11132" s="19"/>
      <c r="T11132" s="19">
        <v>120</v>
      </c>
      <c r="U11132" s="19"/>
      <c r="V11132" s="19"/>
      <c r="W11132" s="19"/>
      <c r="X11132" s="19">
        <v>10</v>
      </c>
      <c r="Y11132" s="19"/>
      <c r="Z11132" s="19"/>
      <c r="AA11132" s="19"/>
    </row>
    <row r="11133" spans="1:27" s="1" customFormat="1" ht="11.1" customHeight="1" outlineLevel="3" x14ac:dyDescent="0.2">
      <c r="A11133" s="17"/>
      <c r="B11133" s="17"/>
      <c r="C11133" s="17"/>
      <c r="D11133" s="18"/>
      <c r="E11133" s="18"/>
      <c r="F11133" s="18"/>
      <c r="G11133" s="18"/>
      <c r="H11133" s="18"/>
      <c r="I11133" s="18"/>
      <c r="J11133" s="18"/>
      <c r="K11133" s="18"/>
      <c r="L11133" s="18"/>
      <c r="M11133" s="18"/>
      <c r="N11133" s="18"/>
      <c r="O11133" s="18"/>
      <c r="P11133" s="19"/>
      <c r="Q11133" s="19"/>
      <c r="R11133" s="19"/>
      <c r="S11133" s="19"/>
      <c r="T11133" s="19"/>
      <c r="U11133" s="19"/>
      <c r="V11133" s="19"/>
      <c r="W11133" s="19"/>
      <c r="X11133" s="19"/>
      <c r="Y11133" s="19"/>
      <c r="Z11133" s="19"/>
      <c r="AA11133" s="19"/>
    </row>
    <row r="11134" spans="1:27" s="1" customFormat="1" ht="11.1" customHeight="1" outlineLevel="3" x14ac:dyDescent="0.2">
      <c r="A11134" s="17">
        <v>8832</v>
      </c>
      <c r="B11134" s="17"/>
      <c r="C11134" s="17"/>
      <c r="D11134" s="18" t="s">
        <v>5524</v>
      </c>
      <c r="E11134" s="18"/>
      <c r="F11134" s="18"/>
      <c r="G11134" s="18"/>
      <c r="H11134" s="18"/>
      <c r="I11134" s="18"/>
      <c r="J11134" s="18"/>
      <c r="K11134" s="18"/>
      <c r="L11134" s="18"/>
      <c r="M11134" s="18"/>
      <c r="N11134" s="18"/>
      <c r="O11134" s="18"/>
      <c r="P11134" s="19">
        <v>200</v>
      </c>
      <c r="Q11134" s="19"/>
      <c r="R11134" s="19"/>
      <c r="S11134" s="19"/>
      <c r="T11134" s="19">
        <v>120</v>
      </c>
      <c r="U11134" s="19"/>
      <c r="V11134" s="19"/>
      <c r="W11134" s="19"/>
      <c r="X11134" s="19">
        <v>18</v>
      </c>
      <c r="Y11134" s="19"/>
      <c r="Z11134" s="19"/>
      <c r="AA11134" s="19"/>
    </row>
    <row r="11135" spans="1:27" s="1" customFormat="1" ht="11.1" customHeight="1" outlineLevel="3" x14ac:dyDescent="0.2">
      <c r="A11135" s="17"/>
      <c r="B11135" s="17"/>
      <c r="C11135" s="17"/>
      <c r="D11135" s="18"/>
      <c r="E11135" s="18"/>
      <c r="F11135" s="18"/>
      <c r="G11135" s="18"/>
      <c r="H11135" s="18"/>
      <c r="I11135" s="18"/>
      <c r="J11135" s="18"/>
      <c r="K11135" s="18"/>
      <c r="L11135" s="18"/>
      <c r="M11135" s="18"/>
      <c r="N11135" s="18"/>
      <c r="O11135" s="18"/>
      <c r="P11135" s="19"/>
      <c r="Q11135" s="19"/>
      <c r="R11135" s="19"/>
      <c r="S11135" s="19"/>
      <c r="T11135" s="19"/>
      <c r="U11135" s="19"/>
      <c r="V11135" s="19"/>
      <c r="W11135" s="19"/>
      <c r="X11135" s="19"/>
      <c r="Y11135" s="19"/>
      <c r="Z11135" s="19"/>
      <c r="AA11135" s="19"/>
    </row>
    <row r="11136" spans="1:27" s="1" customFormat="1" ht="11.1" customHeight="1" outlineLevel="3" x14ac:dyDescent="0.2">
      <c r="A11136" s="17">
        <v>13900</v>
      </c>
      <c r="B11136" s="17"/>
      <c r="C11136" s="17"/>
      <c r="D11136" s="18" t="s">
        <v>5525</v>
      </c>
      <c r="E11136" s="18"/>
      <c r="F11136" s="18"/>
      <c r="G11136" s="18"/>
      <c r="H11136" s="18"/>
      <c r="I11136" s="18"/>
      <c r="J11136" s="18"/>
      <c r="K11136" s="18"/>
      <c r="L11136" s="18"/>
      <c r="M11136" s="18"/>
      <c r="N11136" s="18"/>
      <c r="O11136" s="18"/>
      <c r="P11136" s="19">
        <v>200</v>
      </c>
      <c r="Q11136" s="19"/>
      <c r="R11136" s="19"/>
      <c r="S11136" s="19"/>
      <c r="T11136" s="19">
        <v>120</v>
      </c>
      <c r="U11136" s="19"/>
      <c r="V11136" s="19"/>
      <c r="W11136" s="19"/>
      <c r="X11136" s="19">
        <v>10</v>
      </c>
      <c r="Y11136" s="19"/>
      <c r="Z11136" s="19"/>
      <c r="AA11136" s="19"/>
    </row>
    <row r="11137" spans="1:27" s="1" customFormat="1" ht="11.1" customHeight="1" outlineLevel="3" x14ac:dyDescent="0.2">
      <c r="A11137" s="17"/>
      <c r="B11137" s="17"/>
      <c r="C11137" s="17"/>
      <c r="D11137" s="18"/>
      <c r="E11137" s="18"/>
      <c r="F11137" s="18"/>
      <c r="G11137" s="18"/>
      <c r="H11137" s="18"/>
      <c r="I11137" s="18"/>
      <c r="J11137" s="18"/>
      <c r="K11137" s="18"/>
      <c r="L11137" s="18"/>
      <c r="M11137" s="18"/>
      <c r="N11137" s="18"/>
      <c r="O11137" s="18"/>
      <c r="P11137" s="19"/>
      <c r="Q11137" s="19"/>
      <c r="R11137" s="19"/>
      <c r="S11137" s="19"/>
      <c r="T11137" s="19"/>
      <c r="U11137" s="19"/>
      <c r="V11137" s="19"/>
      <c r="W11137" s="19"/>
      <c r="X11137" s="19"/>
      <c r="Y11137" s="19"/>
      <c r="Z11137" s="19"/>
      <c r="AA11137" s="19"/>
    </row>
    <row r="11138" spans="1:27" s="1" customFormat="1" ht="11.1" customHeight="1" outlineLevel="3" x14ac:dyDescent="0.2">
      <c r="A11138" s="17">
        <v>10191</v>
      </c>
      <c r="B11138" s="17"/>
      <c r="C11138" s="17"/>
      <c r="D11138" s="18" t="s">
        <v>5526</v>
      </c>
      <c r="E11138" s="18"/>
      <c r="F11138" s="18"/>
      <c r="G11138" s="18"/>
      <c r="H11138" s="18"/>
      <c r="I11138" s="18"/>
      <c r="J11138" s="18"/>
      <c r="K11138" s="18"/>
      <c r="L11138" s="18"/>
      <c r="M11138" s="18"/>
      <c r="N11138" s="18"/>
      <c r="O11138" s="18"/>
      <c r="P11138" s="19">
        <v>200</v>
      </c>
      <c r="Q11138" s="19"/>
      <c r="R11138" s="19"/>
      <c r="S11138" s="19"/>
      <c r="T11138" s="19">
        <v>60</v>
      </c>
      <c r="U11138" s="19"/>
      <c r="V11138" s="19"/>
      <c r="W11138" s="19"/>
      <c r="X11138" s="19">
        <v>1</v>
      </c>
      <c r="Y11138" s="19"/>
      <c r="Z11138" s="19"/>
      <c r="AA11138" s="19"/>
    </row>
    <row r="11139" spans="1:27" s="1" customFormat="1" ht="11.1" customHeight="1" outlineLevel="3" x14ac:dyDescent="0.2">
      <c r="A11139" s="17"/>
      <c r="B11139" s="17"/>
      <c r="C11139" s="17"/>
      <c r="D11139" s="18"/>
      <c r="E11139" s="18"/>
      <c r="F11139" s="18"/>
      <c r="G11139" s="18"/>
      <c r="H11139" s="18"/>
      <c r="I11139" s="18"/>
      <c r="J11139" s="18"/>
      <c r="K11139" s="18"/>
      <c r="L11139" s="18"/>
      <c r="M11139" s="18"/>
      <c r="N11139" s="18"/>
      <c r="O11139" s="18"/>
      <c r="P11139" s="19"/>
      <c r="Q11139" s="19"/>
      <c r="R11139" s="19"/>
      <c r="S11139" s="19"/>
      <c r="T11139" s="19"/>
      <c r="U11139" s="19"/>
      <c r="V11139" s="19"/>
      <c r="W11139" s="19"/>
      <c r="X11139" s="19"/>
      <c r="Y11139" s="19"/>
      <c r="Z11139" s="19"/>
      <c r="AA11139" s="19"/>
    </row>
    <row r="11140" spans="1:27" s="1" customFormat="1" ht="11.1" customHeight="1" outlineLevel="3" x14ac:dyDescent="0.2">
      <c r="A11140" s="17">
        <v>10192</v>
      </c>
      <c r="B11140" s="17"/>
      <c r="C11140" s="17"/>
      <c r="D11140" s="18" t="s">
        <v>5527</v>
      </c>
      <c r="E11140" s="18"/>
      <c r="F11140" s="18"/>
      <c r="G11140" s="18"/>
      <c r="H11140" s="18"/>
      <c r="I11140" s="18"/>
      <c r="J11140" s="18"/>
      <c r="K11140" s="18"/>
      <c r="L11140" s="18"/>
      <c r="M11140" s="18"/>
      <c r="N11140" s="18"/>
      <c r="O11140" s="18"/>
      <c r="P11140" s="19">
        <v>250</v>
      </c>
      <c r="Q11140" s="19"/>
      <c r="R11140" s="19"/>
      <c r="S11140" s="19"/>
      <c r="T11140" s="19">
        <v>55</v>
      </c>
      <c r="U11140" s="19"/>
      <c r="V11140" s="19"/>
      <c r="W11140" s="19"/>
      <c r="X11140" s="19">
        <v>11</v>
      </c>
      <c r="Y11140" s="19"/>
      <c r="Z11140" s="19"/>
      <c r="AA11140" s="19"/>
    </row>
    <row r="11141" spans="1:27" s="1" customFormat="1" ht="11.1" customHeight="1" outlineLevel="3" x14ac:dyDescent="0.2">
      <c r="A11141" s="17"/>
      <c r="B11141" s="17"/>
      <c r="C11141" s="17"/>
      <c r="D11141" s="18"/>
      <c r="E11141" s="18"/>
      <c r="F11141" s="18"/>
      <c r="G11141" s="18"/>
      <c r="H11141" s="18"/>
      <c r="I11141" s="18"/>
      <c r="J11141" s="18"/>
      <c r="K11141" s="18"/>
      <c r="L11141" s="18"/>
      <c r="M11141" s="18"/>
      <c r="N11141" s="18"/>
      <c r="O11141" s="18"/>
      <c r="P11141" s="19"/>
      <c r="Q11141" s="19"/>
      <c r="R11141" s="19"/>
      <c r="S11141" s="19"/>
      <c r="T11141" s="19"/>
      <c r="U11141" s="19"/>
      <c r="V11141" s="19"/>
      <c r="W11141" s="19"/>
      <c r="X11141" s="19"/>
      <c r="Y11141" s="19"/>
      <c r="Z11141" s="19"/>
      <c r="AA11141" s="19"/>
    </row>
    <row r="11142" spans="1:27" s="1" customFormat="1" ht="14.1" customHeight="1" outlineLevel="3" x14ac:dyDescent="0.2">
      <c r="A11142" s="17">
        <v>14534</v>
      </c>
      <c r="B11142" s="17"/>
      <c r="C11142" s="17"/>
      <c r="D11142" s="18" t="s">
        <v>5528</v>
      </c>
      <c r="E11142" s="18"/>
      <c r="F11142" s="18"/>
      <c r="G11142" s="18"/>
      <c r="H11142" s="18"/>
      <c r="I11142" s="18"/>
      <c r="J11142" s="18"/>
      <c r="K11142" s="18"/>
      <c r="L11142" s="18"/>
      <c r="M11142" s="18"/>
      <c r="N11142" s="18"/>
      <c r="O11142" s="18"/>
      <c r="P11142" s="19">
        <v>200</v>
      </c>
      <c r="Q11142" s="19"/>
      <c r="R11142" s="19"/>
      <c r="S11142" s="19"/>
      <c r="T11142" s="19">
        <v>60</v>
      </c>
      <c r="U11142" s="19"/>
      <c r="V11142" s="19"/>
      <c r="W11142" s="19"/>
      <c r="X11142" s="19">
        <v>10</v>
      </c>
      <c r="Y11142" s="19"/>
      <c r="Z11142" s="19"/>
      <c r="AA11142" s="19"/>
    </row>
    <row r="11143" spans="1:27" s="1" customFormat="1" ht="14.1" customHeight="1" outlineLevel="3" x14ac:dyDescent="0.2">
      <c r="A11143" s="17"/>
      <c r="B11143" s="17"/>
      <c r="C11143" s="17"/>
      <c r="D11143" s="18"/>
      <c r="E11143" s="18"/>
      <c r="F11143" s="18"/>
      <c r="G11143" s="18"/>
      <c r="H11143" s="18"/>
      <c r="I11143" s="18"/>
      <c r="J11143" s="18"/>
      <c r="K11143" s="18"/>
      <c r="L11143" s="18"/>
      <c r="M11143" s="18"/>
      <c r="N11143" s="18"/>
      <c r="O11143" s="18"/>
      <c r="P11143" s="19"/>
      <c r="Q11143" s="19"/>
      <c r="R11143" s="19"/>
      <c r="S11143" s="19"/>
      <c r="T11143" s="19"/>
      <c r="U11143" s="19"/>
      <c r="V11143" s="19"/>
      <c r="W11143" s="19"/>
      <c r="X11143" s="19"/>
      <c r="Y11143" s="19"/>
      <c r="Z11143" s="19"/>
      <c r="AA11143" s="19"/>
    </row>
    <row r="11144" spans="1:27" s="1" customFormat="1" ht="11.1" customHeight="1" outlineLevel="3" x14ac:dyDescent="0.2">
      <c r="A11144" s="17">
        <v>15610</v>
      </c>
      <c r="B11144" s="17"/>
      <c r="C11144" s="17"/>
      <c r="D11144" s="18" t="s">
        <v>5529</v>
      </c>
      <c r="E11144" s="18"/>
      <c r="F11144" s="18"/>
      <c r="G11144" s="18"/>
      <c r="H11144" s="18"/>
      <c r="I11144" s="18"/>
      <c r="J11144" s="18"/>
      <c r="K11144" s="18"/>
      <c r="L11144" s="18"/>
      <c r="M11144" s="18"/>
      <c r="N11144" s="18"/>
      <c r="O11144" s="18"/>
      <c r="P11144" s="19">
        <v>200</v>
      </c>
      <c r="Q11144" s="19"/>
      <c r="R11144" s="19"/>
      <c r="S11144" s="19"/>
      <c r="T11144" s="19">
        <v>60</v>
      </c>
      <c r="U11144" s="19"/>
      <c r="V11144" s="19"/>
      <c r="W11144" s="19"/>
      <c r="X11144" s="19">
        <v>4</v>
      </c>
      <c r="Y11144" s="19"/>
      <c r="Z11144" s="19"/>
      <c r="AA11144" s="19"/>
    </row>
    <row r="11145" spans="1:27" s="1" customFormat="1" ht="11.1" customHeight="1" outlineLevel="3" x14ac:dyDescent="0.2">
      <c r="A11145" s="17"/>
      <c r="B11145" s="17"/>
      <c r="C11145" s="17"/>
      <c r="D11145" s="18"/>
      <c r="E11145" s="18"/>
      <c r="F11145" s="18"/>
      <c r="G11145" s="18"/>
      <c r="H11145" s="18"/>
      <c r="I11145" s="18"/>
      <c r="J11145" s="18"/>
      <c r="K11145" s="18"/>
      <c r="L11145" s="18"/>
      <c r="M11145" s="18"/>
      <c r="N11145" s="18"/>
      <c r="O11145" s="18"/>
      <c r="P11145" s="19"/>
      <c r="Q11145" s="19"/>
      <c r="R11145" s="19"/>
      <c r="S11145" s="19"/>
      <c r="T11145" s="19"/>
      <c r="U11145" s="19"/>
      <c r="V11145" s="19"/>
      <c r="W11145" s="19"/>
      <c r="X11145" s="19"/>
      <c r="Y11145" s="19"/>
      <c r="Z11145" s="19"/>
      <c r="AA11145" s="19"/>
    </row>
    <row r="11146" spans="1:27" s="1" customFormat="1" ht="11.1" customHeight="1" outlineLevel="3" x14ac:dyDescent="0.2">
      <c r="A11146" s="17">
        <v>15611</v>
      </c>
      <c r="B11146" s="17"/>
      <c r="C11146" s="17"/>
      <c r="D11146" s="18" t="s">
        <v>5530</v>
      </c>
      <c r="E11146" s="18"/>
      <c r="F11146" s="18"/>
      <c r="G11146" s="18"/>
      <c r="H11146" s="18"/>
      <c r="I11146" s="18"/>
      <c r="J11146" s="18"/>
      <c r="K11146" s="18"/>
      <c r="L11146" s="18"/>
      <c r="M11146" s="18"/>
      <c r="N11146" s="18"/>
      <c r="O11146" s="18"/>
      <c r="P11146" s="19">
        <v>200</v>
      </c>
      <c r="Q11146" s="19"/>
      <c r="R11146" s="19"/>
      <c r="S11146" s="19"/>
      <c r="T11146" s="19">
        <v>60</v>
      </c>
      <c r="U11146" s="19"/>
      <c r="V11146" s="19"/>
      <c r="W11146" s="19"/>
      <c r="X11146" s="19">
        <v>7</v>
      </c>
      <c r="Y11146" s="19"/>
      <c r="Z11146" s="19"/>
      <c r="AA11146" s="19"/>
    </row>
    <row r="11147" spans="1:27" s="1" customFormat="1" ht="11.1" customHeight="1" outlineLevel="3" x14ac:dyDescent="0.2">
      <c r="A11147" s="17"/>
      <c r="B11147" s="17"/>
      <c r="C11147" s="17"/>
      <c r="D11147" s="18"/>
      <c r="E11147" s="18"/>
      <c r="F11147" s="18"/>
      <c r="G11147" s="18"/>
      <c r="H11147" s="18"/>
      <c r="I11147" s="18"/>
      <c r="J11147" s="18"/>
      <c r="K11147" s="18"/>
      <c r="L11147" s="18"/>
      <c r="M11147" s="18"/>
      <c r="N11147" s="18"/>
      <c r="O11147" s="18"/>
      <c r="P11147" s="19"/>
      <c r="Q11147" s="19"/>
      <c r="R11147" s="19"/>
      <c r="S11147" s="19"/>
      <c r="T11147" s="19"/>
      <c r="U11147" s="19"/>
      <c r="V11147" s="19"/>
      <c r="W11147" s="19"/>
      <c r="X11147" s="19"/>
      <c r="Y11147" s="19"/>
      <c r="Z11147" s="19"/>
      <c r="AA11147" s="19"/>
    </row>
    <row r="11148" spans="1:27" s="1" customFormat="1" ht="21" customHeight="1" outlineLevel="3" x14ac:dyDescent="0.2">
      <c r="A11148" s="17">
        <v>4084</v>
      </c>
      <c r="B11148" s="17"/>
      <c r="C11148" s="17"/>
      <c r="D11148" s="18" t="s">
        <v>5531</v>
      </c>
      <c r="E11148" s="18"/>
      <c r="F11148" s="18"/>
      <c r="G11148" s="18"/>
      <c r="H11148" s="18"/>
      <c r="I11148" s="18"/>
      <c r="J11148" s="18"/>
      <c r="K11148" s="18"/>
      <c r="L11148" s="18"/>
      <c r="M11148" s="18"/>
      <c r="N11148" s="18"/>
      <c r="O11148" s="18"/>
      <c r="P11148" s="19">
        <v>150</v>
      </c>
      <c r="Q11148" s="19"/>
      <c r="R11148" s="19"/>
      <c r="S11148" s="19"/>
      <c r="T11148" s="19">
        <v>25</v>
      </c>
      <c r="U11148" s="19"/>
      <c r="V11148" s="19"/>
      <c r="W11148" s="19"/>
      <c r="X11148" s="19">
        <v>2</v>
      </c>
      <c r="Y11148" s="19"/>
      <c r="Z11148" s="19"/>
      <c r="AA11148" s="19"/>
    </row>
    <row r="11149" spans="1:27" s="1" customFormat="1" ht="21" customHeight="1" outlineLevel="3" x14ac:dyDescent="0.2">
      <c r="A11149" s="17"/>
      <c r="B11149" s="17"/>
      <c r="C11149" s="17"/>
      <c r="D11149" s="18"/>
      <c r="E11149" s="18"/>
      <c r="F11149" s="18"/>
      <c r="G11149" s="18"/>
      <c r="H11149" s="18"/>
      <c r="I11149" s="18"/>
      <c r="J11149" s="18"/>
      <c r="K11149" s="18"/>
      <c r="L11149" s="18"/>
      <c r="M11149" s="18"/>
      <c r="N11149" s="18"/>
      <c r="O11149" s="18"/>
      <c r="P11149" s="19"/>
      <c r="Q11149" s="19"/>
      <c r="R11149" s="19"/>
      <c r="S11149" s="19"/>
      <c r="T11149" s="19"/>
      <c r="U11149" s="19"/>
      <c r="V11149" s="19"/>
      <c r="W11149" s="19"/>
      <c r="X11149" s="19"/>
      <c r="Y11149" s="19"/>
      <c r="Z11149" s="19"/>
      <c r="AA11149" s="19"/>
    </row>
    <row r="11150" spans="1:27" s="1" customFormat="1" ht="11.1" customHeight="1" outlineLevel="3" x14ac:dyDescent="0.2">
      <c r="A11150" s="17">
        <v>17090</v>
      </c>
      <c r="B11150" s="17"/>
      <c r="C11150" s="17"/>
      <c r="D11150" s="18" t="s">
        <v>5532</v>
      </c>
      <c r="E11150" s="18"/>
      <c r="F11150" s="18"/>
      <c r="G11150" s="18"/>
      <c r="H11150" s="18"/>
      <c r="I11150" s="18"/>
      <c r="J11150" s="18"/>
      <c r="K11150" s="18"/>
      <c r="L11150" s="18"/>
      <c r="M11150" s="18"/>
      <c r="N11150" s="18"/>
      <c r="O11150" s="18"/>
      <c r="P11150" s="19">
        <v>200</v>
      </c>
      <c r="Q11150" s="19"/>
      <c r="R11150" s="19"/>
      <c r="S11150" s="19"/>
      <c r="T11150" s="19">
        <v>60</v>
      </c>
      <c r="U11150" s="19"/>
      <c r="V11150" s="19"/>
      <c r="W11150" s="19"/>
      <c r="X11150" s="19">
        <v>1</v>
      </c>
      <c r="Y11150" s="19"/>
      <c r="Z11150" s="19"/>
      <c r="AA11150" s="19"/>
    </row>
    <row r="11151" spans="1:27" s="1" customFormat="1" ht="11.1" customHeight="1" outlineLevel="3" x14ac:dyDescent="0.2">
      <c r="A11151" s="17"/>
      <c r="B11151" s="17"/>
      <c r="C11151" s="17"/>
      <c r="D11151" s="18"/>
      <c r="E11151" s="18"/>
      <c r="F11151" s="18"/>
      <c r="G11151" s="18"/>
      <c r="H11151" s="18"/>
      <c r="I11151" s="18"/>
      <c r="J11151" s="18"/>
      <c r="K11151" s="18"/>
      <c r="L11151" s="18"/>
      <c r="M11151" s="18"/>
      <c r="N11151" s="18"/>
      <c r="O11151" s="18"/>
      <c r="P11151" s="19"/>
      <c r="Q11151" s="19"/>
      <c r="R11151" s="19"/>
      <c r="S11151" s="19"/>
      <c r="T11151" s="19"/>
      <c r="U11151" s="19"/>
      <c r="V11151" s="19"/>
      <c r="W11151" s="19"/>
      <c r="X11151" s="19"/>
      <c r="Y11151" s="19"/>
      <c r="Z11151" s="19"/>
      <c r="AA11151" s="19"/>
    </row>
    <row r="11152" spans="1:27" s="1" customFormat="1" ht="14.1" customHeight="1" outlineLevel="3" x14ac:dyDescent="0.2">
      <c r="A11152" s="17">
        <v>5705</v>
      </c>
      <c r="B11152" s="17"/>
      <c r="C11152" s="17"/>
      <c r="D11152" s="18" t="s">
        <v>5533</v>
      </c>
      <c r="E11152" s="18"/>
      <c r="F11152" s="18"/>
      <c r="G11152" s="18"/>
      <c r="H11152" s="18"/>
      <c r="I11152" s="18"/>
      <c r="J11152" s="18"/>
      <c r="K11152" s="18"/>
      <c r="L11152" s="18"/>
      <c r="M11152" s="18"/>
      <c r="N11152" s="18"/>
      <c r="O11152" s="18"/>
      <c r="P11152" s="19">
        <v>90</v>
      </c>
      <c r="Q11152" s="19"/>
      <c r="R11152" s="19"/>
      <c r="S11152" s="19"/>
      <c r="T11152" s="19">
        <v>35</v>
      </c>
      <c r="U11152" s="19"/>
      <c r="V11152" s="19"/>
      <c r="W11152" s="19"/>
      <c r="X11152" s="19">
        <v>11</v>
      </c>
      <c r="Y11152" s="19"/>
      <c r="Z11152" s="19"/>
      <c r="AA11152" s="19"/>
    </row>
    <row r="11153" spans="1:27" s="1" customFormat="1" ht="14.1" customHeight="1" outlineLevel="3" x14ac:dyDescent="0.2">
      <c r="A11153" s="17"/>
      <c r="B11153" s="17"/>
      <c r="C11153" s="17"/>
      <c r="D11153" s="18"/>
      <c r="E11153" s="18"/>
      <c r="F11153" s="18"/>
      <c r="G11153" s="18"/>
      <c r="H11153" s="18"/>
      <c r="I11153" s="18"/>
      <c r="J11153" s="18"/>
      <c r="K11153" s="18"/>
      <c r="L11153" s="18"/>
      <c r="M11153" s="18"/>
      <c r="N11153" s="18"/>
      <c r="O11153" s="18"/>
      <c r="P11153" s="19"/>
      <c r="Q11153" s="19"/>
      <c r="R11153" s="19"/>
      <c r="S11153" s="19"/>
      <c r="T11153" s="19"/>
      <c r="U11153" s="19"/>
      <c r="V11153" s="19"/>
      <c r="W11153" s="19"/>
      <c r="X11153" s="19"/>
      <c r="Y11153" s="19"/>
      <c r="Z11153" s="19"/>
      <c r="AA11153" s="19"/>
    </row>
    <row r="11154" spans="1:27" s="1" customFormat="1" ht="11.1" customHeight="1" outlineLevel="3" x14ac:dyDescent="0.2">
      <c r="A11154" s="17">
        <v>9030</v>
      </c>
      <c r="B11154" s="17"/>
      <c r="C11154" s="17"/>
      <c r="D11154" s="18" t="s">
        <v>5534</v>
      </c>
      <c r="E11154" s="18"/>
      <c r="F11154" s="18"/>
      <c r="G11154" s="18"/>
      <c r="H11154" s="18"/>
      <c r="I11154" s="18"/>
      <c r="J11154" s="18"/>
      <c r="K11154" s="18"/>
      <c r="L11154" s="18"/>
      <c r="M11154" s="18"/>
      <c r="N11154" s="18"/>
      <c r="O11154" s="18"/>
      <c r="P11154" s="19">
        <v>350</v>
      </c>
      <c r="Q11154" s="19"/>
      <c r="R11154" s="19"/>
      <c r="S11154" s="19"/>
      <c r="T11154" s="19">
        <v>101</v>
      </c>
      <c r="U11154" s="19"/>
      <c r="V11154" s="19"/>
      <c r="W11154" s="19"/>
      <c r="X11154" s="19">
        <v>1</v>
      </c>
      <c r="Y11154" s="19"/>
      <c r="Z11154" s="19"/>
      <c r="AA11154" s="19"/>
    </row>
    <row r="11155" spans="1:27" s="1" customFormat="1" ht="11.1" customHeight="1" outlineLevel="3" x14ac:dyDescent="0.2">
      <c r="A11155" s="17"/>
      <c r="B11155" s="17"/>
      <c r="C11155" s="17"/>
      <c r="D11155" s="18"/>
      <c r="E11155" s="18"/>
      <c r="F11155" s="18"/>
      <c r="G11155" s="18"/>
      <c r="H11155" s="18"/>
      <c r="I11155" s="18"/>
      <c r="J11155" s="18"/>
      <c r="K11155" s="18"/>
      <c r="L11155" s="18"/>
      <c r="M11155" s="18"/>
      <c r="N11155" s="18"/>
      <c r="O11155" s="18"/>
      <c r="P11155" s="19"/>
      <c r="Q11155" s="19"/>
      <c r="R11155" s="19"/>
      <c r="S11155" s="19"/>
      <c r="T11155" s="19"/>
      <c r="U11155" s="19"/>
      <c r="V11155" s="19"/>
      <c r="W11155" s="19"/>
      <c r="X11155" s="19"/>
      <c r="Y11155" s="19"/>
      <c r="Z11155" s="19"/>
      <c r="AA11155" s="19"/>
    </row>
    <row r="11156" spans="1:27" s="1" customFormat="1" ht="11.1" customHeight="1" outlineLevel="3" x14ac:dyDescent="0.2">
      <c r="A11156" s="17">
        <v>9031</v>
      </c>
      <c r="B11156" s="17"/>
      <c r="C11156" s="17"/>
      <c r="D11156" s="18" t="s">
        <v>5535</v>
      </c>
      <c r="E11156" s="18"/>
      <c r="F11156" s="18"/>
      <c r="G11156" s="18"/>
      <c r="H11156" s="18"/>
      <c r="I11156" s="18"/>
      <c r="J11156" s="18"/>
      <c r="K11156" s="18"/>
      <c r="L11156" s="18"/>
      <c r="M11156" s="18"/>
      <c r="N11156" s="18"/>
      <c r="O11156" s="18"/>
      <c r="P11156" s="19">
        <v>350</v>
      </c>
      <c r="Q11156" s="19"/>
      <c r="R11156" s="19"/>
      <c r="S11156" s="19"/>
      <c r="T11156" s="19">
        <v>101</v>
      </c>
      <c r="U11156" s="19"/>
      <c r="V11156" s="19"/>
      <c r="W11156" s="19"/>
      <c r="X11156" s="19">
        <v>2</v>
      </c>
      <c r="Y11156" s="19"/>
      <c r="Z11156" s="19"/>
      <c r="AA11156" s="19"/>
    </row>
    <row r="11157" spans="1:27" s="1" customFormat="1" ht="11.1" customHeight="1" outlineLevel="3" x14ac:dyDescent="0.2">
      <c r="A11157" s="17"/>
      <c r="B11157" s="17"/>
      <c r="C11157" s="17"/>
      <c r="D11157" s="18"/>
      <c r="E11157" s="18"/>
      <c r="F11157" s="18"/>
      <c r="G11157" s="18"/>
      <c r="H11157" s="18"/>
      <c r="I11157" s="18"/>
      <c r="J11157" s="18"/>
      <c r="K11157" s="18"/>
      <c r="L11157" s="18"/>
      <c r="M11157" s="18"/>
      <c r="N11157" s="18"/>
      <c r="O11157" s="18"/>
      <c r="P11157" s="19"/>
      <c r="Q11157" s="19"/>
      <c r="R11157" s="19"/>
      <c r="S11157" s="19"/>
      <c r="T11157" s="19"/>
      <c r="U11157" s="19"/>
      <c r="V11157" s="19"/>
      <c r="W11157" s="19"/>
      <c r="X11157" s="19"/>
      <c r="Y11157" s="19"/>
      <c r="Z11157" s="19"/>
      <c r="AA11157" s="19"/>
    </row>
    <row r="11158" spans="1:27" s="1" customFormat="1" ht="14.1" customHeight="1" outlineLevel="3" x14ac:dyDescent="0.2">
      <c r="A11158" s="17">
        <v>5517</v>
      </c>
      <c r="B11158" s="17"/>
      <c r="C11158" s="17"/>
      <c r="D11158" s="18" t="s">
        <v>5536</v>
      </c>
      <c r="E11158" s="18"/>
      <c r="F11158" s="18"/>
      <c r="G11158" s="18"/>
      <c r="H11158" s="18"/>
      <c r="I11158" s="18"/>
      <c r="J11158" s="18"/>
      <c r="K11158" s="18"/>
      <c r="L11158" s="18"/>
      <c r="M11158" s="18"/>
      <c r="N11158" s="18"/>
      <c r="O11158" s="18"/>
      <c r="P11158" s="19">
        <v>200</v>
      </c>
      <c r="Q11158" s="19"/>
      <c r="R11158" s="19"/>
      <c r="S11158" s="19"/>
      <c r="T11158" s="19">
        <v>60</v>
      </c>
      <c r="U11158" s="19"/>
      <c r="V11158" s="19"/>
      <c r="W11158" s="19"/>
      <c r="X11158" s="19">
        <v>24</v>
      </c>
      <c r="Y11158" s="19"/>
      <c r="Z11158" s="19"/>
      <c r="AA11158" s="19"/>
    </row>
    <row r="11159" spans="1:27" s="1" customFormat="1" ht="14.1" customHeight="1" outlineLevel="3" x14ac:dyDescent="0.2">
      <c r="A11159" s="17"/>
      <c r="B11159" s="17"/>
      <c r="C11159" s="17"/>
      <c r="D11159" s="18"/>
      <c r="E11159" s="18"/>
      <c r="F11159" s="18"/>
      <c r="G11159" s="18"/>
      <c r="H11159" s="18"/>
      <c r="I11159" s="18"/>
      <c r="J11159" s="18"/>
      <c r="K11159" s="18"/>
      <c r="L11159" s="18"/>
      <c r="M11159" s="18"/>
      <c r="N11159" s="18"/>
      <c r="O11159" s="18"/>
      <c r="P11159" s="19"/>
      <c r="Q11159" s="19"/>
      <c r="R11159" s="19"/>
      <c r="S11159" s="19"/>
      <c r="T11159" s="19"/>
      <c r="U11159" s="19"/>
      <c r="V11159" s="19"/>
      <c r="W11159" s="19"/>
      <c r="X11159" s="19"/>
      <c r="Y11159" s="19"/>
      <c r="Z11159" s="19"/>
      <c r="AA11159" s="19"/>
    </row>
    <row r="11160" spans="1:27" s="1" customFormat="1" ht="14.1" customHeight="1" outlineLevel="3" x14ac:dyDescent="0.2">
      <c r="A11160" s="17">
        <v>5516</v>
      </c>
      <c r="B11160" s="17"/>
      <c r="C11160" s="17"/>
      <c r="D11160" s="18" t="s">
        <v>5537</v>
      </c>
      <c r="E11160" s="18"/>
      <c r="F11160" s="18"/>
      <c r="G11160" s="18"/>
      <c r="H11160" s="18"/>
      <c r="I11160" s="18"/>
      <c r="J11160" s="18"/>
      <c r="K11160" s="18"/>
      <c r="L11160" s="18"/>
      <c r="M11160" s="18"/>
      <c r="N11160" s="18"/>
      <c r="O11160" s="18"/>
      <c r="P11160" s="19">
        <v>200</v>
      </c>
      <c r="Q11160" s="19"/>
      <c r="R11160" s="19"/>
      <c r="S11160" s="19"/>
      <c r="T11160" s="19">
        <v>60</v>
      </c>
      <c r="U11160" s="19"/>
      <c r="V11160" s="19"/>
      <c r="W11160" s="19"/>
      <c r="X11160" s="19">
        <v>26</v>
      </c>
      <c r="Y11160" s="19"/>
      <c r="Z11160" s="19"/>
      <c r="AA11160" s="19"/>
    </row>
    <row r="11161" spans="1:27" s="1" customFormat="1" ht="14.1" customHeight="1" outlineLevel="3" x14ac:dyDescent="0.2">
      <c r="A11161" s="17"/>
      <c r="B11161" s="17"/>
      <c r="C11161" s="17"/>
      <c r="D11161" s="18"/>
      <c r="E11161" s="18"/>
      <c r="F11161" s="18"/>
      <c r="G11161" s="18"/>
      <c r="H11161" s="18"/>
      <c r="I11161" s="18"/>
      <c r="J11161" s="18"/>
      <c r="K11161" s="18"/>
      <c r="L11161" s="18"/>
      <c r="M11161" s="18"/>
      <c r="N11161" s="18"/>
      <c r="O11161" s="18"/>
      <c r="P11161" s="19"/>
      <c r="Q11161" s="19"/>
      <c r="R11161" s="19"/>
      <c r="S11161" s="19"/>
      <c r="T11161" s="19"/>
      <c r="U11161" s="19"/>
      <c r="V11161" s="19"/>
      <c r="W11161" s="19"/>
      <c r="X11161" s="19"/>
      <c r="Y11161" s="19"/>
      <c r="Z11161" s="19"/>
      <c r="AA11161" s="19"/>
    </row>
    <row r="11162" spans="1:27" s="1" customFormat="1" ht="11.1" customHeight="1" outlineLevel="3" x14ac:dyDescent="0.2">
      <c r="A11162" s="17">
        <v>6819</v>
      </c>
      <c r="B11162" s="17"/>
      <c r="C11162" s="17"/>
      <c r="D11162" s="18" t="s">
        <v>5538</v>
      </c>
      <c r="E11162" s="18"/>
      <c r="F11162" s="18"/>
      <c r="G11162" s="18"/>
      <c r="H11162" s="18"/>
      <c r="I11162" s="18"/>
      <c r="J11162" s="18"/>
      <c r="K11162" s="18"/>
      <c r="L11162" s="18"/>
      <c r="M11162" s="18"/>
      <c r="N11162" s="18"/>
      <c r="O11162" s="18"/>
      <c r="P11162" s="19">
        <v>200</v>
      </c>
      <c r="Q11162" s="19"/>
      <c r="R11162" s="19"/>
      <c r="S11162" s="19"/>
      <c r="T11162" s="19">
        <v>60</v>
      </c>
      <c r="U11162" s="19"/>
      <c r="V11162" s="19"/>
      <c r="W11162" s="19"/>
      <c r="X11162" s="19">
        <v>2</v>
      </c>
      <c r="Y11162" s="19"/>
      <c r="Z11162" s="19"/>
      <c r="AA11162" s="19"/>
    </row>
    <row r="11163" spans="1:27" s="1" customFormat="1" ht="11.1" customHeight="1" outlineLevel="3" x14ac:dyDescent="0.2">
      <c r="A11163" s="17"/>
      <c r="B11163" s="17"/>
      <c r="C11163" s="17"/>
      <c r="D11163" s="18"/>
      <c r="E11163" s="18"/>
      <c r="F11163" s="18"/>
      <c r="G11163" s="18"/>
      <c r="H11163" s="18"/>
      <c r="I11163" s="18"/>
      <c r="J11163" s="18"/>
      <c r="K11163" s="18"/>
      <c r="L11163" s="18"/>
      <c r="M11163" s="18"/>
      <c r="N11163" s="18"/>
      <c r="O11163" s="18"/>
      <c r="P11163" s="19"/>
      <c r="Q11163" s="19"/>
      <c r="R11163" s="19"/>
      <c r="S11163" s="19"/>
      <c r="T11163" s="19"/>
      <c r="U11163" s="19"/>
      <c r="V11163" s="19"/>
      <c r="W11163" s="19"/>
      <c r="X11163" s="19"/>
      <c r="Y11163" s="19"/>
      <c r="Z11163" s="19"/>
      <c r="AA11163" s="19"/>
    </row>
    <row r="11164" spans="1:27" s="1" customFormat="1" ht="14.1" customHeight="1" outlineLevel="3" x14ac:dyDescent="0.2">
      <c r="A11164" s="17">
        <v>4804</v>
      </c>
      <c r="B11164" s="17"/>
      <c r="C11164" s="17"/>
      <c r="D11164" s="18" t="s">
        <v>5539</v>
      </c>
      <c r="E11164" s="18"/>
      <c r="F11164" s="18"/>
      <c r="G11164" s="18"/>
      <c r="H11164" s="18"/>
      <c r="I11164" s="18"/>
      <c r="J11164" s="18"/>
      <c r="K11164" s="18"/>
      <c r="L11164" s="18"/>
      <c r="M11164" s="18"/>
      <c r="N11164" s="18"/>
      <c r="O11164" s="18"/>
      <c r="P11164" s="19">
        <v>90</v>
      </c>
      <c r="Q11164" s="19"/>
      <c r="R11164" s="19"/>
      <c r="S11164" s="19"/>
      <c r="T11164" s="19">
        <v>25</v>
      </c>
      <c r="U11164" s="19"/>
      <c r="V11164" s="19"/>
      <c r="W11164" s="19"/>
      <c r="X11164" s="19">
        <v>2</v>
      </c>
      <c r="Y11164" s="19"/>
      <c r="Z11164" s="19"/>
      <c r="AA11164" s="19"/>
    </row>
    <row r="11165" spans="1:27" s="1" customFormat="1" ht="14.1" customHeight="1" outlineLevel="3" x14ac:dyDescent="0.2">
      <c r="A11165" s="17"/>
      <c r="B11165" s="17"/>
      <c r="C11165" s="17"/>
      <c r="D11165" s="18"/>
      <c r="E11165" s="18"/>
      <c r="F11165" s="18"/>
      <c r="G11165" s="18"/>
      <c r="H11165" s="18"/>
      <c r="I11165" s="18"/>
      <c r="J11165" s="18"/>
      <c r="K11165" s="18"/>
      <c r="L11165" s="18"/>
      <c r="M11165" s="18"/>
      <c r="N11165" s="18"/>
      <c r="O11165" s="18"/>
      <c r="P11165" s="19"/>
      <c r="Q11165" s="19"/>
      <c r="R11165" s="19"/>
      <c r="S11165" s="19"/>
      <c r="T11165" s="19"/>
      <c r="U11165" s="19"/>
      <c r="V11165" s="19"/>
      <c r="W11165" s="19"/>
      <c r="X11165" s="19"/>
      <c r="Y11165" s="19"/>
      <c r="Z11165" s="19"/>
      <c r="AA11165" s="19"/>
    </row>
    <row r="11166" spans="1:27" s="1" customFormat="1" ht="11.1" customHeight="1" outlineLevel="3" x14ac:dyDescent="0.2">
      <c r="A11166" s="17">
        <v>4111</v>
      </c>
      <c r="B11166" s="17"/>
      <c r="C11166" s="17"/>
      <c r="D11166" s="18" t="s">
        <v>5540</v>
      </c>
      <c r="E11166" s="18"/>
      <c r="F11166" s="18"/>
      <c r="G11166" s="18"/>
      <c r="H11166" s="18"/>
      <c r="I11166" s="18"/>
      <c r="J11166" s="18"/>
      <c r="K11166" s="18"/>
      <c r="L11166" s="18"/>
      <c r="M11166" s="18"/>
      <c r="N11166" s="18"/>
      <c r="O11166" s="18"/>
      <c r="P11166" s="19">
        <v>90</v>
      </c>
      <c r="Q11166" s="19"/>
      <c r="R11166" s="19"/>
      <c r="S11166" s="19"/>
      <c r="T11166" s="19">
        <v>25</v>
      </c>
      <c r="U11166" s="19"/>
      <c r="V11166" s="19"/>
      <c r="W11166" s="19"/>
      <c r="X11166" s="19">
        <v>60</v>
      </c>
      <c r="Y11166" s="19"/>
      <c r="Z11166" s="19"/>
      <c r="AA11166" s="19"/>
    </row>
    <row r="11167" spans="1:27" s="1" customFormat="1" ht="11.1" customHeight="1" outlineLevel="3" x14ac:dyDescent="0.2">
      <c r="A11167" s="17"/>
      <c r="B11167" s="17"/>
      <c r="C11167" s="17"/>
      <c r="D11167" s="18"/>
      <c r="E11167" s="18"/>
      <c r="F11167" s="18"/>
      <c r="G11167" s="18"/>
      <c r="H11167" s="18"/>
      <c r="I11167" s="18"/>
      <c r="J11167" s="18"/>
      <c r="K11167" s="18"/>
      <c r="L11167" s="18"/>
      <c r="M11167" s="18"/>
      <c r="N11167" s="18"/>
      <c r="O11167" s="18"/>
      <c r="P11167" s="19"/>
      <c r="Q11167" s="19"/>
      <c r="R11167" s="19"/>
      <c r="S11167" s="19"/>
      <c r="T11167" s="19"/>
      <c r="U11167" s="19"/>
      <c r="V11167" s="19"/>
      <c r="W11167" s="19"/>
      <c r="X11167" s="19"/>
      <c r="Y11167" s="19"/>
      <c r="Z11167" s="19"/>
      <c r="AA11167" s="19"/>
    </row>
    <row r="11168" spans="1:27" s="1" customFormat="1" ht="11.1" customHeight="1" outlineLevel="3" x14ac:dyDescent="0.2">
      <c r="A11168" s="17">
        <v>5974</v>
      </c>
      <c r="B11168" s="17"/>
      <c r="C11168" s="17"/>
      <c r="D11168" s="18" t="s">
        <v>5541</v>
      </c>
      <c r="E11168" s="18"/>
      <c r="F11168" s="18"/>
      <c r="G11168" s="18"/>
      <c r="H11168" s="18"/>
      <c r="I11168" s="18"/>
      <c r="J11168" s="18"/>
      <c r="K11168" s="18"/>
      <c r="L11168" s="18"/>
      <c r="M11168" s="18"/>
      <c r="N11168" s="18"/>
      <c r="O11168" s="18"/>
      <c r="P11168" s="19">
        <v>200</v>
      </c>
      <c r="Q11168" s="19"/>
      <c r="R11168" s="19"/>
      <c r="S11168" s="19"/>
      <c r="T11168" s="19">
        <v>65</v>
      </c>
      <c r="U11168" s="19"/>
      <c r="V11168" s="19"/>
      <c r="W11168" s="19"/>
      <c r="X11168" s="19">
        <v>5</v>
      </c>
      <c r="Y11168" s="19"/>
      <c r="Z11168" s="19"/>
      <c r="AA11168" s="19"/>
    </row>
    <row r="11169" spans="1:27" s="1" customFormat="1" ht="11.1" customHeight="1" outlineLevel="3" x14ac:dyDescent="0.2">
      <c r="A11169" s="17"/>
      <c r="B11169" s="17"/>
      <c r="C11169" s="17"/>
      <c r="D11169" s="18"/>
      <c r="E11169" s="18"/>
      <c r="F11169" s="18"/>
      <c r="G11169" s="18"/>
      <c r="H11169" s="18"/>
      <c r="I11169" s="18"/>
      <c r="J11169" s="18"/>
      <c r="K11169" s="18"/>
      <c r="L11169" s="18"/>
      <c r="M11169" s="18"/>
      <c r="N11169" s="18"/>
      <c r="O11169" s="18"/>
      <c r="P11169" s="19"/>
      <c r="Q11169" s="19"/>
      <c r="R11169" s="19"/>
      <c r="S11169" s="19"/>
      <c r="T11169" s="19"/>
      <c r="U11169" s="19"/>
      <c r="V11169" s="19"/>
      <c r="W11169" s="19"/>
      <c r="X11169" s="19"/>
      <c r="Y11169" s="19"/>
      <c r="Z11169" s="19"/>
      <c r="AA11169" s="19"/>
    </row>
    <row r="11170" spans="1:27" s="1" customFormat="1" ht="11.1" customHeight="1" outlineLevel="3" x14ac:dyDescent="0.2">
      <c r="A11170" s="17">
        <v>5973</v>
      </c>
      <c r="B11170" s="17"/>
      <c r="C11170" s="17"/>
      <c r="D11170" s="18" t="s">
        <v>5542</v>
      </c>
      <c r="E11170" s="18"/>
      <c r="F11170" s="18"/>
      <c r="G11170" s="18"/>
      <c r="H11170" s="18"/>
      <c r="I11170" s="18"/>
      <c r="J11170" s="18"/>
      <c r="K11170" s="18"/>
      <c r="L11170" s="18"/>
      <c r="M11170" s="18"/>
      <c r="N11170" s="18"/>
      <c r="O11170" s="18"/>
      <c r="P11170" s="19">
        <v>200</v>
      </c>
      <c r="Q11170" s="19"/>
      <c r="R11170" s="19"/>
      <c r="S11170" s="19"/>
      <c r="T11170" s="19">
        <v>65</v>
      </c>
      <c r="U11170" s="19"/>
      <c r="V11170" s="19"/>
      <c r="W11170" s="19"/>
      <c r="X11170" s="19">
        <v>6</v>
      </c>
      <c r="Y11170" s="19"/>
      <c r="Z11170" s="19"/>
      <c r="AA11170" s="19"/>
    </row>
    <row r="11171" spans="1:27" s="1" customFormat="1" ht="11.1" customHeight="1" outlineLevel="3" x14ac:dyDescent="0.2">
      <c r="A11171" s="17"/>
      <c r="B11171" s="17"/>
      <c r="C11171" s="17"/>
      <c r="D11171" s="18"/>
      <c r="E11171" s="18"/>
      <c r="F11171" s="18"/>
      <c r="G11171" s="18"/>
      <c r="H11171" s="18"/>
      <c r="I11171" s="18"/>
      <c r="J11171" s="18"/>
      <c r="K11171" s="18"/>
      <c r="L11171" s="18"/>
      <c r="M11171" s="18"/>
      <c r="N11171" s="18"/>
      <c r="O11171" s="18"/>
      <c r="P11171" s="19"/>
      <c r="Q11171" s="19"/>
      <c r="R11171" s="19"/>
      <c r="S11171" s="19"/>
      <c r="T11171" s="19"/>
      <c r="U11171" s="19"/>
      <c r="V11171" s="19"/>
      <c r="W11171" s="19"/>
      <c r="X11171" s="19"/>
      <c r="Y11171" s="19"/>
      <c r="Z11171" s="19"/>
      <c r="AA11171" s="19"/>
    </row>
    <row r="11172" spans="1:27" s="1" customFormat="1" ht="11.1" customHeight="1" outlineLevel="3" x14ac:dyDescent="0.2">
      <c r="A11172" s="17">
        <v>9054</v>
      </c>
      <c r="B11172" s="17"/>
      <c r="C11172" s="17"/>
      <c r="D11172" s="18" t="s">
        <v>5543</v>
      </c>
      <c r="E11172" s="18"/>
      <c r="F11172" s="18"/>
      <c r="G11172" s="18"/>
      <c r="H11172" s="18"/>
      <c r="I11172" s="18"/>
      <c r="J11172" s="18"/>
      <c r="K11172" s="18"/>
      <c r="L11172" s="18"/>
      <c r="M11172" s="18"/>
      <c r="N11172" s="18"/>
      <c r="O11172" s="18"/>
      <c r="P11172" s="19">
        <v>190</v>
      </c>
      <c r="Q11172" s="19"/>
      <c r="R11172" s="19"/>
      <c r="S11172" s="19"/>
      <c r="T11172" s="19">
        <v>52</v>
      </c>
      <c r="U11172" s="19"/>
      <c r="V11172" s="19"/>
      <c r="W11172" s="19"/>
      <c r="X11172" s="19">
        <v>1</v>
      </c>
      <c r="Y11172" s="19"/>
      <c r="Z11172" s="19"/>
      <c r="AA11172" s="19"/>
    </row>
    <row r="11173" spans="1:27" s="1" customFormat="1" ht="11.1" customHeight="1" outlineLevel="3" x14ac:dyDescent="0.2">
      <c r="A11173" s="17"/>
      <c r="B11173" s="17"/>
      <c r="C11173" s="17"/>
      <c r="D11173" s="18"/>
      <c r="E11173" s="18"/>
      <c r="F11173" s="18"/>
      <c r="G11173" s="18"/>
      <c r="H11173" s="18"/>
      <c r="I11173" s="18"/>
      <c r="J11173" s="18"/>
      <c r="K11173" s="18"/>
      <c r="L11173" s="18"/>
      <c r="M11173" s="18"/>
      <c r="N11173" s="18"/>
      <c r="O11173" s="18"/>
      <c r="P11173" s="19"/>
      <c r="Q11173" s="19"/>
      <c r="R11173" s="19"/>
      <c r="S11173" s="19"/>
      <c r="T11173" s="19"/>
      <c r="U11173" s="19"/>
      <c r="V11173" s="19"/>
      <c r="W11173" s="19"/>
      <c r="X11173" s="19"/>
      <c r="Y11173" s="19"/>
      <c r="Z11173" s="19"/>
      <c r="AA11173" s="19"/>
    </row>
    <row r="11174" spans="1:27" s="1" customFormat="1" ht="11.1" customHeight="1" outlineLevel="3" x14ac:dyDescent="0.2">
      <c r="A11174" s="17">
        <v>9055</v>
      </c>
      <c r="B11174" s="17"/>
      <c r="C11174" s="17"/>
      <c r="D11174" s="18" t="s">
        <v>5544</v>
      </c>
      <c r="E11174" s="18"/>
      <c r="F11174" s="18"/>
      <c r="G11174" s="18"/>
      <c r="H11174" s="18"/>
      <c r="I11174" s="18"/>
      <c r="J11174" s="18"/>
      <c r="K11174" s="18"/>
      <c r="L11174" s="18"/>
      <c r="M11174" s="18"/>
      <c r="N11174" s="18"/>
      <c r="O11174" s="18"/>
      <c r="P11174" s="19">
        <v>190</v>
      </c>
      <c r="Q11174" s="19"/>
      <c r="R11174" s="19"/>
      <c r="S11174" s="19"/>
      <c r="T11174" s="19">
        <v>52</v>
      </c>
      <c r="U11174" s="19"/>
      <c r="V11174" s="19"/>
      <c r="W11174" s="19"/>
      <c r="X11174" s="19">
        <v>3</v>
      </c>
      <c r="Y11174" s="19"/>
      <c r="Z11174" s="19"/>
      <c r="AA11174" s="19"/>
    </row>
    <row r="11175" spans="1:27" s="1" customFormat="1" ht="11.1" customHeight="1" outlineLevel="3" x14ac:dyDescent="0.2">
      <c r="A11175" s="17"/>
      <c r="B11175" s="17"/>
      <c r="C11175" s="17"/>
      <c r="D11175" s="18"/>
      <c r="E11175" s="18"/>
      <c r="F11175" s="18"/>
      <c r="G11175" s="18"/>
      <c r="H11175" s="18"/>
      <c r="I11175" s="18"/>
      <c r="J11175" s="18"/>
      <c r="K11175" s="18"/>
      <c r="L11175" s="18"/>
      <c r="M11175" s="18"/>
      <c r="N11175" s="18"/>
      <c r="O11175" s="18"/>
      <c r="P11175" s="19"/>
      <c r="Q11175" s="19"/>
      <c r="R11175" s="19"/>
      <c r="S11175" s="19"/>
      <c r="T11175" s="19"/>
      <c r="U11175" s="19"/>
      <c r="V11175" s="19"/>
      <c r="W11175" s="19"/>
      <c r="X11175" s="19"/>
      <c r="Y11175" s="19"/>
      <c r="Z11175" s="19"/>
      <c r="AA11175" s="19"/>
    </row>
    <row r="11176" spans="1:27" s="1" customFormat="1" ht="14.1" customHeight="1" outlineLevel="3" x14ac:dyDescent="0.2">
      <c r="A11176" s="17">
        <v>6567</v>
      </c>
      <c r="B11176" s="17"/>
      <c r="C11176" s="17"/>
      <c r="D11176" s="18" t="s">
        <v>5545</v>
      </c>
      <c r="E11176" s="18"/>
      <c r="F11176" s="18"/>
      <c r="G11176" s="18"/>
      <c r="H11176" s="18"/>
      <c r="I11176" s="18"/>
      <c r="J11176" s="18"/>
      <c r="K11176" s="18"/>
      <c r="L11176" s="18"/>
      <c r="M11176" s="18"/>
      <c r="N11176" s="18"/>
      <c r="O11176" s="18"/>
      <c r="P11176" s="19">
        <v>200</v>
      </c>
      <c r="Q11176" s="19"/>
      <c r="R11176" s="19"/>
      <c r="S11176" s="19"/>
      <c r="T11176" s="19">
        <v>60</v>
      </c>
      <c r="U11176" s="19"/>
      <c r="V11176" s="19"/>
      <c r="W11176" s="19"/>
      <c r="X11176" s="19">
        <v>11</v>
      </c>
      <c r="Y11176" s="19"/>
      <c r="Z11176" s="19"/>
      <c r="AA11176" s="19"/>
    </row>
    <row r="11177" spans="1:27" s="1" customFormat="1" ht="14.1" customHeight="1" outlineLevel="3" x14ac:dyDescent="0.2">
      <c r="A11177" s="17"/>
      <c r="B11177" s="17"/>
      <c r="C11177" s="17"/>
      <c r="D11177" s="18"/>
      <c r="E11177" s="18"/>
      <c r="F11177" s="18"/>
      <c r="G11177" s="18"/>
      <c r="H11177" s="18"/>
      <c r="I11177" s="18"/>
      <c r="J11177" s="18"/>
      <c r="K11177" s="18"/>
      <c r="L11177" s="18"/>
      <c r="M11177" s="18"/>
      <c r="N11177" s="18"/>
      <c r="O11177" s="18"/>
      <c r="P11177" s="19"/>
      <c r="Q11177" s="19"/>
      <c r="R11177" s="19"/>
      <c r="S11177" s="19"/>
      <c r="T11177" s="19"/>
      <c r="U11177" s="19"/>
      <c r="V11177" s="19"/>
      <c r="W11177" s="19"/>
      <c r="X11177" s="19"/>
      <c r="Y11177" s="19"/>
      <c r="Z11177" s="19"/>
      <c r="AA11177" s="19"/>
    </row>
    <row r="11178" spans="1:27" s="1" customFormat="1" ht="14.1" customHeight="1" outlineLevel="3" x14ac:dyDescent="0.2">
      <c r="A11178" s="17">
        <v>5615</v>
      </c>
      <c r="B11178" s="17"/>
      <c r="C11178" s="17"/>
      <c r="D11178" s="18" t="s">
        <v>5546</v>
      </c>
      <c r="E11178" s="18"/>
      <c r="F11178" s="18"/>
      <c r="G11178" s="18"/>
      <c r="H11178" s="18"/>
      <c r="I11178" s="18"/>
      <c r="J11178" s="18"/>
      <c r="K11178" s="18"/>
      <c r="L11178" s="18"/>
      <c r="M11178" s="18"/>
      <c r="N11178" s="18"/>
      <c r="O11178" s="18"/>
      <c r="P11178" s="19">
        <v>200</v>
      </c>
      <c r="Q11178" s="19"/>
      <c r="R11178" s="19"/>
      <c r="S11178" s="19"/>
      <c r="T11178" s="19">
        <v>60</v>
      </c>
      <c r="U11178" s="19"/>
      <c r="V11178" s="19"/>
      <c r="W11178" s="19"/>
      <c r="X11178" s="19">
        <v>7</v>
      </c>
      <c r="Y11178" s="19"/>
      <c r="Z11178" s="19"/>
      <c r="AA11178" s="19"/>
    </row>
    <row r="11179" spans="1:27" s="1" customFormat="1" ht="14.1" customHeight="1" outlineLevel="3" x14ac:dyDescent="0.2">
      <c r="A11179" s="17"/>
      <c r="B11179" s="17"/>
      <c r="C11179" s="17"/>
      <c r="D11179" s="18"/>
      <c r="E11179" s="18"/>
      <c r="F11179" s="18"/>
      <c r="G11179" s="18"/>
      <c r="H11179" s="18"/>
      <c r="I11179" s="18"/>
      <c r="J11179" s="18"/>
      <c r="K11179" s="18"/>
      <c r="L11179" s="18"/>
      <c r="M11179" s="18"/>
      <c r="N11179" s="18"/>
      <c r="O11179" s="18"/>
      <c r="P11179" s="19"/>
      <c r="Q11179" s="19"/>
      <c r="R11179" s="19"/>
      <c r="S11179" s="19"/>
      <c r="T11179" s="19"/>
      <c r="U11179" s="19"/>
      <c r="V11179" s="19"/>
      <c r="W11179" s="19"/>
      <c r="X11179" s="19"/>
      <c r="Y11179" s="19"/>
      <c r="Z11179" s="19"/>
      <c r="AA11179" s="19"/>
    </row>
    <row r="11180" spans="1:27" s="1" customFormat="1" ht="14.1" customHeight="1" outlineLevel="3" x14ac:dyDescent="0.2">
      <c r="A11180" s="17">
        <v>9037</v>
      </c>
      <c r="B11180" s="17"/>
      <c r="C11180" s="17"/>
      <c r="D11180" s="18" t="s">
        <v>5547</v>
      </c>
      <c r="E11180" s="18"/>
      <c r="F11180" s="18"/>
      <c r="G11180" s="18"/>
      <c r="H11180" s="18"/>
      <c r="I11180" s="18"/>
      <c r="J11180" s="18"/>
      <c r="K11180" s="18"/>
      <c r="L11180" s="18"/>
      <c r="M11180" s="18"/>
      <c r="N11180" s="18"/>
      <c r="O11180" s="18"/>
      <c r="P11180" s="19">
        <v>350</v>
      </c>
      <c r="Q11180" s="19"/>
      <c r="R11180" s="19"/>
      <c r="S11180" s="19"/>
      <c r="T11180" s="19">
        <v>101</v>
      </c>
      <c r="U11180" s="19"/>
      <c r="V11180" s="19"/>
      <c r="W11180" s="19"/>
      <c r="X11180" s="19">
        <v>1</v>
      </c>
      <c r="Y11180" s="19"/>
      <c r="Z11180" s="19"/>
      <c r="AA11180" s="19"/>
    </row>
    <row r="11181" spans="1:27" s="1" customFormat="1" ht="14.1" customHeight="1" outlineLevel="3" x14ac:dyDescent="0.2">
      <c r="A11181" s="17"/>
      <c r="B11181" s="17"/>
      <c r="C11181" s="17"/>
      <c r="D11181" s="18"/>
      <c r="E11181" s="18"/>
      <c r="F11181" s="18"/>
      <c r="G11181" s="18"/>
      <c r="H11181" s="18"/>
      <c r="I11181" s="18"/>
      <c r="J11181" s="18"/>
      <c r="K11181" s="18"/>
      <c r="L11181" s="18"/>
      <c r="M11181" s="18"/>
      <c r="N11181" s="18"/>
      <c r="O11181" s="18"/>
      <c r="P11181" s="19"/>
      <c r="Q11181" s="19"/>
      <c r="R11181" s="19"/>
      <c r="S11181" s="19"/>
      <c r="T11181" s="19"/>
      <c r="U11181" s="19"/>
      <c r="V11181" s="19"/>
      <c r="W11181" s="19"/>
      <c r="X11181" s="19"/>
      <c r="Y11181" s="19"/>
      <c r="Z11181" s="19"/>
      <c r="AA11181" s="19"/>
    </row>
    <row r="11182" spans="1:27" s="1" customFormat="1" ht="11.1" customHeight="1" outlineLevel="3" x14ac:dyDescent="0.2">
      <c r="A11182" s="17">
        <v>9049</v>
      </c>
      <c r="B11182" s="17"/>
      <c r="C11182" s="17"/>
      <c r="D11182" s="18" t="s">
        <v>5548</v>
      </c>
      <c r="E11182" s="18"/>
      <c r="F11182" s="18"/>
      <c r="G11182" s="18"/>
      <c r="H11182" s="18"/>
      <c r="I11182" s="18"/>
      <c r="J11182" s="18"/>
      <c r="K11182" s="18"/>
      <c r="L11182" s="18"/>
      <c r="M11182" s="18"/>
      <c r="N11182" s="18"/>
      <c r="O11182" s="18"/>
      <c r="P11182" s="19">
        <v>190</v>
      </c>
      <c r="Q11182" s="19"/>
      <c r="R11182" s="19"/>
      <c r="S11182" s="19"/>
      <c r="T11182" s="19">
        <v>60</v>
      </c>
      <c r="U11182" s="19"/>
      <c r="V11182" s="19"/>
      <c r="W11182" s="19"/>
      <c r="X11182" s="19">
        <v>24</v>
      </c>
      <c r="Y11182" s="19"/>
      <c r="Z11182" s="19"/>
      <c r="AA11182" s="19"/>
    </row>
    <row r="11183" spans="1:27" s="1" customFormat="1" ht="11.1" customHeight="1" outlineLevel="3" x14ac:dyDescent="0.2">
      <c r="A11183" s="17"/>
      <c r="B11183" s="17"/>
      <c r="C11183" s="17"/>
      <c r="D11183" s="18"/>
      <c r="E11183" s="18"/>
      <c r="F11183" s="18"/>
      <c r="G11183" s="18"/>
      <c r="H11183" s="18"/>
      <c r="I11183" s="18"/>
      <c r="J11183" s="18"/>
      <c r="K11183" s="18"/>
      <c r="L11183" s="18"/>
      <c r="M11183" s="18"/>
      <c r="N11183" s="18"/>
      <c r="O11183" s="18"/>
      <c r="P11183" s="19"/>
      <c r="Q11183" s="19"/>
      <c r="R11183" s="19"/>
      <c r="S11183" s="19"/>
      <c r="T11183" s="19"/>
      <c r="U11183" s="19"/>
      <c r="V11183" s="19"/>
      <c r="W11183" s="19"/>
      <c r="X11183" s="19"/>
      <c r="Y11183" s="19"/>
      <c r="Z11183" s="19"/>
      <c r="AA11183" s="19"/>
    </row>
    <row r="11184" spans="1:27" s="1" customFormat="1" ht="14.1" customHeight="1" outlineLevel="3" x14ac:dyDescent="0.2">
      <c r="A11184" s="17">
        <v>9038</v>
      </c>
      <c r="B11184" s="17"/>
      <c r="C11184" s="17"/>
      <c r="D11184" s="18" t="s">
        <v>5549</v>
      </c>
      <c r="E11184" s="18"/>
      <c r="F11184" s="18"/>
      <c r="G11184" s="18"/>
      <c r="H11184" s="18"/>
      <c r="I11184" s="18"/>
      <c r="J11184" s="18"/>
      <c r="K11184" s="18"/>
      <c r="L11184" s="18"/>
      <c r="M11184" s="18"/>
      <c r="N11184" s="18"/>
      <c r="O11184" s="18"/>
      <c r="P11184" s="19">
        <v>350</v>
      </c>
      <c r="Q11184" s="19"/>
      <c r="R11184" s="19"/>
      <c r="S11184" s="19"/>
      <c r="T11184" s="19">
        <v>101</v>
      </c>
      <c r="U11184" s="19"/>
      <c r="V11184" s="19"/>
      <c r="W11184" s="19"/>
      <c r="X11184" s="19">
        <v>3</v>
      </c>
      <c r="Y11184" s="19"/>
      <c r="Z11184" s="19"/>
      <c r="AA11184" s="19"/>
    </row>
    <row r="11185" spans="1:27" s="1" customFormat="1" ht="14.1" customHeight="1" outlineLevel="3" x14ac:dyDescent="0.2">
      <c r="A11185" s="17"/>
      <c r="B11185" s="17"/>
      <c r="C11185" s="17"/>
      <c r="D11185" s="18"/>
      <c r="E11185" s="18"/>
      <c r="F11185" s="18"/>
      <c r="G11185" s="18"/>
      <c r="H11185" s="18"/>
      <c r="I11185" s="18"/>
      <c r="J11185" s="18"/>
      <c r="K11185" s="18"/>
      <c r="L11185" s="18"/>
      <c r="M11185" s="18"/>
      <c r="N11185" s="18"/>
      <c r="O11185" s="18"/>
      <c r="P11185" s="19"/>
      <c r="Q11185" s="19"/>
      <c r="R11185" s="19"/>
      <c r="S11185" s="19"/>
      <c r="T11185" s="19"/>
      <c r="U11185" s="19"/>
      <c r="V11185" s="19"/>
      <c r="W11185" s="19"/>
      <c r="X11185" s="19"/>
      <c r="Y11185" s="19"/>
      <c r="Z11185" s="19"/>
      <c r="AA11185" s="19"/>
    </row>
    <row r="11186" spans="1:27" s="1" customFormat="1" ht="14.1" customHeight="1" outlineLevel="3" x14ac:dyDescent="0.2">
      <c r="A11186" s="17">
        <v>9050</v>
      </c>
      <c r="B11186" s="17"/>
      <c r="C11186" s="17"/>
      <c r="D11186" s="18" t="s">
        <v>5550</v>
      </c>
      <c r="E11186" s="18"/>
      <c r="F11186" s="18"/>
      <c r="G11186" s="18"/>
      <c r="H11186" s="18"/>
      <c r="I11186" s="18"/>
      <c r="J11186" s="18"/>
      <c r="K11186" s="18"/>
      <c r="L11186" s="18"/>
      <c r="M11186" s="18"/>
      <c r="N11186" s="18"/>
      <c r="O11186" s="18"/>
      <c r="P11186" s="19">
        <v>190</v>
      </c>
      <c r="Q11186" s="19"/>
      <c r="R11186" s="19"/>
      <c r="S11186" s="19"/>
      <c r="T11186" s="19">
        <v>52</v>
      </c>
      <c r="U11186" s="19"/>
      <c r="V11186" s="19"/>
      <c r="W11186" s="19"/>
      <c r="X11186" s="19">
        <v>27</v>
      </c>
      <c r="Y11186" s="19"/>
      <c r="Z11186" s="19"/>
      <c r="AA11186" s="19"/>
    </row>
    <row r="11187" spans="1:27" s="1" customFormat="1" ht="14.1" customHeight="1" outlineLevel="3" x14ac:dyDescent="0.2">
      <c r="A11187" s="17"/>
      <c r="B11187" s="17"/>
      <c r="C11187" s="17"/>
      <c r="D11187" s="18"/>
      <c r="E11187" s="18"/>
      <c r="F11187" s="18"/>
      <c r="G11187" s="18"/>
      <c r="H11187" s="18"/>
      <c r="I11187" s="18"/>
      <c r="J11187" s="18"/>
      <c r="K11187" s="18"/>
      <c r="L11187" s="18"/>
      <c r="M11187" s="18"/>
      <c r="N11187" s="18"/>
      <c r="O11187" s="18"/>
      <c r="P11187" s="19"/>
      <c r="Q11187" s="19"/>
      <c r="R11187" s="19"/>
      <c r="S11187" s="19"/>
      <c r="T11187" s="19"/>
      <c r="U11187" s="19"/>
      <c r="V11187" s="19"/>
      <c r="W11187" s="19"/>
      <c r="X11187" s="19"/>
      <c r="Y11187" s="19"/>
      <c r="Z11187" s="19"/>
      <c r="AA11187" s="19"/>
    </row>
    <row r="11188" spans="1:27" s="1" customFormat="1" ht="14.1" customHeight="1" outlineLevel="3" x14ac:dyDescent="0.2">
      <c r="A11188" s="17">
        <v>4847</v>
      </c>
      <c r="B11188" s="17"/>
      <c r="C11188" s="17"/>
      <c r="D11188" s="18" t="s">
        <v>5551</v>
      </c>
      <c r="E11188" s="18"/>
      <c r="F11188" s="18"/>
      <c r="G11188" s="18"/>
      <c r="H11188" s="18"/>
      <c r="I11188" s="18"/>
      <c r="J11188" s="18"/>
      <c r="K11188" s="18"/>
      <c r="L11188" s="18"/>
      <c r="M11188" s="18"/>
      <c r="N11188" s="18"/>
      <c r="O11188" s="18"/>
      <c r="P11188" s="19">
        <v>190</v>
      </c>
      <c r="Q11188" s="19"/>
      <c r="R11188" s="19"/>
      <c r="S11188" s="19"/>
      <c r="T11188" s="19">
        <v>25</v>
      </c>
      <c r="U11188" s="19"/>
      <c r="V11188" s="19"/>
      <c r="W11188" s="19"/>
      <c r="X11188" s="19">
        <v>1</v>
      </c>
      <c r="Y11188" s="19"/>
      <c r="Z11188" s="19"/>
      <c r="AA11188" s="19"/>
    </row>
    <row r="11189" spans="1:27" s="1" customFormat="1" ht="14.1" customHeight="1" outlineLevel="3" x14ac:dyDescent="0.2">
      <c r="A11189" s="17"/>
      <c r="B11189" s="17"/>
      <c r="C11189" s="17"/>
      <c r="D11189" s="18"/>
      <c r="E11189" s="18"/>
      <c r="F11189" s="18"/>
      <c r="G11189" s="18"/>
      <c r="H11189" s="18"/>
      <c r="I11189" s="18"/>
      <c r="J11189" s="18"/>
      <c r="K11189" s="18"/>
      <c r="L11189" s="18"/>
      <c r="M11189" s="18"/>
      <c r="N11189" s="18"/>
      <c r="O11189" s="18"/>
      <c r="P11189" s="19"/>
      <c r="Q11189" s="19"/>
      <c r="R11189" s="19"/>
      <c r="S11189" s="19"/>
      <c r="T11189" s="19"/>
      <c r="U11189" s="19"/>
      <c r="V11189" s="19"/>
      <c r="W11189" s="19"/>
      <c r="X11189" s="19"/>
      <c r="Y11189" s="19"/>
      <c r="Z11189" s="19"/>
      <c r="AA11189" s="19"/>
    </row>
    <row r="11190" spans="1:27" s="1" customFormat="1" ht="11.1" customHeight="1" outlineLevel="3" x14ac:dyDescent="0.2">
      <c r="A11190" s="17">
        <v>9033</v>
      </c>
      <c r="B11190" s="17"/>
      <c r="C11190" s="17"/>
      <c r="D11190" s="18" t="s">
        <v>5552</v>
      </c>
      <c r="E11190" s="18"/>
      <c r="F11190" s="18"/>
      <c r="G11190" s="18"/>
      <c r="H11190" s="18"/>
      <c r="I11190" s="18"/>
      <c r="J11190" s="18"/>
      <c r="K11190" s="18"/>
      <c r="L11190" s="18"/>
      <c r="M11190" s="18"/>
      <c r="N11190" s="18"/>
      <c r="O11190" s="18"/>
      <c r="P11190" s="19">
        <v>350</v>
      </c>
      <c r="Q11190" s="19"/>
      <c r="R11190" s="19"/>
      <c r="S11190" s="19"/>
      <c r="T11190" s="19">
        <v>101</v>
      </c>
      <c r="U11190" s="19"/>
      <c r="V11190" s="19"/>
      <c r="W11190" s="19"/>
      <c r="X11190" s="19">
        <v>1</v>
      </c>
      <c r="Y11190" s="19"/>
      <c r="Z11190" s="19"/>
      <c r="AA11190" s="19"/>
    </row>
    <row r="11191" spans="1:27" s="1" customFormat="1" ht="11.1" customHeight="1" outlineLevel="3" x14ac:dyDescent="0.2">
      <c r="A11191" s="17"/>
      <c r="B11191" s="17"/>
      <c r="C11191" s="17"/>
      <c r="D11191" s="18"/>
      <c r="E11191" s="18"/>
      <c r="F11191" s="18"/>
      <c r="G11191" s="18"/>
      <c r="H11191" s="18"/>
      <c r="I11191" s="18"/>
      <c r="J11191" s="18"/>
      <c r="K11191" s="18"/>
      <c r="L11191" s="18"/>
      <c r="M11191" s="18"/>
      <c r="N11191" s="18"/>
      <c r="O11191" s="18"/>
      <c r="P11191" s="19"/>
      <c r="Q11191" s="19"/>
      <c r="R11191" s="19"/>
      <c r="S11191" s="19"/>
      <c r="T11191" s="19"/>
      <c r="U11191" s="19"/>
      <c r="V11191" s="19"/>
      <c r="W11191" s="19"/>
      <c r="X11191" s="19"/>
      <c r="Y11191" s="19"/>
      <c r="Z11191" s="19"/>
      <c r="AA11191" s="19"/>
    </row>
    <row r="11192" spans="1:27" s="1" customFormat="1" ht="14.1" customHeight="1" outlineLevel="3" x14ac:dyDescent="0.2">
      <c r="A11192" s="17">
        <v>6506</v>
      </c>
      <c r="B11192" s="17"/>
      <c r="C11192" s="17"/>
      <c r="D11192" s="18" t="s">
        <v>5553</v>
      </c>
      <c r="E11192" s="18"/>
      <c r="F11192" s="18"/>
      <c r="G11192" s="18"/>
      <c r="H11192" s="18"/>
      <c r="I11192" s="18"/>
      <c r="J11192" s="18"/>
      <c r="K11192" s="18"/>
      <c r="L11192" s="18"/>
      <c r="M11192" s="18"/>
      <c r="N11192" s="18"/>
      <c r="O11192" s="18"/>
      <c r="P11192" s="19">
        <v>200</v>
      </c>
      <c r="Q11192" s="19"/>
      <c r="R11192" s="19"/>
      <c r="S11192" s="19"/>
      <c r="T11192" s="19">
        <v>60</v>
      </c>
      <c r="U11192" s="19"/>
      <c r="V11192" s="19"/>
      <c r="W11192" s="19"/>
      <c r="X11192" s="19">
        <v>3</v>
      </c>
      <c r="Y11192" s="19"/>
      <c r="Z11192" s="19"/>
      <c r="AA11192" s="19"/>
    </row>
    <row r="11193" spans="1:27" s="1" customFormat="1" ht="14.1" customHeight="1" outlineLevel="3" x14ac:dyDescent="0.2">
      <c r="A11193" s="17"/>
      <c r="B11193" s="17"/>
      <c r="C11193" s="17"/>
      <c r="D11193" s="18"/>
      <c r="E11193" s="18"/>
      <c r="F11193" s="18"/>
      <c r="G11193" s="18"/>
      <c r="H11193" s="18"/>
      <c r="I11193" s="18"/>
      <c r="J11193" s="18"/>
      <c r="K11193" s="18"/>
      <c r="L11193" s="18"/>
      <c r="M11193" s="18"/>
      <c r="N11193" s="18"/>
      <c r="O11193" s="18"/>
      <c r="P11193" s="19"/>
      <c r="Q11193" s="19"/>
      <c r="R11193" s="19"/>
      <c r="S11193" s="19"/>
      <c r="T11193" s="19"/>
      <c r="U11193" s="19"/>
      <c r="V11193" s="19"/>
      <c r="W11193" s="19"/>
      <c r="X11193" s="19"/>
      <c r="Y11193" s="19"/>
      <c r="Z11193" s="19"/>
      <c r="AA11193" s="19"/>
    </row>
    <row r="11194" spans="1:27" s="1" customFormat="1" ht="14.1" customHeight="1" outlineLevel="3" x14ac:dyDescent="0.2">
      <c r="A11194" s="17">
        <v>5975</v>
      </c>
      <c r="B11194" s="17"/>
      <c r="C11194" s="17"/>
      <c r="D11194" s="18" t="s">
        <v>5554</v>
      </c>
      <c r="E11194" s="18"/>
      <c r="F11194" s="18"/>
      <c r="G11194" s="18"/>
      <c r="H11194" s="18"/>
      <c r="I11194" s="18"/>
      <c r="J11194" s="18"/>
      <c r="K11194" s="18"/>
      <c r="L11194" s="18"/>
      <c r="M11194" s="18"/>
      <c r="N11194" s="18"/>
      <c r="O11194" s="18"/>
      <c r="P11194" s="19">
        <v>200</v>
      </c>
      <c r="Q11194" s="19"/>
      <c r="R11194" s="19"/>
      <c r="S11194" s="19"/>
      <c r="T11194" s="19">
        <v>65</v>
      </c>
      <c r="U11194" s="19"/>
      <c r="V11194" s="19"/>
      <c r="W11194" s="19"/>
      <c r="X11194" s="19">
        <v>24</v>
      </c>
      <c r="Y11194" s="19"/>
      <c r="Z11194" s="19"/>
      <c r="AA11194" s="19"/>
    </row>
    <row r="11195" spans="1:27" s="1" customFormat="1" ht="14.1" customHeight="1" outlineLevel="3" x14ac:dyDescent="0.2">
      <c r="A11195" s="17"/>
      <c r="B11195" s="17"/>
      <c r="C11195" s="17"/>
      <c r="D11195" s="18"/>
      <c r="E11195" s="18"/>
      <c r="F11195" s="18"/>
      <c r="G11195" s="18"/>
      <c r="H11195" s="18"/>
      <c r="I11195" s="18"/>
      <c r="J11195" s="18"/>
      <c r="K11195" s="18"/>
      <c r="L11195" s="18"/>
      <c r="M11195" s="18"/>
      <c r="N11195" s="18"/>
      <c r="O11195" s="18"/>
      <c r="P11195" s="19"/>
      <c r="Q11195" s="19"/>
      <c r="R11195" s="19"/>
      <c r="S11195" s="19"/>
      <c r="T11195" s="19"/>
      <c r="U11195" s="19"/>
      <c r="V11195" s="19"/>
      <c r="W11195" s="19"/>
      <c r="X11195" s="19"/>
      <c r="Y11195" s="19"/>
      <c r="Z11195" s="19"/>
      <c r="AA11195" s="19"/>
    </row>
    <row r="11196" spans="1:27" s="1" customFormat="1" ht="11.1" customHeight="1" outlineLevel="3" x14ac:dyDescent="0.2">
      <c r="A11196" s="17">
        <v>9053</v>
      </c>
      <c r="B11196" s="17"/>
      <c r="C11196" s="17"/>
      <c r="D11196" s="18" t="s">
        <v>5555</v>
      </c>
      <c r="E11196" s="18"/>
      <c r="F11196" s="18"/>
      <c r="G11196" s="18"/>
      <c r="H11196" s="18"/>
      <c r="I11196" s="18"/>
      <c r="J11196" s="18"/>
      <c r="K11196" s="18"/>
      <c r="L11196" s="18"/>
      <c r="M11196" s="18"/>
      <c r="N11196" s="18"/>
      <c r="O11196" s="18"/>
      <c r="P11196" s="19">
        <v>200</v>
      </c>
      <c r="Q11196" s="19"/>
      <c r="R11196" s="19"/>
      <c r="S11196" s="19"/>
      <c r="T11196" s="19">
        <v>60</v>
      </c>
      <c r="U11196" s="19"/>
      <c r="V11196" s="19"/>
      <c r="W11196" s="19"/>
      <c r="X11196" s="19">
        <v>26</v>
      </c>
      <c r="Y11196" s="19"/>
      <c r="Z11196" s="19"/>
      <c r="AA11196" s="19"/>
    </row>
    <row r="11197" spans="1:27" s="1" customFormat="1" ht="11.1" customHeight="1" outlineLevel="3" x14ac:dyDescent="0.2">
      <c r="A11197" s="17"/>
      <c r="B11197" s="17"/>
      <c r="C11197" s="17"/>
      <c r="D11197" s="18"/>
      <c r="E11197" s="18"/>
      <c r="F11197" s="18"/>
      <c r="G11197" s="18"/>
      <c r="H11197" s="18"/>
      <c r="I11197" s="18"/>
      <c r="J11197" s="18"/>
      <c r="K11197" s="18"/>
      <c r="L11197" s="18"/>
      <c r="M11197" s="18"/>
      <c r="N11197" s="18"/>
      <c r="O11197" s="18"/>
      <c r="P11197" s="19"/>
      <c r="Q11197" s="19"/>
      <c r="R11197" s="19"/>
      <c r="S11197" s="19"/>
      <c r="T11197" s="19"/>
      <c r="U11197" s="19"/>
      <c r="V11197" s="19"/>
      <c r="W11197" s="19"/>
      <c r="X11197" s="19"/>
      <c r="Y11197" s="19"/>
      <c r="Z11197" s="19"/>
      <c r="AA11197" s="19"/>
    </row>
    <row r="11198" spans="1:27" s="1" customFormat="1" ht="14.1" customHeight="1" outlineLevel="3" x14ac:dyDescent="0.2">
      <c r="A11198" s="17">
        <v>6723</v>
      </c>
      <c r="B11198" s="17"/>
      <c r="C11198" s="17"/>
      <c r="D11198" s="18" t="s">
        <v>5556</v>
      </c>
      <c r="E11198" s="18"/>
      <c r="F11198" s="18"/>
      <c r="G11198" s="18"/>
      <c r="H11198" s="18"/>
      <c r="I11198" s="18"/>
      <c r="J11198" s="18"/>
      <c r="K11198" s="18"/>
      <c r="L11198" s="18"/>
      <c r="M11198" s="18"/>
      <c r="N11198" s="18"/>
      <c r="O11198" s="18"/>
      <c r="P11198" s="19">
        <v>200</v>
      </c>
      <c r="Q11198" s="19"/>
      <c r="R11198" s="19"/>
      <c r="S11198" s="19"/>
      <c r="T11198" s="19">
        <v>60</v>
      </c>
      <c r="U11198" s="19"/>
      <c r="V11198" s="19"/>
      <c r="W11198" s="19"/>
      <c r="X11198" s="19">
        <v>59</v>
      </c>
      <c r="Y11198" s="19"/>
      <c r="Z11198" s="19"/>
      <c r="AA11198" s="19"/>
    </row>
    <row r="11199" spans="1:27" s="1" customFormat="1" ht="14.1" customHeight="1" outlineLevel="3" x14ac:dyDescent="0.2">
      <c r="A11199" s="17"/>
      <c r="B11199" s="17"/>
      <c r="C11199" s="17"/>
      <c r="D11199" s="18"/>
      <c r="E11199" s="18"/>
      <c r="F11199" s="18"/>
      <c r="G11199" s="18"/>
      <c r="H11199" s="18"/>
      <c r="I11199" s="18"/>
      <c r="J11199" s="18"/>
      <c r="K11199" s="18"/>
      <c r="L11199" s="18"/>
      <c r="M11199" s="18"/>
      <c r="N11199" s="18"/>
      <c r="O11199" s="18"/>
      <c r="P11199" s="19"/>
      <c r="Q11199" s="19"/>
      <c r="R11199" s="19"/>
      <c r="S11199" s="19"/>
      <c r="T11199" s="19"/>
      <c r="U11199" s="19"/>
      <c r="V11199" s="19"/>
      <c r="W11199" s="19"/>
      <c r="X11199" s="19"/>
      <c r="Y11199" s="19"/>
      <c r="Z11199" s="19"/>
      <c r="AA11199" s="19"/>
    </row>
    <row r="11200" spans="1:27" s="1" customFormat="1" ht="14.1" customHeight="1" outlineLevel="3" x14ac:dyDescent="0.2">
      <c r="A11200" s="17">
        <v>9036</v>
      </c>
      <c r="B11200" s="17"/>
      <c r="C11200" s="17"/>
      <c r="D11200" s="18" t="s">
        <v>5557</v>
      </c>
      <c r="E11200" s="18"/>
      <c r="F11200" s="18"/>
      <c r="G11200" s="18"/>
      <c r="H11200" s="18"/>
      <c r="I11200" s="18"/>
      <c r="J11200" s="18"/>
      <c r="K11200" s="18"/>
      <c r="L11200" s="18"/>
      <c r="M11200" s="18"/>
      <c r="N11200" s="18"/>
      <c r="O11200" s="18"/>
      <c r="P11200" s="19">
        <v>350</v>
      </c>
      <c r="Q11200" s="19"/>
      <c r="R11200" s="19"/>
      <c r="S11200" s="19"/>
      <c r="T11200" s="19">
        <v>101</v>
      </c>
      <c r="U11200" s="19"/>
      <c r="V11200" s="19"/>
      <c r="W11200" s="19"/>
      <c r="X11200" s="19">
        <v>1</v>
      </c>
      <c r="Y11200" s="19"/>
      <c r="Z11200" s="19"/>
      <c r="AA11200" s="19"/>
    </row>
    <row r="11201" spans="1:27" s="1" customFormat="1" ht="14.1" customHeight="1" outlineLevel="3" x14ac:dyDescent="0.2">
      <c r="A11201" s="17"/>
      <c r="B11201" s="17"/>
      <c r="C11201" s="17"/>
      <c r="D11201" s="18"/>
      <c r="E11201" s="18"/>
      <c r="F11201" s="18"/>
      <c r="G11201" s="18"/>
      <c r="H11201" s="18"/>
      <c r="I11201" s="18"/>
      <c r="J11201" s="18"/>
      <c r="K11201" s="18"/>
      <c r="L11201" s="18"/>
      <c r="M11201" s="18"/>
      <c r="N11201" s="18"/>
      <c r="O11201" s="18"/>
      <c r="P11201" s="19"/>
      <c r="Q11201" s="19"/>
      <c r="R11201" s="19"/>
      <c r="S11201" s="19"/>
      <c r="T11201" s="19"/>
      <c r="U11201" s="19"/>
      <c r="V11201" s="19"/>
      <c r="W11201" s="19"/>
      <c r="X11201" s="19"/>
      <c r="Y11201" s="19"/>
      <c r="Z11201" s="19"/>
      <c r="AA11201" s="19"/>
    </row>
    <row r="11202" spans="1:27" s="1" customFormat="1" ht="14.1" customHeight="1" outlineLevel="3" x14ac:dyDescent="0.2">
      <c r="A11202" s="17">
        <v>9052</v>
      </c>
      <c r="B11202" s="17"/>
      <c r="C11202" s="17"/>
      <c r="D11202" s="18" t="s">
        <v>5558</v>
      </c>
      <c r="E11202" s="18"/>
      <c r="F11202" s="18"/>
      <c r="G11202" s="18"/>
      <c r="H11202" s="18"/>
      <c r="I11202" s="18"/>
      <c r="J11202" s="18"/>
      <c r="K11202" s="18"/>
      <c r="L11202" s="18"/>
      <c r="M11202" s="18"/>
      <c r="N11202" s="18"/>
      <c r="O11202" s="18"/>
      <c r="P11202" s="19">
        <v>190</v>
      </c>
      <c r="Q11202" s="19"/>
      <c r="R11202" s="19"/>
      <c r="S11202" s="19"/>
      <c r="T11202" s="19">
        <v>52</v>
      </c>
      <c r="U11202" s="19"/>
      <c r="V11202" s="19"/>
      <c r="W11202" s="19"/>
      <c r="X11202" s="19">
        <v>8</v>
      </c>
      <c r="Y11202" s="19"/>
      <c r="Z11202" s="19"/>
      <c r="AA11202" s="19"/>
    </row>
    <row r="11203" spans="1:27" s="1" customFormat="1" ht="14.1" customHeight="1" outlineLevel="3" x14ac:dyDescent="0.2">
      <c r="A11203" s="17"/>
      <c r="B11203" s="17"/>
      <c r="C11203" s="17"/>
      <c r="D11203" s="18"/>
      <c r="E11203" s="18"/>
      <c r="F11203" s="18"/>
      <c r="G11203" s="18"/>
      <c r="H11203" s="18"/>
      <c r="I11203" s="18"/>
      <c r="J11203" s="18"/>
      <c r="K11203" s="18"/>
      <c r="L11203" s="18"/>
      <c r="M11203" s="18"/>
      <c r="N11203" s="18"/>
      <c r="O11203" s="18"/>
      <c r="P11203" s="19"/>
      <c r="Q11203" s="19"/>
      <c r="R11203" s="19"/>
      <c r="S11203" s="19"/>
      <c r="T11203" s="19"/>
      <c r="U11203" s="19"/>
      <c r="V11203" s="19"/>
      <c r="W11203" s="19"/>
      <c r="X11203" s="19"/>
      <c r="Y11203" s="19"/>
      <c r="Z11203" s="19"/>
      <c r="AA11203" s="19"/>
    </row>
    <row r="11204" spans="1:27" s="1" customFormat="1" ht="14.1" customHeight="1" outlineLevel="3" x14ac:dyDescent="0.2">
      <c r="A11204" s="17">
        <v>8138</v>
      </c>
      <c r="B11204" s="17"/>
      <c r="C11204" s="17"/>
      <c r="D11204" s="18" t="s">
        <v>5559</v>
      </c>
      <c r="E11204" s="18"/>
      <c r="F11204" s="18"/>
      <c r="G11204" s="18"/>
      <c r="H11204" s="18"/>
      <c r="I11204" s="18"/>
      <c r="J11204" s="18"/>
      <c r="K11204" s="18"/>
      <c r="L11204" s="18"/>
      <c r="M11204" s="18"/>
      <c r="N11204" s="18"/>
      <c r="O11204" s="18"/>
      <c r="P11204" s="19">
        <v>190</v>
      </c>
      <c r="Q11204" s="19"/>
      <c r="R11204" s="19"/>
      <c r="S11204" s="19"/>
      <c r="T11204" s="19">
        <v>75</v>
      </c>
      <c r="U11204" s="19"/>
      <c r="V11204" s="19"/>
      <c r="W11204" s="19"/>
      <c r="X11204" s="19">
        <v>11</v>
      </c>
      <c r="Y11204" s="19"/>
      <c r="Z11204" s="19"/>
      <c r="AA11204" s="19"/>
    </row>
    <row r="11205" spans="1:27" s="1" customFormat="1" ht="14.1" customHeight="1" outlineLevel="3" x14ac:dyDescent="0.2">
      <c r="A11205" s="17"/>
      <c r="B11205" s="17"/>
      <c r="C11205" s="17"/>
      <c r="D11205" s="18"/>
      <c r="E11205" s="18"/>
      <c r="F11205" s="18"/>
      <c r="G11205" s="18"/>
      <c r="H11205" s="18"/>
      <c r="I11205" s="18"/>
      <c r="J11205" s="18"/>
      <c r="K11205" s="18"/>
      <c r="L11205" s="18"/>
      <c r="M11205" s="18"/>
      <c r="N11205" s="18"/>
      <c r="O11205" s="18"/>
      <c r="P11205" s="19"/>
      <c r="Q11205" s="19"/>
      <c r="R11205" s="19"/>
      <c r="S11205" s="19"/>
      <c r="T11205" s="19"/>
      <c r="U11205" s="19"/>
      <c r="V11205" s="19"/>
      <c r="W11205" s="19"/>
      <c r="X11205" s="19"/>
      <c r="Y11205" s="19"/>
      <c r="Z11205" s="19"/>
      <c r="AA11205" s="19"/>
    </row>
    <row r="11206" spans="1:27" s="1" customFormat="1" ht="14.1" customHeight="1" outlineLevel="3" x14ac:dyDescent="0.2">
      <c r="A11206" s="17">
        <v>9047</v>
      </c>
      <c r="B11206" s="17"/>
      <c r="C11206" s="17"/>
      <c r="D11206" s="18" t="s">
        <v>5560</v>
      </c>
      <c r="E11206" s="18"/>
      <c r="F11206" s="18"/>
      <c r="G11206" s="18"/>
      <c r="H11206" s="18"/>
      <c r="I11206" s="18"/>
      <c r="J11206" s="18"/>
      <c r="K11206" s="18"/>
      <c r="L11206" s="18"/>
      <c r="M11206" s="18"/>
      <c r="N11206" s="18"/>
      <c r="O11206" s="18"/>
      <c r="P11206" s="19">
        <v>190</v>
      </c>
      <c r="Q11206" s="19"/>
      <c r="R11206" s="19"/>
      <c r="S11206" s="19"/>
      <c r="T11206" s="19">
        <v>75</v>
      </c>
      <c r="U11206" s="19"/>
      <c r="V11206" s="19"/>
      <c r="W11206" s="19"/>
      <c r="X11206" s="19">
        <v>4</v>
      </c>
      <c r="Y11206" s="19"/>
      <c r="Z11206" s="19"/>
      <c r="AA11206" s="19"/>
    </row>
    <row r="11207" spans="1:27" s="1" customFormat="1" ht="14.1" customHeight="1" outlineLevel="3" x14ac:dyDescent="0.2">
      <c r="A11207" s="17"/>
      <c r="B11207" s="17"/>
      <c r="C11207" s="17"/>
      <c r="D11207" s="18"/>
      <c r="E11207" s="18"/>
      <c r="F11207" s="18"/>
      <c r="G11207" s="18"/>
      <c r="H11207" s="18"/>
      <c r="I11207" s="18"/>
      <c r="J11207" s="18"/>
      <c r="K11207" s="18"/>
      <c r="L11207" s="18"/>
      <c r="M11207" s="18"/>
      <c r="N11207" s="18"/>
      <c r="O11207" s="18"/>
      <c r="P11207" s="19"/>
      <c r="Q11207" s="19"/>
      <c r="R11207" s="19"/>
      <c r="S11207" s="19"/>
      <c r="T11207" s="19"/>
      <c r="U11207" s="19"/>
      <c r="V11207" s="19"/>
      <c r="W11207" s="19"/>
      <c r="X11207" s="19"/>
      <c r="Y11207" s="19"/>
      <c r="Z11207" s="19"/>
      <c r="AA11207" s="19"/>
    </row>
    <row r="11208" spans="1:27" s="1" customFormat="1" ht="14.1" customHeight="1" outlineLevel="3" x14ac:dyDescent="0.2">
      <c r="A11208" s="17">
        <v>9048</v>
      </c>
      <c r="B11208" s="17"/>
      <c r="C11208" s="17"/>
      <c r="D11208" s="18" t="s">
        <v>5561</v>
      </c>
      <c r="E11208" s="18"/>
      <c r="F11208" s="18"/>
      <c r="G11208" s="18"/>
      <c r="H11208" s="18"/>
      <c r="I11208" s="18"/>
      <c r="J11208" s="18"/>
      <c r="K11208" s="18"/>
      <c r="L11208" s="18"/>
      <c r="M11208" s="18"/>
      <c r="N11208" s="18"/>
      <c r="O11208" s="18"/>
      <c r="P11208" s="19">
        <v>190</v>
      </c>
      <c r="Q11208" s="19"/>
      <c r="R11208" s="19"/>
      <c r="S11208" s="19"/>
      <c r="T11208" s="19">
        <v>75</v>
      </c>
      <c r="U11208" s="19"/>
      <c r="V11208" s="19"/>
      <c r="W11208" s="19"/>
      <c r="X11208" s="19">
        <v>4</v>
      </c>
      <c r="Y11208" s="19"/>
      <c r="Z11208" s="19"/>
      <c r="AA11208" s="19"/>
    </row>
    <row r="11209" spans="1:27" s="1" customFormat="1" ht="14.1" customHeight="1" outlineLevel="3" x14ac:dyDescent="0.2">
      <c r="A11209" s="17"/>
      <c r="B11209" s="17"/>
      <c r="C11209" s="17"/>
      <c r="D11209" s="18"/>
      <c r="E11209" s="18"/>
      <c r="F11209" s="18"/>
      <c r="G11209" s="18"/>
      <c r="H11209" s="18"/>
      <c r="I11209" s="18"/>
      <c r="J11209" s="18"/>
      <c r="K11209" s="18"/>
      <c r="L11209" s="18"/>
      <c r="M11209" s="18"/>
      <c r="N11209" s="18"/>
      <c r="O11209" s="18"/>
      <c r="P11209" s="19"/>
      <c r="Q11209" s="19"/>
      <c r="R11209" s="19"/>
      <c r="S11209" s="19"/>
      <c r="T11209" s="19"/>
      <c r="U11209" s="19"/>
      <c r="V11209" s="19"/>
      <c r="W11209" s="19"/>
      <c r="X11209" s="19"/>
      <c r="Y11209" s="19"/>
      <c r="Z11209" s="19"/>
      <c r="AA11209" s="19"/>
    </row>
    <row r="11210" spans="1:27" s="1" customFormat="1" ht="14.1" customHeight="1" outlineLevel="3" x14ac:dyDescent="0.2">
      <c r="A11210" s="17">
        <v>14787</v>
      </c>
      <c r="B11210" s="17"/>
      <c r="C11210" s="17"/>
      <c r="D11210" s="18" t="s">
        <v>5562</v>
      </c>
      <c r="E11210" s="18"/>
      <c r="F11210" s="18"/>
      <c r="G11210" s="18"/>
      <c r="H11210" s="18"/>
      <c r="I11210" s="18"/>
      <c r="J11210" s="18"/>
      <c r="K11210" s="18"/>
      <c r="L11210" s="18"/>
      <c r="M11210" s="18"/>
      <c r="N11210" s="18"/>
      <c r="O11210" s="18"/>
      <c r="P11210" s="19">
        <v>120</v>
      </c>
      <c r="Q11210" s="19"/>
      <c r="R11210" s="19"/>
      <c r="S11210" s="19"/>
      <c r="T11210" s="19">
        <v>70</v>
      </c>
      <c r="U11210" s="19"/>
      <c r="V11210" s="19"/>
      <c r="W11210" s="19"/>
      <c r="X11210" s="19">
        <v>95</v>
      </c>
      <c r="Y11210" s="19"/>
      <c r="Z11210" s="19"/>
      <c r="AA11210" s="19"/>
    </row>
    <row r="11211" spans="1:27" s="1" customFormat="1" ht="14.1" customHeight="1" outlineLevel="3" x14ac:dyDescent="0.2">
      <c r="A11211" s="17"/>
      <c r="B11211" s="17"/>
      <c r="C11211" s="17"/>
      <c r="D11211" s="18"/>
      <c r="E11211" s="18"/>
      <c r="F11211" s="18"/>
      <c r="G11211" s="18"/>
      <c r="H11211" s="18"/>
      <c r="I11211" s="18"/>
      <c r="J11211" s="18"/>
      <c r="K11211" s="18"/>
      <c r="L11211" s="18"/>
      <c r="M11211" s="18"/>
      <c r="N11211" s="18"/>
      <c r="O11211" s="18"/>
      <c r="P11211" s="19"/>
      <c r="Q11211" s="19"/>
      <c r="R11211" s="19"/>
      <c r="S11211" s="19"/>
      <c r="T11211" s="19"/>
      <c r="U11211" s="19"/>
      <c r="V11211" s="19"/>
      <c r="W11211" s="19"/>
      <c r="X11211" s="19"/>
      <c r="Y11211" s="19"/>
      <c r="Z11211" s="19"/>
      <c r="AA11211" s="19"/>
    </row>
    <row r="11212" spans="1:27" s="1" customFormat="1" ht="14.1" customHeight="1" outlineLevel="3" x14ac:dyDescent="0.2">
      <c r="A11212" s="17">
        <v>15190</v>
      </c>
      <c r="B11212" s="17"/>
      <c r="C11212" s="17"/>
      <c r="D11212" s="18" t="s">
        <v>5563</v>
      </c>
      <c r="E11212" s="18"/>
      <c r="F11212" s="18"/>
      <c r="G11212" s="18"/>
      <c r="H11212" s="18"/>
      <c r="I11212" s="18"/>
      <c r="J11212" s="18"/>
      <c r="K11212" s="18"/>
      <c r="L11212" s="18"/>
      <c r="M11212" s="18"/>
      <c r="N11212" s="18"/>
      <c r="O11212" s="18"/>
      <c r="P11212" s="19">
        <v>90</v>
      </c>
      <c r="Q11212" s="19"/>
      <c r="R11212" s="19"/>
      <c r="S11212" s="19"/>
      <c r="T11212" s="19">
        <v>35</v>
      </c>
      <c r="U11212" s="19"/>
      <c r="V11212" s="19"/>
      <c r="W11212" s="19"/>
      <c r="X11212" s="19">
        <v>410</v>
      </c>
      <c r="Y11212" s="19"/>
      <c r="Z11212" s="19"/>
      <c r="AA11212" s="19"/>
    </row>
    <row r="11213" spans="1:27" s="1" customFormat="1" ht="14.1" customHeight="1" outlineLevel="3" x14ac:dyDescent="0.2">
      <c r="A11213" s="17"/>
      <c r="B11213" s="17"/>
      <c r="C11213" s="17"/>
      <c r="D11213" s="18"/>
      <c r="E11213" s="18"/>
      <c r="F11213" s="18"/>
      <c r="G11213" s="18"/>
      <c r="H11213" s="18"/>
      <c r="I11213" s="18"/>
      <c r="J11213" s="18"/>
      <c r="K11213" s="18"/>
      <c r="L11213" s="18"/>
      <c r="M11213" s="18"/>
      <c r="N11213" s="18"/>
      <c r="O11213" s="18"/>
      <c r="P11213" s="19"/>
      <c r="Q11213" s="19"/>
      <c r="R11213" s="19"/>
      <c r="S11213" s="19"/>
      <c r="T11213" s="19"/>
      <c r="U11213" s="19"/>
      <c r="V11213" s="19"/>
      <c r="W11213" s="19"/>
      <c r="X11213" s="19"/>
      <c r="Y11213" s="19"/>
      <c r="Z11213" s="19"/>
      <c r="AA11213" s="19"/>
    </row>
    <row r="11214" spans="1:27" s="1" customFormat="1" ht="14.1" customHeight="1" outlineLevel="3" x14ac:dyDescent="0.2">
      <c r="A11214" s="17">
        <v>13836</v>
      </c>
      <c r="B11214" s="17"/>
      <c r="C11214" s="17"/>
      <c r="D11214" s="18" t="s">
        <v>5564</v>
      </c>
      <c r="E11214" s="18"/>
      <c r="F11214" s="18"/>
      <c r="G11214" s="18"/>
      <c r="H11214" s="18"/>
      <c r="I11214" s="18"/>
      <c r="J11214" s="18"/>
      <c r="K11214" s="18"/>
      <c r="L11214" s="18"/>
      <c r="M11214" s="18"/>
      <c r="N11214" s="18"/>
      <c r="O11214" s="18"/>
      <c r="P11214" s="19">
        <v>150</v>
      </c>
      <c r="Q11214" s="19"/>
      <c r="R11214" s="19"/>
      <c r="S11214" s="19"/>
      <c r="T11214" s="19">
        <v>90</v>
      </c>
      <c r="U11214" s="19"/>
      <c r="V11214" s="19"/>
      <c r="W11214" s="19"/>
      <c r="X11214" s="19">
        <v>18</v>
      </c>
      <c r="Y11214" s="19"/>
      <c r="Z11214" s="19"/>
      <c r="AA11214" s="19"/>
    </row>
    <row r="11215" spans="1:27" s="1" customFormat="1" ht="14.1" customHeight="1" outlineLevel="3" x14ac:dyDescent="0.2">
      <c r="A11215" s="17"/>
      <c r="B11215" s="17"/>
      <c r="C11215" s="17"/>
      <c r="D11215" s="18"/>
      <c r="E11215" s="18"/>
      <c r="F11215" s="18"/>
      <c r="G11215" s="18"/>
      <c r="H11215" s="18"/>
      <c r="I11215" s="18"/>
      <c r="J11215" s="18"/>
      <c r="K11215" s="18"/>
      <c r="L11215" s="18"/>
      <c r="M11215" s="18"/>
      <c r="N11215" s="18"/>
      <c r="O11215" s="18"/>
      <c r="P11215" s="19"/>
      <c r="Q11215" s="19"/>
      <c r="R11215" s="19"/>
      <c r="S11215" s="19"/>
      <c r="T11215" s="19"/>
      <c r="U11215" s="19"/>
      <c r="V11215" s="19"/>
      <c r="W11215" s="19"/>
      <c r="X11215" s="19"/>
      <c r="Y11215" s="19"/>
      <c r="Z11215" s="19"/>
      <c r="AA11215" s="19"/>
    </row>
    <row r="11216" spans="1:27" s="1" customFormat="1" ht="14.1" customHeight="1" outlineLevel="3" x14ac:dyDescent="0.2">
      <c r="A11216" s="17">
        <v>13837</v>
      </c>
      <c r="B11216" s="17"/>
      <c r="C11216" s="17"/>
      <c r="D11216" s="18" t="s">
        <v>5565</v>
      </c>
      <c r="E11216" s="18"/>
      <c r="F11216" s="18"/>
      <c r="G11216" s="18"/>
      <c r="H11216" s="18"/>
      <c r="I11216" s="18"/>
      <c r="J11216" s="18"/>
      <c r="K11216" s="18"/>
      <c r="L11216" s="18"/>
      <c r="M11216" s="18"/>
      <c r="N11216" s="18"/>
      <c r="O11216" s="18"/>
      <c r="P11216" s="19">
        <v>150</v>
      </c>
      <c r="Q11216" s="19"/>
      <c r="R11216" s="19"/>
      <c r="S11216" s="19"/>
      <c r="T11216" s="19">
        <v>90</v>
      </c>
      <c r="U11216" s="19"/>
      <c r="V11216" s="19"/>
      <c r="W11216" s="19"/>
      <c r="X11216" s="19">
        <v>17</v>
      </c>
      <c r="Y11216" s="19"/>
      <c r="Z11216" s="19"/>
      <c r="AA11216" s="19"/>
    </row>
    <row r="11217" spans="1:27" s="1" customFormat="1" ht="14.1" customHeight="1" outlineLevel="3" x14ac:dyDescent="0.2">
      <c r="A11217" s="17"/>
      <c r="B11217" s="17"/>
      <c r="C11217" s="17"/>
      <c r="D11217" s="18"/>
      <c r="E11217" s="18"/>
      <c r="F11217" s="18"/>
      <c r="G11217" s="18"/>
      <c r="H11217" s="18"/>
      <c r="I11217" s="18"/>
      <c r="J11217" s="18"/>
      <c r="K11217" s="18"/>
      <c r="L11217" s="18"/>
      <c r="M11217" s="18"/>
      <c r="N11217" s="18"/>
      <c r="O11217" s="18"/>
      <c r="P11217" s="19"/>
      <c r="Q11217" s="19"/>
      <c r="R11217" s="19"/>
      <c r="S11217" s="19"/>
      <c r="T11217" s="19"/>
      <c r="U11217" s="19"/>
      <c r="V11217" s="19"/>
      <c r="W11217" s="19"/>
      <c r="X11217" s="19"/>
      <c r="Y11217" s="19"/>
      <c r="Z11217" s="19"/>
      <c r="AA11217" s="19"/>
    </row>
    <row r="11218" spans="1:27" s="1" customFormat="1" ht="14.1" customHeight="1" outlineLevel="3" x14ac:dyDescent="0.2">
      <c r="A11218" s="17">
        <v>13835</v>
      </c>
      <c r="B11218" s="17"/>
      <c r="C11218" s="17"/>
      <c r="D11218" s="18" t="s">
        <v>5566</v>
      </c>
      <c r="E11218" s="18"/>
      <c r="F11218" s="18"/>
      <c r="G11218" s="18"/>
      <c r="H11218" s="18"/>
      <c r="I11218" s="18"/>
      <c r="J11218" s="18"/>
      <c r="K11218" s="18"/>
      <c r="L11218" s="18"/>
      <c r="M11218" s="18"/>
      <c r="N11218" s="18"/>
      <c r="O11218" s="18"/>
      <c r="P11218" s="19">
        <v>150</v>
      </c>
      <c r="Q11218" s="19"/>
      <c r="R11218" s="19"/>
      <c r="S11218" s="19"/>
      <c r="T11218" s="19">
        <v>90</v>
      </c>
      <c r="U11218" s="19"/>
      <c r="V11218" s="19"/>
      <c r="W11218" s="19"/>
      <c r="X11218" s="19">
        <v>15</v>
      </c>
      <c r="Y11218" s="19"/>
      <c r="Z11218" s="19"/>
      <c r="AA11218" s="19"/>
    </row>
    <row r="11219" spans="1:27" s="1" customFormat="1" ht="14.1" customHeight="1" outlineLevel="3" x14ac:dyDescent="0.2">
      <c r="A11219" s="17"/>
      <c r="B11219" s="17"/>
      <c r="C11219" s="17"/>
      <c r="D11219" s="18"/>
      <c r="E11219" s="18"/>
      <c r="F11219" s="18"/>
      <c r="G11219" s="18"/>
      <c r="H11219" s="18"/>
      <c r="I11219" s="18"/>
      <c r="J11219" s="18"/>
      <c r="K11219" s="18"/>
      <c r="L11219" s="18"/>
      <c r="M11219" s="18"/>
      <c r="N11219" s="18"/>
      <c r="O11219" s="18"/>
      <c r="P11219" s="19"/>
      <c r="Q11219" s="19"/>
      <c r="R11219" s="19"/>
      <c r="S11219" s="19"/>
      <c r="T11219" s="19"/>
      <c r="U11219" s="19"/>
      <c r="V11219" s="19"/>
      <c r="W11219" s="19"/>
      <c r="X11219" s="19"/>
      <c r="Y11219" s="19"/>
      <c r="Z11219" s="19"/>
      <c r="AA11219" s="19"/>
    </row>
    <row r="11220" spans="1:27" s="1" customFormat="1" ht="14.1" customHeight="1" outlineLevel="3" x14ac:dyDescent="0.2">
      <c r="A11220" s="17">
        <v>13842</v>
      </c>
      <c r="B11220" s="17"/>
      <c r="C11220" s="17"/>
      <c r="D11220" s="18" t="s">
        <v>5567</v>
      </c>
      <c r="E11220" s="18"/>
      <c r="F11220" s="18"/>
      <c r="G11220" s="18"/>
      <c r="H11220" s="18"/>
      <c r="I11220" s="18"/>
      <c r="J11220" s="18"/>
      <c r="K11220" s="18"/>
      <c r="L11220" s="18"/>
      <c r="M11220" s="18"/>
      <c r="N11220" s="18"/>
      <c r="O11220" s="18"/>
      <c r="P11220" s="19">
        <v>150</v>
      </c>
      <c r="Q11220" s="19"/>
      <c r="R11220" s="19"/>
      <c r="S11220" s="19"/>
      <c r="T11220" s="19">
        <v>90</v>
      </c>
      <c r="U11220" s="19"/>
      <c r="V11220" s="19"/>
      <c r="W11220" s="19"/>
      <c r="X11220" s="19">
        <v>17</v>
      </c>
      <c r="Y11220" s="19"/>
      <c r="Z11220" s="19"/>
      <c r="AA11220" s="19"/>
    </row>
    <row r="11221" spans="1:27" s="1" customFormat="1" ht="14.1" customHeight="1" outlineLevel="3" x14ac:dyDescent="0.2">
      <c r="A11221" s="17"/>
      <c r="B11221" s="17"/>
      <c r="C11221" s="17"/>
      <c r="D11221" s="18"/>
      <c r="E11221" s="18"/>
      <c r="F11221" s="18"/>
      <c r="G11221" s="18"/>
      <c r="H11221" s="18"/>
      <c r="I11221" s="18"/>
      <c r="J11221" s="18"/>
      <c r="K11221" s="18"/>
      <c r="L11221" s="18"/>
      <c r="M11221" s="18"/>
      <c r="N11221" s="18"/>
      <c r="O11221" s="18"/>
      <c r="P11221" s="19"/>
      <c r="Q11221" s="19"/>
      <c r="R11221" s="19"/>
      <c r="S11221" s="19"/>
      <c r="T11221" s="19"/>
      <c r="U11221" s="19"/>
      <c r="V11221" s="19"/>
      <c r="W11221" s="19"/>
      <c r="X11221" s="19"/>
      <c r="Y11221" s="19"/>
      <c r="Z11221" s="19"/>
      <c r="AA11221" s="19"/>
    </row>
    <row r="11222" spans="1:27" s="1" customFormat="1" ht="14.1" customHeight="1" outlineLevel="3" x14ac:dyDescent="0.2">
      <c r="A11222" s="17">
        <v>13838</v>
      </c>
      <c r="B11222" s="17"/>
      <c r="C11222" s="17"/>
      <c r="D11222" s="18" t="s">
        <v>5568</v>
      </c>
      <c r="E11222" s="18"/>
      <c r="F11222" s="18"/>
      <c r="G11222" s="18"/>
      <c r="H11222" s="18"/>
      <c r="I11222" s="18"/>
      <c r="J11222" s="18"/>
      <c r="K11222" s="18"/>
      <c r="L11222" s="18"/>
      <c r="M11222" s="18"/>
      <c r="N11222" s="18"/>
      <c r="O11222" s="18"/>
      <c r="P11222" s="19">
        <v>150</v>
      </c>
      <c r="Q11222" s="19"/>
      <c r="R11222" s="19"/>
      <c r="S11222" s="19"/>
      <c r="T11222" s="19">
        <v>90</v>
      </c>
      <c r="U11222" s="19"/>
      <c r="V11222" s="19"/>
      <c r="W11222" s="19"/>
      <c r="X11222" s="19">
        <v>19</v>
      </c>
      <c r="Y11222" s="19"/>
      <c r="Z11222" s="19"/>
      <c r="AA11222" s="19"/>
    </row>
    <row r="11223" spans="1:27" s="1" customFormat="1" ht="14.1" customHeight="1" outlineLevel="3" x14ac:dyDescent="0.2">
      <c r="A11223" s="17"/>
      <c r="B11223" s="17"/>
      <c r="C11223" s="17"/>
      <c r="D11223" s="18"/>
      <c r="E11223" s="18"/>
      <c r="F11223" s="18"/>
      <c r="G11223" s="18"/>
      <c r="H11223" s="18"/>
      <c r="I11223" s="18"/>
      <c r="J11223" s="18"/>
      <c r="K11223" s="18"/>
      <c r="L11223" s="18"/>
      <c r="M11223" s="18"/>
      <c r="N11223" s="18"/>
      <c r="O11223" s="18"/>
      <c r="P11223" s="19"/>
      <c r="Q11223" s="19"/>
      <c r="R11223" s="19"/>
      <c r="S11223" s="19"/>
      <c r="T11223" s="19"/>
      <c r="U11223" s="19"/>
      <c r="V11223" s="19"/>
      <c r="W11223" s="19"/>
      <c r="X11223" s="19"/>
      <c r="Y11223" s="19"/>
      <c r="Z11223" s="19"/>
      <c r="AA11223" s="19"/>
    </row>
    <row r="11224" spans="1:27" s="1" customFormat="1" ht="14.1" customHeight="1" outlineLevel="3" x14ac:dyDescent="0.2">
      <c r="A11224" s="17">
        <v>13846</v>
      </c>
      <c r="B11224" s="17"/>
      <c r="C11224" s="17"/>
      <c r="D11224" s="18" t="s">
        <v>5569</v>
      </c>
      <c r="E11224" s="18"/>
      <c r="F11224" s="18"/>
      <c r="G11224" s="18"/>
      <c r="H11224" s="18"/>
      <c r="I11224" s="18"/>
      <c r="J11224" s="18"/>
      <c r="K11224" s="18"/>
      <c r="L11224" s="18"/>
      <c r="M11224" s="18"/>
      <c r="N11224" s="18"/>
      <c r="O11224" s="18"/>
      <c r="P11224" s="19">
        <v>150</v>
      </c>
      <c r="Q11224" s="19"/>
      <c r="R11224" s="19"/>
      <c r="S11224" s="19"/>
      <c r="T11224" s="19">
        <v>90</v>
      </c>
      <c r="U11224" s="19"/>
      <c r="V11224" s="19"/>
      <c r="W11224" s="19"/>
      <c r="X11224" s="19">
        <v>3</v>
      </c>
      <c r="Y11224" s="19"/>
      <c r="Z11224" s="19"/>
      <c r="AA11224" s="19"/>
    </row>
    <row r="11225" spans="1:27" s="1" customFormat="1" ht="14.1" customHeight="1" outlineLevel="3" x14ac:dyDescent="0.2">
      <c r="A11225" s="17"/>
      <c r="B11225" s="17"/>
      <c r="C11225" s="17"/>
      <c r="D11225" s="18"/>
      <c r="E11225" s="18"/>
      <c r="F11225" s="18"/>
      <c r="G11225" s="18"/>
      <c r="H11225" s="18"/>
      <c r="I11225" s="18"/>
      <c r="J11225" s="18"/>
      <c r="K11225" s="18"/>
      <c r="L11225" s="18"/>
      <c r="M11225" s="18"/>
      <c r="N11225" s="18"/>
      <c r="O11225" s="18"/>
      <c r="P11225" s="19"/>
      <c r="Q11225" s="19"/>
      <c r="R11225" s="19"/>
      <c r="S11225" s="19"/>
      <c r="T11225" s="19"/>
      <c r="U11225" s="19"/>
      <c r="V11225" s="19"/>
      <c r="W11225" s="19"/>
      <c r="X11225" s="19"/>
      <c r="Y11225" s="19"/>
      <c r="Z11225" s="19"/>
      <c r="AA11225" s="19"/>
    </row>
    <row r="11226" spans="1:27" s="1" customFormat="1" ht="14.1" customHeight="1" outlineLevel="3" x14ac:dyDescent="0.2">
      <c r="A11226" s="17">
        <v>13847</v>
      </c>
      <c r="B11226" s="17"/>
      <c r="C11226" s="17"/>
      <c r="D11226" s="18" t="s">
        <v>5570</v>
      </c>
      <c r="E11226" s="18"/>
      <c r="F11226" s="18"/>
      <c r="G11226" s="18"/>
      <c r="H11226" s="18"/>
      <c r="I11226" s="18"/>
      <c r="J11226" s="18"/>
      <c r="K11226" s="18"/>
      <c r="L11226" s="18"/>
      <c r="M11226" s="18"/>
      <c r="N11226" s="18"/>
      <c r="O11226" s="18"/>
      <c r="P11226" s="19">
        <v>150</v>
      </c>
      <c r="Q11226" s="19"/>
      <c r="R11226" s="19"/>
      <c r="S11226" s="19"/>
      <c r="T11226" s="19">
        <v>90</v>
      </c>
      <c r="U11226" s="19"/>
      <c r="V11226" s="19"/>
      <c r="W11226" s="19"/>
      <c r="X11226" s="19">
        <v>4</v>
      </c>
      <c r="Y11226" s="19"/>
      <c r="Z11226" s="19"/>
      <c r="AA11226" s="19"/>
    </row>
    <row r="11227" spans="1:27" s="1" customFormat="1" ht="14.1" customHeight="1" outlineLevel="3" x14ac:dyDescent="0.2">
      <c r="A11227" s="17"/>
      <c r="B11227" s="17"/>
      <c r="C11227" s="17"/>
      <c r="D11227" s="18"/>
      <c r="E11227" s="18"/>
      <c r="F11227" s="18"/>
      <c r="G11227" s="18"/>
      <c r="H11227" s="18"/>
      <c r="I11227" s="18"/>
      <c r="J11227" s="18"/>
      <c r="K11227" s="18"/>
      <c r="L11227" s="18"/>
      <c r="M11227" s="18"/>
      <c r="N11227" s="18"/>
      <c r="O11227" s="18"/>
      <c r="P11227" s="19"/>
      <c r="Q11227" s="19"/>
      <c r="R11227" s="19"/>
      <c r="S11227" s="19"/>
      <c r="T11227" s="19"/>
      <c r="U11227" s="19"/>
      <c r="V11227" s="19"/>
      <c r="W11227" s="19"/>
      <c r="X11227" s="19"/>
      <c r="Y11227" s="19"/>
      <c r="Z11227" s="19"/>
      <c r="AA11227" s="19"/>
    </row>
    <row r="11228" spans="1:27" s="1" customFormat="1" ht="14.1" customHeight="1" outlineLevel="3" x14ac:dyDescent="0.2">
      <c r="A11228" s="17">
        <v>13848</v>
      </c>
      <c r="B11228" s="17"/>
      <c r="C11228" s="17"/>
      <c r="D11228" s="18" t="s">
        <v>5571</v>
      </c>
      <c r="E11228" s="18"/>
      <c r="F11228" s="18"/>
      <c r="G11228" s="18"/>
      <c r="H11228" s="18"/>
      <c r="I11228" s="18"/>
      <c r="J11228" s="18"/>
      <c r="K11228" s="18"/>
      <c r="L11228" s="18"/>
      <c r="M11228" s="18"/>
      <c r="N11228" s="18"/>
      <c r="O11228" s="18"/>
      <c r="P11228" s="19">
        <v>150</v>
      </c>
      <c r="Q11228" s="19"/>
      <c r="R11228" s="19"/>
      <c r="S11228" s="19"/>
      <c r="T11228" s="19">
        <v>90</v>
      </c>
      <c r="U11228" s="19"/>
      <c r="V11228" s="19"/>
      <c r="W11228" s="19"/>
      <c r="X11228" s="19">
        <v>2</v>
      </c>
      <c r="Y11228" s="19"/>
      <c r="Z11228" s="19"/>
      <c r="AA11228" s="19"/>
    </row>
    <row r="11229" spans="1:27" s="1" customFormat="1" ht="14.1" customHeight="1" outlineLevel="3" x14ac:dyDescent="0.2">
      <c r="A11229" s="17"/>
      <c r="B11229" s="17"/>
      <c r="C11229" s="17"/>
      <c r="D11229" s="18"/>
      <c r="E11229" s="18"/>
      <c r="F11229" s="18"/>
      <c r="G11229" s="18"/>
      <c r="H11229" s="18"/>
      <c r="I11229" s="18"/>
      <c r="J11229" s="18"/>
      <c r="K11229" s="18"/>
      <c r="L11229" s="18"/>
      <c r="M11229" s="18"/>
      <c r="N11229" s="18"/>
      <c r="O11229" s="18"/>
      <c r="P11229" s="19"/>
      <c r="Q11229" s="19"/>
      <c r="R11229" s="19"/>
      <c r="S11229" s="19"/>
      <c r="T11229" s="19"/>
      <c r="U11229" s="19"/>
      <c r="V11229" s="19"/>
      <c r="W11229" s="19"/>
      <c r="X11229" s="19"/>
      <c r="Y11229" s="19"/>
      <c r="Z11229" s="19"/>
      <c r="AA11229" s="19"/>
    </row>
    <row r="11230" spans="1:27" s="1" customFormat="1" ht="14.1" customHeight="1" outlineLevel="3" x14ac:dyDescent="0.2">
      <c r="A11230" s="17">
        <v>13845</v>
      </c>
      <c r="B11230" s="17"/>
      <c r="C11230" s="17"/>
      <c r="D11230" s="18" t="s">
        <v>5572</v>
      </c>
      <c r="E11230" s="18"/>
      <c r="F11230" s="18"/>
      <c r="G11230" s="18"/>
      <c r="H11230" s="18"/>
      <c r="I11230" s="18"/>
      <c r="J11230" s="18"/>
      <c r="K11230" s="18"/>
      <c r="L11230" s="18"/>
      <c r="M11230" s="18"/>
      <c r="N11230" s="18"/>
      <c r="O11230" s="18"/>
      <c r="P11230" s="19">
        <v>150</v>
      </c>
      <c r="Q11230" s="19"/>
      <c r="R11230" s="19"/>
      <c r="S11230" s="19"/>
      <c r="T11230" s="19">
        <v>90</v>
      </c>
      <c r="U11230" s="19"/>
      <c r="V11230" s="19"/>
      <c r="W11230" s="19"/>
      <c r="X11230" s="19">
        <v>2</v>
      </c>
      <c r="Y11230" s="19"/>
      <c r="Z11230" s="19"/>
      <c r="AA11230" s="19"/>
    </row>
    <row r="11231" spans="1:27" s="1" customFormat="1" ht="14.1" customHeight="1" outlineLevel="3" x14ac:dyDescent="0.2">
      <c r="A11231" s="17"/>
      <c r="B11231" s="17"/>
      <c r="C11231" s="17"/>
      <c r="D11231" s="18"/>
      <c r="E11231" s="18"/>
      <c r="F11231" s="18"/>
      <c r="G11231" s="18"/>
      <c r="H11231" s="18"/>
      <c r="I11231" s="18"/>
      <c r="J11231" s="18"/>
      <c r="K11231" s="18"/>
      <c r="L11231" s="18"/>
      <c r="M11231" s="18"/>
      <c r="N11231" s="18"/>
      <c r="O11231" s="18"/>
      <c r="P11231" s="19"/>
      <c r="Q11231" s="19"/>
      <c r="R11231" s="19"/>
      <c r="S11231" s="19"/>
      <c r="T11231" s="19"/>
      <c r="U11231" s="19"/>
      <c r="V11231" s="19"/>
      <c r="W11231" s="19"/>
      <c r="X11231" s="19"/>
      <c r="Y11231" s="19"/>
      <c r="Z11231" s="19"/>
      <c r="AA11231" s="19"/>
    </row>
    <row r="11232" spans="1:27" s="1" customFormat="1" ht="14.1" customHeight="1" outlineLevel="3" x14ac:dyDescent="0.2">
      <c r="A11232" s="17">
        <v>13839</v>
      </c>
      <c r="B11232" s="17"/>
      <c r="C11232" s="17"/>
      <c r="D11232" s="18" t="s">
        <v>5573</v>
      </c>
      <c r="E11232" s="18"/>
      <c r="F11232" s="18"/>
      <c r="G11232" s="18"/>
      <c r="H11232" s="18"/>
      <c r="I11232" s="18"/>
      <c r="J11232" s="18"/>
      <c r="K11232" s="18"/>
      <c r="L11232" s="18"/>
      <c r="M11232" s="18"/>
      <c r="N11232" s="18"/>
      <c r="O11232" s="18"/>
      <c r="P11232" s="19">
        <v>150</v>
      </c>
      <c r="Q11232" s="19"/>
      <c r="R11232" s="19"/>
      <c r="S11232" s="19"/>
      <c r="T11232" s="19">
        <v>90</v>
      </c>
      <c r="U11232" s="19"/>
      <c r="V11232" s="19"/>
      <c r="W11232" s="19"/>
      <c r="X11232" s="19">
        <v>17</v>
      </c>
      <c r="Y11232" s="19"/>
      <c r="Z11232" s="19"/>
      <c r="AA11232" s="19"/>
    </row>
    <row r="11233" spans="1:27" s="1" customFormat="1" ht="14.1" customHeight="1" outlineLevel="3" x14ac:dyDescent="0.2">
      <c r="A11233" s="17"/>
      <c r="B11233" s="17"/>
      <c r="C11233" s="17"/>
      <c r="D11233" s="18"/>
      <c r="E11233" s="18"/>
      <c r="F11233" s="18"/>
      <c r="G11233" s="18"/>
      <c r="H11233" s="18"/>
      <c r="I11233" s="18"/>
      <c r="J11233" s="18"/>
      <c r="K11233" s="18"/>
      <c r="L11233" s="18"/>
      <c r="M11233" s="18"/>
      <c r="N11233" s="18"/>
      <c r="O11233" s="18"/>
      <c r="P11233" s="19"/>
      <c r="Q11233" s="19"/>
      <c r="R11233" s="19"/>
      <c r="S11233" s="19"/>
      <c r="T11233" s="19"/>
      <c r="U11233" s="19"/>
      <c r="V11233" s="19"/>
      <c r="W11233" s="19"/>
      <c r="X11233" s="19"/>
      <c r="Y11233" s="19"/>
      <c r="Z11233" s="19"/>
      <c r="AA11233" s="19"/>
    </row>
    <row r="11234" spans="1:27" s="1" customFormat="1" ht="14.1" customHeight="1" outlineLevel="3" x14ac:dyDescent="0.2">
      <c r="A11234" s="17">
        <v>13840</v>
      </c>
      <c r="B11234" s="17"/>
      <c r="C11234" s="17"/>
      <c r="D11234" s="18" t="s">
        <v>5574</v>
      </c>
      <c r="E11234" s="18"/>
      <c r="F11234" s="18"/>
      <c r="G11234" s="18"/>
      <c r="H11234" s="18"/>
      <c r="I11234" s="18"/>
      <c r="J11234" s="18"/>
      <c r="K11234" s="18"/>
      <c r="L11234" s="18"/>
      <c r="M11234" s="18"/>
      <c r="N11234" s="18"/>
      <c r="O11234" s="18"/>
      <c r="P11234" s="19">
        <v>150</v>
      </c>
      <c r="Q11234" s="19"/>
      <c r="R11234" s="19"/>
      <c r="S11234" s="19"/>
      <c r="T11234" s="19">
        <v>90</v>
      </c>
      <c r="U11234" s="19"/>
      <c r="V11234" s="19"/>
      <c r="W11234" s="19"/>
      <c r="X11234" s="19">
        <v>5</v>
      </c>
      <c r="Y11234" s="19"/>
      <c r="Z11234" s="19"/>
      <c r="AA11234" s="19"/>
    </row>
    <row r="11235" spans="1:27" s="1" customFormat="1" ht="14.1" customHeight="1" outlineLevel="3" x14ac:dyDescent="0.2">
      <c r="A11235" s="17"/>
      <c r="B11235" s="17"/>
      <c r="C11235" s="17"/>
      <c r="D11235" s="18"/>
      <c r="E11235" s="18"/>
      <c r="F11235" s="18"/>
      <c r="G11235" s="18"/>
      <c r="H11235" s="18"/>
      <c r="I11235" s="18"/>
      <c r="J11235" s="18"/>
      <c r="K11235" s="18"/>
      <c r="L11235" s="18"/>
      <c r="M11235" s="18"/>
      <c r="N11235" s="18"/>
      <c r="O11235" s="18"/>
      <c r="P11235" s="19"/>
      <c r="Q11235" s="19"/>
      <c r="R11235" s="19"/>
      <c r="S11235" s="19"/>
      <c r="T11235" s="19"/>
      <c r="U11235" s="19"/>
      <c r="V11235" s="19"/>
      <c r="W11235" s="19"/>
      <c r="X11235" s="19"/>
      <c r="Y11235" s="19"/>
      <c r="Z11235" s="19"/>
      <c r="AA11235" s="19"/>
    </row>
    <row r="11236" spans="1:27" s="1" customFormat="1" ht="14.1" customHeight="1" outlineLevel="3" x14ac:dyDescent="0.2">
      <c r="A11236" s="17">
        <v>13844</v>
      </c>
      <c r="B11236" s="17"/>
      <c r="C11236" s="17"/>
      <c r="D11236" s="18" t="s">
        <v>5575</v>
      </c>
      <c r="E11236" s="18"/>
      <c r="F11236" s="18"/>
      <c r="G11236" s="18"/>
      <c r="H11236" s="18"/>
      <c r="I11236" s="18"/>
      <c r="J11236" s="18"/>
      <c r="K11236" s="18"/>
      <c r="L11236" s="18"/>
      <c r="M11236" s="18"/>
      <c r="N11236" s="18"/>
      <c r="O11236" s="18"/>
      <c r="P11236" s="19">
        <v>150</v>
      </c>
      <c r="Q11236" s="19"/>
      <c r="R11236" s="19"/>
      <c r="S11236" s="19"/>
      <c r="T11236" s="19">
        <v>90</v>
      </c>
      <c r="U11236" s="19"/>
      <c r="V11236" s="19"/>
      <c r="W11236" s="19"/>
      <c r="X11236" s="19">
        <v>8</v>
      </c>
      <c r="Y11236" s="19"/>
      <c r="Z11236" s="19"/>
      <c r="AA11236" s="19"/>
    </row>
    <row r="11237" spans="1:27" s="1" customFormat="1" ht="14.1" customHeight="1" outlineLevel="3" x14ac:dyDescent="0.2">
      <c r="A11237" s="17"/>
      <c r="B11237" s="17"/>
      <c r="C11237" s="17"/>
      <c r="D11237" s="18"/>
      <c r="E11237" s="18"/>
      <c r="F11237" s="18"/>
      <c r="G11237" s="18"/>
      <c r="H11237" s="18"/>
      <c r="I11237" s="18"/>
      <c r="J11237" s="18"/>
      <c r="K11237" s="18"/>
      <c r="L11237" s="18"/>
      <c r="M11237" s="18"/>
      <c r="N11237" s="18"/>
      <c r="O11237" s="18"/>
      <c r="P11237" s="19"/>
      <c r="Q11237" s="19"/>
      <c r="R11237" s="19"/>
      <c r="S11237" s="19"/>
      <c r="T11237" s="19"/>
      <c r="U11237" s="19"/>
      <c r="V11237" s="19"/>
      <c r="W11237" s="19"/>
      <c r="X11237" s="19"/>
      <c r="Y11237" s="19"/>
      <c r="Z11237" s="19"/>
      <c r="AA11237" s="19"/>
    </row>
    <row r="11238" spans="1:27" s="1" customFormat="1" ht="14.1" customHeight="1" outlineLevel="3" x14ac:dyDescent="0.2">
      <c r="A11238" s="17">
        <v>13841</v>
      </c>
      <c r="B11238" s="17"/>
      <c r="C11238" s="17"/>
      <c r="D11238" s="18" t="s">
        <v>5576</v>
      </c>
      <c r="E11238" s="18"/>
      <c r="F11238" s="18"/>
      <c r="G11238" s="18"/>
      <c r="H11238" s="18"/>
      <c r="I11238" s="18"/>
      <c r="J11238" s="18"/>
      <c r="K11238" s="18"/>
      <c r="L11238" s="18"/>
      <c r="M11238" s="18"/>
      <c r="N11238" s="18"/>
      <c r="O11238" s="18"/>
      <c r="P11238" s="19">
        <v>150</v>
      </c>
      <c r="Q11238" s="19"/>
      <c r="R11238" s="19"/>
      <c r="S11238" s="19"/>
      <c r="T11238" s="19">
        <v>90</v>
      </c>
      <c r="U11238" s="19"/>
      <c r="V11238" s="19"/>
      <c r="W11238" s="19"/>
      <c r="X11238" s="19">
        <v>3</v>
      </c>
      <c r="Y11238" s="19"/>
      <c r="Z11238" s="19"/>
      <c r="AA11238" s="19"/>
    </row>
    <row r="11239" spans="1:27" s="1" customFormat="1" ht="14.1" customHeight="1" outlineLevel="3" x14ac:dyDescent="0.2">
      <c r="A11239" s="17"/>
      <c r="B11239" s="17"/>
      <c r="C11239" s="17"/>
      <c r="D11239" s="18"/>
      <c r="E11239" s="18"/>
      <c r="F11239" s="18"/>
      <c r="G11239" s="18"/>
      <c r="H11239" s="18"/>
      <c r="I11239" s="18"/>
      <c r="J11239" s="18"/>
      <c r="K11239" s="18"/>
      <c r="L11239" s="18"/>
      <c r="M11239" s="18"/>
      <c r="N11239" s="18"/>
      <c r="O11239" s="18"/>
      <c r="P11239" s="19"/>
      <c r="Q11239" s="19"/>
      <c r="R11239" s="19"/>
      <c r="S11239" s="19"/>
      <c r="T11239" s="19"/>
      <c r="U11239" s="19"/>
      <c r="V11239" s="19"/>
      <c r="W11239" s="19"/>
      <c r="X11239" s="19"/>
      <c r="Y11239" s="19"/>
      <c r="Z11239" s="19"/>
      <c r="AA11239" s="19"/>
    </row>
    <row r="11240" spans="1:27" s="1" customFormat="1" ht="11.1" customHeight="1" outlineLevel="2" x14ac:dyDescent="0.2">
      <c r="A11240" s="16" t="s">
        <v>5577</v>
      </c>
      <c r="B11240" s="16"/>
      <c r="C11240" s="16"/>
      <c r="D11240" s="16"/>
      <c r="E11240" s="16"/>
      <c r="F11240" s="16"/>
      <c r="G11240" s="16"/>
      <c r="H11240" s="16"/>
      <c r="I11240" s="16"/>
      <c r="J11240" s="16"/>
      <c r="K11240" s="16"/>
      <c r="L11240" s="16"/>
      <c r="M11240" s="16"/>
      <c r="N11240" s="16"/>
      <c r="O11240" s="16"/>
      <c r="P11240" s="16"/>
      <c r="Q11240" s="16"/>
      <c r="R11240" s="16"/>
      <c r="S11240" s="16"/>
      <c r="T11240" s="16"/>
      <c r="U11240" s="16"/>
      <c r="V11240" s="16"/>
      <c r="W11240" s="16"/>
      <c r="X11240" s="16"/>
      <c r="Y11240" s="16"/>
      <c r="Z11240" s="16"/>
      <c r="AA11240" s="16"/>
    </row>
    <row r="11241" spans="1:27" s="1" customFormat="1" ht="11.1" customHeight="1" outlineLevel="2" x14ac:dyDescent="0.2">
      <c r="A11241" s="16"/>
      <c r="B11241" s="16"/>
      <c r="C11241" s="16"/>
      <c r="D11241" s="16"/>
      <c r="E11241" s="16"/>
      <c r="F11241" s="16"/>
      <c r="G11241" s="16"/>
      <c r="H11241" s="16"/>
      <c r="I11241" s="16"/>
      <c r="J11241" s="16"/>
      <c r="K11241" s="16"/>
      <c r="L11241" s="16"/>
      <c r="M11241" s="16"/>
      <c r="N11241" s="16"/>
      <c r="O11241" s="16"/>
      <c r="P11241" s="16"/>
      <c r="Q11241" s="16"/>
      <c r="R11241" s="16"/>
      <c r="S11241" s="16"/>
      <c r="T11241" s="16"/>
      <c r="U11241" s="16"/>
      <c r="V11241" s="16"/>
      <c r="W11241" s="16"/>
      <c r="X11241" s="16"/>
      <c r="Y11241" s="16"/>
      <c r="Z11241" s="16"/>
      <c r="AA11241" s="16"/>
    </row>
    <row r="11242" spans="1:27" s="1" customFormat="1" ht="14.1" customHeight="1" outlineLevel="3" x14ac:dyDescent="0.2">
      <c r="A11242" s="17">
        <v>14554</v>
      </c>
      <c r="B11242" s="17"/>
      <c r="C11242" s="17"/>
      <c r="D11242" s="18" t="s">
        <v>5578</v>
      </c>
      <c r="E11242" s="18"/>
      <c r="F11242" s="18"/>
      <c r="G11242" s="18"/>
      <c r="H11242" s="18"/>
      <c r="I11242" s="18"/>
      <c r="J11242" s="18"/>
      <c r="K11242" s="18"/>
      <c r="L11242" s="18"/>
      <c r="M11242" s="18"/>
      <c r="N11242" s="18"/>
      <c r="O11242" s="18"/>
      <c r="P11242" s="19">
        <v>240</v>
      </c>
      <c r="Q11242" s="19"/>
      <c r="R11242" s="19"/>
      <c r="S11242" s="19"/>
      <c r="T11242" s="19">
        <v>190</v>
      </c>
      <c r="U11242" s="19"/>
      <c r="V11242" s="19"/>
      <c r="W11242" s="19"/>
      <c r="X11242" s="19">
        <v>1</v>
      </c>
      <c r="Y11242" s="19"/>
      <c r="Z11242" s="19"/>
      <c r="AA11242" s="19"/>
    </row>
    <row r="11243" spans="1:27" s="1" customFormat="1" ht="14.1" customHeight="1" outlineLevel="3" x14ac:dyDescent="0.2">
      <c r="A11243" s="17"/>
      <c r="B11243" s="17"/>
      <c r="C11243" s="17"/>
      <c r="D11243" s="18"/>
      <c r="E11243" s="18"/>
      <c r="F11243" s="18"/>
      <c r="G11243" s="18"/>
      <c r="H11243" s="18"/>
      <c r="I11243" s="18"/>
      <c r="J11243" s="18"/>
      <c r="K11243" s="18"/>
      <c r="L11243" s="18"/>
      <c r="M11243" s="18"/>
      <c r="N11243" s="18"/>
      <c r="O11243" s="18"/>
      <c r="P11243" s="19"/>
      <c r="Q11243" s="19"/>
      <c r="R11243" s="19"/>
      <c r="S11243" s="19"/>
      <c r="T11243" s="19"/>
      <c r="U11243" s="19"/>
      <c r="V11243" s="19"/>
      <c r="W11243" s="19"/>
      <c r="X11243" s="19"/>
      <c r="Y11243" s="19"/>
      <c r="Z11243" s="19"/>
      <c r="AA11243" s="19"/>
    </row>
    <row r="11244" spans="1:27" s="1" customFormat="1" ht="11.1" customHeight="1" outlineLevel="3" x14ac:dyDescent="0.2">
      <c r="A11244" s="17">
        <v>8419</v>
      </c>
      <c r="B11244" s="17"/>
      <c r="C11244" s="17"/>
      <c r="D11244" s="18" t="s">
        <v>5579</v>
      </c>
      <c r="E11244" s="18"/>
      <c r="F11244" s="18"/>
      <c r="G11244" s="18"/>
      <c r="H11244" s="18"/>
      <c r="I11244" s="18"/>
      <c r="J11244" s="18"/>
      <c r="K11244" s="18"/>
      <c r="L11244" s="18"/>
      <c r="M11244" s="18"/>
      <c r="N11244" s="18"/>
      <c r="O11244" s="18"/>
      <c r="P11244" s="19">
        <v>200</v>
      </c>
      <c r="Q11244" s="19"/>
      <c r="R11244" s="19"/>
      <c r="S11244" s="19"/>
      <c r="T11244" s="19">
        <v>90</v>
      </c>
      <c r="U11244" s="19"/>
      <c r="V11244" s="19"/>
      <c r="W11244" s="19"/>
      <c r="X11244" s="19">
        <v>1</v>
      </c>
      <c r="Y11244" s="19"/>
      <c r="Z11244" s="19"/>
      <c r="AA11244" s="19"/>
    </row>
    <row r="11245" spans="1:27" s="1" customFormat="1" ht="11.1" customHeight="1" outlineLevel="3" x14ac:dyDescent="0.2">
      <c r="A11245" s="17"/>
      <c r="B11245" s="17"/>
      <c r="C11245" s="17"/>
      <c r="D11245" s="18"/>
      <c r="E11245" s="18"/>
      <c r="F11245" s="18"/>
      <c r="G11245" s="18"/>
      <c r="H11245" s="18"/>
      <c r="I11245" s="18"/>
      <c r="J11245" s="18"/>
      <c r="K11245" s="18"/>
      <c r="L11245" s="18"/>
      <c r="M11245" s="18"/>
      <c r="N11245" s="18"/>
      <c r="O11245" s="18"/>
      <c r="P11245" s="19"/>
      <c r="Q11245" s="19"/>
      <c r="R11245" s="19"/>
      <c r="S11245" s="19"/>
      <c r="T11245" s="19"/>
      <c r="U11245" s="19"/>
      <c r="V11245" s="19"/>
      <c r="W11245" s="19"/>
      <c r="X11245" s="19"/>
      <c r="Y11245" s="19"/>
      <c r="Z11245" s="19"/>
      <c r="AA11245" s="19"/>
    </row>
    <row r="11246" spans="1:27" s="1" customFormat="1" ht="11.1" customHeight="1" outlineLevel="3" x14ac:dyDescent="0.2">
      <c r="A11246" s="17">
        <v>8420</v>
      </c>
      <c r="B11246" s="17"/>
      <c r="C11246" s="17"/>
      <c r="D11246" s="18" t="s">
        <v>5580</v>
      </c>
      <c r="E11246" s="18"/>
      <c r="F11246" s="18"/>
      <c r="G11246" s="18"/>
      <c r="H11246" s="18"/>
      <c r="I11246" s="18"/>
      <c r="J11246" s="18"/>
      <c r="K11246" s="18"/>
      <c r="L11246" s="18"/>
      <c r="M11246" s="18"/>
      <c r="N11246" s="18"/>
      <c r="O11246" s="18"/>
      <c r="P11246" s="19">
        <v>200</v>
      </c>
      <c r="Q11246" s="19"/>
      <c r="R11246" s="19"/>
      <c r="S11246" s="19"/>
      <c r="T11246" s="19">
        <v>90</v>
      </c>
      <c r="U11246" s="19"/>
      <c r="V11246" s="19"/>
      <c r="W11246" s="19"/>
      <c r="X11246" s="19">
        <v>8</v>
      </c>
      <c r="Y11246" s="19"/>
      <c r="Z11246" s="19"/>
      <c r="AA11246" s="19"/>
    </row>
    <row r="11247" spans="1:27" s="1" customFormat="1" ht="11.1" customHeight="1" outlineLevel="3" x14ac:dyDescent="0.2">
      <c r="A11247" s="17"/>
      <c r="B11247" s="17"/>
      <c r="C11247" s="17"/>
      <c r="D11247" s="18"/>
      <c r="E11247" s="18"/>
      <c r="F11247" s="18"/>
      <c r="G11247" s="18"/>
      <c r="H11247" s="18"/>
      <c r="I11247" s="18"/>
      <c r="J11247" s="18"/>
      <c r="K11247" s="18"/>
      <c r="L11247" s="18"/>
      <c r="M11247" s="18"/>
      <c r="N11247" s="18"/>
      <c r="O11247" s="18"/>
      <c r="P11247" s="19"/>
      <c r="Q11247" s="19"/>
      <c r="R11247" s="19"/>
      <c r="S11247" s="19"/>
      <c r="T11247" s="19"/>
      <c r="U11247" s="19"/>
      <c r="V11247" s="19"/>
      <c r="W11247" s="19"/>
      <c r="X11247" s="19"/>
      <c r="Y11247" s="19"/>
      <c r="Z11247" s="19"/>
      <c r="AA11247" s="19"/>
    </row>
    <row r="11248" spans="1:27" s="1" customFormat="1" ht="11.1" customHeight="1" outlineLevel="3" x14ac:dyDescent="0.2">
      <c r="A11248" s="17">
        <v>8421</v>
      </c>
      <c r="B11248" s="17"/>
      <c r="C11248" s="17"/>
      <c r="D11248" s="18" t="s">
        <v>5581</v>
      </c>
      <c r="E11248" s="18"/>
      <c r="F11248" s="18"/>
      <c r="G11248" s="18"/>
      <c r="H11248" s="18"/>
      <c r="I11248" s="18"/>
      <c r="J11248" s="18"/>
      <c r="K11248" s="18"/>
      <c r="L11248" s="18"/>
      <c r="M11248" s="18"/>
      <c r="N11248" s="18"/>
      <c r="O11248" s="18"/>
      <c r="P11248" s="19">
        <v>220</v>
      </c>
      <c r="Q11248" s="19"/>
      <c r="R11248" s="19"/>
      <c r="S11248" s="19"/>
      <c r="T11248" s="19">
        <v>110</v>
      </c>
      <c r="U11248" s="19"/>
      <c r="V11248" s="19"/>
      <c r="W11248" s="19"/>
      <c r="X11248" s="19">
        <v>20</v>
      </c>
      <c r="Y11248" s="19"/>
      <c r="Z11248" s="19"/>
      <c r="AA11248" s="19"/>
    </row>
    <row r="11249" spans="1:27" s="1" customFormat="1" ht="11.1" customHeight="1" outlineLevel="3" x14ac:dyDescent="0.2">
      <c r="A11249" s="17"/>
      <c r="B11249" s="17"/>
      <c r="C11249" s="17"/>
      <c r="D11249" s="18"/>
      <c r="E11249" s="18"/>
      <c r="F11249" s="18"/>
      <c r="G11249" s="18"/>
      <c r="H11249" s="18"/>
      <c r="I11249" s="18"/>
      <c r="J11249" s="18"/>
      <c r="K11249" s="18"/>
      <c r="L11249" s="18"/>
      <c r="M11249" s="18"/>
      <c r="N11249" s="18"/>
      <c r="O11249" s="18"/>
      <c r="P11249" s="19"/>
      <c r="Q11249" s="19"/>
      <c r="R11249" s="19"/>
      <c r="S11249" s="19"/>
      <c r="T11249" s="19"/>
      <c r="U11249" s="19"/>
      <c r="V11249" s="19"/>
      <c r="W11249" s="19"/>
      <c r="X11249" s="19"/>
      <c r="Y11249" s="19"/>
      <c r="Z11249" s="19"/>
      <c r="AA11249" s="19"/>
    </row>
    <row r="11250" spans="1:27" s="1" customFormat="1" ht="11.1" customHeight="1" outlineLevel="3" x14ac:dyDescent="0.2">
      <c r="A11250" s="17">
        <v>13880</v>
      </c>
      <c r="B11250" s="17"/>
      <c r="C11250" s="17"/>
      <c r="D11250" s="18" t="s">
        <v>5582</v>
      </c>
      <c r="E11250" s="18"/>
      <c r="F11250" s="18"/>
      <c r="G11250" s="18"/>
      <c r="H11250" s="18"/>
      <c r="I11250" s="18"/>
      <c r="J11250" s="18"/>
      <c r="K11250" s="18"/>
      <c r="L11250" s="18"/>
      <c r="M11250" s="18"/>
      <c r="N11250" s="18"/>
      <c r="O11250" s="18"/>
      <c r="P11250" s="19">
        <v>440</v>
      </c>
      <c r="Q11250" s="19"/>
      <c r="R11250" s="19"/>
      <c r="S11250" s="19"/>
      <c r="T11250" s="19">
        <v>330</v>
      </c>
      <c r="U11250" s="19"/>
      <c r="V11250" s="19"/>
      <c r="W11250" s="19"/>
      <c r="X11250" s="19">
        <v>1</v>
      </c>
      <c r="Y11250" s="19"/>
      <c r="Z11250" s="19"/>
      <c r="AA11250" s="19"/>
    </row>
    <row r="11251" spans="1:27" s="1" customFormat="1" ht="11.1" customHeight="1" outlineLevel="3" x14ac:dyDescent="0.2">
      <c r="A11251" s="17"/>
      <c r="B11251" s="17"/>
      <c r="C11251" s="17"/>
      <c r="D11251" s="18"/>
      <c r="E11251" s="18"/>
      <c r="F11251" s="18"/>
      <c r="G11251" s="18"/>
      <c r="H11251" s="18"/>
      <c r="I11251" s="18"/>
      <c r="J11251" s="18"/>
      <c r="K11251" s="18"/>
      <c r="L11251" s="18"/>
      <c r="M11251" s="18"/>
      <c r="N11251" s="18"/>
      <c r="O11251" s="18"/>
      <c r="P11251" s="19"/>
      <c r="Q11251" s="19"/>
      <c r="R11251" s="19"/>
      <c r="S11251" s="19"/>
      <c r="T11251" s="19"/>
      <c r="U11251" s="19"/>
      <c r="V11251" s="19"/>
      <c r="W11251" s="19"/>
      <c r="X11251" s="19"/>
      <c r="Y11251" s="19"/>
      <c r="Z11251" s="19"/>
      <c r="AA11251" s="19"/>
    </row>
    <row r="11252" spans="1:27" s="1" customFormat="1" ht="14.1" customHeight="1" outlineLevel="3" x14ac:dyDescent="0.2">
      <c r="A11252" s="17">
        <v>13881</v>
      </c>
      <c r="B11252" s="17"/>
      <c r="C11252" s="17"/>
      <c r="D11252" s="18" t="s">
        <v>5583</v>
      </c>
      <c r="E11252" s="18"/>
      <c r="F11252" s="18"/>
      <c r="G11252" s="18"/>
      <c r="H11252" s="18"/>
      <c r="I11252" s="18"/>
      <c r="J11252" s="18"/>
      <c r="K11252" s="18"/>
      <c r="L11252" s="18"/>
      <c r="M11252" s="18"/>
      <c r="N11252" s="18"/>
      <c r="O11252" s="18"/>
      <c r="P11252" s="19">
        <v>440</v>
      </c>
      <c r="Q11252" s="19"/>
      <c r="R11252" s="19"/>
      <c r="S11252" s="19"/>
      <c r="T11252" s="19">
        <v>330</v>
      </c>
      <c r="U11252" s="19"/>
      <c r="V11252" s="19"/>
      <c r="W11252" s="19"/>
      <c r="X11252" s="19">
        <v>3</v>
      </c>
      <c r="Y11252" s="19"/>
      <c r="Z11252" s="19"/>
      <c r="AA11252" s="19"/>
    </row>
    <row r="11253" spans="1:27" s="1" customFormat="1" ht="14.1" customHeight="1" outlineLevel="3" x14ac:dyDescent="0.2">
      <c r="A11253" s="17"/>
      <c r="B11253" s="17"/>
      <c r="C11253" s="17"/>
      <c r="D11253" s="18"/>
      <c r="E11253" s="18"/>
      <c r="F11253" s="18"/>
      <c r="G11253" s="18"/>
      <c r="H11253" s="18"/>
      <c r="I11253" s="18"/>
      <c r="J11253" s="18"/>
      <c r="K11253" s="18"/>
      <c r="L11253" s="18"/>
      <c r="M11253" s="18"/>
      <c r="N11253" s="18"/>
      <c r="O11253" s="18"/>
      <c r="P11253" s="19"/>
      <c r="Q11253" s="19"/>
      <c r="R11253" s="19"/>
      <c r="S11253" s="19"/>
      <c r="T11253" s="19"/>
      <c r="U11253" s="19"/>
      <c r="V11253" s="19"/>
      <c r="W11253" s="19"/>
      <c r="X11253" s="19"/>
      <c r="Y11253" s="19"/>
      <c r="Z11253" s="19"/>
      <c r="AA11253" s="19"/>
    </row>
    <row r="11254" spans="1:27" s="1" customFormat="1" ht="14.1" customHeight="1" outlineLevel="3" x14ac:dyDescent="0.2">
      <c r="A11254" s="17">
        <v>13878</v>
      </c>
      <c r="B11254" s="17"/>
      <c r="C11254" s="17"/>
      <c r="D11254" s="18" t="s">
        <v>5584</v>
      </c>
      <c r="E11254" s="18"/>
      <c r="F11254" s="18"/>
      <c r="G11254" s="18"/>
      <c r="H11254" s="18"/>
      <c r="I11254" s="18"/>
      <c r="J11254" s="18"/>
      <c r="K11254" s="18"/>
      <c r="L11254" s="18"/>
      <c r="M11254" s="18"/>
      <c r="N11254" s="18"/>
      <c r="O11254" s="18"/>
      <c r="P11254" s="19">
        <v>440</v>
      </c>
      <c r="Q11254" s="19"/>
      <c r="R11254" s="19"/>
      <c r="S11254" s="19"/>
      <c r="T11254" s="19">
        <v>330</v>
      </c>
      <c r="U11254" s="19"/>
      <c r="V11254" s="19"/>
      <c r="W11254" s="19"/>
      <c r="X11254" s="19">
        <v>1</v>
      </c>
      <c r="Y11254" s="19"/>
      <c r="Z11254" s="19"/>
      <c r="AA11254" s="19"/>
    </row>
    <row r="11255" spans="1:27" s="1" customFormat="1" ht="14.1" customHeight="1" outlineLevel="3" x14ac:dyDescent="0.2">
      <c r="A11255" s="17"/>
      <c r="B11255" s="17"/>
      <c r="C11255" s="17"/>
      <c r="D11255" s="18"/>
      <c r="E11255" s="18"/>
      <c r="F11255" s="18"/>
      <c r="G11255" s="18"/>
      <c r="H11255" s="18"/>
      <c r="I11255" s="18"/>
      <c r="J11255" s="18"/>
      <c r="K11255" s="18"/>
      <c r="L11255" s="18"/>
      <c r="M11255" s="18"/>
      <c r="N11255" s="18"/>
      <c r="O11255" s="18"/>
      <c r="P11255" s="19"/>
      <c r="Q11255" s="19"/>
      <c r="R11255" s="19"/>
      <c r="S11255" s="19"/>
      <c r="T11255" s="19"/>
      <c r="U11255" s="19"/>
      <c r="V11255" s="19"/>
      <c r="W11255" s="19"/>
      <c r="X11255" s="19"/>
      <c r="Y11255" s="19"/>
      <c r="Z11255" s="19"/>
      <c r="AA11255" s="19"/>
    </row>
    <row r="11256" spans="1:27" s="1" customFormat="1" ht="14.1" customHeight="1" outlineLevel="3" x14ac:dyDescent="0.2">
      <c r="A11256" s="17">
        <v>13879</v>
      </c>
      <c r="B11256" s="17"/>
      <c r="C11256" s="17"/>
      <c r="D11256" s="18" t="s">
        <v>5585</v>
      </c>
      <c r="E11256" s="18"/>
      <c r="F11256" s="18"/>
      <c r="G11256" s="18"/>
      <c r="H11256" s="18"/>
      <c r="I11256" s="18"/>
      <c r="J11256" s="18"/>
      <c r="K11256" s="18"/>
      <c r="L11256" s="18"/>
      <c r="M11256" s="18"/>
      <c r="N11256" s="18"/>
      <c r="O11256" s="18"/>
      <c r="P11256" s="19">
        <v>440</v>
      </c>
      <c r="Q11256" s="19"/>
      <c r="R11256" s="19"/>
      <c r="S11256" s="19"/>
      <c r="T11256" s="19">
        <v>330</v>
      </c>
      <c r="U11256" s="19"/>
      <c r="V11256" s="19"/>
      <c r="W11256" s="19"/>
      <c r="X11256" s="19">
        <v>1</v>
      </c>
      <c r="Y11256" s="19"/>
      <c r="Z11256" s="19"/>
      <c r="AA11256" s="19"/>
    </row>
    <row r="11257" spans="1:27" s="1" customFormat="1" ht="14.1" customHeight="1" outlineLevel="3" x14ac:dyDescent="0.2">
      <c r="A11257" s="17"/>
      <c r="B11257" s="17"/>
      <c r="C11257" s="17"/>
      <c r="D11257" s="18"/>
      <c r="E11257" s="18"/>
      <c r="F11257" s="18"/>
      <c r="G11257" s="18"/>
      <c r="H11257" s="18"/>
      <c r="I11257" s="18"/>
      <c r="J11257" s="18"/>
      <c r="K11257" s="18"/>
      <c r="L11257" s="18"/>
      <c r="M11257" s="18"/>
      <c r="N11257" s="18"/>
      <c r="O11257" s="18"/>
      <c r="P11257" s="19"/>
      <c r="Q11257" s="19"/>
      <c r="R11257" s="19"/>
      <c r="S11257" s="19"/>
      <c r="T11257" s="19"/>
      <c r="U11257" s="19"/>
      <c r="V11257" s="19"/>
      <c r="W11257" s="19"/>
      <c r="X11257" s="19"/>
      <c r="Y11257" s="19"/>
      <c r="Z11257" s="19"/>
      <c r="AA11257" s="19"/>
    </row>
    <row r="11258" spans="1:27" s="1" customFormat="1" ht="11.1" customHeight="1" outlineLevel="3" x14ac:dyDescent="0.2">
      <c r="A11258" s="17">
        <v>13877</v>
      </c>
      <c r="B11258" s="17"/>
      <c r="C11258" s="17"/>
      <c r="D11258" s="18" t="s">
        <v>5586</v>
      </c>
      <c r="E11258" s="18"/>
      <c r="F11258" s="18"/>
      <c r="G11258" s="18"/>
      <c r="H11258" s="18"/>
      <c r="I11258" s="18"/>
      <c r="J11258" s="18"/>
      <c r="K11258" s="18"/>
      <c r="L11258" s="18"/>
      <c r="M11258" s="18"/>
      <c r="N11258" s="18"/>
      <c r="O11258" s="18"/>
      <c r="P11258" s="19">
        <v>440</v>
      </c>
      <c r="Q11258" s="19"/>
      <c r="R11258" s="19"/>
      <c r="S11258" s="19"/>
      <c r="T11258" s="19">
        <v>330</v>
      </c>
      <c r="U11258" s="19"/>
      <c r="V11258" s="19"/>
      <c r="W11258" s="19"/>
      <c r="X11258" s="19">
        <v>1</v>
      </c>
      <c r="Y11258" s="19"/>
      <c r="Z11258" s="19"/>
      <c r="AA11258" s="19"/>
    </row>
    <row r="11259" spans="1:27" s="1" customFormat="1" ht="11.1" customHeight="1" outlineLevel="3" x14ac:dyDescent="0.2">
      <c r="A11259" s="17"/>
      <c r="B11259" s="17"/>
      <c r="C11259" s="17"/>
      <c r="D11259" s="18"/>
      <c r="E11259" s="18"/>
      <c r="F11259" s="18"/>
      <c r="G11259" s="18"/>
      <c r="H11259" s="18"/>
      <c r="I11259" s="18"/>
      <c r="J11259" s="18"/>
      <c r="K11259" s="18"/>
      <c r="L11259" s="18"/>
      <c r="M11259" s="18"/>
      <c r="N11259" s="18"/>
      <c r="O11259" s="18"/>
      <c r="P11259" s="19"/>
      <c r="Q11259" s="19"/>
      <c r="R11259" s="19"/>
      <c r="S11259" s="19"/>
      <c r="T11259" s="19"/>
      <c r="U11259" s="19"/>
      <c r="V11259" s="19"/>
      <c r="W11259" s="19"/>
      <c r="X11259" s="19"/>
      <c r="Y11259" s="19"/>
      <c r="Z11259" s="19"/>
      <c r="AA11259" s="19"/>
    </row>
    <row r="11260" spans="1:27" s="1" customFormat="1" ht="14.1" customHeight="1" outlineLevel="3" x14ac:dyDescent="0.2">
      <c r="A11260" s="17">
        <v>13883</v>
      </c>
      <c r="B11260" s="17"/>
      <c r="C11260" s="17"/>
      <c r="D11260" s="18" t="s">
        <v>5587</v>
      </c>
      <c r="E11260" s="18"/>
      <c r="F11260" s="18"/>
      <c r="G11260" s="18"/>
      <c r="H11260" s="18"/>
      <c r="I11260" s="18"/>
      <c r="J11260" s="18"/>
      <c r="K11260" s="18"/>
      <c r="L11260" s="18"/>
      <c r="M11260" s="18"/>
      <c r="N11260" s="18"/>
      <c r="O11260" s="18"/>
      <c r="P11260" s="19">
        <v>440</v>
      </c>
      <c r="Q11260" s="19"/>
      <c r="R11260" s="19"/>
      <c r="S11260" s="19"/>
      <c r="T11260" s="19">
        <v>330</v>
      </c>
      <c r="U11260" s="19"/>
      <c r="V11260" s="19"/>
      <c r="W11260" s="19"/>
      <c r="X11260" s="19">
        <v>1</v>
      </c>
      <c r="Y11260" s="19"/>
      <c r="Z11260" s="19"/>
      <c r="AA11260" s="19"/>
    </row>
    <row r="11261" spans="1:27" s="1" customFormat="1" ht="14.1" customHeight="1" outlineLevel="3" x14ac:dyDescent="0.2">
      <c r="A11261" s="17"/>
      <c r="B11261" s="17"/>
      <c r="C11261" s="17"/>
      <c r="D11261" s="18"/>
      <c r="E11261" s="18"/>
      <c r="F11261" s="18"/>
      <c r="G11261" s="18"/>
      <c r="H11261" s="18"/>
      <c r="I11261" s="18"/>
      <c r="J11261" s="18"/>
      <c r="K11261" s="18"/>
      <c r="L11261" s="18"/>
      <c r="M11261" s="18"/>
      <c r="N11261" s="18"/>
      <c r="O11261" s="18"/>
      <c r="P11261" s="19"/>
      <c r="Q11261" s="19"/>
      <c r="R11261" s="19"/>
      <c r="S11261" s="19"/>
      <c r="T11261" s="19"/>
      <c r="U11261" s="19"/>
      <c r="V11261" s="19"/>
      <c r="W11261" s="19"/>
      <c r="X11261" s="19"/>
      <c r="Y11261" s="19"/>
      <c r="Z11261" s="19"/>
      <c r="AA11261" s="19"/>
    </row>
    <row r="11262" spans="1:27" s="1" customFormat="1" ht="14.1" customHeight="1" outlineLevel="3" x14ac:dyDescent="0.2">
      <c r="A11262" s="17">
        <v>13888</v>
      </c>
      <c r="B11262" s="17"/>
      <c r="C11262" s="17"/>
      <c r="D11262" s="18" t="s">
        <v>5588</v>
      </c>
      <c r="E11262" s="18"/>
      <c r="F11262" s="18"/>
      <c r="G11262" s="18"/>
      <c r="H11262" s="18"/>
      <c r="I11262" s="18"/>
      <c r="J11262" s="18"/>
      <c r="K11262" s="18"/>
      <c r="L11262" s="18"/>
      <c r="M11262" s="18"/>
      <c r="N11262" s="18"/>
      <c r="O11262" s="18"/>
      <c r="P11262" s="19">
        <v>440</v>
      </c>
      <c r="Q11262" s="19"/>
      <c r="R11262" s="19"/>
      <c r="S11262" s="19"/>
      <c r="T11262" s="19">
        <v>330</v>
      </c>
      <c r="U11262" s="19"/>
      <c r="V11262" s="19"/>
      <c r="W11262" s="19"/>
      <c r="X11262" s="19">
        <v>2</v>
      </c>
      <c r="Y11262" s="19"/>
      <c r="Z11262" s="19"/>
      <c r="AA11262" s="19"/>
    </row>
    <row r="11263" spans="1:27" s="1" customFormat="1" ht="14.1" customHeight="1" outlineLevel="3" x14ac:dyDescent="0.2">
      <c r="A11263" s="17"/>
      <c r="B11263" s="17"/>
      <c r="C11263" s="17"/>
      <c r="D11263" s="18"/>
      <c r="E11263" s="18"/>
      <c r="F11263" s="18"/>
      <c r="G11263" s="18"/>
      <c r="H11263" s="18"/>
      <c r="I11263" s="18"/>
      <c r="J11263" s="18"/>
      <c r="K11263" s="18"/>
      <c r="L11263" s="18"/>
      <c r="M11263" s="18"/>
      <c r="N11263" s="18"/>
      <c r="O11263" s="18"/>
      <c r="P11263" s="19"/>
      <c r="Q11263" s="19"/>
      <c r="R11263" s="19"/>
      <c r="S11263" s="19"/>
      <c r="T11263" s="19"/>
      <c r="U11263" s="19"/>
      <c r="V11263" s="19"/>
      <c r="W11263" s="19"/>
      <c r="X11263" s="19"/>
      <c r="Y11263" s="19"/>
      <c r="Z11263" s="19"/>
      <c r="AA11263" s="19"/>
    </row>
    <row r="11264" spans="1:27" s="1" customFormat="1" ht="14.1" customHeight="1" outlineLevel="3" x14ac:dyDescent="0.2">
      <c r="A11264" s="17">
        <v>13885</v>
      </c>
      <c r="B11264" s="17"/>
      <c r="C11264" s="17"/>
      <c r="D11264" s="18" t="s">
        <v>5589</v>
      </c>
      <c r="E11264" s="18"/>
      <c r="F11264" s="18"/>
      <c r="G11264" s="18"/>
      <c r="H11264" s="18"/>
      <c r="I11264" s="18"/>
      <c r="J11264" s="18"/>
      <c r="K11264" s="18"/>
      <c r="L11264" s="18"/>
      <c r="M11264" s="18"/>
      <c r="N11264" s="18"/>
      <c r="O11264" s="18"/>
      <c r="P11264" s="19">
        <v>440</v>
      </c>
      <c r="Q11264" s="19"/>
      <c r="R11264" s="19"/>
      <c r="S11264" s="19"/>
      <c r="T11264" s="19">
        <v>330</v>
      </c>
      <c r="U11264" s="19"/>
      <c r="V11264" s="19"/>
      <c r="W11264" s="19"/>
      <c r="X11264" s="19">
        <v>1</v>
      </c>
      <c r="Y11264" s="19"/>
      <c r="Z11264" s="19"/>
      <c r="AA11264" s="19"/>
    </row>
    <row r="11265" spans="1:27" s="1" customFormat="1" ht="14.1" customHeight="1" outlineLevel="3" x14ac:dyDescent="0.2">
      <c r="A11265" s="17"/>
      <c r="B11265" s="17"/>
      <c r="C11265" s="17"/>
      <c r="D11265" s="18"/>
      <c r="E11265" s="18"/>
      <c r="F11265" s="18"/>
      <c r="G11265" s="18"/>
      <c r="H11265" s="18"/>
      <c r="I11265" s="18"/>
      <c r="J11265" s="18"/>
      <c r="K11265" s="18"/>
      <c r="L11265" s="18"/>
      <c r="M11265" s="18"/>
      <c r="N11265" s="18"/>
      <c r="O11265" s="18"/>
      <c r="P11265" s="19"/>
      <c r="Q11265" s="19"/>
      <c r="R11265" s="19"/>
      <c r="S11265" s="19"/>
      <c r="T11265" s="19"/>
      <c r="U11265" s="19"/>
      <c r="V11265" s="19"/>
      <c r="W11265" s="19"/>
      <c r="X11265" s="19"/>
      <c r="Y11265" s="19"/>
      <c r="Z11265" s="19"/>
      <c r="AA11265" s="19"/>
    </row>
    <row r="11266" spans="1:27" s="1" customFormat="1" ht="11.1" customHeight="1" outlineLevel="3" x14ac:dyDescent="0.2">
      <c r="A11266" s="17">
        <v>13889</v>
      </c>
      <c r="B11266" s="17"/>
      <c r="C11266" s="17"/>
      <c r="D11266" s="18" t="s">
        <v>5590</v>
      </c>
      <c r="E11266" s="18"/>
      <c r="F11266" s="18"/>
      <c r="G11266" s="18"/>
      <c r="H11266" s="18"/>
      <c r="I11266" s="18"/>
      <c r="J11266" s="18"/>
      <c r="K11266" s="18"/>
      <c r="L11266" s="18"/>
      <c r="M11266" s="18"/>
      <c r="N11266" s="18"/>
      <c r="O11266" s="18"/>
      <c r="P11266" s="19">
        <v>440</v>
      </c>
      <c r="Q11266" s="19"/>
      <c r="R11266" s="19"/>
      <c r="S11266" s="19"/>
      <c r="T11266" s="19">
        <v>330</v>
      </c>
      <c r="U11266" s="19"/>
      <c r="V11266" s="19"/>
      <c r="W11266" s="19"/>
      <c r="X11266" s="19">
        <v>1</v>
      </c>
      <c r="Y11266" s="19"/>
      <c r="Z11266" s="19"/>
      <c r="AA11266" s="19"/>
    </row>
    <row r="11267" spans="1:27" s="1" customFormat="1" ht="11.1" customHeight="1" outlineLevel="3" x14ac:dyDescent="0.2">
      <c r="A11267" s="17"/>
      <c r="B11267" s="17"/>
      <c r="C11267" s="17"/>
      <c r="D11267" s="18"/>
      <c r="E11267" s="18"/>
      <c r="F11267" s="18"/>
      <c r="G11267" s="18"/>
      <c r="H11267" s="18"/>
      <c r="I11267" s="18"/>
      <c r="J11267" s="18"/>
      <c r="K11267" s="18"/>
      <c r="L11267" s="18"/>
      <c r="M11267" s="18"/>
      <c r="N11267" s="18"/>
      <c r="O11267" s="18"/>
      <c r="P11267" s="19"/>
      <c r="Q11267" s="19"/>
      <c r="R11267" s="19"/>
      <c r="S11267" s="19"/>
      <c r="T11267" s="19"/>
      <c r="U11267" s="19"/>
      <c r="V11267" s="19"/>
      <c r="W11267" s="19"/>
      <c r="X11267" s="19"/>
      <c r="Y11267" s="19"/>
      <c r="Z11267" s="19"/>
      <c r="AA11267" s="19"/>
    </row>
    <row r="11268" spans="1:27" s="1" customFormat="1" ht="11.1" customHeight="1" outlineLevel="3" x14ac:dyDescent="0.2">
      <c r="A11268" s="17">
        <v>13869</v>
      </c>
      <c r="B11268" s="17"/>
      <c r="C11268" s="17"/>
      <c r="D11268" s="18" t="s">
        <v>5591</v>
      </c>
      <c r="E11268" s="18"/>
      <c r="F11268" s="18"/>
      <c r="G11268" s="18"/>
      <c r="H11268" s="18"/>
      <c r="I11268" s="18"/>
      <c r="J11268" s="18"/>
      <c r="K11268" s="18"/>
      <c r="L11268" s="18"/>
      <c r="M11268" s="18"/>
      <c r="N11268" s="18"/>
      <c r="O11268" s="18"/>
      <c r="P11268" s="19">
        <v>240</v>
      </c>
      <c r="Q11268" s="19"/>
      <c r="R11268" s="19"/>
      <c r="S11268" s="19"/>
      <c r="T11268" s="19">
        <v>190</v>
      </c>
      <c r="U11268" s="19"/>
      <c r="V11268" s="19"/>
      <c r="W11268" s="19"/>
      <c r="X11268" s="19">
        <v>2</v>
      </c>
      <c r="Y11268" s="19"/>
      <c r="Z11268" s="19"/>
      <c r="AA11268" s="19"/>
    </row>
    <row r="11269" spans="1:27" s="1" customFormat="1" ht="11.1" customHeight="1" outlineLevel="3" x14ac:dyDescent="0.2">
      <c r="A11269" s="17"/>
      <c r="B11269" s="17"/>
      <c r="C11269" s="17"/>
      <c r="D11269" s="18"/>
      <c r="E11269" s="18"/>
      <c r="F11269" s="18"/>
      <c r="G11269" s="18"/>
      <c r="H11269" s="18"/>
      <c r="I11269" s="18"/>
      <c r="J11269" s="18"/>
      <c r="K11269" s="18"/>
      <c r="L11269" s="18"/>
      <c r="M11269" s="18"/>
      <c r="N11269" s="18"/>
      <c r="O11269" s="18"/>
      <c r="P11269" s="19"/>
      <c r="Q11269" s="19"/>
      <c r="R11269" s="19"/>
      <c r="S11269" s="19"/>
      <c r="T11269" s="19"/>
      <c r="U11269" s="19"/>
      <c r="V11269" s="19"/>
      <c r="W11269" s="19"/>
      <c r="X11269" s="19"/>
      <c r="Y11269" s="19"/>
      <c r="Z11269" s="19"/>
      <c r="AA11269" s="19"/>
    </row>
    <row r="11270" spans="1:27" s="1" customFormat="1" ht="11.1" customHeight="1" outlineLevel="3" x14ac:dyDescent="0.2">
      <c r="A11270" s="17">
        <v>13865</v>
      </c>
      <c r="B11270" s="17"/>
      <c r="C11270" s="17"/>
      <c r="D11270" s="18" t="s">
        <v>5592</v>
      </c>
      <c r="E11270" s="18"/>
      <c r="F11270" s="18"/>
      <c r="G11270" s="18"/>
      <c r="H11270" s="18"/>
      <c r="I11270" s="18"/>
      <c r="J11270" s="18"/>
      <c r="K11270" s="18"/>
      <c r="L11270" s="18"/>
      <c r="M11270" s="18"/>
      <c r="N11270" s="18"/>
      <c r="O11270" s="18"/>
      <c r="P11270" s="19">
        <v>240</v>
      </c>
      <c r="Q11270" s="19"/>
      <c r="R11270" s="19"/>
      <c r="S11270" s="19"/>
      <c r="T11270" s="19">
        <v>190</v>
      </c>
      <c r="U11270" s="19"/>
      <c r="V11270" s="19"/>
      <c r="W11270" s="19"/>
      <c r="X11270" s="19">
        <v>2</v>
      </c>
      <c r="Y11270" s="19"/>
      <c r="Z11270" s="19"/>
      <c r="AA11270" s="19"/>
    </row>
    <row r="11271" spans="1:27" s="1" customFormat="1" ht="11.1" customHeight="1" outlineLevel="3" x14ac:dyDescent="0.2">
      <c r="A11271" s="17"/>
      <c r="B11271" s="17"/>
      <c r="C11271" s="17"/>
      <c r="D11271" s="18"/>
      <c r="E11271" s="18"/>
      <c r="F11271" s="18"/>
      <c r="G11271" s="18"/>
      <c r="H11271" s="18"/>
      <c r="I11271" s="18"/>
      <c r="J11271" s="18"/>
      <c r="K11271" s="18"/>
      <c r="L11271" s="18"/>
      <c r="M11271" s="18"/>
      <c r="N11271" s="18"/>
      <c r="O11271" s="18"/>
      <c r="P11271" s="19"/>
      <c r="Q11271" s="19"/>
      <c r="R11271" s="19"/>
      <c r="S11271" s="19"/>
      <c r="T11271" s="19"/>
      <c r="U11271" s="19"/>
      <c r="V11271" s="19"/>
      <c r="W11271" s="19"/>
      <c r="X11271" s="19"/>
      <c r="Y11271" s="19"/>
      <c r="Z11271" s="19"/>
      <c r="AA11271" s="19"/>
    </row>
    <row r="11272" spans="1:27" s="1" customFormat="1" ht="11.1" customHeight="1" outlineLevel="3" x14ac:dyDescent="0.2">
      <c r="A11272" s="17">
        <v>13864</v>
      </c>
      <c r="B11272" s="17"/>
      <c r="C11272" s="17"/>
      <c r="D11272" s="18" t="s">
        <v>5593</v>
      </c>
      <c r="E11272" s="18"/>
      <c r="F11272" s="18"/>
      <c r="G11272" s="18"/>
      <c r="H11272" s="18"/>
      <c r="I11272" s="18"/>
      <c r="J11272" s="18"/>
      <c r="K11272" s="18"/>
      <c r="L11272" s="18"/>
      <c r="M11272" s="18"/>
      <c r="N11272" s="18"/>
      <c r="O11272" s="18"/>
      <c r="P11272" s="19">
        <v>240</v>
      </c>
      <c r="Q11272" s="19"/>
      <c r="R11272" s="19"/>
      <c r="S11272" s="19"/>
      <c r="T11272" s="19">
        <v>190</v>
      </c>
      <c r="U11272" s="19"/>
      <c r="V11272" s="19"/>
      <c r="W11272" s="19"/>
      <c r="X11272" s="19">
        <v>1</v>
      </c>
      <c r="Y11272" s="19"/>
      <c r="Z11272" s="19"/>
      <c r="AA11272" s="19"/>
    </row>
    <row r="11273" spans="1:27" s="1" customFormat="1" ht="11.1" customHeight="1" outlineLevel="3" x14ac:dyDescent="0.2">
      <c r="A11273" s="17"/>
      <c r="B11273" s="17"/>
      <c r="C11273" s="17"/>
      <c r="D11273" s="18"/>
      <c r="E11273" s="18"/>
      <c r="F11273" s="18"/>
      <c r="G11273" s="18"/>
      <c r="H11273" s="18"/>
      <c r="I11273" s="18"/>
      <c r="J11273" s="18"/>
      <c r="K11273" s="18"/>
      <c r="L11273" s="18"/>
      <c r="M11273" s="18"/>
      <c r="N11273" s="18"/>
      <c r="O11273" s="18"/>
      <c r="P11273" s="19"/>
      <c r="Q11273" s="19"/>
      <c r="R11273" s="19"/>
      <c r="S11273" s="19"/>
      <c r="T11273" s="19"/>
      <c r="U11273" s="19"/>
      <c r="V11273" s="19"/>
      <c r="W11273" s="19"/>
      <c r="X11273" s="19"/>
      <c r="Y11273" s="19"/>
      <c r="Z11273" s="19"/>
      <c r="AA11273" s="19"/>
    </row>
    <row r="11274" spans="1:27" s="1" customFormat="1" ht="11.1" customHeight="1" outlineLevel="3" x14ac:dyDescent="0.2">
      <c r="A11274" s="17">
        <v>13874</v>
      </c>
      <c r="B11274" s="17"/>
      <c r="C11274" s="17"/>
      <c r="D11274" s="18" t="s">
        <v>5594</v>
      </c>
      <c r="E11274" s="18"/>
      <c r="F11274" s="18"/>
      <c r="G11274" s="18"/>
      <c r="H11274" s="18"/>
      <c r="I11274" s="18"/>
      <c r="J11274" s="18"/>
      <c r="K11274" s="18"/>
      <c r="L11274" s="18"/>
      <c r="M11274" s="18"/>
      <c r="N11274" s="18"/>
      <c r="O11274" s="18"/>
      <c r="P11274" s="19">
        <v>240</v>
      </c>
      <c r="Q11274" s="19"/>
      <c r="R11274" s="19"/>
      <c r="S11274" s="19"/>
      <c r="T11274" s="19">
        <v>190</v>
      </c>
      <c r="U11274" s="19"/>
      <c r="V11274" s="19"/>
      <c r="W11274" s="19"/>
      <c r="X11274" s="19">
        <v>1</v>
      </c>
      <c r="Y11274" s="19"/>
      <c r="Z11274" s="19"/>
      <c r="AA11274" s="19"/>
    </row>
    <row r="11275" spans="1:27" s="1" customFormat="1" ht="11.1" customHeight="1" outlineLevel="3" x14ac:dyDescent="0.2">
      <c r="A11275" s="17"/>
      <c r="B11275" s="17"/>
      <c r="C11275" s="17"/>
      <c r="D11275" s="18"/>
      <c r="E11275" s="18"/>
      <c r="F11275" s="18"/>
      <c r="G11275" s="18"/>
      <c r="H11275" s="18"/>
      <c r="I11275" s="18"/>
      <c r="J11275" s="18"/>
      <c r="K11275" s="18"/>
      <c r="L11275" s="18"/>
      <c r="M11275" s="18"/>
      <c r="N11275" s="18"/>
      <c r="O11275" s="18"/>
      <c r="P11275" s="19"/>
      <c r="Q11275" s="19"/>
      <c r="R11275" s="19"/>
      <c r="S11275" s="19"/>
      <c r="T11275" s="19"/>
      <c r="U11275" s="19"/>
      <c r="V11275" s="19"/>
      <c r="W11275" s="19"/>
      <c r="X11275" s="19"/>
      <c r="Y11275" s="19"/>
      <c r="Z11275" s="19"/>
      <c r="AA11275" s="19"/>
    </row>
    <row r="11276" spans="1:27" s="1" customFormat="1" ht="11.1" customHeight="1" outlineLevel="3" x14ac:dyDescent="0.2">
      <c r="A11276" s="17">
        <v>13872</v>
      </c>
      <c r="B11276" s="17"/>
      <c r="C11276" s="17"/>
      <c r="D11276" s="18" t="s">
        <v>5595</v>
      </c>
      <c r="E11276" s="18"/>
      <c r="F11276" s="18"/>
      <c r="G11276" s="18"/>
      <c r="H11276" s="18"/>
      <c r="I11276" s="18"/>
      <c r="J11276" s="18"/>
      <c r="K11276" s="18"/>
      <c r="L11276" s="18"/>
      <c r="M11276" s="18"/>
      <c r="N11276" s="18"/>
      <c r="O11276" s="18"/>
      <c r="P11276" s="19">
        <v>240</v>
      </c>
      <c r="Q11276" s="19"/>
      <c r="R11276" s="19"/>
      <c r="S11276" s="19"/>
      <c r="T11276" s="19">
        <v>190</v>
      </c>
      <c r="U11276" s="19"/>
      <c r="V11276" s="19"/>
      <c r="W11276" s="19"/>
      <c r="X11276" s="19">
        <v>1</v>
      </c>
      <c r="Y11276" s="19"/>
      <c r="Z11276" s="19"/>
      <c r="AA11276" s="19"/>
    </row>
    <row r="11277" spans="1:27" s="1" customFormat="1" ht="11.1" customHeight="1" outlineLevel="3" x14ac:dyDescent="0.2">
      <c r="A11277" s="17"/>
      <c r="B11277" s="17"/>
      <c r="C11277" s="17"/>
      <c r="D11277" s="18"/>
      <c r="E11277" s="18"/>
      <c r="F11277" s="18"/>
      <c r="G11277" s="18"/>
      <c r="H11277" s="18"/>
      <c r="I11277" s="18"/>
      <c r="J11277" s="18"/>
      <c r="K11277" s="18"/>
      <c r="L11277" s="18"/>
      <c r="M11277" s="18"/>
      <c r="N11277" s="18"/>
      <c r="O11277" s="18"/>
      <c r="P11277" s="19"/>
      <c r="Q11277" s="19"/>
      <c r="R11277" s="19"/>
      <c r="S11277" s="19"/>
      <c r="T11277" s="19"/>
      <c r="U11277" s="19"/>
      <c r="V11277" s="19"/>
      <c r="W11277" s="19"/>
      <c r="X11277" s="19"/>
      <c r="Y11277" s="19"/>
      <c r="Z11277" s="19"/>
      <c r="AA11277" s="19"/>
    </row>
    <row r="11278" spans="1:27" s="1" customFormat="1" ht="11.1" customHeight="1" outlineLevel="3" x14ac:dyDescent="0.2">
      <c r="A11278" s="17">
        <v>13868</v>
      </c>
      <c r="B11278" s="17"/>
      <c r="C11278" s="17"/>
      <c r="D11278" s="18" t="s">
        <v>5596</v>
      </c>
      <c r="E11278" s="18"/>
      <c r="F11278" s="18"/>
      <c r="G11278" s="18"/>
      <c r="H11278" s="18"/>
      <c r="I11278" s="18"/>
      <c r="J11278" s="18"/>
      <c r="K11278" s="18"/>
      <c r="L11278" s="18"/>
      <c r="M11278" s="18"/>
      <c r="N11278" s="18"/>
      <c r="O11278" s="18"/>
      <c r="P11278" s="19">
        <v>240</v>
      </c>
      <c r="Q11278" s="19"/>
      <c r="R11278" s="19"/>
      <c r="S11278" s="19"/>
      <c r="T11278" s="19">
        <v>190</v>
      </c>
      <c r="U11278" s="19"/>
      <c r="V11278" s="19"/>
      <c r="W11278" s="19"/>
      <c r="X11278" s="19">
        <v>1</v>
      </c>
      <c r="Y11278" s="19"/>
      <c r="Z11278" s="19"/>
      <c r="AA11278" s="19"/>
    </row>
    <row r="11279" spans="1:27" s="1" customFormat="1" ht="11.1" customHeight="1" outlineLevel="3" x14ac:dyDescent="0.2">
      <c r="A11279" s="17"/>
      <c r="B11279" s="17"/>
      <c r="C11279" s="17"/>
      <c r="D11279" s="18"/>
      <c r="E11279" s="18"/>
      <c r="F11279" s="18"/>
      <c r="G11279" s="18"/>
      <c r="H11279" s="18"/>
      <c r="I11279" s="18"/>
      <c r="J11279" s="18"/>
      <c r="K11279" s="18"/>
      <c r="L11279" s="18"/>
      <c r="M11279" s="18"/>
      <c r="N11279" s="18"/>
      <c r="O11279" s="18"/>
      <c r="P11279" s="19"/>
      <c r="Q11279" s="19"/>
      <c r="R11279" s="19"/>
      <c r="S11279" s="19"/>
      <c r="T11279" s="19"/>
      <c r="U11279" s="19"/>
      <c r="V11279" s="19"/>
      <c r="W11279" s="19"/>
      <c r="X11279" s="19"/>
      <c r="Y11279" s="19"/>
      <c r="Z11279" s="19"/>
      <c r="AA11279" s="19"/>
    </row>
    <row r="11280" spans="1:27" s="1" customFormat="1" ht="11.1" customHeight="1" outlineLevel="3" x14ac:dyDescent="0.2">
      <c r="A11280" s="17">
        <v>13867</v>
      </c>
      <c r="B11280" s="17"/>
      <c r="C11280" s="17"/>
      <c r="D11280" s="18" t="s">
        <v>5597</v>
      </c>
      <c r="E11280" s="18"/>
      <c r="F11280" s="18"/>
      <c r="G11280" s="18"/>
      <c r="H11280" s="18"/>
      <c r="I11280" s="18"/>
      <c r="J11280" s="18"/>
      <c r="K11280" s="18"/>
      <c r="L11280" s="18"/>
      <c r="M11280" s="18"/>
      <c r="N11280" s="18"/>
      <c r="O11280" s="18"/>
      <c r="P11280" s="19">
        <v>240</v>
      </c>
      <c r="Q11280" s="19"/>
      <c r="R11280" s="19"/>
      <c r="S11280" s="19"/>
      <c r="T11280" s="19">
        <v>190</v>
      </c>
      <c r="U11280" s="19"/>
      <c r="V11280" s="19"/>
      <c r="W11280" s="19"/>
      <c r="X11280" s="19">
        <v>1</v>
      </c>
      <c r="Y11280" s="19"/>
      <c r="Z11280" s="19"/>
      <c r="AA11280" s="19"/>
    </row>
    <row r="11281" spans="1:27" s="1" customFormat="1" ht="11.1" customHeight="1" outlineLevel="3" x14ac:dyDescent="0.2">
      <c r="A11281" s="17"/>
      <c r="B11281" s="17"/>
      <c r="C11281" s="17"/>
      <c r="D11281" s="18"/>
      <c r="E11281" s="18"/>
      <c r="F11281" s="18"/>
      <c r="G11281" s="18"/>
      <c r="H11281" s="18"/>
      <c r="I11281" s="18"/>
      <c r="J11281" s="18"/>
      <c r="K11281" s="18"/>
      <c r="L11281" s="18"/>
      <c r="M11281" s="18"/>
      <c r="N11281" s="18"/>
      <c r="O11281" s="18"/>
      <c r="P11281" s="19"/>
      <c r="Q11281" s="19"/>
      <c r="R11281" s="19"/>
      <c r="S11281" s="19"/>
      <c r="T11281" s="19"/>
      <c r="U11281" s="19"/>
      <c r="V11281" s="19"/>
      <c r="W11281" s="19"/>
      <c r="X11281" s="19"/>
      <c r="Y11281" s="19"/>
      <c r="Z11281" s="19"/>
      <c r="AA11281" s="19"/>
    </row>
    <row r="11282" spans="1:27" s="1" customFormat="1" ht="11.1" customHeight="1" outlineLevel="3" x14ac:dyDescent="0.2">
      <c r="A11282" s="17">
        <v>13861</v>
      </c>
      <c r="B11282" s="17"/>
      <c r="C11282" s="17"/>
      <c r="D11282" s="18" t="s">
        <v>5598</v>
      </c>
      <c r="E11282" s="18"/>
      <c r="F11282" s="18"/>
      <c r="G11282" s="18"/>
      <c r="H11282" s="18"/>
      <c r="I11282" s="18"/>
      <c r="J11282" s="18"/>
      <c r="K11282" s="18"/>
      <c r="L11282" s="18"/>
      <c r="M11282" s="18"/>
      <c r="N11282" s="18"/>
      <c r="O11282" s="18"/>
      <c r="P11282" s="19">
        <v>240</v>
      </c>
      <c r="Q11282" s="19"/>
      <c r="R11282" s="19"/>
      <c r="S11282" s="19"/>
      <c r="T11282" s="19">
        <v>190</v>
      </c>
      <c r="U11282" s="19"/>
      <c r="V11282" s="19"/>
      <c r="W11282" s="19"/>
      <c r="X11282" s="19">
        <v>1</v>
      </c>
      <c r="Y11282" s="19"/>
      <c r="Z11282" s="19"/>
      <c r="AA11282" s="19"/>
    </row>
    <row r="11283" spans="1:27" s="1" customFormat="1" ht="11.1" customHeight="1" outlineLevel="3" x14ac:dyDescent="0.2">
      <c r="A11283" s="17"/>
      <c r="B11283" s="17"/>
      <c r="C11283" s="17"/>
      <c r="D11283" s="18"/>
      <c r="E11283" s="18"/>
      <c r="F11283" s="18"/>
      <c r="G11283" s="18"/>
      <c r="H11283" s="18"/>
      <c r="I11283" s="18"/>
      <c r="J11283" s="18"/>
      <c r="K11283" s="18"/>
      <c r="L11283" s="18"/>
      <c r="M11283" s="18"/>
      <c r="N11283" s="18"/>
      <c r="O11283" s="18"/>
      <c r="P11283" s="19"/>
      <c r="Q11283" s="19"/>
      <c r="R11283" s="19"/>
      <c r="S11283" s="19"/>
      <c r="T11283" s="19"/>
      <c r="U11283" s="19"/>
      <c r="V11283" s="19"/>
      <c r="W11283" s="19"/>
      <c r="X11283" s="19"/>
      <c r="Y11283" s="19"/>
      <c r="Z11283" s="19"/>
      <c r="AA11283" s="19"/>
    </row>
    <row r="11284" spans="1:27" s="1" customFormat="1" ht="11.1" customHeight="1" outlineLevel="3" x14ac:dyDescent="0.2">
      <c r="A11284" s="17">
        <v>7514</v>
      </c>
      <c r="B11284" s="17"/>
      <c r="C11284" s="17"/>
      <c r="D11284" s="18" t="s">
        <v>5599</v>
      </c>
      <c r="E11284" s="18"/>
      <c r="F11284" s="18"/>
      <c r="G11284" s="18"/>
      <c r="H11284" s="18"/>
      <c r="I11284" s="18"/>
      <c r="J11284" s="18"/>
      <c r="K11284" s="18"/>
      <c r="L11284" s="18"/>
      <c r="M11284" s="18"/>
      <c r="N11284" s="18"/>
      <c r="O11284" s="18"/>
      <c r="P11284" s="19">
        <v>240</v>
      </c>
      <c r="Q11284" s="19"/>
      <c r="R11284" s="19"/>
      <c r="S11284" s="19"/>
      <c r="T11284" s="19">
        <v>190</v>
      </c>
      <c r="U11284" s="19"/>
      <c r="V11284" s="19"/>
      <c r="W11284" s="19"/>
      <c r="X11284" s="19">
        <v>1</v>
      </c>
      <c r="Y11284" s="19"/>
      <c r="Z11284" s="19"/>
      <c r="AA11284" s="19"/>
    </row>
    <row r="11285" spans="1:27" s="1" customFormat="1" ht="11.1" customHeight="1" outlineLevel="3" x14ac:dyDescent="0.2">
      <c r="A11285" s="17"/>
      <c r="B11285" s="17"/>
      <c r="C11285" s="17"/>
      <c r="D11285" s="18"/>
      <c r="E11285" s="18"/>
      <c r="F11285" s="18"/>
      <c r="G11285" s="18"/>
      <c r="H11285" s="18"/>
      <c r="I11285" s="18"/>
      <c r="J11285" s="18"/>
      <c r="K11285" s="18"/>
      <c r="L11285" s="18"/>
      <c r="M11285" s="18"/>
      <c r="N11285" s="18"/>
      <c r="O11285" s="18"/>
      <c r="P11285" s="19"/>
      <c r="Q11285" s="19"/>
      <c r="R11285" s="19"/>
      <c r="S11285" s="19"/>
      <c r="T11285" s="19"/>
      <c r="U11285" s="19"/>
      <c r="V11285" s="19"/>
      <c r="W11285" s="19"/>
      <c r="X11285" s="19"/>
      <c r="Y11285" s="19"/>
      <c r="Z11285" s="19"/>
      <c r="AA11285" s="19"/>
    </row>
    <row r="11286" spans="1:27" s="1" customFormat="1" ht="11.1" customHeight="1" outlineLevel="3" x14ac:dyDescent="0.2">
      <c r="A11286" s="17">
        <v>13870</v>
      </c>
      <c r="B11286" s="17"/>
      <c r="C11286" s="17"/>
      <c r="D11286" s="18" t="s">
        <v>5600</v>
      </c>
      <c r="E11286" s="18"/>
      <c r="F11286" s="18"/>
      <c r="G11286" s="18"/>
      <c r="H11286" s="18"/>
      <c r="I11286" s="18"/>
      <c r="J11286" s="18"/>
      <c r="K11286" s="18"/>
      <c r="L11286" s="18"/>
      <c r="M11286" s="18"/>
      <c r="N11286" s="18"/>
      <c r="O11286" s="18"/>
      <c r="P11286" s="19">
        <v>240</v>
      </c>
      <c r="Q11286" s="19"/>
      <c r="R11286" s="19"/>
      <c r="S11286" s="19"/>
      <c r="T11286" s="19">
        <v>190</v>
      </c>
      <c r="U11286" s="19"/>
      <c r="V11286" s="19"/>
      <c r="W11286" s="19"/>
      <c r="X11286" s="19">
        <v>1</v>
      </c>
      <c r="Y11286" s="19"/>
      <c r="Z11286" s="19"/>
      <c r="AA11286" s="19"/>
    </row>
    <row r="11287" spans="1:27" s="1" customFormat="1" ht="11.1" customHeight="1" outlineLevel="3" x14ac:dyDescent="0.2">
      <c r="A11287" s="17"/>
      <c r="B11287" s="17"/>
      <c r="C11287" s="17"/>
      <c r="D11287" s="18"/>
      <c r="E11287" s="18"/>
      <c r="F11287" s="18"/>
      <c r="G11287" s="18"/>
      <c r="H11287" s="18"/>
      <c r="I11287" s="18"/>
      <c r="J11287" s="18"/>
      <c r="K11287" s="18"/>
      <c r="L11287" s="18"/>
      <c r="M11287" s="18"/>
      <c r="N11287" s="18"/>
      <c r="O11287" s="18"/>
      <c r="P11287" s="19"/>
      <c r="Q11287" s="19"/>
      <c r="R11287" s="19"/>
      <c r="S11287" s="19"/>
      <c r="T11287" s="19"/>
      <c r="U11287" s="19"/>
      <c r="V11287" s="19"/>
      <c r="W11287" s="19"/>
      <c r="X11287" s="19"/>
      <c r="Y11287" s="19"/>
      <c r="Z11287" s="19"/>
      <c r="AA11287" s="19"/>
    </row>
    <row r="11288" spans="1:27" s="1" customFormat="1" ht="11.1" customHeight="1" outlineLevel="3" x14ac:dyDescent="0.2">
      <c r="A11288" s="17">
        <v>13863</v>
      </c>
      <c r="B11288" s="17"/>
      <c r="C11288" s="17"/>
      <c r="D11288" s="18" t="s">
        <v>5601</v>
      </c>
      <c r="E11288" s="18"/>
      <c r="F11288" s="18"/>
      <c r="G11288" s="18"/>
      <c r="H11288" s="18"/>
      <c r="I11288" s="18"/>
      <c r="J11288" s="18"/>
      <c r="K11288" s="18"/>
      <c r="L11288" s="18"/>
      <c r="M11288" s="18"/>
      <c r="N11288" s="18"/>
      <c r="O11288" s="18"/>
      <c r="P11288" s="19">
        <v>240</v>
      </c>
      <c r="Q11288" s="19"/>
      <c r="R11288" s="19"/>
      <c r="S11288" s="19"/>
      <c r="T11288" s="19">
        <v>190</v>
      </c>
      <c r="U11288" s="19"/>
      <c r="V11288" s="19"/>
      <c r="W11288" s="19"/>
      <c r="X11288" s="19">
        <v>1</v>
      </c>
      <c r="Y11288" s="19"/>
      <c r="Z11288" s="19"/>
      <c r="AA11288" s="19"/>
    </row>
    <row r="11289" spans="1:27" s="1" customFormat="1" ht="11.1" customHeight="1" outlineLevel="3" x14ac:dyDescent="0.2">
      <c r="A11289" s="17"/>
      <c r="B11289" s="17"/>
      <c r="C11289" s="17"/>
      <c r="D11289" s="18"/>
      <c r="E11289" s="18"/>
      <c r="F11289" s="18"/>
      <c r="G11289" s="18"/>
      <c r="H11289" s="18"/>
      <c r="I11289" s="18"/>
      <c r="J11289" s="18"/>
      <c r="K11289" s="18"/>
      <c r="L11289" s="18"/>
      <c r="M11289" s="18"/>
      <c r="N11289" s="18"/>
      <c r="O11289" s="18"/>
      <c r="P11289" s="19"/>
      <c r="Q11289" s="19"/>
      <c r="R11289" s="19"/>
      <c r="S11289" s="19"/>
      <c r="T11289" s="19"/>
      <c r="U11289" s="19"/>
      <c r="V11289" s="19"/>
      <c r="W11289" s="19"/>
      <c r="X11289" s="19"/>
      <c r="Y11289" s="19"/>
      <c r="Z11289" s="19"/>
      <c r="AA11289" s="19"/>
    </row>
    <row r="11290" spans="1:27" s="1" customFormat="1" ht="11.1" customHeight="1" outlineLevel="3" x14ac:dyDescent="0.2">
      <c r="A11290" s="17">
        <v>13866</v>
      </c>
      <c r="B11290" s="17"/>
      <c r="C11290" s="17"/>
      <c r="D11290" s="18" t="s">
        <v>5602</v>
      </c>
      <c r="E11290" s="18"/>
      <c r="F11290" s="18"/>
      <c r="G11290" s="18"/>
      <c r="H11290" s="18"/>
      <c r="I11290" s="18"/>
      <c r="J11290" s="18"/>
      <c r="K11290" s="18"/>
      <c r="L11290" s="18"/>
      <c r="M11290" s="18"/>
      <c r="N11290" s="18"/>
      <c r="O11290" s="18"/>
      <c r="P11290" s="19">
        <v>240</v>
      </c>
      <c r="Q11290" s="19"/>
      <c r="R11290" s="19"/>
      <c r="S11290" s="19"/>
      <c r="T11290" s="19">
        <v>190</v>
      </c>
      <c r="U11290" s="19"/>
      <c r="V11290" s="19"/>
      <c r="W11290" s="19"/>
      <c r="X11290" s="19">
        <v>1</v>
      </c>
      <c r="Y11290" s="19"/>
      <c r="Z11290" s="19"/>
      <c r="AA11290" s="19"/>
    </row>
    <row r="11291" spans="1:27" s="1" customFormat="1" ht="11.1" customHeight="1" outlineLevel="3" x14ac:dyDescent="0.2">
      <c r="A11291" s="17"/>
      <c r="B11291" s="17"/>
      <c r="C11291" s="17"/>
      <c r="D11291" s="18"/>
      <c r="E11291" s="18"/>
      <c r="F11291" s="18"/>
      <c r="G11291" s="18"/>
      <c r="H11291" s="18"/>
      <c r="I11291" s="18"/>
      <c r="J11291" s="18"/>
      <c r="K11291" s="18"/>
      <c r="L11291" s="18"/>
      <c r="M11291" s="18"/>
      <c r="N11291" s="18"/>
      <c r="O11291" s="18"/>
      <c r="P11291" s="19"/>
      <c r="Q11291" s="19"/>
      <c r="R11291" s="19"/>
      <c r="S11291" s="19"/>
      <c r="T11291" s="19"/>
      <c r="U11291" s="19"/>
      <c r="V11291" s="19"/>
      <c r="W11291" s="19"/>
      <c r="X11291" s="19"/>
      <c r="Y11291" s="19"/>
      <c r="Z11291" s="19"/>
      <c r="AA11291" s="19"/>
    </row>
    <row r="11292" spans="1:27" s="1" customFormat="1" ht="11.1" customHeight="1" outlineLevel="3" x14ac:dyDescent="0.2">
      <c r="A11292" s="17">
        <v>14561</v>
      </c>
      <c r="B11292" s="17"/>
      <c r="C11292" s="17"/>
      <c r="D11292" s="18" t="s">
        <v>5603</v>
      </c>
      <c r="E11292" s="18"/>
      <c r="F11292" s="18"/>
      <c r="G11292" s="18"/>
      <c r="H11292" s="18"/>
      <c r="I11292" s="18"/>
      <c r="J11292" s="18"/>
      <c r="K11292" s="18"/>
      <c r="L11292" s="18"/>
      <c r="M11292" s="18"/>
      <c r="N11292" s="18"/>
      <c r="O11292" s="18"/>
      <c r="P11292" s="19">
        <v>240</v>
      </c>
      <c r="Q11292" s="19"/>
      <c r="R11292" s="19"/>
      <c r="S11292" s="19"/>
      <c r="T11292" s="19">
        <v>190</v>
      </c>
      <c r="U11292" s="19"/>
      <c r="V11292" s="19"/>
      <c r="W11292" s="19"/>
      <c r="X11292" s="19">
        <v>1</v>
      </c>
      <c r="Y11292" s="19"/>
      <c r="Z11292" s="19"/>
      <c r="AA11292" s="19"/>
    </row>
    <row r="11293" spans="1:27" s="1" customFormat="1" ht="11.1" customHeight="1" outlineLevel="3" x14ac:dyDescent="0.2">
      <c r="A11293" s="17"/>
      <c r="B11293" s="17"/>
      <c r="C11293" s="17"/>
      <c r="D11293" s="18"/>
      <c r="E11293" s="18"/>
      <c r="F11293" s="18"/>
      <c r="G11293" s="18"/>
      <c r="H11293" s="18"/>
      <c r="I11293" s="18"/>
      <c r="J11293" s="18"/>
      <c r="K11293" s="18"/>
      <c r="L11293" s="18"/>
      <c r="M11293" s="18"/>
      <c r="N11293" s="18"/>
      <c r="O11293" s="18"/>
      <c r="P11293" s="19"/>
      <c r="Q11293" s="19"/>
      <c r="R11293" s="19"/>
      <c r="S11293" s="19"/>
      <c r="T11293" s="19"/>
      <c r="U11293" s="19"/>
      <c r="V11293" s="19"/>
      <c r="W11293" s="19"/>
      <c r="X11293" s="19"/>
      <c r="Y11293" s="19"/>
      <c r="Z11293" s="19"/>
      <c r="AA11293" s="19"/>
    </row>
    <row r="11294" spans="1:27" s="1" customFormat="1" ht="11.1" customHeight="1" outlineLevel="3" x14ac:dyDescent="0.2">
      <c r="A11294" s="17">
        <v>14558</v>
      </c>
      <c r="B11294" s="17"/>
      <c r="C11294" s="17"/>
      <c r="D11294" s="18" t="s">
        <v>5604</v>
      </c>
      <c r="E11294" s="18"/>
      <c r="F11294" s="18"/>
      <c r="G11294" s="18"/>
      <c r="H11294" s="18"/>
      <c r="I11294" s="18"/>
      <c r="J11294" s="18"/>
      <c r="K11294" s="18"/>
      <c r="L11294" s="18"/>
      <c r="M11294" s="18"/>
      <c r="N11294" s="18"/>
      <c r="O11294" s="18"/>
      <c r="P11294" s="19">
        <v>240</v>
      </c>
      <c r="Q11294" s="19"/>
      <c r="R11294" s="19"/>
      <c r="S11294" s="19"/>
      <c r="T11294" s="19">
        <v>190</v>
      </c>
      <c r="U11294" s="19"/>
      <c r="V11294" s="19"/>
      <c r="W11294" s="19"/>
      <c r="X11294" s="19">
        <v>1</v>
      </c>
      <c r="Y11294" s="19"/>
      <c r="Z11294" s="19"/>
      <c r="AA11294" s="19"/>
    </row>
    <row r="11295" spans="1:27" s="1" customFormat="1" ht="11.1" customHeight="1" outlineLevel="3" x14ac:dyDescent="0.2">
      <c r="A11295" s="17"/>
      <c r="B11295" s="17"/>
      <c r="C11295" s="17"/>
      <c r="D11295" s="18"/>
      <c r="E11295" s="18"/>
      <c r="F11295" s="18"/>
      <c r="G11295" s="18"/>
      <c r="H11295" s="18"/>
      <c r="I11295" s="18"/>
      <c r="J11295" s="18"/>
      <c r="K11295" s="18"/>
      <c r="L11295" s="18"/>
      <c r="M11295" s="18"/>
      <c r="N11295" s="18"/>
      <c r="O11295" s="18"/>
      <c r="P11295" s="19"/>
      <c r="Q11295" s="19"/>
      <c r="R11295" s="19"/>
      <c r="S11295" s="19"/>
      <c r="T11295" s="19"/>
      <c r="U11295" s="19"/>
      <c r="V11295" s="19"/>
      <c r="W11295" s="19"/>
      <c r="X11295" s="19"/>
      <c r="Y11295" s="19"/>
      <c r="Z11295" s="19"/>
      <c r="AA11295" s="19"/>
    </row>
    <row r="11296" spans="1:27" s="1" customFormat="1" ht="14.1" customHeight="1" outlineLevel="3" x14ac:dyDescent="0.2">
      <c r="A11296" s="17">
        <v>14555</v>
      </c>
      <c r="B11296" s="17"/>
      <c r="C11296" s="17"/>
      <c r="D11296" s="18" t="s">
        <v>5605</v>
      </c>
      <c r="E11296" s="18"/>
      <c r="F11296" s="18"/>
      <c r="G11296" s="18"/>
      <c r="H11296" s="18"/>
      <c r="I11296" s="18"/>
      <c r="J11296" s="18"/>
      <c r="K11296" s="18"/>
      <c r="L11296" s="18"/>
      <c r="M11296" s="18"/>
      <c r="N11296" s="18"/>
      <c r="O11296" s="18"/>
      <c r="P11296" s="19">
        <v>240</v>
      </c>
      <c r="Q11296" s="19"/>
      <c r="R11296" s="19"/>
      <c r="S11296" s="19"/>
      <c r="T11296" s="19">
        <v>190</v>
      </c>
      <c r="U11296" s="19"/>
      <c r="V11296" s="19"/>
      <c r="W11296" s="19"/>
      <c r="X11296" s="19">
        <v>1</v>
      </c>
      <c r="Y11296" s="19"/>
      <c r="Z11296" s="19"/>
      <c r="AA11296" s="19"/>
    </row>
    <row r="11297" spans="1:27" s="1" customFormat="1" ht="14.1" customHeight="1" outlineLevel="3" x14ac:dyDescent="0.2">
      <c r="A11297" s="17"/>
      <c r="B11297" s="17"/>
      <c r="C11297" s="17"/>
      <c r="D11297" s="18"/>
      <c r="E11297" s="18"/>
      <c r="F11297" s="18"/>
      <c r="G11297" s="18"/>
      <c r="H11297" s="18"/>
      <c r="I11297" s="18"/>
      <c r="J11297" s="18"/>
      <c r="K11297" s="18"/>
      <c r="L11297" s="18"/>
      <c r="M11297" s="18"/>
      <c r="N11297" s="18"/>
      <c r="O11297" s="18"/>
      <c r="P11297" s="19"/>
      <c r="Q11297" s="19"/>
      <c r="R11297" s="19"/>
      <c r="S11297" s="19"/>
      <c r="T11297" s="19"/>
      <c r="U11297" s="19"/>
      <c r="V11297" s="19"/>
      <c r="W11297" s="19"/>
      <c r="X11297" s="19"/>
      <c r="Y11297" s="19"/>
      <c r="Z11297" s="19"/>
      <c r="AA11297" s="19"/>
    </row>
    <row r="11298" spans="1:27" s="1" customFormat="1" ht="14.1" customHeight="1" outlineLevel="3" x14ac:dyDescent="0.2">
      <c r="A11298" s="17">
        <v>14556</v>
      </c>
      <c r="B11298" s="17"/>
      <c r="C11298" s="17"/>
      <c r="D11298" s="18" t="s">
        <v>5606</v>
      </c>
      <c r="E11298" s="18"/>
      <c r="F11298" s="18"/>
      <c r="G11298" s="18"/>
      <c r="H11298" s="18"/>
      <c r="I11298" s="18"/>
      <c r="J11298" s="18"/>
      <c r="K11298" s="18"/>
      <c r="L11298" s="18"/>
      <c r="M11298" s="18"/>
      <c r="N11298" s="18"/>
      <c r="O11298" s="18"/>
      <c r="P11298" s="19">
        <v>240</v>
      </c>
      <c r="Q11298" s="19"/>
      <c r="R11298" s="19"/>
      <c r="S11298" s="19"/>
      <c r="T11298" s="19">
        <v>190</v>
      </c>
      <c r="U11298" s="19"/>
      <c r="V11298" s="19"/>
      <c r="W11298" s="19"/>
      <c r="X11298" s="19">
        <v>1</v>
      </c>
      <c r="Y11298" s="19"/>
      <c r="Z11298" s="19"/>
      <c r="AA11298" s="19"/>
    </row>
    <row r="11299" spans="1:27" s="1" customFormat="1" ht="14.1" customHeight="1" outlineLevel="3" x14ac:dyDescent="0.2">
      <c r="A11299" s="17"/>
      <c r="B11299" s="17"/>
      <c r="C11299" s="17"/>
      <c r="D11299" s="18"/>
      <c r="E11299" s="18"/>
      <c r="F11299" s="18"/>
      <c r="G11299" s="18"/>
      <c r="H11299" s="18"/>
      <c r="I11299" s="18"/>
      <c r="J11299" s="18"/>
      <c r="K11299" s="18"/>
      <c r="L11299" s="18"/>
      <c r="M11299" s="18"/>
      <c r="N11299" s="18"/>
      <c r="O11299" s="18"/>
      <c r="P11299" s="19"/>
      <c r="Q11299" s="19"/>
      <c r="R11299" s="19"/>
      <c r="S11299" s="19"/>
      <c r="T11299" s="19"/>
      <c r="U11299" s="19"/>
      <c r="V11299" s="19"/>
      <c r="W11299" s="19"/>
      <c r="X11299" s="19"/>
      <c r="Y11299" s="19"/>
      <c r="Z11299" s="19"/>
      <c r="AA11299" s="19"/>
    </row>
    <row r="11300" spans="1:27" s="1" customFormat="1" ht="14.1" customHeight="1" outlineLevel="3" x14ac:dyDescent="0.2">
      <c r="A11300" s="17">
        <v>14557</v>
      </c>
      <c r="B11300" s="17"/>
      <c r="C11300" s="17"/>
      <c r="D11300" s="18" t="s">
        <v>5607</v>
      </c>
      <c r="E11300" s="18"/>
      <c r="F11300" s="18"/>
      <c r="G11300" s="18"/>
      <c r="H11300" s="18"/>
      <c r="I11300" s="18"/>
      <c r="J11300" s="18"/>
      <c r="K11300" s="18"/>
      <c r="L11300" s="18"/>
      <c r="M11300" s="18"/>
      <c r="N11300" s="18"/>
      <c r="O11300" s="18"/>
      <c r="P11300" s="19">
        <v>240</v>
      </c>
      <c r="Q11300" s="19"/>
      <c r="R11300" s="19"/>
      <c r="S11300" s="19"/>
      <c r="T11300" s="19">
        <v>190</v>
      </c>
      <c r="U11300" s="19"/>
      <c r="V11300" s="19"/>
      <c r="W11300" s="19"/>
      <c r="X11300" s="19">
        <v>1</v>
      </c>
      <c r="Y11300" s="19"/>
      <c r="Z11300" s="19"/>
      <c r="AA11300" s="19"/>
    </row>
    <row r="11301" spans="1:27" s="1" customFormat="1" ht="14.1" customHeight="1" outlineLevel="3" x14ac:dyDescent="0.2">
      <c r="A11301" s="17"/>
      <c r="B11301" s="17"/>
      <c r="C11301" s="17"/>
      <c r="D11301" s="18"/>
      <c r="E11301" s="18"/>
      <c r="F11301" s="18"/>
      <c r="G11301" s="18"/>
      <c r="H11301" s="18"/>
      <c r="I11301" s="18"/>
      <c r="J11301" s="18"/>
      <c r="K11301" s="18"/>
      <c r="L11301" s="18"/>
      <c r="M11301" s="18"/>
      <c r="N11301" s="18"/>
      <c r="O11301" s="18"/>
      <c r="P11301" s="19"/>
      <c r="Q11301" s="19"/>
      <c r="R11301" s="19"/>
      <c r="S11301" s="19"/>
      <c r="T11301" s="19"/>
      <c r="U11301" s="19"/>
      <c r="V11301" s="19"/>
      <c r="W11301" s="19"/>
      <c r="X11301" s="19"/>
      <c r="Y11301" s="19"/>
      <c r="Z11301" s="19"/>
      <c r="AA11301" s="19"/>
    </row>
    <row r="11302" spans="1:27" s="1" customFormat="1" ht="11.1" customHeight="1" outlineLevel="2" x14ac:dyDescent="0.2">
      <c r="A11302" s="16" t="s">
        <v>5608</v>
      </c>
      <c r="B11302" s="16"/>
      <c r="C11302" s="16"/>
      <c r="D11302" s="16"/>
      <c r="E11302" s="16"/>
      <c r="F11302" s="16"/>
      <c r="G11302" s="16"/>
      <c r="H11302" s="16"/>
      <c r="I11302" s="16"/>
      <c r="J11302" s="16"/>
      <c r="K11302" s="16"/>
      <c r="L11302" s="16"/>
      <c r="M11302" s="16"/>
      <c r="N11302" s="16"/>
      <c r="O11302" s="16"/>
      <c r="P11302" s="16"/>
      <c r="Q11302" s="16"/>
      <c r="R11302" s="16"/>
      <c r="S11302" s="16"/>
      <c r="T11302" s="16"/>
      <c r="U11302" s="16"/>
      <c r="V11302" s="16"/>
      <c r="W11302" s="16"/>
      <c r="X11302" s="16"/>
      <c r="Y11302" s="16"/>
      <c r="Z11302" s="16"/>
      <c r="AA11302" s="16"/>
    </row>
    <row r="11303" spans="1:27" s="1" customFormat="1" ht="11.1" customHeight="1" outlineLevel="2" x14ac:dyDescent="0.2">
      <c r="A11303" s="16"/>
      <c r="B11303" s="16"/>
      <c r="C11303" s="16"/>
      <c r="D11303" s="16"/>
      <c r="E11303" s="16"/>
      <c r="F11303" s="16"/>
      <c r="G11303" s="16"/>
      <c r="H11303" s="16"/>
      <c r="I11303" s="16"/>
      <c r="J11303" s="16"/>
      <c r="K11303" s="16"/>
      <c r="L11303" s="16"/>
      <c r="M11303" s="16"/>
      <c r="N11303" s="16"/>
      <c r="O11303" s="16"/>
      <c r="P11303" s="16"/>
      <c r="Q11303" s="16"/>
      <c r="R11303" s="16"/>
      <c r="S11303" s="16"/>
      <c r="T11303" s="16"/>
      <c r="U11303" s="16"/>
      <c r="V11303" s="16"/>
      <c r="W11303" s="16"/>
      <c r="X11303" s="16"/>
      <c r="Y11303" s="16"/>
      <c r="Z11303" s="16"/>
      <c r="AA11303" s="16"/>
    </row>
    <row r="11304" spans="1:27" s="1" customFormat="1" ht="11.1" customHeight="1" outlineLevel="3" x14ac:dyDescent="0.2">
      <c r="A11304" s="17">
        <v>7499</v>
      </c>
      <c r="B11304" s="17"/>
      <c r="C11304" s="17"/>
      <c r="D11304" s="18" t="s">
        <v>5609</v>
      </c>
      <c r="E11304" s="18"/>
      <c r="F11304" s="18"/>
      <c r="G11304" s="18"/>
      <c r="H11304" s="18"/>
      <c r="I11304" s="18"/>
      <c r="J11304" s="18"/>
      <c r="K11304" s="18"/>
      <c r="L11304" s="18"/>
      <c r="M11304" s="18"/>
      <c r="N11304" s="18"/>
      <c r="O11304" s="18"/>
      <c r="P11304" s="19">
        <v>150</v>
      </c>
      <c r="Q11304" s="19"/>
      <c r="R11304" s="19"/>
      <c r="S11304" s="19"/>
      <c r="T11304" s="19">
        <v>80</v>
      </c>
      <c r="U11304" s="19"/>
      <c r="V11304" s="19"/>
      <c r="W11304" s="19"/>
      <c r="X11304" s="19">
        <v>9</v>
      </c>
      <c r="Y11304" s="19"/>
      <c r="Z11304" s="19"/>
      <c r="AA11304" s="19"/>
    </row>
    <row r="11305" spans="1:27" s="1" customFormat="1" ht="11.1" customHeight="1" outlineLevel="3" x14ac:dyDescent="0.2">
      <c r="A11305" s="17"/>
      <c r="B11305" s="17"/>
      <c r="C11305" s="17"/>
      <c r="D11305" s="18"/>
      <c r="E11305" s="18"/>
      <c r="F11305" s="18"/>
      <c r="G11305" s="18"/>
      <c r="H11305" s="18"/>
      <c r="I11305" s="18"/>
      <c r="J11305" s="18"/>
      <c r="K11305" s="18"/>
      <c r="L11305" s="18"/>
      <c r="M11305" s="18"/>
      <c r="N11305" s="18"/>
      <c r="O11305" s="18"/>
      <c r="P11305" s="19"/>
      <c r="Q11305" s="19"/>
      <c r="R11305" s="19"/>
      <c r="S11305" s="19"/>
      <c r="T11305" s="19"/>
      <c r="U11305" s="19"/>
      <c r="V11305" s="19"/>
      <c r="W11305" s="19"/>
      <c r="X11305" s="19"/>
      <c r="Y11305" s="19"/>
      <c r="Z11305" s="19"/>
      <c r="AA11305" s="19"/>
    </row>
    <row r="11306" spans="1:27" s="1" customFormat="1" ht="11.1" customHeight="1" outlineLevel="3" x14ac:dyDescent="0.2">
      <c r="A11306" s="17">
        <v>7500</v>
      </c>
      <c r="B11306" s="17"/>
      <c r="C11306" s="17"/>
      <c r="D11306" s="18" t="s">
        <v>5610</v>
      </c>
      <c r="E11306" s="18"/>
      <c r="F11306" s="18"/>
      <c r="G11306" s="18"/>
      <c r="H11306" s="18"/>
      <c r="I11306" s="18"/>
      <c r="J11306" s="18"/>
      <c r="K11306" s="18"/>
      <c r="L11306" s="18"/>
      <c r="M11306" s="18"/>
      <c r="N11306" s="18"/>
      <c r="O11306" s="18"/>
      <c r="P11306" s="19">
        <v>150</v>
      </c>
      <c r="Q11306" s="19"/>
      <c r="R11306" s="19"/>
      <c r="S11306" s="19"/>
      <c r="T11306" s="19">
        <v>80</v>
      </c>
      <c r="U11306" s="19"/>
      <c r="V11306" s="19"/>
      <c r="W11306" s="19"/>
      <c r="X11306" s="19">
        <v>1</v>
      </c>
      <c r="Y11306" s="19"/>
      <c r="Z11306" s="19"/>
      <c r="AA11306" s="19"/>
    </row>
    <row r="11307" spans="1:27" s="1" customFormat="1" ht="11.1" customHeight="1" outlineLevel="3" x14ac:dyDescent="0.2">
      <c r="A11307" s="17"/>
      <c r="B11307" s="17"/>
      <c r="C11307" s="17"/>
      <c r="D11307" s="18"/>
      <c r="E11307" s="18"/>
      <c r="F11307" s="18"/>
      <c r="G11307" s="18"/>
      <c r="H11307" s="18"/>
      <c r="I11307" s="18"/>
      <c r="J11307" s="18"/>
      <c r="K11307" s="18"/>
      <c r="L11307" s="18"/>
      <c r="M11307" s="18"/>
      <c r="N11307" s="18"/>
      <c r="O11307" s="18"/>
      <c r="P11307" s="19"/>
      <c r="Q11307" s="19"/>
      <c r="R11307" s="19"/>
      <c r="S11307" s="19"/>
      <c r="T11307" s="19"/>
      <c r="U11307" s="19"/>
      <c r="V11307" s="19"/>
      <c r="W11307" s="19"/>
      <c r="X11307" s="19"/>
      <c r="Y11307" s="19"/>
      <c r="Z11307" s="19"/>
      <c r="AA11307" s="19"/>
    </row>
    <row r="11308" spans="1:27" s="1" customFormat="1" ht="11.1" customHeight="1" outlineLevel="3" x14ac:dyDescent="0.2">
      <c r="A11308" s="17">
        <v>15897</v>
      </c>
      <c r="B11308" s="17"/>
      <c r="C11308" s="17"/>
      <c r="D11308" s="18" t="s">
        <v>5611</v>
      </c>
      <c r="E11308" s="18"/>
      <c r="F11308" s="18"/>
      <c r="G11308" s="18"/>
      <c r="H11308" s="18"/>
      <c r="I11308" s="18"/>
      <c r="J11308" s="18"/>
      <c r="K11308" s="18"/>
      <c r="L11308" s="18"/>
      <c r="M11308" s="18"/>
      <c r="N11308" s="18"/>
      <c r="O11308" s="18"/>
      <c r="P11308" s="19">
        <v>170</v>
      </c>
      <c r="Q11308" s="19"/>
      <c r="R11308" s="19"/>
      <c r="S11308" s="19"/>
      <c r="T11308" s="19">
        <v>95</v>
      </c>
      <c r="U11308" s="19"/>
      <c r="V11308" s="19"/>
      <c r="W11308" s="19"/>
      <c r="X11308" s="19">
        <v>1</v>
      </c>
      <c r="Y11308" s="19"/>
      <c r="Z11308" s="19"/>
      <c r="AA11308" s="19"/>
    </row>
    <row r="11309" spans="1:27" s="1" customFormat="1" ht="11.1" customHeight="1" outlineLevel="3" x14ac:dyDescent="0.2">
      <c r="A11309" s="17"/>
      <c r="B11309" s="17"/>
      <c r="C11309" s="17"/>
      <c r="D11309" s="18"/>
      <c r="E11309" s="18"/>
      <c r="F11309" s="18"/>
      <c r="G11309" s="18"/>
      <c r="H11309" s="18"/>
      <c r="I11309" s="18"/>
      <c r="J11309" s="18"/>
      <c r="K11309" s="18"/>
      <c r="L11309" s="18"/>
      <c r="M11309" s="18"/>
      <c r="N11309" s="18"/>
      <c r="O11309" s="18"/>
      <c r="P11309" s="19"/>
      <c r="Q11309" s="19"/>
      <c r="R11309" s="19"/>
      <c r="S11309" s="19"/>
      <c r="T11309" s="19"/>
      <c r="U11309" s="19"/>
      <c r="V11309" s="19"/>
      <c r="W11309" s="19"/>
      <c r="X11309" s="19"/>
      <c r="Y11309" s="19"/>
      <c r="Z11309" s="19"/>
      <c r="AA11309" s="19"/>
    </row>
    <row r="11310" spans="1:27" s="1" customFormat="1" ht="11.1" customHeight="1" outlineLevel="3" x14ac:dyDescent="0.2">
      <c r="A11310" s="17">
        <v>15901</v>
      </c>
      <c r="B11310" s="17"/>
      <c r="C11310" s="17"/>
      <c r="D11310" s="18" t="s">
        <v>5612</v>
      </c>
      <c r="E11310" s="18"/>
      <c r="F11310" s="18"/>
      <c r="G11310" s="18"/>
      <c r="H11310" s="18"/>
      <c r="I11310" s="18"/>
      <c r="J11310" s="18"/>
      <c r="K11310" s="18"/>
      <c r="L11310" s="18"/>
      <c r="M11310" s="18"/>
      <c r="N11310" s="18"/>
      <c r="O11310" s="18"/>
      <c r="P11310" s="19">
        <v>190</v>
      </c>
      <c r="Q11310" s="19"/>
      <c r="R11310" s="19"/>
      <c r="S11310" s="19"/>
      <c r="T11310" s="19">
        <v>110</v>
      </c>
      <c r="U11310" s="19"/>
      <c r="V11310" s="19"/>
      <c r="W11310" s="19"/>
      <c r="X11310" s="19">
        <v>1</v>
      </c>
      <c r="Y11310" s="19"/>
      <c r="Z11310" s="19"/>
      <c r="AA11310" s="19"/>
    </row>
    <row r="11311" spans="1:27" s="1" customFormat="1" ht="11.1" customHeight="1" outlineLevel="3" x14ac:dyDescent="0.2">
      <c r="A11311" s="17"/>
      <c r="B11311" s="17"/>
      <c r="C11311" s="17"/>
      <c r="D11311" s="18"/>
      <c r="E11311" s="18"/>
      <c r="F11311" s="18"/>
      <c r="G11311" s="18"/>
      <c r="H11311" s="18"/>
      <c r="I11311" s="18"/>
      <c r="J11311" s="18"/>
      <c r="K11311" s="18"/>
      <c r="L11311" s="18"/>
      <c r="M11311" s="18"/>
      <c r="N11311" s="18"/>
      <c r="O11311" s="18"/>
      <c r="P11311" s="19"/>
      <c r="Q11311" s="19"/>
      <c r="R11311" s="19"/>
      <c r="S11311" s="19"/>
      <c r="T11311" s="19"/>
      <c r="U11311" s="19"/>
      <c r="V11311" s="19"/>
      <c r="W11311" s="19"/>
      <c r="X11311" s="19"/>
      <c r="Y11311" s="19"/>
      <c r="Z11311" s="19"/>
      <c r="AA11311" s="19"/>
    </row>
    <row r="11312" spans="1:27" s="1" customFormat="1" ht="11.1" customHeight="1" outlineLevel="3" x14ac:dyDescent="0.2">
      <c r="A11312" s="17">
        <v>15902</v>
      </c>
      <c r="B11312" s="17"/>
      <c r="C11312" s="17"/>
      <c r="D11312" s="18" t="s">
        <v>5613</v>
      </c>
      <c r="E11312" s="18"/>
      <c r="F11312" s="18"/>
      <c r="G11312" s="18"/>
      <c r="H11312" s="18"/>
      <c r="I11312" s="18"/>
      <c r="J11312" s="18"/>
      <c r="K11312" s="18"/>
      <c r="L11312" s="18"/>
      <c r="M11312" s="18"/>
      <c r="N11312" s="18"/>
      <c r="O11312" s="18"/>
      <c r="P11312" s="19">
        <v>190</v>
      </c>
      <c r="Q11312" s="19"/>
      <c r="R11312" s="19"/>
      <c r="S11312" s="19"/>
      <c r="T11312" s="19">
        <v>110</v>
      </c>
      <c r="U11312" s="19"/>
      <c r="V11312" s="19"/>
      <c r="W11312" s="19"/>
      <c r="X11312" s="19">
        <v>3</v>
      </c>
      <c r="Y11312" s="19"/>
      <c r="Z11312" s="19"/>
      <c r="AA11312" s="19"/>
    </row>
    <row r="11313" spans="1:27" s="1" customFormat="1" ht="11.1" customHeight="1" outlineLevel="3" x14ac:dyDescent="0.2">
      <c r="A11313" s="17"/>
      <c r="B11313" s="17"/>
      <c r="C11313" s="17"/>
      <c r="D11313" s="18"/>
      <c r="E11313" s="18"/>
      <c r="F11313" s="18"/>
      <c r="G11313" s="18"/>
      <c r="H11313" s="18"/>
      <c r="I11313" s="18"/>
      <c r="J11313" s="18"/>
      <c r="K11313" s="18"/>
      <c r="L11313" s="18"/>
      <c r="M11313" s="18"/>
      <c r="N11313" s="18"/>
      <c r="O11313" s="18"/>
      <c r="P11313" s="19"/>
      <c r="Q11313" s="19"/>
      <c r="R11313" s="19"/>
      <c r="S11313" s="19"/>
      <c r="T11313" s="19"/>
      <c r="U11313" s="19"/>
      <c r="V11313" s="19"/>
      <c r="W11313" s="19"/>
      <c r="X11313" s="19"/>
      <c r="Y11313" s="19"/>
      <c r="Z11313" s="19"/>
      <c r="AA11313" s="19"/>
    </row>
    <row r="11314" spans="1:27" s="1" customFormat="1" ht="11.1" customHeight="1" outlineLevel="3" x14ac:dyDescent="0.2">
      <c r="A11314" s="17">
        <v>15898</v>
      </c>
      <c r="B11314" s="17"/>
      <c r="C11314" s="17"/>
      <c r="D11314" s="18" t="s">
        <v>5614</v>
      </c>
      <c r="E11314" s="18"/>
      <c r="F11314" s="18"/>
      <c r="G11314" s="18"/>
      <c r="H11314" s="18"/>
      <c r="I11314" s="18"/>
      <c r="J11314" s="18"/>
      <c r="K11314" s="18"/>
      <c r="L11314" s="18"/>
      <c r="M11314" s="18"/>
      <c r="N11314" s="18"/>
      <c r="O11314" s="18"/>
      <c r="P11314" s="19">
        <v>190</v>
      </c>
      <c r="Q11314" s="19"/>
      <c r="R11314" s="19"/>
      <c r="S11314" s="19"/>
      <c r="T11314" s="19">
        <v>110</v>
      </c>
      <c r="U11314" s="19"/>
      <c r="V11314" s="19"/>
      <c r="W11314" s="19"/>
      <c r="X11314" s="19">
        <v>2</v>
      </c>
      <c r="Y11314" s="19"/>
      <c r="Z11314" s="19"/>
      <c r="AA11314" s="19"/>
    </row>
    <row r="11315" spans="1:27" s="1" customFormat="1" ht="11.1" customHeight="1" outlineLevel="3" x14ac:dyDescent="0.2">
      <c r="A11315" s="17"/>
      <c r="B11315" s="17"/>
      <c r="C11315" s="17"/>
      <c r="D11315" s="18"/>
      <c r="E11315" s="18"/>
      <c r="F11315" s="18"/>
      <c r="G11315" s="18"/>
      <c r="H11315" s="18"/>
      <c r="I11315" s="18"/>
      <c r="J11315" s="18"/>
      <c r="K11315" s="18"/>
      <c r="L11315" s="18"/>
      <c r="M11315" s="18"/>
      <c r="N11315" s="18"/>
      <c r="O11315" s="18"/>
      <c r="P11315" s="19"/>
      <c r="Q11315" s="19"/>
      <c r="R11315" s="19"/>
      <c r="S11315" s="19"/>
      <c r="T11315" s="19"/>
      <c r="U11315" s="19"/>
      <c r="V11315" s="19"/>
      <c r="W11315" s="19"/>
      <c r="X11315" s="19"/>
      <c r="Y11315" s="19"/>
      <c r="Z11315" s="19"/>
      <c r="AA11315" s="19"/>
    </row>
    <row r="11316" spans="1:27" s="1" customFormat="1" ht="11.1" customHeight="1" outlineLevel="3" x14ac:dyDescent="0.2">
      <c r="A11316" s="17">
        <v>15900</v>
      </c>
      <c r="B11316" s="17"/>
      <c r="C11316" s="17"/>
      <c r="D11316" s="18" t="s">
        <v>5615</v>
      </c>
      <c r="E11316" s="18"/>
      <c r="F11316" s="18"/>
      <c r="G11316" s="18"/>
      <c r="H11316" s="18"/>
      <c r="I11316" s="18"/>
      <c r="J11316" s="18"/>
      <c r="K11316" s="18"/>
      <c r="L11316" s="18"/>
      <c r="M11316" s="18"/>
      <c r="N11316" s="18"/>
      <c r="O11316" s="18"/>
      <c r="P11316" s="19">
        <v>170</v>
      </c>
      <c r="Q11316" s="19"/>
      <c r="R11316" s="19"/>
      <c r="S11316" s="19"/>
      <c r="T11316" s="19">
        <v>95</v>
      </c>
      <c r="U11316" s="19"/>
      <c r="V11316" s="19"/>
      <c r="W11316" s="19"/>
      <c r="X11316" s="19">
        <v>1</v>
      </c>
      <c r="Y11316" s="19"/>
      <c r="Z11316" s="19"/>
      <c r="AA11316" s="19"/>
    </row>
    <row r="11317" spans="1:27" s="1" customFormat="1" ht="11.1" customHeight="1" outlineLevel="3" x14ac:dyDescent="0.2">
      <c r="A11317" s="17"/>
      <c r="B11317" s="17"/>
      <c r="C11317" s="17"/>
      <c r="D11317" s="18"/>
      <c r="E11317" s="18"/>
      <c r="F11317" s="18"/>
      <c r="G11317" s="18"/>
      <c r="H11317" s="18"/>
      <c r="I11317" s="18"/>
      <c r="J11317" s="18"/>
      <c r="K11317" s="18"/>
      <c r="L11317" s="18"/>
      <c r="M11317" s="18"/>
      <c r="N11317" s="18"/>
      <c r="O11317" s="18"/>
      <c r="P11317" s="19"/>
      <c r="Q11317" s="19"/>
      <c r="R11317" s="19"/>
      <c r="S11317" s="19"/>
      <c r="T11317" s="19"/>
      <c r="U11317" s="19"/>
      <c r="V11317" s="19"/>
      <c r="W11317" s="19"/>
      <c r="X11317" s="19"/>
      <c r="Y11317" s="19"/>
      <c r="Z11317" s="19"/>
      <c r="AA11317" s="19"/>
    </row>
    <row r="11318" spans="1:27" s="1" customFormat="1" ht="11.1" customHeight="1" outlineLevel="3" x14ac:dyDescent="0.2">
      <c r="A11318" s="17">
        <v>17309</v>
      </c>
      <c r="B11318" s="17"/>
      <c r="C11318" s="17"/>
      <c r="D11318" s="18" t="s">
        <v>5616</v>
      </c>
      <c r="E11318" s="18"/>
      <c r="F11318" s="18"/>
      <c r="G11318" s="18"/>
      <c r="H11318" s="18"/>
      <c r="I11318" s="18"/>
      <c r="J11318" s="18"/>
      <c r="K11318" s="18"/>
      <c r="L11318" s="18"/>
      <c r="M11318" s="18"/>
      <c r="N11318" s="18"/>
      <c r="O11318" s="18"/>
      <c r="P11318" s="19">
        <v>220</v>
      </c>
      <c r="Q11318" s="19"/>
      <c r="R11318" s="19"/>
      <c r="S11318" s="19"/>
      <c r="T11318" s="19">
        <v>140</v>
      </c>
      <c r="U11318" s="19"/>
      <c r="V11318" s="19"/>
      <c r="W11318" s="19"/>
      <c r="X11318" s="19">
        <v>1</v>
      </c>
      <c r="Y11318" s="19"/>
      <c r="Z11318" s="19"/>
      <c r="AA11318" s="19"/>
    </row>
    <row r="11319" spans="1:27" s="1" customFormat="1" ht="11.1" customHeight="1" outlineLevel="3" x14ac:dyDescent="0.2">
      <c r="A11319" s="17"/>
      <c r="B11319" s="17"/>
      <c r="C11319" s="17"/>
      <c r="D11319" s="18"/>
      <c r="E11319" s="18"/>
      <c r="F11319" s="18"/>
      <c r="G11319" s="18"/>
      <c r="H11319" s="18"/>
      <c r="I11319" s="18"/>
      <c r="J11319" s="18"/>
      <c r="K11319" s="18"/>
      <c r="L11319" s="18"/>
      <c r="M11319" s="18"/>
      <c r="N11319" s="18"/>
      <c r="O11319" s="18"/>
      <c r="P11319" s="19"/>
      <c r="Q11319" s="19"/>
      <c r="R11319" s="19"/>
      <c r="S11319" s="19"/>
      <c r="T11319" s="19"/>
      <c r="U11319" s="19"/>
      <c r="V11319" s="19"/>
      <c r="W11319" s="19"/>
      <c r="X11319" s="19"/>
      <c r="Y11319" s="19"/>
      <c r="Z11319" s="19"/>
      <c r="AA11319" s="19"/>
    </row>
    <row r="11320" spans="1:27" s="1" customFormat="1" ht="11.1" customHeight="1" outlineLevel="3" x14ac:dyDescent="0.2">
      <c r="A11320" s="17">
        <v>17311</v>
      </c>
      <c r="B11320" s="17"/>
      <c r="C11320" s="17"/>
      <c r="D11320" s="18" t="s">
        <v>5617</v>
      </c>
      <c r="E11320" s="18"/>
      <c r="F11320" s="18"/>
      <c r="G11320" s="18"/>
      <c r="H11320" s="18"/>
      <c r="I11320" s="18"/>
      <c r="J11320" s="18"/>
      <c r="K11320" s="18"/>
      <c r="L11320" s="18"/>
      <c r="M11320" s="18"/>
      <c r="N11320" s="18"/>
      <c r="O11320" s="18"/>
      <c r="P11320" s="19">
        <v>220</v>
      </c>
      <c r="Q11320" s="19"/>
      <c r="R11320" s="19"/>
      <c r="S11320" s="19"/>
      <c r="T11320" s="19">
        <v>140</v>
      </c>
      <c r="U11320" s="19"/>
      <c r="V11320" s="19"/>
      <c r="W11320" s="19"/>
      <c r="X11320" s="19">
        <v>1</v>
      </c>
      <c r="Y11320" s="19"/>
      <c r="Z11320" s="19"/>
      <c r="AA11320" s="19"/>
    </row>
    <row r="11321" spans="1:27" s="1" customFormat="1" ht="11.1" customHeight="1" outlineLevel="3" x14ac:dyDescent="0.2">
      <c r="A11321" s="17"/>
      <c r="B11321" s="17"/>
      <c r="C11321" s="17"/>
      <c r="D11321" s="18"/>
      <c r="E11321" s="18"/>
      <c r="F11321" s="18"/>
      <c r="G11321" s="18"/>
      <c r="H11321" s="18"/>
      <c r="I11321" s="18"/>
      <c r="J11321" s="18"/>
      <c r="K11321" s="18"/>
      <c r="L11321" s="18"/>
      <c r="M11321" s="18"/>
      <c r="N11321" s="18"/>
      <c r="O11321" s="18"/>
      <c r="P11321" s="19"/>
      <c r="Q11321" s="19"/>
      <c r="R11321" s="19"/>
      <c r="S11321" s="19"/>
      <c r="T11321" s="19"/>
      <c r="U11321" s="19"/>
      <c r="V11321" s="19"/>
      <c r="W11321" s="19"/>
      <c r="X11321" s="19"/>
      <c r="Y11321" s="19"/>
      <c r="Z11321" s="19"/>
      <c r="AA11321" s="19"/>
    </row>
    <row r="11322" spans="1:27" s="1" customFormat="1" ht="11.1" customHeight="1" outlineLevel="3" x14ac:dyDescent="0.2">
      <c r="A11322" s="17">
        <v>17310</v>
      </c>
      <c r="B11322" s="17"/>
      <c r="C11322" s="17"/>
      <c r="D11322" s="18" t="s">
        <v>5618</v>
      </c>
      <c r="E11322" s="18"/>
      <c r="F11322" s="18"/>
      <c r="G11322" s="18"/>
      <c r="H11322" s="18"/>
      <c r="I11322" s="18"/>
      <c r="J11322" s="18"/>
      <c r="K11322" s="18"/>
      <c r="L11322" s="18"/>
      <c r="M11322" s="18"/>
      <c r="N11322" s="18"/>
      <c r="O11322" s="18"/>
      <c r="P11322" s="19">
        <v>220</v>
      </c>
      <c r="Q11322" s="19"/>
      <c r="R11322" s="19"/>
      <c r="S11322" s="19"/>
      <c r="T11322" s="19">
        <v>140</v>
      </c>
      <c r="U11322" s="19"/>
      <c r="V11322" s="19"/>
      <c r="W11322" s="19"/>
      <c r="X11322" s="19">
        <v>1</v>
      </c>
      <c r="Y11322" s="19"/>
      <c r="Z11322" s="19"/>
      <c r="AA11322" s="19"/>
    </row>
    <row r="11323" spans="1:27" s="1" customFormat="1" ht="11.1" customHeight="1" outlineLevel="3" x14ac:dyDescent="0.2">
      <c r="A11323" s="17"/>
      <c r="B11323" s="17"/>
      <c r="C11323" s="17"/>
      <c r="D11323" s="18"/>
      <c r="E11323" s="18"/>
      <c r="F11323" s="18"/>
      <c r="G11323" s="18"/>
      <c r="H11323" s="18"/>
      <c r="I11323" s="18"/>
      <c r="J11323" s="18"/>
      <c r="K11323" s="18"/>
      <c r="L11323" s="18"/>
      <c r="M11323" s="18"/>
      <c r="N11323" s="18"/>
      <c r="O11323" s="18"/>
      <c r="P11323" s="19"/>
      <c r="Q11323" s="19"/>
      <c r="R11323" s="19"/>
      <c r="S11323" s="19"/>
      <c r="T11323" s="19"/>
      <c r="U11323" s="19"/>
      <c r="V11323" s="19"/>
      <c r="W11323" s="19"/>
      <c r="X11323" s="19"/>
      <c r="Y11323" s="19"/>
      <c r="Z11323" s="19"/>
      <c r="AA11323" s="19"/>
    </row>
    <row r="11324" spans="1:27" s="1" customFormat="1" ht="11.1" customHeight="1" outlineLevel="3" x14ac:dyDescent="0.2">
      <c r="A11324" s="17">
        <v>17312</v>
      </c>
      <c r="B11324" s="17"/>
      <c r="C11324" s="17"/>
      <c r="D11324" s="18" t="s">
        <v>5619</v>
      </c>
      <c r="E11324" s="18"/>
      <c r="F11324" s="18"/>
      <c r="G11324" s="18"/>
      <c r="H11324" s="18"/>
      <c r="I11324" s="18"/>
      <c r="J11324" s="18"/>
      <c r="K11324" s="18"/>
      <c r="L11324" s="18"/>
      <c r="M11324" s="18"/>
      <c r="N11324" s="18"/>
      <c r="O11324" s="18"/>
      <c r="P11324" s="19">
        <v>220</v>
      </c>
      <c r="Q11324" s="19"/>
      <c r="R11324" s="19"/>
      <c r="S11324" s="19"/>
      <c r="T11324" s="19">
        <v>140</v>
      </c>
      <c r="U11324" s="19"/>
      <c r="V11324" s="19"/>
      <c r="W11324" s="19"/>
      <c r="X11324" s="19">
        <v>1</v>
      </c>
      <c r="Y11324" s="19"/>
      <c r="Z11324" s="19"/>
      <c r="AA11324" s="19"/>
    </row>
    <row r="11325" spans="1:27" s="1" customFormat="1" ht="11.1" customHeight="1" outlineLevel="3" x14ac:dyDescent="0.2">
      <c r="A11325" s="17"/>
      <c r="B11325" s="17"/>
      <c r="C11325" s="17"/>
      <c r="D11325" s="18"/>
      <c r="E11325" s="18"/>
      <c r="F11325" s="18"/>
      <c r="G11325" s="18"/>
      <c r="H11325" s="18"/>
      <c r="I11325" s="18"/>
      <c r="J11325" s="18"/>
      <c r="K11325" s="18"/>
      <c r="L11325" s="18"/>
      <c r="M11325" s="18"/>
      <c r="N11325" s="18"/>
      <c r="O11325" s="18"/>
      <c r="P11325" s="19"/>
      <c r="Q11325" s="19"/>
      <c r="R11325" s="19"/>
      <c r="S11325" s="19"/>
      <c r="T11325" s="19"/>
      <c r="U11325" s="19"/>
      <c r="V11325" s="19"/>
      <c r="W11325" s="19"/>
      <c r="X11325" s="19"/>
      <c r="Y11325" s="19"/>
      <c r="Z11325" s="19"/>
      <c r="AA11325" s="19"/>
    </row>
    <row r="11326" spans="1:27" s="1" customFormat="1" ht="11.1" customHeight="1" outlineLevel="3" x14ac:dyDescent="0.2">
      <c r="A11326" s="17">
        <v>17308</v>
      </c>
      <c r="B11326" s="17"/>
      <c r="C11326" s="17"/>
      <c r="D11326" s="18" t="s">
        <v>5620</v>
      </c>
      <c r="E11326" s="18"/>
      <c r="F11326" s="18"/>
      <c r="G11326" s="18"/>
      <c r="H11326" s="18"/>
      <c r="I11326" s="18"/>
      <c r="J11326" s="18"/>
      <c r="K11326" s="18"/>
      <c r="L11326" s="18"/>
      <c r="M11326" s="18"/>
      <c r="N11326" s="18"/>
      <c r="O11326" s="18"/>
      <c r="P11326" s="19">
        <v>220</v>
      </c>
      <c r="Q11326" s="19"/>
      <c r="R11326" s="19"/>
      <c r="S11326" s="19"/>
      <c r="T11326" s="19">
        <v>140</v>
      </c>
      <c r="U11326" s="19"/>
      <c r="V11326" s="19"/>
      <c r="W11326" s="19"/>
      <c r="X11326" s="19">
        <v>1</v>
      </c>
      <c r="Y11326" s="19"/>
      <c r="Z11326" s="19"/>
      <c r="AA11326" s="19"/>
    </row>
    <row r="11327" spans="1:27" s="1" customFormat="1" ht="11.1" customHeight="1" outlineLevel="3" x14ac:dyDescent="0.2">
      <c r="A11327" s="17"/>
      <c r="B11327" s="17"/>
      <c r="C11327" s="17"/>
      <c r="D11327" s="18"/>
      <c r="E11327" s="18"/>
      <c r="F11327" s="18"/>
      <c r="G11327" s="18"/>
      <c r="H11327" s="18"/>
      <c r="I11327" s="18"/>
      <c r="J11327" s="18"/>
      <c r="K11327" s="18"/>
      <c r="L11327" s="18"/>
      <c r="M11327" s="18"/>
      <c r="N11327" s="18"/>
      <c r="O11327" s="18"/>
      <c r="P11327" s="19"/>
      <c r="Q11327" s="19"/>
      <c r="R11327" s="19"/>
      <c r="S11327" s="19"/>
      <c r="T11327" s="19"/>
      <c r="U11327" s="19"/>
      <c r="V11327" s="19"/>
      <c r="W11327" s="19"/>
      <c r="X11327" s="19"/>
      <c r="Y11327" s="19"/>
      <c r="Z11327" s="19"/>
      <c r="AA11327" s="19"/>
    </row>
    <row r="11328" spans="1:27" s="1" customFormat="1" ht="11.1" customHeight="1" outlineLevel="3" x14ac:dyDescent="0.2">
      <c r="A11328" s="17">
        <v>15893</v>
      </c>
      <c r="B11328" s="17"/>
      <c r="C11328" s="17"/>
      <c r="D11328" s="18" t="s">
        <v>5621</v>
      </c>
      <c r="E11328" s="18"/>
      <c r="F11328" s="18"/>
      <c r="G11328" s="18"/>
      <c r="H11328" s="18"/>
      <c r="I11328" s="18"/>
      <c r="J11328" s="18"/>
      <c r="K11328" s="18"/>
      <c r="L11328" s="18"/>
      <c r="M11328" s="18"/>
      <c r="N11328" s="18"/>
      <c r="O11328" s="18"/>
      <c r="P11328" s="19">
        <v>190</v>
      </c>
      <c r="Q11328" s="19"/>
      <c r="R11328" s="19"/>
      <c r="S11328" s="19"/>
      <c r="T11328" s="19">
        <v>110</v>
      </c>
      <c r="U11328" s="19"/>
      <c r="V11328" s="19"/>
      <c r="W11328" s="19"/>
      <c r="X11328" s="19">
        <v>2</v>
      </c>
      <c r="Y11328" s="19"/>
      <c r="Z11328" s="19"/>
      <c r="AA11328" s="19"/>
    </row>
    <row r="11329" spans="1:27" s="1" customFormat="1" ht="11.1" customHeight="1" outlineLevel="3" x14ac:dyDescent="0.2">
      <c r="A11329" s="17"/>
      <c r="B11329" s="17"/>
      <c r="C11329" s="17"/>
      <c r="D11329" s="18"/>
      <c r="E11329" s="18"/>
      <c r="F11329" s="18"/>
      <c r="G11329" s="18"/>
      <c r="H11329" s="18"/>
      <c r="I11329" s="18"/>
      <c r="J11329" s="18"/>
      <c r="K11329" s="18"/>
      <c r="L11329" s="18"/>
      <c r="M11329" s="18"/>
      <c r="N11329" s="18"/>
      <c r="O11329" s="18"/>
      <c r="P11329" s="19"/>
      <c r="Q11329" s="19"/>
      <c r="R11329" s="19"/>
      <c r="S11329" s="19"/>
      <c r="T11329" s="19"/>
      <c r="U11329" s="19"/>
      <c r="V11329" s="19"/>
      <c r="W11329" s="19"/>
      <c r="X11329" s="19"/>
      <c r="Y11329" s="19"/>
      <c r="Z11329" s="19"/>
      <c r="AA11329" s="19"/>
    </row>
    <row r="11330" spans="1:27" s="1" customFormat="1" ht="11.1" customHeight="1" outlineLevel="3" x14ac:dyDescent="0.2">
      <c r="A11330" s="17">
        <v>15896</v>
      </c>
      <c r="B11330" s="17"/>
      <c r="C11330" s="17"/>
      <c r="D11330" s="18" t="s">
        <v>5622</v>
      </c>
      <c r="E11330" s="18"/>
      <c r="F11330" s="18"/>
      <c r="G11330" s="18"/>
      <c r="H11330" s="18"/>
      <c r="I11330" s="18"/>
      <c r="J11330" s="18"/>
      <c r="K11330" s="18"/>
      <c r="L11330" s="18"/>
      <c r="M11330" s="18"/>
      <c r="N11330" s="18"/>
      <c r="O11330" s="18"/>
      <c r="P11330" s="19">
        <v>190</v>
      </c>
      <c r="Q11330" s="19"/>
      <c r="R11330" s="19"/>
      <c r="S11330" s="19"/>
      <c r="T11330" s="19">
        <v>110</v>
      </c>
      <c r="U11330" s="19"/>
      <c r="V11330" s="19"/>
      <c r="W11330" s="19"/>
      <c r="X11330" s="19">
        <v>1</v>
      </c>
      <c r="Y11330" s="19"/>
      <c r="Z11330" s="19"/>
      <c r="AA11330" s="19"/>
    </row>
    <row r="11331" spans="1:27" s="1" customFormat="1" ht="11.1" customHeight="1" outlineLevel="3" x14ac:dyDescent="0.2">
      <c r="A11331" s="17"/>
      <c r="B11331" s="17"/>
      <c r="C11331" s="17"/>
      <c r="D11331" s="18"/>
      <c r="E11331" s="18"/>
      <c r="F11331" s="18"/>
      <c r="G11331" s="18"/>
      <c r="H11331" s="18"/>
      <c r="I11331" s="18"/>
      <c r="J11331" s="18"/>
      <c r="K11331" s="18"/>
      <c r="L11331" s="18"/>
      <c r="M11331" s="18"/>
      <c r="N11331" s="18"/>
      <c r="O11331" s="18"/>
      <c r="P11331" s="19"/>
      <c r="Q11331" s="19"/>
      <c r="R11331" s="19"/>
      <c r="S11331" s="19"/>
      <c r="T11331" s="19"/>
      <c r="U11331" s="19"/>
      <c r="V11331" s="19"/>
      <c r="W11331" s="19"/>
      <c r="X11331" s="19"/>
      <c r="Y11331" s="19"/>
      <c r="Z11331" s="19"/>
      <c r="AA11331" s="19"/>
    </row>
    <row r="11332" spans="1:27" s="1" customFormat="1" ht="11.1" customHeight="1" outlineLevel="2" x14ac:dyDescent="0.2">
      <c r="A11332" s="16" t="s">
        <v>5623</v>
      </c>
      <c r="B11332" s="16"/>
      <c r="C11332" s="16"/>
      <c r="D11332" s="16"/>
      <c r="E11332" s="16"/>
      <c r="F11332" s="16"/>
      <c r="G11332" s="16"/>
      <c r="H11332" s="16"/>
      <c r="I11332" s="16"/>
      <c r="J11332" s="16"/>
      <c r="K11332" s="16"/>
      <c r="L11332" s="16"/>
      <c r="M11332" s="16"/>
      <c r="N11332" s="16"/>
      <c r="O11332" s="16"/>
      <c r="P11332" s="16"/>
      <c r="Q11332" s="16"/>
      <c r="R11332" s="16"/>
      <c r="S11332" s="16"/>
      <c r="T11332" s="16"/>
      <c r="U11332" s="16"/>
      <c r="V11332" s="16"/>
      <c r="W11332" s="16"/>
      <c r="X11332" s="16"/>
      <c r="Y11332" s="16"/>
      <c r="Z11332" s="16"/>
      <c r="AA11332" s="16"/>
    </row>
    <row r="11333" spans="1:27" s="1" customFormat="1" ht="11.1" customHeight="1" outlineLevel="2" x14ac:dyDescent="0.2">
      <c r="A11333" s="16"/>
      <c r="B11333" s="16"/>
      <c r="C11333" s="16"/>
      <c r="D11333" s="16"/>
      <c r="E11333" s="16"/>
      <c r="F11333" s="16"/>
      <c r="G11333" s="16"/>
      <c r="H11333" s="16"/>
      <c r="I11333" s="16"/>
      <c r="J11333" s="16"/>
      <c r="K11333" s="16"/>
      <c r="L11333" s="16"/>
      <c r="M11333" s="16"/>
      <c r="N11333" s="16"/>
      <c r="O11333" s="16"/>
      <c r="P11333" s="16"/>
      <c r="Q11333" s="16"/>
      <c r="R11333" s="16"/>
      <c r="S11333" s="16"/>
      <c r="T11333" s="16"/>
      <c r="U11333" s="16"/>
      <c r="V11333" s="16"/>
      <c r="W11333" s="16"/>
      <c r="X11333" s="16"/>
      <c r="Y11333" s="16"/>
      <c r="Z11333" s="16"/>
      <c r="AA11333" s="16"/>
    </row>
    <row r="11334" spans="1:27" s="1" customFormat="1" ht="11.1" customHeight="1" outlineLevel="3" x14ac:dyDescent="0.2">
      <c r="A11334" s="17">
        <v>12220</v>
      </c>
      <c r="B11334" s="17"/>
      <c r="C11334" s="17"/>
      <c r="D11334" s="18" t="s">
        <v>5624</v>
      </c>
      <c r="E11334" s="18"/>
      <c r="F11334" s="18"/>
      <c r="G11334" s="18"/>
      <c r="H11334" s="18"/>
      <c r="I11334" s="18"/>
      <c r="J11334" s="18"/>
      <c r="K11334" s="18"/>
      <c r="L11334" s="18"/>
      <c r="M11334" s="18"/>
      <c r="N11334" s="18"/>
      <c r="O11334" s="18"/>
      <c r="P11334" s="19">
        <v>200</v>
      </c>
      <c r="Q11334" s="19"/>
      <c r="R11334" s="19"/>
      <c r="S11334" s="19"/>
      <c r="T11334" s="19">
        <v>150</v>
      </c>
      <c r="U11334" s="19"/>
      <c r="V11334" s="19"/>
      <c r="W11334" s="19"/>
      <c r="X11334" s="19">
        <v>5</v>
      </c>
      <c r="Y11334" s="19"/>
      <c r="Z11334" s="19"/>
      <c r="AA11334" s="19"/>
    </row>
    <row r="11335" spans="1:27" s="1" customFormat="1" ht="11.1" customHeight="1" outlineLevel="3" x14ac:dyDescent="0.2">
      <c r="A11335" s="17"/>
      <c r="B11335" s="17"/>
      <c r="C11335" s="17"/>
      <c r="D11335" s="18"/>
      <c r="E11335" s="18"/>
      <c r="F11335" s="18"/>
      <c r="G11335" s="18"/>
      <c r="H11335" s="18"/>
      <c r="I11335" s="18"/>
      <c r="J11335" s="18"/>
      <c r="K11335" s="18"/>
      <c r="L11335" s="18"/>
      <c r="M11335" s="18"/>
      <c r="N11335" s="18"/>
      <c r="O11335" s="18"/>
      <c r="P11335" s="19"/>
      <c r="Q11335" s="19"/>
      <c r="R11335" s="19"/>
      <c r="S11335" s="19"/>
      <c r="T11335" s="19"/>
      <c r="U11335" s="19"/>
      <c r="V11335" s="19"/>
      <c r="W11335" s="19"/>
      <c r="X11335" s="19"/>
      <c r="Y11335" s="19"/>
      <c r="Z11335" s="19"/>
      <c r="AA11335" s="19"/>
    </row>
    <row r="11336" spans="1:27" s="1" customFormat="1" ht="11.1" customHeight="1" outlineLevel="3" x14ac:dyDescent="0.2">
      <c r="A11336" s="17">
        <v>12221</v>
      </c>
      <c r="B11336" s="17"/>
      <c r="C11336" s="17"/>
      <c r="D11336" s="18" t="s">
        <v>5625</v>
      </c>
      <c r="E11336" s="18"/>
      <c r="F11336" s="18"/>
      <c r="G11336" s="18"/>
      <c r="H11336" s="18"/>
      <c r="I11336" s="18"/>
      <c r="J11336" s="18"/>
      <c r="K11336" s="18"/>
      <c r="L11336" s="18"/>
      <c r="M11336" s="18"/>
      <c r="N11336" s="18"/>
      <c r="O11336" s="18"/>
      <c r="P11336" s="19">
        <v>200</v>
      </c>
      <c r="Q11336" s="19"/>
      <c r="R11336" s="19"/>
      <c r="S11336" s="19"/>
      <c r="T11336" s="19">
        <v>150</v>
      </c>
      <c r="U11336" s="19"/>
      <c r="V11336" s="19"/>
      <c r="W11336" s="19"/>
      <c r="X11336" s="19">
        <v>5</v>
      </c>
      <c r="Y11336" s="19"/>
      <c r="Z11336" s="19"/>
      <c r="AA11336" s="19"/>
    </row>
    <row r="11337" spans="1:27" s="1" customFormat="1" ht="11.1" customHeight="1" outlineLevel="3" x14ac:dyDescent="0.2">
      <c r="A11337" s="17"/>
      <c r="B11337" s="17"/>
      <c r="C11337" s="17"/>
      <c r="D11337" s="18"/>
      <c r="E11337" s="18"/>
      <c r="F11337" s="18"/>
      <c r="G11337" s="18"/>
      <c r="H11337" s="18"/>
      <c r="I11337" s="18"/>
      <c r="J11337" s="18"/>
      <c r="K11337" s="18"/>
      <c r="L11337" s="18"/>
      <c r="M11337" s="18"/>
      <c r="N11337" s="18"/>
      <c r="O11337" s="18"/>
      <c r="P11337" s="19"/>
      <c r="Q11337" s="19"/>
      <c r="R11337" s="19"/>
      <c r="S11337" s="19"/>
      <c r="T11337" s="19"/>
      <c r="U11337" s="19"/>
      <c r="V11337" s="19"/>
      <c r="W11337" s="19"/>
      <c r="X11337" s="19"/>
      <c r="Y11337" s="19"/>
      <c r="Z11337" s="19"/>
      <c r="AA11337" s="19"/>
    </row>
    <row r="11338" spans="1:27" s="1" customFormat="1" ht="11.1" customHeight="1" outlineLevel="3" x14ac:dyDescent="0.2">
      <c r="A11338" s="17">
        <v>12222</v>
      </c>
      <c r="B11338" s="17"/>
      <c r="C11338" s="17"/>
      <c r="D11338" s="18" t="s">
        <v>5626</v>
      </c>
      <c r="E11338" s="18"/>
      <c r="F11338" s="18"/>
      <c r="G11338" s="18"/>
      <c r="H11338" s="18"/>
      <c r="I11338" s="18"/>
      <c r="J11338" s="18"/>
      <c r="K11338" s="18"/>
      <c r="L11338" s="18"/>
      <c r="M11338" s="18"/>
      <c r="N11338" s="18"/>
      <c r="O11338" s="18"/>
      <c r="P11338" s="19">
        <v>200</v>
      </c>
      <c r="Q11338" s="19"/>
      <c r="R11338" s="19"/>
      <c r="S11338" s="19"/>
      <c r="T11338" s="19">
        <v>150</v>
      </c>
      <c r="U11338" s="19"/>
      <c r="V11338" s="19"/>
      <c r="W11338" s="19"/>
      <c r="X11338" s="19">
        <v>5</v>
      </c>
      <c r="Y11338" s="19"/>
      <c r="Z11338" s="19"/>
      <c r="AA11338" s="19"/>
    </row>
    <row r="11339" spans="1:27" s="1" customFormat="1" ht="11.1" customHeight="1" outlineLevel="3" x14ac:dyDescent="0.2">
      <c r="A11339" s="17"/>
      <c r="B11339" s="17"/>
      <c r="C11339" s="17"/>
      <c r="D11339" s="18"/>
      <c r="E11339" s="18"/>
      <c r="F11339" s="18"/>
      <c r="G11339" s="18"/>
      <c r="H11339" s="18"/>
      <c r="I11339" s="18"/>
      <c r="J11339" s="18"/>
      <c r="K11339" s="18"/>
      <c r="L11339" s="18"/>
      <c r="M11339" s="18"/>
      <c r="N11339" s="18"/>
      <c r="O11339" s="18"/>
      <c r="P11339" s="19"/>
      <c r="Q11339" s="19"/>
      <c r="R11339" s="19"/>
      <c r="S11339" s="19"/>
      <c r="T11339" s="19"/>
      <c r="U11339" s="19"/>
      <c r="V11339" s="19"/>
      <c r="W11339" s="19"/>
      <c r="X11339" s="19"/>
      <c r="Y11339" s="19"/>
      <c r="Z11339" s="19"/>
      <c r="AA11339" s="19"/>
    </row>
    <row r="11340" spans="1:27" s="1" customFormat="1" ht="11.1" customHeight="1" outlineLevel="3" x14ac:dyDescent="0.2">
      <c r="A11340" s="17">
        <v>12223</v>
      </c>
      <c r="B11340" s="17"/>
      <c r="C11340" s="17"/>
      <c r="D11340" s="18" t="s">
        <v>5627</v>
      </c>
      <c r="E11340" s="18"/>
      <c r="F11340" s="18"/>
      <c r="G11340" s="18"/>
      <c r="H11340" s="18"/>
      <c r="I11340" s="18"/>
      <c r="J11340" s="18"/>
      <c r="K11340" s="18"/>
      <c r="L11340" s="18"/>
      <c r="M11340" s="18"/>
      <c r="N11340" s="18"/>
      <c r="O11340" s="18"/>
      <c r="P11340" s="19">
        <v>200</v>
      </c>
      <c r="Q11340" s="19"/>
      <c r="R11340" s="19"/>
      <c r="S11340" s="19"/>
      <c r="T11340" s="19">
        <v>150</v>
      </c>
      <c r="U11340" s="19"/>
      <c r="V11340" s="19"/>
      <c r="W11340" s="19"/>
      <c r="X11340" s="19">
        <v>5</v>
      </c>
      <c r="Y11340" s="19"/>
      <c r="Z11340" s="19"/>
      <c r="AA11340" s="19"/>
    </row>
    <row r="11341" spans="1:27" s="1" customFormat="1" ht="11.1" customHeight="1" outlineLevel="3" x14ac:dyDescent="0.2">
      <c r="A11341" s="17"/>
      <c r="B11341" s="17"/>
      <c r="C11341" s="17"/>
      <c r="D11341" s="18"/>
      <c r="E11341" s="18"/>
      <c r="F11341" s="18"/>
      <c r="G11341" s="18"/>
      <c r="H11341" s="18"/>
      <c r="I11341" s="18"/>
      <c r="J11341" s="18"/>
      <c r="K11341" s="18"/>
      <c r="L11341" s="18"/>
      <c r="M11341" s="18"/>
      <c r="N11341" s="18"/>
      <c r="O11341" s="18"/>
      <c r="P11341" s="19"/>
      <c r="Q11341" s="19"/>
      <c r="R11341" s="19"/>
      <c r="S11341" s="19"/>
      <c r="T11341" s="19"/>
      <c r="U11341" s="19"/>
      <c r="V11341" s="19"/>
      <c r="W11341" s="19"/>
      <c r="X11341" s="19"/>
      <c r="Y11341" s="19"/>
      <c r="Z11341" s="19"/>
      <c r="AA11341" s="19"/>
    </row>
    <row r="11342" spans="1:27" s="1" customFormat="1" ht="11.1" customHeight="1" outlineLevel="2" x14ac:dyDescent="0.2">
      <c r="A11342" s="16" t="s">
        <v>5628</v>
      </c>
      <c r="B11342" s="16"/>
      <c r="C11342" s="16"/>
      <c r="D11342" s="16"/>
      <c r="E11342" s="16"/>
      <c r="F11342" s="16"/>
      <c r="G11342" s="16"/>
      <c r="H11342" s="16"/>
      <c r="I11342" s="16"/>
      <c r="J11342" s="16"/>
      <c r="K11342" s="16"/>
      <c r="L11342" s="16"/>
      <c r="M11342" s="16"/>
      <c r="N11342" s="16"/>
      <c r="O11342" s="16"/>
      <c r="P11342" s="16"/>
      <c r="Q11342" s="16"/>
      <c r="R11342" s="16"/>
      <c r="S11342" s="16"/>
      <c r="T11342" s="16"/>
      <c r="U11342" s="16"/>
      <c r="V11342" s="16"/>
      <c r="W11342" s="16"/>
      <c r="X11342" s="16"/>
      <c r="Y11342" s="16"/>
      <c r="Z11342" s="16"/>
      <c r="AA11342" s="16"/>
    </row>
    <row r="11343" spans="1:27" s="1" customFormat="1" ht="11.1" customHeight="1" outlineLevel="2" x14ac:dyDescent="0.2">
      <c r="A11343" s="16"/>
      <c r="B11343" s="16"/>
      <c r="C11343" s="16"/>
      <c r="D11343" s="16"/>
      <c r="E11343" s="16"/>
      <c r="F11343" s="16"/>
      <c r="G11343" s="16"/>
      <c r="H11343" s="16"/>
      <c r="I11343" s="16"/>
      <c r="J11343" s="16"/>
      <c r="K11343" s="16"/>
      <c r="L11343" s="16"/>
      <c r="M11343" s="16"/>
      <c r="N11343" s="16"/>
      <c r="O11343" s="16"/>
      <c r="P11343" s="16"/>
      <c r="Q11343" s="16"/>
      <c r="R11343" s="16"/>
      <c r="S11343" s="16"/>
      <c r="T11343" s="16"/>
      <c r="U11343" s="16"/>
      <c r="V11343" s="16"/>
      <c r="W11343" s="16"/>
      <c r="X11343" s="16"/>
      <c r="Y11343" s="16"/>
      <c r="Z11343" s="16"/>
      <c r="AA11343" s="16"/>
    </row>
    <row r="11344" spans="1:27" s="1" customFormat="1" ht="14.1" customHeight="1" outlineLevel="3" x14ac:dyDescent="0.2">
      <c r="A11344" s="17">
        <v>3244</v>
      </c>
      <c r="B11344" s="17"/>
      <c r="C11344" s="17"/>
      <c r="D11344" s="18" t="s">
        <v>5629</v>
      </c>
      <c r="E11344" s="18"/>
      <c r="F11344" s="18"/>
      <c r="G11344" s="18"/>
      <c r="H11344" s="18"/>
      <c r="I11344" s="18"/>
      <c r="J11344" s="18"/>
      <c r="K11344" s="18"/>
      <c r="L11344" s="18"/>
      <c r="M11344" s="18"/>
      <c r="N11344" s="18"/>
      <c r="O11344" s="18"/>
      <c r="P11344" s="19">
        <v>190</v>
      </c>
      <c r="Q11344" s="19"/>
      <c r="R11344" s="19"/>
      <c r="S11344" s="19"/>
      <c r="T11344" s="19">
        <v>140</v>
      </c>
      <c r="U11344" s="19"/>
      <c r="V11344" s="19"/>
      <c r="W11344" s="19"/>
      <c r="X11344" s="19">
        <v>1</v>
      </c>
      <c r="Y11344" s="19"/>
      <c r="Z11344" s="19"/>
      <c r="AA11344" s="19"/>
    </row>
    <row r="11345" spans="1:27" s="1" customFormat="1" ht="14.1" customHeight="1" outlineLevel="3" x14ac:dyDescent="0.2">
      <c r="A11345" s="17"/>
      <c r="B11345" s="17"/>
      <c r="C11345" s="17"/>
      <c r="D11345" s="18"/>
      <c r="E11345" s="18"/>
      <c r="F11345" s="18"/>
      <c r="G11345" s="18"/>
      <c r="H11345" s="18"/>
      <c r="I11345" s="18"/>
      <c r="J11345" s="18"/>
      <c r="K11345" s="18"/>
      <c r="L11345" s="18"/>
      <c r="M11345" s="18"/>
      <c r="N11345" s="18"/>
      <c r="O11345" s="18"/>
      <c r="P11345" s="19"/>
      <c r="Q11345" s="19"/>
      <c r="R11345" s="19"/>
      <c r="S11345" s="19"/>
      <c r="T11345" s="19"/>
      <c r="U11345" s="19"/>
      <c r="V11345" s="19"/>
      <c r="W11345" s="19"/>
      <c r="X11345" s="19"/>
      <c r="Y11345" s="19"/>
      <c r="Z11345" s="19"/>
      <c r="AA11345" s="19"/>
    </row>
    <row r="11346" spans="1:27" s="1" customFormat="1" ht="11.1" customHeight="1" outlineLevel="3" x14ac:dyDescent="0.2">
      <c r="A11346" s="17">
        <v>15186</v>
      </c>
      <c r="B11346" s="17"/>
      <c r="C11346" s="17"/>
      <c r="D11346" s="18" t="s">
        <v>5630</v>
      </c>
      <c r="E11346" s="18"/>
      <c r="F11346" s="18"/>
      <c r="G11346" s="18"/>
      <c r="H11346" s="18"/>
      <c r="I11346" s="18"/>
      <c r="J11346" s="18"/>
      <c r="K11346" s="18"/>
      <c r="L11346" s="18"/>
      <c r="M11346" s="18"/>
      <c r="N11346" s="18"/>
      <c r="O11346" s="18"/>
      <c r="P11346" s="19">
        <v>350</v>
      </c>
      <c r="Q11346" s="19"/>
      <c r="R11346" s="19"/>
      <c r="S11346" s="19"/>
      <c r="T11346" s="19">
        <v>140</v>
      </c>
      <c r="U11346" s="19"/>
      <c r="V11346" s="19"/>
      <c r="W11346" s="19"/>
      <c r="X11346" s="19">
        <v>2</v>
      </c>
      <c r="Y11346" s="19"/>
      <c r="Z11346" s="19"/>
      <c r="AA11346" s="19"/>
    </row>
    <row r="11347" spans="1:27" s="1" customFormat="1" ht="11.1" customHeight="1" outlineLevel="3" x14ac:dyDescent="0.2">
      <c r="A11347" s="17"/>
      <c r="B11347" s="17"/>
      <c r="C11347" s="17"/>
      <c r="D11347" s="18"/>
      <c r="E11347" s="18"/>
      <c r="F11347" s="18"/>
      <c r="G11347" s="18"/>
      <c r="H11347" s="18"/>
      <c r="I11347" s="18"/>
      <c r="J11347" s="18"/>
      <c r="K11347" s="18"/>
      <c r="L11347" s="18"/>
      <c r="M11347" s="18"/>
      <c r="N11347" s="18"/>
      <c r="O11347" s="18"/>
      <c r="P11347" s="19"/>
      <c r="Q11347" s="19"/>
      <c r="R11347" s="19"/>
      <c r="S11347" s="19"/>
      <c r="T11347" s="19"/>
      <c r="U11347" s="19"/>
      <c r="V11347" s="19"/>
      <c r="W11347" s="19"/>
      <c r="X11347" s="19"/>
      <c r="Y11347" s="19"/>
      <c r="Z11347" s="19"/>
      <c r="AA11347" s="19"/>
    </row>
    <row r="11348" spans="1:27" s="1" customFormat="1" ht="11.1" customHeight="1" outlineLevel="3" x14ac:dyDescent="0.2">
      <c r="A11348" s="17">
        <v>16207</v>
      </c>
      <c r="B11348" s="17"/>
      <c r="C11348" s="17"/>
      <c r="D11348" s="18" t="s">
        <v>5631</v>
      </c>
      <c r="E11348" s="18"/>
      <c r="F11348" s="18"/>
      <c r="G11348" s="18"/>
      <c r="H11348" s="18"/>
      <c r="I11348" s="18"/>
      <c r="J11348" s="18"/>
      <c r="K11348" s="18"/>
      <c r="L11348" s="18"/>
      <c r="M11348" s="18"/>
      <c r="N11348" s="18"/>
      <c r="O11348" s="18"/>
      <c r="P11348" s="19">
        <v>350</v>
      </c>
      <c r="Q11348" s="19"/>
      <c r="R11348" s="19"/>
      <c r="S11348" s="19"/>
      <c r="T11348" s="19">
        <v>140</v>
      </c>
      <c r="U11348" s="19"/>
      <c r="V11348" s="19"/>
      <c r="W11348" s="19"/>
      <c r="X11348" s="19">
        <v>2</v>
      </c>
      <c r="Y11348" s="19"/>
      <c r="Z11348" s="19"/>
      <c r="AA11348" s="19"/>
    </row>
    <row r="11349" spans="1:27" s="1" customFormat="1" ht="11.1" customHeight="1" outlineLevel="3" x14ac:dyDescent="0.2">
      <c r="A11349" s="17"/>
      <c r="B11349" s="17"/>
      <c r="C11349" s="17"/>
      <c r="D11349" s="18"/>
      <c r="E11349" s="18"/>
      <c r="F11349" s="18"/>
      <c r="G11349" s="18"/>
      <c r="H11349" s="18"/>
      <c r="I11349" s="18"/>
      <c r="J11349" s="18"/>
      <c r="K11349" s="18"/>
      <c r="L11349" s="18"/>
      <c r="M11349" s="18"/>
      <c r="N11349" s="18"/>
      <c r="O11349" s="18"/>
      <c r="P11349" s="19"/>
      <c r="Q11349" s="19"/>
      <c r="R11349" s="19"/>
      <c r="S11349" s="19"/>
      <c r="T11349" s="19"/>
      <c r="U11349" s="19"/>
      <c r="V11349" s="19"/>
      <c r="W11349" s="19"/>
      <c r="X11349" s="19"/>
      <c r="Y11349" s="19"/>
      <c r="Z11349" s="19"/>
      <c r="AA11349" s="19"/>
    </row>
    <row r="11350" spans="1:27" s="1" customFormat="1" ht="11.1" customHeight="1" outlineLevel="3" x14ac:dyDescent="0.2">
      <c r="A11350" s="17">
        <v>10507</v>
      </c>
      <c r="B11350" s="17"/>
      <c r="C11350" s="17"/>
      <c r="D11350" s="18" t="s">
        <v>5632</v>
      </c>
      <c r="E11350" s="18"/>
      <c r="F11350" s="18"/>
      <c r="G11350" s="18"/>
      <c r="H11350" s="18"/>
      <c r="I11350" s="18"/>
      <c r="J11350" s="18"/>
      <c r="K11350" s="18"/>
      <c r="L11350" s="18"/>
      <c r="M11350" s="18"/>
      <c r="N11350" s="18"/>
      <c r="O11350" s="18"/>
      <c r="P11350" s="19">
        <v>350</v>
      </c>
      <c r="Q11350" s="19"/>
      <c r="R11350" s="19"/>
      <c r="S11350" s="19"/>
      <c r="T11350" s="19">
        <v>140</v>
      </c>
      <c r="U11350" s="19"/>
      <c r="V11350" s="19"/>
      <c r="W11350" s="19"/>
      <c r="X11350" s="19">
        <v>1</v>
      </c>
      <c r="Y11350" s="19"/>
      <c r="Z11350" s="19"/>
      <c r="AA11350" s="19"/>
    </row>
    <row r="11351" spans="1:27" s="1" customFormat="1" ht="11.1" customHeight="1" outlineLevel="3" x14ac:dyDescent="0.2">
      <c r="A11351" s="17"/>
      <c r="B11351" s="17"/>
      <c r="C11351" s="17"/>
      <c r="D11351" s="18"/>
      <c r="E11351" s="18"/>
      <c r="F11351" s="18"/>
      <c r="G11351" s="18"/>
      <c r="H11351" s="18"/>
      <c r="I11351" s="18"/>
      <c r="J11351" s="18"/>
      <c r="K11351" s="18"/>
      <c r="L11351" s="18"/>
      <c r="M11351" s="18"/>
      <c r="N11351" s="18"/>
      <c r="O11351" s="18"/>
      <c r="P11351" s="19"/>
      <c r="Q11351" s="19"/>
      <c r="R11351" s="19"/>
      <c r="S11351" s="19"/>
      <c r="T11351" s="19"/>
      <c r="U11351" s="19"/>
      <c r="V11351" s="19"/>
      <c r="W11351" s="19"/>
      <c r="X11351" s="19"/>
      <c r="Y11351" s="19"/>
      <c r="Z11351" s="19"/>
      <c r="AA11351" s="19"/>
    </row>
    <row r="11352" spans="1:27" s="1" customFormat="1" ht="11.1" customHeight="1" outlineLevel="3" x14ac:dyDescent="0.2">
      <c r="A11352" s="17">
        <v>16592</v>
      </c>
      <c r="B11352" s="17"/>
      <c r="C11352" s="17"/>
      <c r="D11352" s="18" t="s">
        <v>5633</v>
      </c>
      <c r="E11352" s="18"/>
      <c r="F11352" s="18"/>
      <c r="G11352" s="18"/>
      <c r="H11352" s="18"/>
      <c r="I11352" s="18"/>
      <c r="J11352" s="18"/>
      <c r="K11352" s="18"/>
      <c r="L11352" s="18"/>
      <c r="M11352" s="18"/>
      <c r="N11352" s="18"/>
      <c r="O11352" s="18"/>
      <c r="P11352" s="19">
        <v>350</v>
      </c>
      <c r="Q11352" s="19"/>
      <c r="R11352" s="19"/>
      <c r="S11352" s="19"/>
      <c r="T11352" s="19">
        <v>140</v>
      </c>
      <c r="U11352" s="19"/>
      <c r="V11352" s="19"/>
      <c r="W11352" s="19"/>
      <c r="X11352" s="19">
        <v>1</v>
      </c>
      <c r="Y11352" s="19"/>
      <c r="Z11352" s="19"/>
      <c r="AA11352" s="19"/>
    </row>
    <row r="11353" spans="1:27" s="1" customFormat="1" ht="11.1" customHeight="1" outlineLevel="3" x14ac:dyDescent="0.2">
      <c r="A11353" s="17"/>
      <c r="B11353" s="17"/>
      <c r="C11353" s="17"/>
      <c r="D11353" s="18"/>
      <c r="E11353" s="18"/>
      <c r="F11353" s="18"/>
      <c r="G11353" s="18"/>
      <c r="H11353" s="18"/>
      <c r="I11353" s="18"/>
      <c r="J11353" s="18"/>
      <c r="K11353" s="18"/>
      <c r="L11353" s="18"/>
      <c r="M11353" s="18"/>
      <c r="N11353" s="18"/>
      <c r="O11353" s="18"/>
      <c r="P11353" s="19"/>
      <c r="Q11353" s="19"/>
      <c r="R11353" s="19"/>
      <c r="S11353" s="19"/>
      <c r="T11353" s="19"/>
      <c r="U11353" s="19"/>
      <c r="V11353" s="19"/>
      <c r="W11353" s="19"/>
      <c r="X11353" s="19"/>
      <c r="Y11353" s="19"/>
      <c r="Z11353" s="19"/>
      <c r="AA11353" s="19"/>
    </row>
    <row r="11354" spans="1:27" s="1" customFormat="1" ht="11.1" customHeight="1" outlineLevel="3" x14ac:dyDescent="0.2">
      <c r="A11354" s="17">
        <v>8144</v>
      </c>
      <c r="B11354" s="17"/>
      <c r="C11354" s="17"/>
      <c r="D11354" s="18" t="s">
        <v>5634</v>
      </c>
      <c r="E11354" s="18"/>
      <c r="F11354" s="18"/>
      <c r="G11354" s="18"/>
      <c r="H11354" s="18"/>
      <c r="I11354" s="18"/>
      <c r="J11354" s="18"/>
      <c r="K11354" s="18"/>
      <c r="L11354" s="18"/>
      <c r="M11354" s="18"/>
      <c r="N11354" s="18"/>
      <c r="O11354" s="18"/>
      <c r="P11354" s="19">
        <v>280</v>
      </c>
      <c r="Q11354" s="19"/>
      <c r="R11354" s="19"/>
      <c r="S11354" s="19"/>
      <c r="T11354" s="19">
        <v>140</v>
      </c>
      <c r="U11354" s="19"/>
      <c r="V11354" s="19"/>
      <c r="W11354" s="19"/>
      <c r="X11354" s="19">
        <v>1</v>
      </c>
      <c r="Y11354" s="19"/>
      <c r="Z11354" s="19"/>
      <c r="AA11354" s="19"/>
    </row>
    <row r="11355" spans="1:27" s="1" customFormat="1" ht="11.1" customHeight="1" outlineLevel="3" x14ac:dyDescent="0.2">
      <c r="A11355" s="17"/>
      <c r="B11355" s="17"/>
      <c r="C11355" s="17"/>
      <c r="D11355" s="18"/>
      <c r="E11355" s="18"/>
      <c r="F11355" s="18"/>
      <c r="G11355" s="18"/>
      <c r="H11355" s="18"/>
      <c r="I11355" s="18"/>
      <c r="J11355" s="18"/>
      <c r="K11355" s="18"/>
      <c r="L11355" s="18"/>
      <c r="M11355" s="18"/>
      <c r="N11355" s="18"/>
      <c r="O11355" s="18"/>
      <c r="P11355" s="19"/>
      <c r="Q11355" s="19"/>
      <c r="R11355" s="19"/>
      <c r="S11355" s="19"/>
      <c r="T11355" s="19"/>
      <c r="U11355" s="19"/>
      <c r="V11355" s="19"/>
      <c r="W11355" s="19"/>
      <c r="X11355" s="19"/>
      <c r="Y11355" s="19"/>
      <c r="Z11355" s="19"/>
      <c r="AA11355" s="19"/>
    </row>
    <row r="11356" spans="1:27" s="1" customFormat="1" ht="11.1" customHeight="1" outlineLevel="3" x14ac:dyDescent="0.2">
      <c r="A11356" s="17">
        <v>8141</v>
      </c>
      <c r="B11356" s="17"/>
      <c r="C11356" s="17"/>
      <c r="D11356" s="18" t="s">
        <v>5635</v>
      </c>
      <c r="E11356" s="18"/>
      <c r="F11356" s="18"/>
      <c r="G11356" s="18"/>
      <c r="H11356" s="18"/>
      <c r="I11356" s="18"/>
      <c r="J11356" s="18"/>
      <c r="K11356" s="18"/>
      <c r="L11356" s="18"/>
      <c r="M11356" s="18"/>
      <c r="N11356" s="18"/>
      <c r="O11356" s="18"/>
      <c r="P11356" s="19">
        <v>350</v>
      </c>
      <c r="Q11356" s="19"/>
      <c r="R11356" s="19"/>
      <c r="S11356" s="19"/>
      <c r="T11356" s="19">
        <v>140</v>
      </c>
      <c r="U11356" s="19"/>
      <c r="V11356" s="19"/>
      <c r="W11356" s="19"/>
      <c r="X11356" s="19">
        <v>4</v>
      </c>
      <c r="Y11356" s="19"/>
      <c r="Z11356" s="19"/>
      <c r="AA11356" s="19"/>
    </row>
    <row r="11357" spans="1:27" s="1" customFormat="1" ht="11.1" customHeight="1" outlineLevel="3" x14ac:dyDescent="0.2">
      <c r="A11357" s="17"/>
      <c r="B11357" s="17"/>
      <c r="C11357" s="17"/>
      <c r="D11357" s="18"/>
      <c r="E11357" s="18"/>
      <c r="F11357" s="18"/>
      <c r="G11357" s="18"/>
      <c r="H11357" s="18"/>
      <c r="I11357" s="18"/>
      <c r="J11357" s="18"/>
      <c r="K11357" s="18"/>
      <c r="L11357" s="18"/>
      <c r="M11357" s="18"/>
      <c r="N11357" s="18"/>
      <c r="O11357" s="18"/>
      <c r="P11357" s="19"/>
      <c r="Q11357" s="19"/>
      <c r="R11357" s="19"/>
      <c r="S11357" s="19"/>
      <c r="T11357" s="19"/>
      <c r="U11357" s="19"/>
      <c r="V11357" s="19"/>
      <c r="W11357" s="19"/>
      <c r="X11357" s="19"/>
      <c r="Y11357" s="19"/>
      <c r="Z11357" s="19"/>
      <c r="AA11357" s="19"/>
    </row>
    <row r="11358" spans="1:27" s="1" customFormat="1" ht="11.1" customHeight="1" outlineLevel="3" x14ac:dyDescent="0.2">
      <c r="A11358" s="17">
        <v>12284</v>
      </c>
      <c r="B11358" s="17"/>
      <c r="C11358" s="17"/>
      <c r="D11358" s="18" t="s">
        <v>5636</v>
      </c>
      <c r="E11358" s="18"/>
      <c r="F11358" s="18"/>
      <c r="G11358" s="18"/>
      <c r="H11358" s="18"/>
      <c r="I11358" s="18"/>
      <c r="J11358" s="18"/>
      <c r="K11358" s="18"/>
      <c r="L11358" s="18"/>
      <c r="M11358" s="18"/>
      <c r="N11358" s="18"/>
      <c r="O11358" s="18"/>
      <c r="P11358" s="19">
        <v>350</v>
      </c>
      <c r="Q11358" s="19"/>
      <c r="R11358" s="19"/>
      <c r="S11358" s="19"/>
      <c r="T11358" s="19">
        <v>140</v>
      </c>
      <c r="U11358" s="19"/>
      <c r="V11358" s="19"/>
      <c r="W11358" s="19"/>
      <c r="X11358" s="19">
        <v>2</v>
      </c>
      <c r="Y11358" s="19"/>
      <c r="Z11358" s="19"/>
      <c r="AA11358" s="19"/>
    </row>
    <row r="11359" spans="1:27" s="1" customFormat="1" ht="11.1" customHeight="1" outlineLevel="3" x14ac:dyDescent="0.2">
      <c r="A11359" s="17"/>
      <c r="B11359" s="17"/>
      <c r="C11359" s="17"/>
      <c r="D11359" s="18"/>
      <c r="E11359" s="18"/>
      <c r="F11359" s="18"/>
      <c r="G11359" s="18"/>
      <c r="H11359" s="18"/>
      <c r="I11359" s="18"/>
      <c r="J11359" s="18"/>
      <c r="K11359" s="18"/>
      <c r="L11359" s="18"/>
      <c r="M11359" s="18"/>
      <c r="N11359" s="18"/>
      <c r="O11359" s="18"/>
      <c r="P11359" s="19"/>
      <c r="Q11359" s="19"/>
      <c r="R11359" s="19"/>
      <c r="S11359" s="19"/>
      <c r="T11359" s="19"/>
      <c r="U11359" s="19"/>
      <c r="V11359" s="19"/>
      <c r="W11359" s="19"/>
      <c r="X11359" s="19"/>
      <c r="Y11359" s="19"/>
      <c r="Z11359" s="19"/>
      <c r="AA11359" s="19"/>
    </row>
    <row r="11360" spans="1:27" s="1" customFormat="1" ht="11.1" customHeight="1" outlineLevel="3" x14ac:dyDescent="0.2">
      <c r="A11360" s="17">
        <v>16500</v>
      </c>
      <c r="B11360" s="17"/>
      <c r="C11360" s="17"/>
      <c r="D11360" s="18" t="s">
        <v>5637</v>
      </c>
      <c r="E11360" s="18"/>
      <c r="F11360" s="18"/>
      <c r="G11360" s="18"/>
      <c r="H11360" s="18"/>
      <c r="I11360" s="18"/>
      <c r="J11360" s="18"/>
      <c r="K11360" s="18"/>
      <c r="L11360" s="18"/>
      <c r="M11360" s="18"/>
      <c r="N11360" s="18"/>
      <c r="O11360" s="18"/>
      <c r="P11360" s="19">
        <v>350</v>
      </c>
      <c r="Q11360" s="19"/>
      <c r="R11360" s="19"/>
      <c r="S11360" s="19"/>
      <c r="T11360" s="19">
        <v>140</v>
      </c>
      <c r="U11360" s="19"/>
      <c r="V11360" s="19"/>
      <c r="W11360" s="19"/>
      <c r="X11360" s="19">
        <v>1</v>
      </c>
      <c r="Y11360" s="19"/>
      <c r="Z11360" s="19"/>
      <c r="AA11360" s="19"/>
    </row>
    <row r="11361" spans="1:27" s="1" customFormat="1" ht="11.1" customHeight="1" outlineLevel="3" x14ac:dyDescent="0.2">
      <c r="A11361" s="17"/>
      <c r="B11361" s="17"/>
      <c r="C11361" s="17"/>
      <c r="D11361" s="18"/>
      <c r="E11361" s="18"/>
      <c r="F11361" s="18"/>
      <c r="G11361" s="18"/>
      <c r="H11361" s="18"/>
      <c r="I11361" s="18"/>
      <c r="J11361" s="18"/>
      <c r="K11361" s="18"/>
      <c r="L11361" s="18"/>
      <c r="M11361" s="18"/>
      <c r="N11361" s="18"/>
      <c r="O11361" s="18"/>
      <c r="P11361" s="19"/>
      <c r="Q11361" s="19"/>
      <c r="R11361" s="19"/>
      <c r="S11361" s="19"/>
      <c r="T11361" s="19"/>
      <c r="U11361" s="19"/>
      <c r="V11361" s="19"/>
      <c r="W11361" s="19"/>
      <c r="X11361" s="19"/>
      <c r="Y11361" s="19"/>
      <c r="Z11361" s="19"/>
      <c r="AA11361" s="19"/>
    </row>
    <row r="11362" spans="1:27" s="1" customFormat="1" ht="11.1" customHeight="1" outlineLevel="3" x14ac:dyDescent="0.2">
      <c r="A11362" s="17">
        <v>9001</v>
      </c>
      <c r="B11362" s="17"/>
      <c r="C11362" s="17"/>
      <c r="D11362" s="18" t="s">
        <v>5638</v>
      </c>
      <c r="E11362" s="18"/>
      <c r="F11362" s="18"/>
      <c r="G11362" s="18"/>
      <c r="H11362" s="18"/>
      <c r="I11362" s="18"/>
      <c r="J11362" s="18"/>
      <c r="K11362" s="18"/>
      <c r="L11362" s="18"/>
      <c r="M11362" s="18"/>
      <c r="N11362" s="18"/>
      <c r="O11362" s="18"/>
      <c r="P11362" s="19">
        <v>350</v>
      </c>
      <c r="Q11362" s="19"/>
      <c r="R11362" s="19"/>
      <c r="S11362" s="19"/>
      <c r="T11362" s="19">
        <v>140</v>
      </c>
      <c r="U11362" s="19"/>
      <c r="V11362" s="19"/>
      <c r="W11362" s="19"/>
      <c r="X11362" s="19">
        <v>1</v>
      </c>
      <c r="Y11362" s="19"/>
      <c r="Z11362" s="19"/>
      <c r="AA11362" s="19"/>
    </row>
    <row r="11363" spans="1:27" s="1" customFormat="1" ht="11.1" customHeight="1" outlineLevel="3" x14ac:dyDescent="0.2">
      <c r="A11363" s="17"/>
      <c r="B11363" s="17"/>
      <c r="C11363" s="17"/>
      <c r="D11363" s="18"/>
      <c r="E11363" s="18"/>
      <c r="F11363" s="18"/>
      <c r="G11363" s="18"/>
      <c r="H11363" s="18"/>
      <c r="I11363" s="18"/>
      <c r="J11363" s="18"/>
      <c r="K11363" s="18"/>
      <c r="L11363" s="18"/>
      <c r="M11363" s="18"/>
      <c r="N11363" s="18"/>
      <c r="O11363" s="18"/>
      <c r="P11363" s="19"/>
      <c r="Q11363" s="19"/>
      <c r="R11363" s="19"/>
      <c r="S11363" s="19"/>
      <c r="T11363" s="19"/>
      <c r="U11363" s="19"/>
      <c r="V11363" s="19"/>
      <c r="W11363" s="19"/>
      <c r="X11363" s="19"/>
      <c r="Y11363" s="19"/>
      <c r="Z11363" s="19"/>
      <c r="AA11363" s="19"/>
    </row>
    <row r="11364" spans="1:27" s="1" customFormat="1" ht="11.1" customHeight="1" outlineLevel="3" x14ac:dyDescent="0.2">
      <c r="A11364" s="17">
        <v>10509</v>
      </c>
      <c r="B11364" s="17"/>
      <c r="C11364" s="17"/>
      <c r="D11364" s="18" t="s">
        <v>5639</v>
      </c>
      <c r="E11364" s="18"/>
      <c r="F11364" s="18"/>
      <c r="G11364" s="18"/>
      <c r="H11364" s="18"/>
      <c r="I11364" s="18"/>
      <c r="J11364" s="18"/>
      <c r="K11364" s="18"/>
      <c r="L11364" s="18"/>
      <c r="M11364" s="18"/>
      <c r="N11364" s="18"/>
      <c r="O11364" s="18"/>
      <c r="P11364" s="19">
        <v>350</v>
      </c>
      <c r="Q11364" s="19"/>
      <c r="R11364" s="19"/>
      <c r="S11364" s="19"/>
      <c r="T11364" s="19">
        <v>140</v>
      </c>
      <c r="U11364" s="19"/>
      <c r="V11364" s="19"/>
      <c r="W11364" s="19"/>
      <c r="X11364" s="19">
        <v>1</v>
      </c>
      <c r="Y11364" s="19"/>
      <c r="Z11364" s="19"/>
      <c r="AA11364" s="19"/>
    </row>
    <row r="11365" spans="1:27" s="1" customFormat="1" ht="11.1" customHeight="1" outlineLevel="3" x14ac:dyDescent="0.2">
      <c r="A11365" s="17"/>
      <c r="B11365" s="17"/>
      <c r="C11365" s="17"/>
      <c r="D11365" s="18"/>
      <c r="E11365" s="18"/>
      <c r="F11365" s="18"/>
      <c r="G11365" s="18"/>
      <c r="H11365" s="18"/>
      <c r="I11365" s="18"/>
      <c r="J11365" s="18"/>
      <c r="K11365" s="18"/>
      <c r="L11365" s="18"/>
      <c r="M11365" s="18"/>
      <c r="N11365" s="18"/>
      <c r="O11365" s="18"/>
      <c r="P11365" s="19"/>
      <c r="Q11365" s="19"/>
      <c r="R11365" s="19"/>
      <c r="S11365" s="19"/>
      <c r="T11365" s="19"/>
      <c r="U11365" s="19"/>
      <c r="V11365" s="19"/>
      <c r="W11365" s="19"/>
      <c r="X11365" s="19"/>
      <c r="Y11365" s="19"/>
      <c r="Z11365" s="19"/>
      <c r="AA11365" s="19"/>
    </row>
    <row r="11366" spans="1:27" s="1" customFormat="1" ht="11.1" customHeight="1" outlineLevel="3" x14ac:dyDescent="0.2">
      <c r="A11366" s="17">
        <v>16501</v>
      </c>
      <c r="B11366" s="17"/>
      <c r="C11366" s="17"/>
      <c r="D11366" s="18" t="s">
        <v>5640</v>
      </c>
      <c r="E11366" s="18"/>
      <c r="F11366" s="18"/>
      <c r="G11366" s="18"/>
      <c r="H11366" s="18"/>
      <c r="I11366" s="18"/>
      <c r="J11366" s="18"/>
      <c r="K11366" s="18"/>
      <c r="L11366" s="18"/>
      <c r="M11366" s="18"/>
      <c r="N11366" s="18"/>
      <c r="O11366" s="18"/>
      <c r="P11366" s="19">
        <v>350</v>
      </c>
      <c r="Q11366" s="19"/>
      <c r="R11366" s="19"/>
      <c r="S11366" s="19"/>
      <c r="T11366" s="19">
        <v>140</v>
      </c>
      <c r="U11366" s="19"/>
      <c r="V11366" s="19"/>
      <c r="W11366" s="19"/>
      <c r="X11366" s="19">
        <v>1</v>
      </c>
      <c r="Y11366" s="19"/>
      <c r="Z11366" s="19"/>
      <c r="AA11366" s="19"/>
    </row>
    <row r="11367" spans="1:27" s="1" customFormat="1" ht="11.1" customHeight="1" outlineLevel="3" x14ac:dyDescent="0.2">
      <c r="A11367" s="17"/>
      <c r="B11367" s="17"/>
      <c r="C11367" s="17"/>
      <c r="D11367" s="18"/>
      <c r="E11367" s="18"/>
      <c r="F11367" s="18"/>
      <c r="G11367" s="18"/>
      <c r="H11367" s="18"/>
      <c r="I11367" s="18"/>
      <c r="J11367" s="18"/>
      <c r="K11367" s="18"/>
      <c r="L11367" s="18"/>
      <c r="M11367" s="18"/>
      <c r="N11367" s="18"/>
      <c r="O11367" s="18"/>
      <c r="P11367" s="19"/>
      <c r="Q11367" s="19"/>
      <c r="R11367" s="19"/>
      <c r="S11367" s="19"/>
      <c r="T11367" s="19"/>
      <c r="U11367" s="19"/>
      <c r="V11367" s="19"/>
      <c r="W11367" s="19"/>
      <c r="X11367" s="19"/>
      <c r="Y11367" s="19"/>
      <c r="Z11367" s="19"/>
      <c r="AA11367" s="19"/>
    </row>
    <row r="11368" spans="1:27" s="1" customFormat="1" ht="11.1" customHeight="1" outlineLevel="3" x14ac:dyDescent="0.2">
      <c r="A11368" s="17">
        <v>16502</v>
      </c>
      <c r="B11368" s="17"/>
      <c r="C11368" s="17"/>
      <c r="D11368" s="18" t="s">
        <v>5641</v>
      </c>
      <c r="E11368" s="18"/>
      <c r="F11368" s="18"/>
      <c r="G11368" s="18"/>
      <c r="H11368" s="18"/>
      <c r="I11368" s="18"/>
      <c r="J11368" s="18"/>
      <c r="K11368" s="18"/>
      <c r="L11368" s="18"/>
      <c r="M11368" s="18"/>
      <c r="N11368" s="18"/>
      <c r="O11368" s="18"/>
      <c r="P11368" s="19">
        <v>350</v>
      </c>
      <c r="Q11368" s="19"/>
      <c r="R11368" s="19"/>
      <c r="S11368" s="19"/>
      <c r="T11368" s="19">
        <v>140</v>
      </c>
      <c r="U11368" s="19"/>
      <c r="V11368" s="19"/>
      <c r="W11368" s="19"/>
      <c r="X11368" s="19">
        <v>1</v>
      </c>
      <c r="Y11368" s="19"/>
      <c r="Z11368" s="19"/>
      <c r="AA11368" s="19"/>
    </row>
    <row r="11369" spans="1:27" s="1" customFormat="1" ht="11.1" customHeight="1" outlineLevel="3" x14ac:dyDescent="0.2">
      <c r="A11369" s="17"/>
      <c r="B11369" s="17"/>
      <c r="C11369" s="17"/>
      <c r="D11369" s="18"/>
      <c r="E11369" s="18"/>
      <c r="F11369" s="18"/>
      <c r="G11369" s="18"/>
      <c r="H11369" s="18"/>
      <c r="I11369" s="18"/>
      <c r="J11369" s="18"/>
      <c r="K11369" s="18"/>
      <c r="L11369" s="18"/>
      <c r="M11369" s="18"/>
      <c r="N11369" s="18"/>
      <c r="O11369" s="18"/>
      <c r="P11369" s="19"/>
      <c r="Q11369" s="19"/>
      <c r="R11369" s="19"/>
      <c r="S11369" s="19"/>
      <c r="T11369" s="19"/>
      <c r="U11369" s="19"/>
      <c r="V11369" s="19"/>
      <c r="W11369" s="19"/>
      <c r="X11369" s="19"/>
      <c r="Y11369" s="19"/>
      <c r="Z11369" s="19"/>
      <c r="AA11369" s="19"/>
    </row>
    <row r="11370" spans="1:27" s="1" customFormat="1" ht="11.1" customHeight="1" outlineLevel="3" x14ac:dyDescent="0.2">
      <c r="A11370" s="17">
        <v>8997</v>
      </c>
      <c r="B11370" s="17"/>
      <c r="C11370" s="17"/>
      <c r="D11370" s="18" t="s">
        <v>5642</v>
      </c>
      <c r="E11370" s="18"/>
      <c r="F11370" s="18"/>
      <c r="G11370" s="18"/>
      <c r="H11370" s="18"/>
      <c r="I11370" s="18"/>
      <c r="J11370" s="18"/>
      <c r="K11370" s="18"/>
      <c r="L11370" s="18"/>
      <c r="M11370" s="18"/>
      <c r="N11370" s="18"/>
      <c r="O11370" s="18"/>
      <c r="P11370" s="19">
        <v>280</v>
      </c>
      <c r="Q11370" s="19"/>
      <c r="R11370" s="19"/>
      <c r="S11370" s="19"/>
      <c r="T11370" s="19">
        <v>140</v>
      </c>
      <c r="U11370" s="19"/>
      <c r="V11370" s="19"/>
      <c r="W11370" s="19"/>
      <c r="X11370" s="19">
        <v>2</v>
      </c>
      <c r="Y11370" s="19"/>
      <c r="Z11370" s="19"/>
      <c r="AA11370" s="19"/>
    </row>
    <row r="11371" spans="1:27" s="1" customFormat="1" ht="11.1" customHeight="1" outlineLevel="3" x14ac:dyDescent="0.2">
      <c r="A11371" s="17"/>
      <c r="B11371" s="17"/>
      <c r="C11371" s="17"/>
      <c r="D11371" s="18"/>
      <c r="E11371" s="18"/>
      <c r="F11371" s="18"/>
      <c r="G11371" s="18"/>
      <c r="H11371" s="18"/>
      <c r="I11371" s="18"/>
      <c r="J11371" s="18"/>
      <c r="K11371" s="18"/>
      <c r="L11371" s="18"/>
      <c r="M11371" s="18"/>
      <c r="N11371" s="18"/>
      <c r="O11371" s="18"/>
      <c r="P11371" s="19"/>
      <c r="Q11371" s="19"/>
      <c r="R11371" s="19"/>
      <c r="S11371" s="19"/>
      <c r="T11371" s="19"/>
      <c r="U11371" s="19"/>
      <c r="V11371" s="19"/>
      <c r="W11371" s="19"/>
      <c r="X11371" s="19"/>
      <c r="Y11371" s="19"/>
      <c r="Z11371" s="19"/>
      <c r="AA11371" s="19"/>
    </row>
    <row r="11372" spans="1:27" s="1" customFormat="1" ht="11.1" customHeight="1" outlineLevel="3" x14ac:dyDescent="0.2">
      <c r="A11372" s="17">
        <v>9005</v>
      </c>
      <c r="B11372" s="17"/>
      <c r="C11372" s="17"/>
      <c r="D11372" s="18" t="s">
        <v>5643</v>
      </c>
      <c r="E11372" s="18"/>
      <c r="F11372" s="18"/>
      <c r="G11372" s="18"/>
      <c r="H11372" s="18"/>
      <c r="I11372" s="18"/>
      <c r="J11372" s="18"/>
      <c r="K11372" s="18"/>
      <c r="L11372" s="18"/>
      <c r="M11372" s="18"/>
      <c r="N11372" s="18"/>
      <c r="O11372" s="18"/>
      <c r="P11372" s="19">
        <v>350</v>
      </c>
      <c r="Q11372" s="19"/>
      <c r="R11372" s="19"/>
      <c r="S11372" s="19"/>
      <c r="T11372" s="19">
        <v>140</v>
      </c>
      <c r="U11372" s="19"/>
      <c r="V11372" s="19"/>
      <c r="W11372" s="19"/>
      <c r="X11372" s="19">
        <v>1</v>
      </c>
      <c r="Y11372" s="19"/>
      <c r="Z11372" s="19"/>
      <c r="AA11372" s="19"/>
    </row>
    <row r="11373" spans="1:27" s="1" customFormat="1" ht="11.1" customHeight="1" outlineLevel="3" x14ac:dyDescent="0.2">
      <c r="A11373" s="17"/>
      <c r="B11373" s="17"/>
      <c r="C11373" s="17"/>
      <c r="D11373" s="18"/>
      <c r="E11373" s="18"/>
      <c r="F11373" s="18"/>
      <c r="G11373" s="18"/>
      <c r="H11373" s="18"/>
      <c r="I11373" s="18"/>
      <c r="J11373" s="18"/>
      <c r="K11373" s="18"/>
      <c r="L11373" s="18"/>
      <c r="M11373" s="18"/>
      <c r="N11373" s="18"/>
      <c r="O11373" s="18"/>
      <c r="P11373" s="19"/>
      <c r="Q11373" s="19"/>
      <c r="R11373" s="19"/>
      <c r="S11373" s="19"/>
      <c r="T11373" s="19"/>
      <c r="U11373" s="19"/>
      <c r="V11373" s="19"/>
      <c r="W11373" s="19"/>
      <c r="X11373" s="19"/>
      <c r="Y11373" s="19"/>
      <c r="Z11373" s="19"/>
      <c r="AA11373" s="19"/>
    </row>
    <row r="11374" spans="1:27" s="1" customFormat="1" ht="11.1" customHeight="1" outlineLevel="3" x14ac:dyDescent="0.2">
      <c r="A11374" s="17">
        <v>16499</v>
      </c>
      <c r="B11374" s="17"/>
      <c r="C11374" s="17"/>
      <c r="D11374" s="18" t="s">
        <v>5644</v>
      </c>
      <c r="E11374" s="18"/>
      <c r="F11374" s="18"/>
      <c r="G11374" s="18"/>
      <c r="H11374" s="18"/>
      <c r="I11374" s="18"/>
      <c r="J11374" s="18"/>
      <c r="K11374" s="18"/>
      <c r="L11374" s="18"/>
      <c r="M11374" s="18"/>
      <c r="N11374" s="18"/>
      <c r="O11374" s="18"/>
      <c r="P11374" s="19">
        <v>350</v>
      </c>
      <c r="Q11374" s="19"/>
      <c r="R11374" s="19"/>
      <c r="S11374" s="19"/>
      <c r="T11374" s="19">
        <v>140</v>
      </c>
      <c r="U11374" s="19"/>
      <c r="V11374" s="19"/>
      <c r="W11374" s="19"/>
      <c r="X11374" s="19">
        <v>2</v>
      </c>
      <c r="Y11374" s="19"/>
      <c r="Z11374" s="19"/>
      <c r="AA11374" s="19"/>
    </row>
    <row r="11375" spans="1:27" s="1" customFormat="1" ht="11.1" customHeight="1" outlineLevel="3" x14ac:dyDescent="0.2">
      <c r="A11375" s="17"/>
      <c r="B11375" s="17"/>
      <c r="C11375" s="17"/>
      <c r="D11375" s="18"/>
      <c r="E11375" s="18"/>
      <c r="F11375" s="18"/>
      <c r="G11375" s="18"/>
      <c r="H11375" s="18"/>
      <c r="I11375" s="18"/>
      <c r="J11375" s="18"/>
      <c r="K11375" s="18"/>
      <c r="L11375" s="18"/>
      <c r="M11375" s="18"/>
      <c r="N11375" s="18"/>
      <c r="O11375" s="18"/>
      <c r="P11375" s="19"/>
      <c r="Q11375" s="19"/>
      <c r="R11375" s="19"/>
      <c r="S11375" s="19"/>
      <c r="T11375" s="19"/>
      <c r="U11375" s="19"/>
      <c r="V11375" s="19"/>
      <c r="W11375" s="19"/>
      <c r="X11375" s="19"/>
      <c r="Y11375" s="19"/>
      <c r="Z11375" s="19"/>
      <c r="AA11375" s="19"/>
    </row>
    <row r="11376" spans="1:27" s="1" customFormat="1" ht="11.1" customHeight="1" outlineLevel="3" x14ac:dyDescent="0.2">
      <c r="A11376" s="17">
        <v>9900</v>
      </c>
      <c r="B11376" s="17"/>
      <c r="C11376" s="17"/>
      <c r="D11376" s="18" t="s">
        <v>5645</v>
      </c>
      <c r="E11376" s="18"/>
      <c r="F11376" s="18"/>
      <c r="G11376" s="18"/>
      <c r="H11376" s="18"/>
      <c r="I11376" s="18"/>
      <c r="J11376" s="18"/>
      <c r="K11376" s="18"/>
      <c r="L11376" s="18"/>
      <c r="M11376" s="18"/>
      <c r="N11376" s="18"/>
      <c r="O11376" s="18"/>
      <c r="P11376" s="19">
        <v>350</v>
      </c>
      <c r="Q11376" s="19"/>
      <c r="R11376" s="19"/>
      <c r="S11376" s="19"/>
      <c r="T11376" s="19">
        <v>140</v>
      </c>
      <c r="U11376" s="19"/>
      <c r="V11376" s="19"/>
      <c r="W11376" s="19"/>
      <c r="X11376" s="19">
        <v>1</v>
      </c>
      <c r="Y11376" s="19"/>
      <c r="Z11376" s="19"/>
      <c r="AA11376" s="19"/>
    </row>
    <row r="11377" spans="1:27" s="1" customFormat="1" ht="11.1" customHeight="1" outlineLevel="3" x14ac:dyDescent="0.2">
      <c r="A11377" s="17"/>
      <c r="B11377" s="17"/>
      <c r="C11377" s="17"/>
      <c r="D11377" s="18"/>
      <c r="E11377" s="18"/>
      <c r="F11377" s="18"/>
      <c r="G11377" s="18"/>
      <c r="H11377" s="18"/>
      <c r="I11377" s="18"/>
      <c r="J11377" s="18"/>
      <c r="K11377" s="18"/>
      <c r="L11377" s="18"/>
      <c r="M11377" s="18"/>
      <c r="N11377" s="18"/>
      <c r="O11377" s="18"/>
      <c r="P11377" s="19"/>
      <c r="Q11377" s="19"/>
      <c r="R11377" s="19"/>
      <c r="S11377" s="19"/>
      <c r="T11377" s="19"/>
      <c r="U11377" s="19"/>
      <c r="V11377" s="19"/>
      <c r="W11377" s="19"/>
      <c r="X11377" s="19"/>
      <c r="Y11377" s="19"/>
      <c r="Z11377" s="19"/>
      <c r="AA11377" s="19"/>
    </row>
    <row r="11378" spans="1:27" s="1" customFormat="1" ht="11.1" customHeight="1" outlineLevel="3" x14ac:dyDescent="0.2">
      <c r="A11378" s="17">
        <v>10511</v>
      </c>
      <c r="B11378" s="17"/>
      <c r="C11378" s="17"/>
      <c r="D11378" s="18" t="s">
        <v>5646</v>
      </c>
      <c r="E11378" s="18"/>
      <c r="F11378" s="18"/>
      <c r="G11378" s="18"/>
      <c r="H11378" s="18"/>
      <c r="I11378" s="18"/>
      <c r="J11378" s="18"/>
      <c r="K11378" s="18"/>
      <c r="L11378" s="18"/>
      <c r="M11378" s="18"/>
      <c r="N11378" s="18"/>
      <c r="O11378" s="18"/>
      <c r="P11378" s="19">
        <v>350</v>
      </c>
      <c r="Q11378" s="19"/>
      <c r="R11378" s="19"/>
      <c r="S11378" s="19"/>
      <c r="T11378" s="19">
        <v>140</v>
      </c>
      <c r="U11378" s="19"/>
      <c r="V11378" s="19"/>
      <c r="W11378" s="19"/>
      <c r="X11378" s="19">
        <v>2</v>
      </c>
      <c r="Y11378" s="19"/>
      <c r="Z11378" s="19"/>
      <c r="AA11378" s="19"/>
    </row>
    <row r="11379" spans="1:27" s="1" customFormat="1" ht="11.1" customHeight="1" outlineLevel="3" x14ac:dyDescent="0.2">
      <c r="A11379" s="17"/>
      <c r="B11379" s="17"/>
      <c r="C11379" s="17"/>
      <c r="D11379" s="18"/>
      <c r="E11379" s="18"/>
      <c r="F11379" s="18"/>
      <c r="G11379" s="18"/>
      <c r="H11379" s="18"/>
      <c r="I11379" s="18"/>
      <c r="J11379" s="18"/>
      <c r="K11379" s="18"/>
      <c r="L11379" s="18"/>
      <c r="M11379" s="18"/>
      <c r="N11379" s="18"/>
      <c r="O11379" s="18"/>
      <c r="P11379" s="19"/>
      <c r="Q11379" s="19"/>
      <c r="R11379" s="19"/>
      <c r="S11379" s="19"/>
      <c r="T11379" s="19"/>
      <c r="U11379" s="19"/>
      <c r="V11379" s="19"/>
      <c r="W11379" s="19"/>
      <c r="X11379" s="19"/>
      <c r="Y11379" s="19"/>
      <c r="Z11379" s="19"/>
      <c r="AA11379" s="19"/>
    </row>
    <row r="11380" spans="1:27" s="1" customFormat="1" ht="11.1" customHeight="1" outlineLevel="3" x14ac:dyDescent="0.2">
      <c r="A11380" s="17">
        <v>8158</v>
      </c>
      <c r="B11380" s="17"/>
      <c r="C11380" s="17"/>
      <c r="D11380" s="18" t="s">
        <v>5647</v>
      </c>
      <c r="E11380" s="18"/>
      <c r="F11380" s="18"/>
      <c r="G11380" s="18"/>
      <c r="H11380" s="18"/>
      <c r="I11380" s="18"/>
      <c r="J11380" s="18"/>
      <c r="K11380" s="18"/>
      <c r="L11380" s="18"/>
      <c r="M11380" s="18"/>
      <c r="N11380" s="18"/>
      <c r="O11380" s="18"/>
      <c r="P11380" s="19">
        <v>280</v>
      </c>
      <c r="Q11380" s="19"/>
      <c r="R11380" s="19"/>
      <c r="S11380" s="19"/>
      <c r="T11380" s="19">
        <v>140</v>
      </c>
      <c r="U11380" s="19"/>
      <c r="V11380" s="19"/>
      <c r="W11380" s="19"/>
      <c r="X11380" s="19">
        <v>3</v>
      </c>
      <c r="Y11380" s="19"/>
      <c r="Z11380" s="19"/>
      <c r="AA11380" s="19"/>
    </row>
    <row r="11381" spans="1:27" s="1" customFormat="1" ht="11.1" customHeight="1" outlineLevel="3" x14ac:dyDescent="0.2">
      <c r="A11381" s="17"/>
      <c r="B11381" s="17"/>
      <c r="C11381" s="17"/>
      <c r="D11381" s="18"/>
      <c r="E11381" s="18"/>
      <c r="F11381" s="18"/>
      <c r="G11381" s="18"/>
      <c r="H11381" s="18"/>
      <c r="I11381" s="18"/>
      <c r="J11381" s="18"/>
      <c r="K11381" s="18"/>
      <c r="L11381" s="18"/>
      <c r="M11381" s="18"/>
      <c r="N11381" s="18"/>
      <c r="O11381" s="18"/>
      <c r="P11381" s="19"/>
      <c r="Q11381" s="19"/>
      <c r="R11381" s="19"/>
      <c r="S11381" s="19"/>
      <c r="T11381" s="19"/>
      <c r="U11381" s="19"/>
      <c r="V11381" s="19"/>
      <c r="W11381" s="19"/>
      <c r="X11381" s="19"/>
      <c r="Y11381" s="19"/>
      <c r="Z11381" s="19"/>
      <c r="AA11381" s="19"/>
    </row>
    <row r="11382" spans="1:27" s="1" customFormat="1" ht="11.1" customHeight="1" outlineLevel="3" x14ac:dyDescent="0.2">
      <c r="A11382" s="17">
        <v>8160</v>
      </c>
      <c r="B11382" s="17"/>
      <c r="C11382" s="17"/>
      <c r="D11382" s="18" t="s">
        <v>5648</v>
      </c>
      <c r="E11382" s="18"/>
      <c r="F11382" s="18"/>
      <c r="G11382" s="18"/>
      <c r="H11382" s="18"/>
      <c r="I11382" s="18"/>
      <c r="J11382" s="18"/>
      <c r="K11382" s="18"/>
      <c r="L11382" s="18"/>
      <c r="M11382" s="18"/>
      <c r="N11382" s="18"/>
      <c r="O11382" s="18"/>
      <c r="P11382" s="19">
        <v>280</v>
      </c>
      <c r="Q11382" s="19"/>
      <c r="R11382" s="19"/>
      <c r="S11382" s="19"/>
      <c r="T11382" s="19">
        <v>140</v>
      </c>
      <c r="U11382" s="19"/>
      <c r="V11382" s="19"/>
      <c r="W11382" s="19"/>
      <c r="X11382" s="19">
        <v>8</v>
      </c>
      <c r="Y11382" s="19"/>
      <c r="Z11382" s="19"/>
      <c r="AA11382" s="19"/>
    </row>
    <row r="11383" spans="1:27" s="1" customFormat="1" ht="11.1" customHeight="1" outlineLevel="3" x14ac:dyDescent="0.2">
      <c r="A11383" s="17"/>
      <c r="B11383" s="17"/>
      <c r="C11383" s="17"/>
      <c r="D11383" s="18"/>
      <c r="E11383" s="18"/>
      <c r="F11383" s="18"/>
      <c r="G11383" s="18"/>
      <c r="H11383" s="18"/>
      <c r="I11383" s="18"/>
      <c r="J11383" s="18"/>
      <c r="K11383" s="18"/>
      <c r="L11383" s="18"/>
      <c r="M11383" s="18"/>
      <c r="N11383" s="18"/>
      <c r="O11383" s="18"/>
      <c r="P11383" s="19"/>
      <c r="Q11383" s="19"/>
      <c r="R11383" s="19"/>
      <c r="S11383" s="19"/>
      <c r="T11383" s="19"/>
      <c r="U11383" s="19"/>
      <c r="V11383" s="19"/>
      <c r="W11383" s="19"/>
      <c r="X11383" s="19"/>
      <c r="Y11383" s="19"/>
      <c r="Z11383" s="19"/>
      <c r="AA11383" s="19"/>
    </row>
    <row r="11384" spans="1:27" s="1" customFormat="1" ht="11.1" customHeight="1" outlineLevel="3" x14ac:dyDescent="0.2">
      <c r="A11384" s="17">
        <v>8155</v>
      </c>
      <c r="B11384" s="17"/>
      <c r="C11384" s="17"/>
      <c r="D11384" s="18" t="s">
        <v>5649</v>
      </c>
      <c r="E11384" s="18"/>
      <c r="F11384" s="18"/>
      <c r="G11384" s="18"/>
      <c r="H11384" s="18"/>
      <c r="I11384" s="18"/>
      <c r="J11384" s="18"/>
      <c r="K11384" s="18"/>
      <c r="L11384" s="18"/>
      <c r="M11384" s="18"/>
      <c r="N11384" s="18"/>
      <c r="O11384" s="18"/>
      <c r="P11384" s="19">
        <v>280</v>
      </c>
      <c r="Q11384" s="19"/>
      <c r="R11384" s="19"/>
      <c r="S11384" s="19"/>
      <c r="T11384" s="19">
        <v>140</v>
      </c>
      <c r="U11384" s="19"/>
      <c r="V11384" s="19"/>
      <c r="W11384" s="19"/>
      <c r="X11384" s="19">
        <v>2</v>
      </c>
      <c r="Y11384" s="19"/>
      <c r="Z11384" s="19"/>
      <c r="AA11384" s="19"/>
    </row>
    <row r="11385" spans="1:27" s="1" customFormat="1" ht="11.1" customHeight="1" outlineLevel="3" x14ac:dyDescent="0.2">
      <c r="A11385" s="17"/>
      <c r="B11385" s="17"/>
      <c r="C11385" s="17"/>
      <c r="D11385" s="18"/>
      <c r="E11385" s="18"/>
      <c r="F11385" s="18"/>
      <c r="G11385" s="18"/>
      <c r="H11385" s="18"/>
      <c r="I11385" s="18"/>
      <c r="J11385" s="18"/>
      <c r="K11385" s="18"/>
      <c r="L11385" s="18"/>
      <c r="M11385" s="18"/>
      <c r="N11385" s="18"/>
      <c r="O11385" s="18"/>
      <c r="P11385" s="19"/>
      <c r="Q11385" s="19"/>
      <c r="R11385" s="19"/>
      <c r="S11385" s="19"/>
      <c r="T11385" s="19"/>
      <c r="U11385" s="19"/>
      <c r="V11385" s="19"/>
      <c r="W11385" s="19"/>
      <c r="X11385" s="19"/>
      <c r="Y11385" s="19"/>
      <c r="Z11385" s="19"/>
      <c r="AA11385" s="19"/>
    </row>
    <row r="11386" spans="1:27" s="1" customFormat="1" ht="11.1" customHeight="1" outlineLevel="3" x14ac:dyDescent="0.2">
      <c r="A11386" s="17">
        <v>9012</v>
      </c>
      <c r="B11386" s="17"/>
      <c r="C11386" s="17"/>
      <c r="D11386" s="18" t="s">
        <v>5650</v>
      </c>
      <c r="E11386" s="18"/>
      <c r="F11386" s="18"/>
      <c r="G11386" s="18"/>
      <c r="H11386" s="18"/>
      <c r="I11386" s="18"/>
      <c r="J11386" s="18"/>
      <c r="K11386" s="18"/>
      <c r="L11386" s="18"/>
      <c r="M11386" s="18"/>
      <c r="N11386" s="18"/>
      <c r="O11386" s="18"/>
      <c r="P11386" s="19">
        <v>280</v>
      </c>
      <c r="Q11386" s="19"/>
      <c r="R11386" s="19"/>
      <c r="S11386" s="19"/>
      <c r="T11386" s="19">
        <v>140</v>
      </c>
      <c r="U11386" s="19"/>
      <c r="V11386" s="19"/>
      <c r="W11386" s="19"/>
      <c r="X11386" s="19">
        <v>1</v>
      </c>
      <c r="Y11386" s="19"/>
      <c r="Z11386" s="19"/>
      <c r="AA11386" s="19"/>
    </row>
    <row r="11387" spans="1:27" s="1" customFormat="1" ht="11.1" customHeight="1" outlineLevel="3" x14ac:dyDescent="0.2">
      <c r="A11387" s="17"/>
      <c r="B11387" s="17"/>
      <c r="C11387" s="17"/>
      <c r="D11387" s="18"/>
      <c r="E11387" s="18"/>
      <c r="F11387" s="18"/>
      <c r="G11387" s="18"/>
      <c r="H11387" s="18"/>
      <c r="I11387" s="18"/>
      <c r="J11387" s="18"/>
      <c r="K11387" s="18"/>
      <c r="L11387" s="18"/>
      <c r="M11387" s="18"/>
      <c r="N11387" s="18"/>
      <c r="O11387" s="18"/>
      <c r="P11387" s="19"/>
      <c r="Q11387" s="19"/>
      <c r="R11387" s="19"/>
      <c r="S11387" s="19"/>
      <c r="T11387" s="19"/>
      <c r="U11387" s="19"/>
      <c r="V11387" s="19"/>
      <c r="W11387" s="19"/>
      <c r="X11387" s="19"/>
      <c r="Y11387" s="19"/>
      <c r="Z11387" s="19"/>
      <c r="AA11387" s="19"/>
    </row>
    <row r="11388" spans="1:27" s="1" customFormat="1" ht="11.1" customHeight="1" outlineLevel="3" x14ac:dyDescent="0.2">
      <c r="A11388" s="17">
        <v>8151</v>
      </c>
      <c r="B11388" s="17"/>
      <c r="C11388" s="17"/>
      <c r="D11388" s="18" t="s">
        <v>5651</v>
      </c>
      <c r="E11388" s="18"/>
      <c r="F11388" s="18"/>
      <c r="G11388" s="18"/>
      <c r="H11388" s="18"/>
      <c r="I11388" s="18"/>
      <c r="J11388" s="18"/>
      <c r="K11388" s="18"/>
      <c r="L11388" s="18"/>
      <c r="M11388" s="18"/>
      <c r="N11388" s="18"/>
      <c r="O11388" s="18"/>
      <c r="P11388" s="19">
        <v>280</v>
      </c>
      <c r="Q11388" s="19"/>
      <c r="R11388" s="19"/>
      <c r="S11388" s="19"/>
      <c r="T11388" s="19">
        <v>130</v>
      </c>
      <c r="U11388" s="19"/>
      <c r="V11388" s="19"/>
      <c r="W11388" s="19"/>
      <c r="X11388" s="19">
        <v>2</v>
      </c>
      <c r="Y11388" s="19"/>
      <c r="Z11388" s="19"/>
      <c r="AA11388" s="19"/>
    </row>
    <row r="11389" spans="1:27" s="1" customFormat="1" ht="11.1" customHeight="1" outlineLevel="3" x14ac:dyDescent="0.2">
      <c r="A11389" s="17"/>
      <c r="B11389" s="17"/>
      <c r="C11389" s="17"/>
      <c r="D11389" s="18"/>
      <c r="E11389" s="18"/>
      <c r="F11389" s="18"/>
      <c r="G11389" s="18"/>
      <c r="H11389" s="18"/>
      <c r="I11389" s="18"/>
      <c r="J11389" s="18"/>
      <c r="K11389" s="18"/>
      <c r="L11389" s="18"/>
      <c r="M11389" s="18"/>
      <c r="N11389" s="18"/>
      <c r="O11389" s="18"/>
      <c r="P11389" s="19"/>
      <c r="Q11389" s="19"/>
      <c r="R11389" s="19"/>
      <c r="S11389" s="19"/>
      <c r="T11389" s="19"/>
      <c r="U11389" s="19"/>
      <c r="V11389" s="19"/>
      <c r="W11389" s="19"/>
      <c r="X11389" s="19"/>
      <c r="Y11389" s="19"/>
      <c r="Z11389" s="19"/>
      <c r="AA11389" s="19"/>
    </row>
    <row r="11390" spans="1:27" s="1" customFormat="1" ht="11.1" customHeight="1" outlineLevel="3" x14ac:dyDescent="0.2">
      <c r="A11390" s="17">
        <v>9010</v>
      </c>
      <c r="B11390" s="17"/>
      <c r="C11390" s="17"/>
      <c r="D11390" s="18" t="s">
        <v>5652</v>
      </c>
      <c r="E11390" s="18"/>
      <c r="F11390" s="18"/>
      <c r="G11390" s="18"/>
      <c r="H11390" s="18"/>
      <c r="I11390" s="18"/>
      <c r="J11390" s="18"/>
      <c r="K11390" s="18"/>
      <c r="L11390" s="18"/>
      <c r="M11390" s="18"/>
      <c r="N11390" s="18"/>
      <c r="O11390" s="18"/>
      <c r="P11390" s="19">
        <v>280</v>
      </c>
      <c r="Q11390" s="19"/>
      <c r="R11390" s="19"/>
      <c r="S11390" s="19"/>
      <c r="T11390" s="19">
        <v>140</v>
      </c>
      <c r="U11390" s="19"/>
      <c r="V11390" s="19"/>
      <c r="W11390" s="19"/>
      <c r="X11390" s="19">
        <v>1</v>
      </c>
      <c r="Y11390" s="19"/>
      <c r="Z11390" s="19"/>
      <c r="AA11390" s="19"/>
    </row>
    <row r="11391" spans="1:27" s="1" customFormat="1" ht="11.1" customHeight="1" outlineLevel="3" x14ac:dyDescent="0.2">
      <c r="A11391" s="17"/>
      <c r="B11391" s="17"/>
      <c r="C11391" s="17"/>
      <c r="D11391" s="18"/>
      <c r="E11391" s="18"/>
      <c r="F11391" s="18"/>
      <c r="G11391" s="18"/>
      <c r="H11391" s="18"/>
      <c r="I11391" s="18"/>
      <c r="J11391" s="18"/>
      <c r="K11391" s="18"/>
      <c r="L11391" s="18"/>
      <c r="M11391" s="18"/>
      <c r="N11391" s="18"/>
      <c r="O11391" s="18"/>
      <c r="P11391" s="19"/>
      <c r="Q11391" s="19"/>
      <c r="R11391" s="19"/>
      <c r="S11391" s="19"/>
      <c r="T11391" s="19"/>
      <c r="U11391" s="19"/>
      <c r="V11391" s="19"/>
      <c r="W11391" s="19"/>
      <c r="X11391" s="19"/>
      <c r="Y11391" s="19"/>
      <c r="Z11391" s="19"/>
      <c r="AA11391" s="19"/>
    </row>
    <row r="11392" spans="1:27" s="1" customFormat="1" ht="11.1" customHeight="1" outlineLevel="3" x14ac:dyDescent="0.2">
      <c r="A11392" s="17">
        <v>8152</v>
      </c>
      <c r="B11392" s="17"/>
      <c r="C11392" s="17"/>
      <c r="D11392" s="18" t="s">
        <v>5653</v>
      </c>
      <c r="E11392" s="18"/>
      <c r="F11392" s="18"/>
      <c r="G11392" s="18"/>
      <c r="H11392" s="18"/>
      <c r="I11392" s="18"/>
      <c r="J11392" s="18"/>
      <c r="K11392" s="18"/>
      <c r="L11392" s="18"/>
      <c r="M11392" s="18"/>
      <c r="N11392" s="18"/>
      <c r="O11392" s="18"/>
      <c r="P11392" s="19">
        <v>280</v>
      </c>
      <c r="Q11392" s="19"/>
      <c r="R11392" s="19"/>
      <c r="S11392" s="19"/>
      <c r="T11392" s="19">
        <v>130</v>
      </c>
      <c r="U11392" s="19"/>
      <c r="V11392" s="19"/>
      <c r="W11392" s="19"/>
      <c r="X11392" s="19">
        <v>1</v>
      </c>
      <c r="Y11392" s="19"/>
      <c r="Z11392" s="19"/>
      <c r="AA11392" s="19"/>
    </row>
    <row r="11393" spans="1:27" s="1" customFormat="1" ht="11.1" customHeight="1" outlineLevel="3" x14ac:dyDescent="0.2">
      <c r="A11393" s="17"/>
      <c r="B11393" s="17"/>
      <c r="C11393" s="17"/>
      <c r="D11393" s="18"/>
      <c r="E11393" s="18"/>
      <c r="F11393" s="18"/>
      <c r="G11393" s="18"/>
      <c r="H11393" s="18"/>
      <c r="I11393" s="18"/>
      <c r="J11393" s="18"/>
      <c r="K11393" s="18"/>
      <c r="L11393" s="18"/>
      <c r="M11393" s="18"/>
      <c r="N11393" s="18"/>
      <c r="O11393" s="18"/>
      <c r="P11393" s="19"/>
      <c r="Q11393" s="19"/>
      <c r="R11393" s="19"/>
      <c r="S11393" s="19"/>
      <c r="T11393" s="19"/>
      <c r="U11393" s="19"/>
      <c r="V11393" s="19"/>
      <c r="W11393" s="19"/>
      <c r="X11393" s="19"/>
      <c r="Y11393" s="19"/>
      <c r="Z11393" s="19"/>
      <c r="AA11393" s="19"/>
    </row>
    <row r="11394" spans="1:27" s="1" customFormat="1" ht="11.1" customHeight="1" outlineLevel="3" x14ac:dyDescent="0.2">
      <c r="A11394" s="17">
        <v>8161</v>
      </c>
      <c r="B11394" s="17"/>
      <c r="C11394" s="17"/>
      <c r="D11394" s="18" t="s">
        <v>5654</v>
      </c>
      <c r="E11394" s="18"/>
      <c r="F11394" s="18"/>
      <c r="G11394" s="18"/>
      <c r="H11394" s="18"/>
      <c r="I11394" s="18"/>
      <c r="J11394" s="18"/>
      <c r="K11394" s="18"/>
      <c r="L11394" s="18"/>
      <c r="M11394" s="18"/>
      <c r="N11394" s="18"/>
      <c r="O11394" s="18"/>
      <c r="P11394" s="19">
        <v>280</v>
      </c>
      <c r="Q11394" s="19"/>
      <c r="R11394" s="19"/>
      <c r="S11394" s="19"/>
      <c r="T11394" s="19">
        <v>130</v>
      </c>
      <c r="U11394" s="19"/>
      <c r="V11394" s="19"/>
      <c r="W11394" s="19"/>
      <c r="X11394" s="19">
        <v>1</v>
      </c>
      <c r="Y11394" s="19"/>
      <c r="Z11394" s="19"/>
      <c r="AA11394" s="19"/>
    </row>
    <row r="11395" spans="1:27" s="1" customFormat="1" ht="11.1" customHeight="1" outlineLevel="3" x14ac:dyDescent="0.2">
      <c r="A11395" s="17"/>
      <c r="B11395" s="17"/>
      <c r="C11395" s="17"/>
      <c r="D11395" s="18"/>
      <c r="E11395" s="18"/>
      <c r="F11395" s="18"/>
      <c r="G11395" s="18"/>
      <c r="H11395" s="18"/>
      <c r="I11395" s="18"/>
      <c r="J11395" s="18"/>
      <c r="K11395" s="18"/>
      <c r="L11395" s="18"/>
      <c r="M11395" s="18"/>
      <c r="N11395" s="18"/>
      <c r="O11395" s="18"/>
      <c r="P11395" s="19"/>
      <c r="Q11395" s="19"/>
      <c r="R11395" s="19"/>
      <c r="S11395" s="19"/>
      <c r="T11395" s="19"/>
      <c r="U11395" s="19"/>
      <c r="V11395" s="19"/>
      <c r="W11395" s="19"/>
      <c r="X11395" s="19"/>
      <c r="Y11395" s="19"/>
      <c r="Z11395" s="19"/>
      <c r="AA11395" s="19"/>
    </row>
    <row r="11396" spans="1:27" s="1" customFormat="1" ht="11.1" customHeight="1" outlineLevel="3" x14ac:dyDescent="0.2">
      <c r="A11396" s="17">
        <v>8150</v>
      </c>
      <c r="B11396" s="17"/>
      <c r="C11396" s="17"/>
      <c r="D11396" s="18" t="s">
        <v>5655</v>
      </c>
      <c r="E11396" s="18"/>
      <c r="F11396" s="18"/>
      <c r="G11396" s="18"/>
      <c r="H11396" s="18"/>
      <c r="I11396" s="18"/>
      <c r="J11396" s="18"/>
      <c r="K11396" s="18"/>
      <c r="L11396" s="18"/>
      <c r="M11396" s="18"/>
      <c r="N11396" s="18"/>
      <c r="O11396" s="18"/>
      <c r="P11396" s="19">
        <v>280</v>
      </c>
      <c r="Q11396" s="19"/>
      <c r="R11396" s="19"/>
      <c r="S11396" s="19"/>
      <c r="T11396" s="19">
        <v>140</v>
      </c>
      <c r="U11396" s="19"/>
      <c r="V11396" s="19"/>
      <c r="W11396" s="19"/>
      <c r="X11396" s="19">
        <v>9</v>
      </c>
      <c r="Y11396" s="19"/>
      <c r="Z11396" s="19"/>
      <c r="AA11396" s="19"/>
    </row>
    <row r="11397" spans="1:27" s="1" customFormat="1" ht="11.1" customHeight="1" outlineLevel="3" x14ac:dyDescent="0.2">
      <c r="A11397" s="17"/>
      <c r="B11397" s="17"/>
      <c r="C11397" s="17"/>
      <c r="D11397" s="18"/>
      <c r="E11397" s="18"/>
      <c r="F11397" s="18"/>
      <c r="G11397" s="18"/>
      <c r="H11397" s="18"/>
      <c r="I11397" s="18"/>
      <c r="J11397" s="18"/>
      <c r="K11397" s="18"/>
      <c r="L11397" s="18"/>
      <c r="M11397" s="18"/>
      <c r="N11397" s="18"/>
      <c r="O11397" s="18"/>
      <c r="P11397" s="19"/>
      <c r="Q11397" s="19"/>
      <c r="R11397" s="19"/>
      <c r="S11397" s="19"/>
      <c r="T11397" s="19"/>
      <c r="U11397" s="19"/>
      <c r="V11397" s="19"/>
      <c r="W11397" s="19"/>
      <c r="X11397" s="19"/>
      <c r="Y11397" s="19"/>
      <c r="Z11397" s="19"/>
      <c r="AA11397" s="19"/>
    </row>
    <row r="11398" spans="1:27" s="1" customFormat="1" ht="11.1" customHeight="1" outlineLevel="3" x14ac:dyDescent="0.2">
      <c r="A11398" s="17">
        <v>8156</v>
      </c>
      <c r="B11398" s="17"/>
      <c r="C11398" s="17"/>
      <c r="D11398" s="18" t="s">
        <v>5656</v>
      </c>
      <c r="E11398" s="18"/>
      <c r="F11398" s="18"/>
      <c r="G11398" s="18"/>
      <c r="H11398" s="18"/>
      <c r="I11398" s="18"/>
      <c r="J11398" s="18"/>
      <c r="K11398" s="18"/>
      <c r="L11398" s="18"/>
      <c r="M11398" s="18"/>
      <c r="N11398" s="18"/>
      <c r="O11398" s="18"/>
      <c r="P11398" s="19">
        <v>280</v>
      </c>
      <c r="Q11398" s="19"/>
      <c r="R11398" s="19"/>
      <c r="S11398" s="19"/>
      <c r="T11398" s="19">
        <v>140</v>
      </c>
      <c r="U11398" s="19"/>
      <c r="V11398" s="19"/>
      <c r="W11398" s="19"/>
      <c r="X11398" s="19">
        <v>2</v>
      </c>
      <c r="Y11398" s="19"/>
      <c r="Z11398" s="19"/>
      <c r="AA11398" s="19"/>
    </row>
    <row r="11399" spans="1:27" s="1" customFormat="1" ht="11.1" customHeight="1" outlineLevel="3" x14ac:dyDescent="0.2">
      <c r="A11399" s="17"/>
      <c r="B11399" s="17"/>
      <c r="C11399" s="17"/>
      <c r="D11399" s="18"/>
      <c r="E11399" s="18"/>
      <c r="F11399" s="18"/>
      <c r="G11399" s="18"/>
      <c r="H11399" s="18"/>
      <c r="I11399" s="18"/>
      <c r="J11399" s="18"/>
      <c r="K11399" s="18"/>
      <c r="L11399" s="18"/>
      <c r="M11399" s="18"/>
      <c r="N11399" s="18"/>
      <c r="O11399" s="18"/>
      <c r="P11399" s="19"/>
      <c r="Q11399" s="19"/>
      <c r="R11399" s="19"/>
      <c r="S11399" s="19"/>
      <c r="T11399" s="19"/>
      <c r="U11399" s="19"/>
      <c r="V11399" s="19"/>
      <c r="W11399" s="19"/>
      <c r="X11399" s="19"/>
      <c r="Y11399" s="19"/>
      <c r="Z11399" s="19"/>
      <c r="AA11399" s="19"/>
    </row>
    <row r="11400" spans="1:27" s="1" customFormat="1" ht="11.1" customHeight="1" outlineLevel="3" x14ac:dyDescent="0.2">
      <c r="A11400" s="17">
        <v>9013</v>
      </c>
      <c r="B11400" s="17"/>
      <c r="C11400" s="17"/>
      <c r="D11400" s="18" t="s">
        <v>5657</v>
      </c>
      <c r="E11400" s="18"/>
      <c r="F11400" s="18"/>
      <c r="G11400" s="18"/>
      <c r="H11400" s="18"/>
      <c r="I11400" s="18"/>
      <c r="J11400" s="18"/>
      <c r="K11400" s="18"/>
      <c r="L11400" s="18"/>
      <c r="M11400" s="18"/>
      <c r="N11400" s="18"/>
      <c r="O11400" s="18"/>
      <c r="P11400" s="19">
        <v>280</v>
      </c>
      <c r="Q11400" s="19"/>
      <c r="R11400" s="19"/>
      <c r="S11400" s="19"/>
      <c r="T11400" s="19">
        <v>140</v>
      </c>
      <c r="U11400" s="19"/>
      <c r="V11400" s="19"/>
      <c r="W11400" s="19"/>
      <c r="X11400" s="19">
        <v>6</v>
      </c>
      <c r="Y11400" s="19"/>
      <c r="Z11400" s="19"/>
      <c r="AA11400" s="19"/>
    </row>
    <row r="11401" spans="1:27" s="1" customFormat="1" ht="11.1" customHeight="1" outlineLevel="3" x14ac:dyDescent="0.2">
      <c r="A11401" s="17"/>
      <c r="B11401" s="17"/>
      <c r="C11401" s="17"/>
      <c r="D11401" s="18"/>
      <c r="E11401" s="18"/>
      <c r="F11401" s="18"/>
      <c r="G11401" s="18"/>
      <c r="H11401" s="18"/>
      <c r="I11401" s="18"/>
      <c r="J11401" s="18"/>
      <c r="K11401" s="18"/>
      <c r="L11401" s="18"/>
      <c r="M11401" s="18"/>
      <c r="N11401" s="18"/>
      <c r="O11401" s="18"/>
      <c r="P11401" s="19"/>
      <c r="Q11401" s="19"/>
      <c r="R11401" s="19"/>
      <c r="S11401" s="19"/>
      <c r="T11401" s="19"/>
      <c r="U11401" s="19"/>
      <c r="V11401" s="19"/>
      <c r="W11401" s="19"/>
      <c r="X11401" s="19"/>
      <c r="Y11401" s="19"/>
      <c r="Z11401" s="19"/>
      <c r="AA11401" s="19"/>
    </row>
    <row r="11402" spans="1:27" s="1" customFormat="1" ht="11.1" customHeight="1" outlineLevel="3" x14ac:dyDescent="0.2">
      <c r="A11402" s="17">
        <v>9009</v>
      </c>
      <c r="B11402" s="17"/>
      <c r="C11402" s="17"/>
      <c r="D11402" s="18" t="s">
        <v>5658</v>
      </c>
      <c r="E11402" s="18"/>
      <c r="F11402" s="18"/>
      <c r="G11402" s="18"/>
      <c r="H11402" s="18"/>
      <c r="I11402" s="18"/>
      <c r="J11402" s="18"/>
      <c r="K11402" s="18"/>
      <c r="L11402" s="18"/>
      <c r="M11402" s="18"/>
      <c r="N11402" s="18"/>
      <c r="O11402" s="18"/>
      <c r="P11402" s="19">
        <v>280</v>
      </c>
      <c r="Q11402" s="19"/>
      <c r="R11402" s="19"/>
      <c r="S11402" s="19"/>
      <c r="T11402" s="19">
        <v>140</v>
      </c>
      <c r="U11402" s="19"/>
      <c r="V11402" s="19"/>
      <c r="W11402" s="19"/>
      <c r="X11402" s="19">
        <v>1</v>
      </c>
      <c r="Y11402" s="19"/>
      <c r="Z11402" s="19"/>
      <c r="AA11402" s="19"/>
    </row>
    <row r="11403" spans="1:27" s="1" customFormat="1" ht="11.1" customHeight="1" outlineLevel="3" x14ac:dyDescent="0.2">
      <c r="A11403" s="17"/>
      <c r="B11403" s="17"/>
      <c r="C11403" s="17"/>
      <c r="D11403" s="18"/>
      <c r="E11403" s="18"/>
      <c r="F11403" s="18"/>
      <c r="G11403" s="18"/>
      <c r="H11403" s="18"/>
      <c r="I11403" s="18"/>
      <c r="J11403" s="18"/>
      <c r="K11403" s="18"/>
      <c r="L11403" s="18"/>
      <c r="M11403" s="18"/>
      <c r="N11403" s="18"/>
      <c r="O11403" s="18"/>
      <c r="P11403" s="19"/>
      <c r="Q11403" s="19"/>
      <c r="R11403" s="19"/>
      <c r="S11403" s="19"/>
      <c r="T11403" s="19"/>
      <c r="U11403" s="19"/>
      <c r="V11403" s="19"/>
      <c r="W11403" s="19"/>
      <c r="X11403" s="19"/>
      <c r="Y11403" s="19"/>
      <c r="Z11403" s="19"/>
      <c r="AA11403" s="19"/>
    </row>
    <row r="11404" spans="1:27" s="1" customFormat="1" ht="11.1" customHeight="1" outlineLevel="3" x14ac:dyDescent="0.2">
      <c r="A11404" s="17">
        <v>8159</v>
      </c>
      <c r="B11404" s="17"/>
      <c r="C11404" s="17"/>
      <c r="D11404" s="18" t="s">
        <v>5659</v>
      </c>
      <c r="E11404" s="18"/>
      <c r="F11404" s="18"/>
      <c r="G11404" s="18"/>
      <c r="H11404" s="18"/>
      <c r="I11404" s="18"/>
      <c r="J11404" s="18"/>
      <c r="K11404" s="18"/>
      <c r="L11404" s="18"/>
      <c r="M11404" s="18"/>
      <c r="N11404" s="18"/>
      <c r="O11404" s="18"/>
      <c r="P11404" s="19">
        <v>280</v>
      </c>
      <c r="Q11404" s="19"/>
      <c r="R11404" s="19"/>
      <c r="S11404" s="19"/>
      <c r="T11404" s="19">
        <v>140</v>
      </c>
      <c r="U11404" s="19"/>
      <c r="V11404" s="19"/>
      <c r="W11404" s="19"/>
      <c r="X11404" s="19">
        <v>5</v>
      </c>
      <c r="Y11404" s="19"/>
      <c r="Z11404" s="19"/>
      <c r="AA11404" s="19"/>
    </row>
    <row r="11405" spans="1:27" s="1" customFormat="1" ht="11.1" customHeight="1" outlineLevel="3" x14ac:dyDescent="0.2">
      <c r="A11405" s="17"/>
      <c r="B11405" s="17"/>
      <c r="C11405" s="17"/>
      <c r="D11405" s="18"/>
      <c r="E11405" s="18"/>
      <c r="F11405" s="18"/>
      <c r="G11405" s="18"/>
      <c r="H11405" s="18"/>
      <c r="I11405" s="18"/>
      <c r="J11405" s="18"/>
      <c r="K11405" s="18"/>
      <c r="L11405" s="18"/>
      <c r="M11405" s="18"/>
      <c r="N11405" s="18"/>
      <c r="O11405" s="18"/>
      <c r="P11405" s="19"/>
      <c r="Q11405" s="19"/>
      <c r="R11405" s="19"/>
      <c r="S11405" s="19"/>
      <c r="T11405" s="19"/>
      <c r="U11405" s="19"/>
      <c r="V11405" s="19"/>
      <c r="W11405" s="19"/>
      <c r="X11405" s="19"/>
      <c r="Y11405" s="19"/>
      <c r="Z11405" s="19"/>
      <c r="AA11405" s="19"/>
    </row>
    <row r="11406" spans="1:27" s="1" customFormat="1" ht="11.1" customHeight="1" outlineLevel="3" x14ac:dyDescent="0.2">
      <c r="A11406" s="17">
        <v>8162</v>
      </c>
      <c r="B11406" s="17"/>
      <c r="C11406" s="17"/>
      <c r="D11406" s="18" t="s">
        <v>5660</v>
      </c>
      <c r="E11406" s="18"/>
      <c r="F11406" s="18"/>
      <c r="G11406" s="18"/>
      <c r="H11406" s="18"/>
      <c r="I11406" s="18"/>
      <c r="J11406" s="18"/>
      <c r="K11406" s="18"/>
      <c r="L11406" s="18"/>
      <c r="M11406" s="18"/>
      <c r="N11406" s="18"/>
      <c r="O11406" s="18"/>
      <c r="P11406" s="19">
        <v>280</v>
      </c>
      <c r="Q11406" s="19"/>
      <c r="R11406" s="19"/>
      <c r="S11406" s="19"/>
      <c r="T11406" s="19">
        <v>140</v>
      </c>
      <c r="U11406" s="19"/>
      <c r="V11406" s="19"/>
      <c r="W11406" s="19"/>
      <c r="X11406" s="19">
        <v>2</v>
      </c>
      <c r="Y11406" s="19"/>
      <c r="Z11406" s="19"/>
      <c r="AA11406" s="19"/>
    </row>
    <row r="11407" spans="1:27" s="1" customFormat="1" ht="11.1" customHeight="1" outlineLevel="3" x14ac:dyDescent="0.2">
      <c r="A11407" s="17"/>
      <c r="B11407" s="17"/>
      <c r="C11407" s="17"/>
      <c r="D11407" s="18"/>
      <c r="E11407" s="18"/>
      <c r="F11407" s="18"/>
      <c r="G11407" s="18"/>
      <c r="H11407" s="18"/>
      <c r="I11407" s="18"/>
      <c r="J11407" s="18"/>
      <c r="K11407" s="18"/>
      <c r="L11407" s="18"/>
      <c r="M11407" s="18"/>
      <c r="N11407" s="18"/>
      <c r="O11407" s="18"/>
      <c r="P11407" s="19"/>
      <c r="Q11407" s="19"/>
      <c r="R11407" s="19"/>
      <c r="S11407" s="19"/>
      <c r="T11407" s="19"/>
      <c r="U11407" s="19"/>
      <c r="V11407" s="19"/>
      <c r="W11407" s="19"/>
      <c r="X11407" s="19"/>
      <c r="Y11407" s="19"/>
      <c r="Z11407" s="19"/>
      <c r="AA11407" s="19"/>
    </row>
    <row r="11408" spans="1:27" s="1" customFormat="1" ht="11.1" customHeight="1" outlineLevel="3" x14ac:dyDescent="0.2">
      <c r="A11408" s="17">
        <v>9008</v>
      </c>
      <c r="B11408" s="17"/>
      <c r="C11408" s="17"/>
      <c r="D11408" s="18" t="s">
        <v>5661</v>
      </c>
      <c r="E11408" s="18"/>
      <c r="F11408" s="18"/>
      <c r="G11408" s="18"/>
      <c r="H11408" s="18"/>
      <c r="I11408" s="18"/>
      <c r="J11408" s="18"/>
      <c r="K11408" s="18"/>
      <c r="L11408" s="18"/>
      <c r="M11408" s="18"/>
      <c r="N11408" s="18"/>
      <c r="O11408" s="18"/>
      <c r="P11408" s="19">
        <v>280</v>
      </c>
      <c r="Q11408" s="19"/>
      <c r="R11408" s="19"/>
      <c r="S11408" s="19"/>
      <c r="T11408" s="19">
        <v>140</v>
      </c>
      <c r="U11408" s="19"/>
      <c r="V11408" s="19"/>
      <c r="W11408" s="19"/>
      <c r="X11408" s="19">
        <v>4</v>
      </c>
      <c r="Y11408" s="19"/>
      <c r="Z11408" s="19"/>
      <c r="AA11408" s="19"/>
    </row>
    <row r="11409" spans="1:27" s="1" customFormat="1" ht="11.1" customHeight="1" outlineLevel="3" x14ac:dyDescent="0.2">
      <c r="A11409" s="17"/>
      <c r="B11409" s="17"/>
      <c r="C11409" s="17"/>
      <c r="D11409" s="18"/>
      <c r="E11409" s="18"/>
      <c r="F11409" s="18"/>
      <c r="G11409" s="18"/>
      <c r="H11409" s="18"/>
      <c r="I11409" s="18"/>
      <c r="J11409" s="18"/>
      <c r="K11409" s="18"/>
      <c r="L11409" s="18"/>
      <c r="M11409" s="18"/>
      <c r="N11409" s="18"/>
      <c r="O11409" s="18"/>
      <c r="P11409" s="19"/>
      <c r="Q11409" s="19"/>
      <c r="R11409" s="19"/>
      <c r="S11409" s="19"/>
      <c r="T11409" s="19"/>
      <c r="U11409" s="19"/>
      <c r="V11409" s="19"/>
      <c r="W11409" s="19"/>
      <c r="X11409" s="19"/>
      <c r="Y11409" s="19"/>
      <c r="Z11409" s="19"/>
      <c r="AA11409" s="19"/>
    </row>
    <row r="11410" spans="1:27" s="1" customFormat="1" ht="11.1" customHeight="1" outlineLevel="3" x14ac:dyDescent="0.2">
      <c r="A11410" s="17">
        <v>9016</v>
      </c>
      <c r="B11410" s="17"/>
      <c r="C11410" s="17"/>
      <c r="D11410" s="18" t="s">
        <v>5662</v>
      </c>
      <c r="E11410" s="18"/>
      <c r="F11410" s="18"/>
      <c r="G11410" s="18"/>
      <c r="H11410" s="18"/>
      <c r="I11410" s="18"/>
      <c r="J11410" s="18"/>
      <c r="K11410" s="18"/>
      <c r="L11410" s="18"/>
      <c r="M11410" s="18"/>
      <c r="N11410" s="18"/>
      <c r="O11410" s="18"/>
      <c r="P11410" s="19">
        <v>280</v>
      </c>
      <c r="Q11410" s="19"/>
      <c r="R11410" s="19"/>
      <c r="S11410" s="19"/>
      <c r="T11410" s="19">
        <v>140</v>
      </c>
      <c r="U11410" s="19"/>
      <c r="V11410" s="19"/>
      <c r="W11410" s="19"/>
      <c r="X11410" s="19">
        <v>1</v>
      </c>
      <c r="Y11410" s="19"/>
      <c r="Z11410" s="19"/>
      <c r="AA11410" s="19"/>
    </row>
    <row r="11411" spans="1:27" s="1" customFormat="1" ht="11.1" customHeight="1" outlineLevel="3" x14ac:dyDescent="0.2">
      <c r="A11411" s="17"/>
      <c r="B11411" s="17"/>
      <c r="C11411" s="17"/>
      <c r="D11411" s="18"/>
      <c r="E11411" s="18"/>
      <c r="F11411" s="18"/>
      <c r="G11411" s="18"/>
      <c r="H11411" s="18"/>
      <c r="I11411" s="18"/>
      <c r="J11411" s="18"/>
      <c r="K11411" s="18"/>
      <c r="L11411" s="18"/>
      <c r="M11411" s="18"/>
      <c r="N11411" s="18"/>
      <c r="O11411" s="18"/>
      <c r="P11411" s="19"/>
      <c r="Q11411" s="19"/>
      <c r="R11411" s="19"/>
      <c r="S11411" s="19"/>
      <c r="T11411" s="19"/>
      <c r="U11411" s="19"/>
      <c r="V11411" s="19"/>
      <c r="W11411" s="19"/>
      <c r="X11411" s="19"/>
      <c r="Y11411" s="19"/>
      <c r="Z11411" s="19"/>
      <c r="AA11411" s="19"/>
    </row>
    <row r="11412" spans="1:27" s="1" customFormat="1" ht="11.1" customHeight="1" outlineLevel="3" x14ac:dyDescent="0.2">
      <c r="A11412" s="17">
        <v>9022</v>
      </c>
      <c r="B11412" s="17"/>
      <c r="C11412" s="17"/>
      <c r="D11412" s="18" t="s">
        <v>5663</v>
      </c>
      <c r="E11412" s="18"/>
      <c r="F11412" s="18"/>
      <c r="G11412" s="18"/>
      <c r="H11412" s="18"/>
      <c r="I11412" s="18"/>
      <c r="J11412" s="18"/>
      <c r="K11412" s="18"/>
      <c r="L11412" s="18"/>
      <c r="M11412" s="18"/>
      <c r="N11412" s="18"/>
      <c r="O11412" s="18"/>
      <c r="P11412" s="19">
        <v>280</v>
      </c>
      <c r="Q11412" s="19"/>
      <c r="R11412" s="19"/>
      <c r="S11412" s="19"/>
      <c r="T11412" s="19">
        <v>140</v>
      </c>
      <c r="U11412" s="19"/>
      <c r="V11412" s="19"/>
      <c r="W11412" s="19"/>
      <c r="X11412" s="19">
        <v>10</v>
      </c>
      <c r="Y11412" s="19"/>
      <c r="Z11412" s="19"/>
      <c r="AA11412" s="19"/>
    </row>
    <row r="11413" spans="1:27" s="1" customFormat="1" ht="11.1" customHeight="1" outlineLevel="3" x14ac:dyDescent="0.2">
      <c r="A11413" s="17"/>
      <c r="B11413" s="17"/>
      <c r="C11413" s="17"/>
      <c r="D11413" s="18"/>
      <c r="E11413" s="18"/>
      <c r="F11413" s="18"/>
      <c r="G11413" s="18"/>
      <c r="H11413" s="18"/>
      <c r="I11413" s="18"/>
      <c r="J11413" s="18"/>
      <c r="K11413" s="18"/>
      <c r="L11413" s="18"/>
      <c r="M11413" s="18"/>
      <c r="N11413" s="18"/>
      <c r="O11413" s="18"/>
      <c r="P11413" s="19"/>
      <c r="Q11413" s="19"/>
      <c r="R11413" s="19"/>
      <c r="S11413" s="19"/>
      <c r="T11413" s="19"/>
      <c r="U11413" s="19"/>
      <c r="V11413" s="19"/>
      <c r="W11413" s="19"/>
      <c r="X11413" s="19"/>
      <c r="Y11413" s="19"/>
      <c r="Z11413" s="19"/>
      <c r="AA11413" s="19"/>
    </row>
    <row r="11414" spans="1:27" s="1" customFormat="1" ht="11.1" customHeight="1" outlineLevel="3" x14ac:dyDescent="0.2">
      <c r="A11414" s="17">
        <v>8171</v>
      </c>
      <c r="B11414" s="17"/>
      <c r="C11414" s="17"/>
      <c r="D11414" s="18" t="s">
        <v>5664</v>
      </c>
      <c r="E11414" s="18"/>
      <c r="F11414" s="18"/>
      <c r="G11414" s="18"/>
      <c r="H11414" s="18"/>
      <c r="I11414" s="18"/>
      <c r="J11414" s="18"/>
      <c r="K11414" s="18"/>
      <c r="L11414" s="18"/>
      <c r="M11414" s="18"/>
      <c r="N11414" s="18"/>
      <c r="O11414" s="18"/>
      <c r="P11414" s="19">
        <v>280</v>
      </c>
      <c r="Q11414" s="19"/>
      <c r="R11414" s="19"/>
      <c r="S11414" s="19"/>
      <c r="T11414" s="19">
        <v>130</v>
      </c>
      <c r="U11414" s="19"/>
      <c r="V11414" s="19"/>
      <c r="W11414" s="19"/>
      <c r="X11414" s="19">
        <v>2</v>
      </c>
      <c r="Y11414" s="19"/>
      <c r="Z11414" s="19"/>
      <c r="AA11414" s="19"/>
    </row>
    <row r="11415" spans="1:27" s="1" customFormat="1" ht="11.1" customHeight="1" outlineLevel="3" x14ac:dyDescent="0.2">
      <c r="A11415" s="17"/>
      <c r="B11415" s="17"/>
      <c r="C11415" s="17"/>
      <c r="D11415" s="18"/>
      <c r="E11415" s="18"/>
      <c r="F11415" s="18"/>
      <c r="G11415" s="18"/>
      <c r="H11415" s="18"/>
      <c r="I11415" s="18"/>
      <c r="J11415" s="18"/>
      <c r="K11415" s="18"/>
      <c r="L11415" s="18"/>
      <c r="M11415" s="18"/>
      <c r="N11415" s="18"/>
      <c r="O11415" s="18"/>
      <c r="P11415" s="19"/>
      <c r="Q11415" s="19"/>
      <c r="R11415" s="19"/>
      <c r="S11415" s="19"/>
      <c r="T11415" s="19"/>
      <c r="U11415" s="19"/>
      <c r="V11415" s="19"/>
      <c r="W11415" s="19"/>
      <c r="X11415" s="19"/>
      <c r="Y11415" s="19"/>
      <c r="Z11415" s="19"/>
      <c r="AA11415" s="19"/>
    </row>
    <row r="11416" spans="1:27" s="1" customFormat="1" ht="11.1" customHeight="1" outlineLevel="3" x14ac:dyDescent="0.2">
      <c r="A11416" s="17">
        <v>9017</v>
      </c>
      <c r="B11416" s="17"/>
      <c r="C11416" s="17"/>
      <c r="D11416" s="18" t="s">
        <v>5665</v>
      </c>
      <c r="E11416" s="18"/>
      <c r="F11416" s="18"/>
      <c r="G11416" s="18"/>
      <c r="H11416" s="18"/>
      <c r="I11416" s="18"/>
      <c r="J11416" s="18"/>
      <c r="K11416" s="18"/>
      <c r="L11416" s="18"/>
      <c r="M11416" s="18"/>
      <c r="N11416" s="18"/>
      <c r="O11416" s="18"/>
      <c r="P11416" s="19">
        <v>280</v>
      </c>
      <c r="Q11416" s="19"/>
      <c r="R11416" s="19"/>
      <c r="S11416" s="19"/>
      <c r="T11416" s="19">
        <v>140</v>
      </c>
      <c r="U11416" s="19"/>
      <c r="V11416" s="19"/>
      <c r="W11416" s="19"/>
      <c r="X11416" s="19">
        <v>1</v>
      </c>
      <c r="Y11416" s="19"/>
      <c r="Z11416" s="19"/>
      <c r="AA11416" s="19"/>
    </row>
    <row r="11417" spans="1:27" s="1" customFormat="1" ht="11.1" customHeight="1" outlineLevel="3" x14ac:dyDescent="0.2">
      <c r="A11417" s="17"/>
      <c r="B11417" s="17"/>
      <c r="C11417" s="17"/>
      <c r="D11417" s="18"/>
      <c r="E11417" s="18"/>
      <c r="F11417" s="18"/>
      <c r="G11417" s="18"/>
      <c r="H11417" s="18"/>
      <c r="I11417" s="18"/>
      <c r="J11417" s="18"/>
      <c r="K11417" s="18"/>
      <c r="L11417" s="18"/>
      <c r="M11417" s="18"/>
      <c r="N11417" s="18"/>
      <c r="O11417" s="18"/>
      <c r="P11417" s="19"/>
      <c r="Q11417" s="19"/>
      <c r="R11417" s="19"/>
      <c r="S11417" s="19"/>
      <c r="T11417" s="19"/>
      <c r="U11417" s="19"/>
      <c r="V11417" s="19"/>
      <c r="W11417" s="19"/>
      <c r="X11417" s="19"/>
      <c r="Y11417" s="19"/>
      <c r="Z11417" s="19"/>
      <c r="AA11417" s="19"/>
    </row>
    <row r="11418" spans="1:27" s="1" customFormat="1" ht="11.1" customHeight="1" outlineLevel="3" x14ac:dyDescent="0.2">
      <c r="A11418" s="17">
        <v>8165</v>
      </c>
      <c r="B11418" s="17"/>
      <c r="C11418" s="17"/>
      <c r="D11418" s="18" t="s">
        <v>5666</v>
      </c>
      <c r="E11418" s="18"/>
      <c r="F11418" s="18"/>
      <c r="G11418" s="18"/>
      <c r="H11418" s="18"/>
      <c r="I11418" s="18"/>
      <c r="J11418" s="18"/>
      <c r="K11418" s="18"/>
      <c r="L11418" s="18"/>
      <c r="M11418" s="18"/>
      <c r="N11418" s="18"/>
      <c r="O11418" s="18"/>
      <c r="P11418" s="19">
        <v>280</v>
      </c>
      <c r="Q11418" s="19"/>
      <c r="R11418" s="19"/>
      <c r="S11418" s="19"/>
      <c r="T11418" s="19">
        <v>130</v>
      </c>
      <c r="U11418" s="19"/>
      <c r="V11418" s="19"/>
      <c r="W11418" s="19"/>
      <c r="X11418" s="19">
        <v>1</v>
      </c>
      <c r="Y11418" s="19"/>
      <c r="Z11418" s="19"/>
      <c r="AA11418" s="19"/>
    </row>
    <row r="11419" spans="1:27" s="1" customFormat="1" ht="11.1" customHeight="1" outlineLevel="3" x14ac:dyDescent="0.2">
      <c r="A11419" s="17"/>
      <c r="B11419" s="17"/>
      <c r="C11419" s="17"/>
      <c r="D11419" s="18"/>
      <c r="E11419" s="18"/>
      <c r="F11419" s="18"/>
      <c r="G11419" s="18"/>
      <c r="H11419" s="18"/>
      <c r="I11419" s="18"/>
      <c r="J11419" s="18"/>
      <c r="K11419" s="18"/>
      <c r="L11419" s="18"/>
      <c r="M11419" s="18"/>
      <c r="N11419" s="18"/>
      <c r="O11419" s="18"/>
      <c r="P11419" s="19"/>
      <c r="Q11419" s="19"/>
      <c r="R11419" s="19"/>
      <c r="S11419" s="19"/>
      <c r="T11419" s="19"/>
      <c r="U11419" s="19"/>
      <c r="V11419" s="19"/>
      <c r="W11419" s="19"/>
      <c r="X11419" s="19"/>
      <c r="Y11419" s="19"/>
      <c r="Z11419" s="19"/>
      <c r="AA11419" s="19"/>
    </row>
    <row r="11420" spans="1:27" s="1" customFormat="1" ht="11.1" customHeight="1" outlineLevel="3" x14ac:dyDescent="0.2">
      <c r="A11420" s="17">
        <v>9020</v>
      </c>
      <c r="B11420" s="17"/>
      <c r="C11420" s="17"/>
      <c r="D11420" s="18" t="s">
        <v>5667</v>
      </c>
      <c r="E11420" s="18"/>
      <c r="F11420" s="18"/>
      <c r="G11420" s="18"/>
      <c r="H11420" s="18"/>
      <c r="I11420" s="18"/>
      <c r="J11420" s="18"/>
      <c r="K11420" s="18"/>
      <c r="L11420" s="18"/>
      <c r="M11420" s="18"/>
      <c r="N11420" s="18"/>
      <c r="O11420" s="18"/>
      <c r="P11420" s="19">
        <v>280</v>
      </c>
      <c r="Q11420" s="19"/>
      <c r="R11420" s="19"/>
      <c r="S11420" s="19"/>
      <c r="T11420" s="19">
        <v>140</v>
      </c>
      <c r="U11420" s="19"/>
      <c r="V11420" s="19"/>
      <c r="W11420" s="19"/>
      <c r="X11420" s="19">
        <v>3</v>
      </c>
      <c r="Y11420" s="19"/>
      <c r="Z11420" s="19"/>
      <c r="AA11420" s="19"/>
    </row>
    <row r="11421" spans="1:27" s="1" customFormat="1" ht="11.1" customHeight="1" outlineLevel="3" x14ac:dyDescent="0.2">
      <c r="A11421" s="17"/>
      <c r="B11421" s="17"/>
      <c r="C11421" s="17"/>
      <c r="D11421" s="18"/>
      <c r="E11421" s="18"/>
      <c r="F11421" s="18"/>
      <c r="G11421" s="18"/>
      <c r="H11421" s="18"/>
      <c r="I11421" s="18"/>
      <c r="J11421" s="18"/>
      <c r="K11421" s="18"/>
      <c r="L11421" s="18"/>
      <c r="M11421" s="18"/>
      <c r="N11421" s="18"/>
      <c r="O11421" s="18"/>
      <c r="P11421" s="19"/>
      <c r="Q11421" s="19"/>
      <c r="R11421" s="19"/>
      <c r="S11421" s="19"/>
      <c r="T11421" s="19"/>
      <c r="U11421" s="19"/>
      <c r="V11421" s="19"/>
      <c r="W11421" s="19"/>
      <c r="X11421" s="19"/>
      <c r="Y11421" s="19"/>
      <c r="Z11421" s="19"/>
      <c r="AA11421" s="19"/>
    </row>
    <row r="11422" spans="1:27" s="1" customFormat="1" ht="11.1" customHeight="1" outlineLevel="3" x14ac:dyDescent="0.2">
      <c r="A11422" s="17">
        <v>9015</v>
      </c>
      <c r="B11422" s="17"/>
      <c r="C11422" s="17"/>
      <c r="D11422" s="18" t="s">
        <v>5668</v>
      </c>
      <c r="E11422" s="18"/>
      <c r="F11422" s="18"/>
      <c r="G11422" s="18"/>
      <c r="H11422" s="18"/>
      <c r="I11422" s="18"/>
      <c r="J11422" s="18"/>
      <c r="K11422" s="18"/>
      <c r="L11422" s="18"/>
      <c r="M11422" s="18"/>
      <c r="N11422" s="18"/>
      <c r="O11422" s="18"/>
      <c r="P11422" s="19">
        <v>280</v>
      </c>
      <c r="Q11422" s="19"/>
      <c r="R11422" s="19"/>
      <c r="S11422" s="19"/>
      <c r="T11422" s="19">
        <v>140</v>
      </c>
      <c r="U11422" s="19"/>
      <c r="V11422" s="19"/>
      <c r="W11422" s="19"/>
      <c r="X11422" s="19">
        <v>4</v>
      </c>
      <c r="Y11422" s="19"/>
      <c r="Z11422" s="19"/>
      <c r="AA11422" s="19"/>
    </row>
    <row r="11423" spans="1:27" s="1" customFormat="1" ht="11.1" customHeight="1" outlineLevel="3" x14ac:dyDescent="0.2">
      <c r="A11423" s="17"/>
      <c r="B11423" s="17"/>
      <c r="C11423" s="17"/>
      <c r="D11423" s="18"/>
      <c r="E11423" s="18"/>
      <c r="F11423" s="18"/>
      <c r="G11423" s="18"/>
      <c r="H11423" s="18"/>
      <c r="I11423" s="18"/>
      <c r="J11423" s="18"/>
      <c r="K11423" s="18"/>
      <c r="L11423" s="18"/>
      <c r="M11423" s="18"/>
      <c r="N11423" s="18"/>
      <c r="O11423" s="18"/>
      <c r="P11423" s="19"/>
      <c r="Q11423" s="19"/>
      <c r="R11423" s="19"/>
      <c r="S11423" s="19"/>
      <c r="T11423" s="19"/>
      <c r="U11423" s="19"/>
      <c r="V11423" s="19"/>
      <c r="W11423" s="19"/>
      <c r="X11423" s="19"/>
      <c r="Y11423" s="19"/>
      <c r="Z11423" s="19"/>
      <c r="AA11423" s="19"/>
    </row>
    <row r="11424" spans="1:27" s="1" customFormat="1" ht="11.1" customHeight="1" outlineLevel="3" x14ac:dyDescent="0.2">
      <c r="A11424" s="17">
        <v>8167</v>
      </c>
      <c r="B11424" s="17"/>
      <c r="C11424" s="17"/>
      <c r="D11424" s="18" t="s">
        <v>5669</v>
      </c>
      <c r="E11424" s="18"/>
      <c r="F11424" s="18"/>
      <c r="G11424" s="18"/>
      <c r="H11424" s="18"/>
      <c r="I11424" s="18"/>
      <c r="J11424" s="18"/>
      <c r="K11424" s="18"/>
      <c r="L11424" s="18"/>
      <c r="M11424" s="18"/>
      <c r="N11424" s="18"/>
      <c r="O11424" s="18"/>
      <c r="P11424" s="19">
        <v>280</v>
      </c>
      <c r="Q11424" s="19"/>
      <c r="R11424" s="19"/>
      <c r="S11424" s="19"/>
      <c r="T11424" s="19">
        <v>130</v>
      </c>
      <c r="U11424" s="19"/>
      <c r="V11424" s="19"/>
      <c r="W11424" s="19"/>
      <c r="X11424" s="19">
        <v>1</v>
      </c>
      <c r="Y11424" s="19"/>
      <c r="Z11424" s="19"/>
      <c r="AA11424" s="19"/>
    </row>
    <row r="11425" spans="1:27" s="1" customFormat="1" ht="11.1" customHeight="1" outlineLevel="3" x14ac:dyDescent="0.2">
      <c r="A11425" s="17"/>
      <c r="B11425" s="17"/>
      <c r="C11425" s="17"/>
      <c r="D11425" s="18"/>
      <c r="E11425" s="18"/>
      <c r="F11425" s="18"/>
      <c r="G11425" s="18"/>
      <c r="H11425" s="18"/>
      <c r="I11425" s="18"/>
      <c r="J11425" s="18"/>
      <c r="K11425" s="18"/>
      <c r="L11425" s="18"/>
      <c r="M11425" s="18"/>
      <c r="N11425" s="18"/>
      <c r="O11425" s="18"/>
      <c r="P11425" s="19"/>
      <c r="Q11425" s="19"/>
      <c r="R11425" s="19"/>
      <c r="S11425" s="19"/>
      <c r="T11425" s="19"/>
      <c r="U11425" s="19"/>
      <c r="V11425" s="19"/>
      <c r="W11425" s="19"/>
      <c r="X11425" s="19"/>
      <c r="Y11425" s="19"/>
      <c r="Z11425" s="19"/>
      <c r="AA11425" s="19"/>
    </row>
    <row r="11426" spans="1:27" s="1" customFormat="1" ht="11.1" customHeight="1" outlineLevel="3" x14ac:dyDescent="0.2">
      <c r="A11426" s="17">
        <v>8170</v>
      </c>
      <c r="B11426" s="17"/>
      <c r="C11426" s="17"/>
      <c r="D11426" s="18" t="s">
        <v>5670</v>
      </c>
      <c r="E11426" s="18"/>
      <c r="F11426" s="18"/>
      <c r="G11426" s="18"/>
      <c r="H11426" s="18"/>
      <c r="I11426" s="18"/>
      <c r="J11426" s="18"/>
      <c r="K11426" s="18"/>
      <c r="L11426" s="18"/>
      <c r="M11426" s="18"/>
      <c r="N11426" s="18"/>
      <c r="O11426" s="18"/>
      <c r="P11426" s="19">
        <v>280</v>
      </c>
      <c r="Q11426" s="19"/>
      <c r="R11426" s="19"/>
      <c r="S11426" s="19"/>
      <c r="T11426" s="19">
        <v>140</v>
      </c>
      <c r="U11426" s="19"/>
      <c r="V11426" s="19"/>
      <c r="W11426" s="19"/>
      <c r="X11426" s="19">
        <v>4</v>
      </c>
      <c r="Y11426" s="19"/>
      <c r="Z11426" s="19"/>
      <c r="AA11426" s="19"/>
    </row>
    <row r="11427" spans="1:27" s="1" customFormat="1" ht="11.1" customHeight="1" outlineLevel="3" x14ac:dyDescent="0.2">
      <c r="A11427" s="17"/>
      <c r="B11427" s="17"/>
      <c r="C11427" s="17"/>
      <c r="D11427" s="18"/>
      <c r="E11427" s="18"/>
      <c r="F11427" s="18"/>
      <c r="G11427" s="18"/>
      <c r="H11427" s="18"/>
      <c r="I11427" s="18"/>
      <c r="J11427" s="18"/>
      <c r="K11427" s="18"/>
      <c r="L11427" s="18"/>
      <c r="M11427" s="18"/>
      <c r="N11427" s="18"/>
      <c r="O11427" s="18"/>
      <c r="P11427" s="19"/>
      <c r="Q11427" s="19"/>
      <c r="R11427" s="19"/>
      <c r="S11427" s="19"/>
      <c r="T11427" s="19"/>
      <c r="U11427" s="19"/>
      <c r="V11427" s="19"/>
      <c r="W11427" s="19"/>
      <c r="X11427" s="19"/>
      <c r="Y11427" s="19"/>
      <c r="Z11427" s="19"/>
      <c r="AA11427" s="19"/>
    </row>
    <row r="11428" spans="1:27" s="1" customFormat="1" ht="11.1" customHeight="1" outlineLevel="3" x14ac:dyDescent="0.2">
      <c r="A11428" s="17">
        <v>8163</v>
      </c>
      <c r="B11428" s="17"/>
      <c r="C11428" s="17"/>
      <c r="D11428" s="18" t="s">
        <v>5671</v>
      </c>
      <c r="E11428" s="18"/>
      <c r="F11428" s="18"/>
      <c r="G11428" s="18"/>
      <c r="H11428" s="18"/>
      <c r="I11428" s="18"/>
      <c r="J11428" s="18"/>
      <c r="K11428" s="18"/>
      <c r="L11428" s="18"/>
      <c r="M11428" s="18"/>
      <c r="N11428" s="18"/>
      <c r="O11428" s="18"/>
      <c r="P11428" s="19">
        <v>280</v>
      </c>
      <c r="Q11428" s="19"/>
      <c r="R11428" s="19"/>
      <c r="S11428" s="19"/>
      <c r="T11428" s="19">
        <v>130</v>
      </c>
      <c r="U11428" s="19"/>
      <c r="V11428" s="19"/>
      <c r="W11428" s="19"/>
      <c r="X11428" s="19">
        <v>3</v>
      </c>
      <c r="Y11428" s="19"/>
      <c r="Z11428" s="19"/>
      <c r="AA11428" s="19"/>
    </row>
    <row r="11429" spans="1:27" s="1" customFormat="1" ht="11.1" customHeight="1" outlineLevel="3" x14ac:dyDescent="0.2">
      <c r="A11429" s="17"/>
      <c r="B11429" s="17"/>
      <c r="C11429" s="17"/>
      <c r="D11429" s="18"/>
      <c r="E11429" s="18"/>
      <c r="F11429" s="18"/>
      <c r="G11429" s="18"/>
      <c r="H11429" s="18"/>
      <c r="I11429" s="18"/>
      <c r="J11429" s="18"/>
      <c r="K11429" s="18"/>
      <c r="L11429" s="18"/>
      <c r="M11429" s="18"/>
      <c r="N11429" s="18"/>
      <c r="O11429" s="18"/>
      <c r="P11429" s="19"/>
      <c r="Q11429" s="19"/>
      <c r="R11429" s="19"/>
      <c r="S11429" s="19"/>
      <c r="T11429" s="19"/>
      <c r="U11429" s="19"/>
      <c r="V11429" s="19"/>
      <c r="W11429" s="19"/>
      <c r="X11429" s="19"/>
      <c r="Y11429" s="19"/>
      <c r="Z11429" s="19"/>
      <c r="AA11429" s="19"/>
    </row>
    <row r="11430" spans="1:27" s="1" customFormat="1" ht="11.1" customHeight="1" outlineLevel="3" x14ac:dyDescent="0.2">
      <c r="A11430" s="17">
        <v>9019</v>
      </c>
      <c r="B11430" s="17"/>
      <c r="C11430" s="17"/>
      <c r="D11430" s="18" t="s">
        <v>5672</v>
      </c>
      <c r="E11430" s="18"/>
      <c r="F11430" s="18"/>
      <c r="G11430" s="18"/>
      <c r="H11430" s="18"/>
      <c r="I11430" s="18"/>
      <c r="J11430" s="18"/>
      <c r="K11430" s="18"/>
      <c r="L11430" s="18"/>
      <c r="M11430" s="18"/>
      <c r="N11430" s="18"/>
      <c r="O11430" s="18"/>
      <c r="P11430" s="19">
        <v>280</v>
      </c>
      <c r="Q11430" s="19"/>
      <c r="R11430" s="19"/>
      <c r="S11430" s="19"/>
      <c r="T11430" s="19">
        <v>140</v>
      </c>
      <c r="U11430" s="19"/>
      <c r="V11430" s="19"/>
      <c r="W11430" s="19"/>
      <c r="X11430" s="19">
        <v>2</v>
      </c>
      <c r="Y11430" s="19"/>
      <c r="Z11430" s="19"/>
      <c r="AA11430" s="19"/>
    </row>
    <row r="11431" spans="1:27" s="1" customFormat="1" ht="11.1" customHeight="1" outlineLevel="3" x14ac:dyDescent="0.2">
      <c r="A11431" s="17"/>
      <c r="B11431" s="17"/>
      <c r="C11431" s="17"/>
      <c r="D11431" s="18"/>
      <c r="E11431" s="18"/>
      <c r="F11431" s="18"/>
      <c r="G11431" s="18"/>
      <c r="H11431" s="18"/>
      <c r="I11431" s="18"/>
      <c r="J11431" s="18"/>
      <c r="K11431" s="18"/>
      <c r="L11431" s="18"/>
      <c r="M11431" s="18"/>
      <c r="N11431" s="18"/>
      <c r="O11431" s="18"/>
      <c r="P11431" s="19"/>
      <c r="Q11431" s="19"/>
      <c r="R11431" s="19"/>
      <c r="S11431" s="19"/>
      <c r="T11431" s="19"/>
      <c r="U11431" s="19"/>
      <c r="V11431" s="19"/>
      <c r="W11431" s="19"/>
      <c r="X11431" s="19"/>
      <c r="Y11431" s="19"/>
      <c r="Z11431" s="19"/>
      <c r="AA11431" s="19"/>
    </row>
    <row r="11432" spans="1:27" s="1" customFormat="1" ht="11.1" customHeight="1" outlineLevel="3" x14ac:dyDescent="0.2">
      <c r="A11432" s="17">
        <v>9901</v>
      </c>
      <c r="B11432" s="17"/>
      <c r="C11432" s="17"/>
      <c r="D11432" s="18" t="s">
        <v>5673</v>
      </c>
      <c r="E11432" s="18"/>
      <c r="F11432" s="18"/>
      <c r="G11432" s="18"/>
      <c r="H11432" s="18"/>
      <c r="I11432" s="18"/>
      <c r="J11432" s="18"/>
      <c r="K11432" s="18"/>
      <c r="L11432" s="18"/>
      <c r="M11432" s="18"/>
      <c r="N11432" s="18"/>
      <c r="O11432" s="18"/>
      <c r="P11432" s="19">
        <v>280</v>
      </c>
      <c r="Q11432" s="19"/>
      <c r="R11432" s="19"/>
      <c r="S11432" s="19"/>
      <c r="T11432" s="19">
        <v>140</v>
      </c>
      <c r="U11432" s="19"/>
      <c r="V11432" s="19"/>
      <c r="W11432" s="19"/>
      <c r="X11432" s="19">
        <v>2</v>
      </c>
      <c r="Y11432" s="19"/>
      <c r="Z11432" s="19"/>
      <c r="AA11432" s="19"/>
    </row>
    <row r="11433" spans="1:27" s="1" customFormat="1" ht="11.1" customHeight="1" outlineLevel="3" x14ac:dyDescent="0.2">
      <c r="A11433" s="17"/>
      <c r="B11433" s="17"/>
      <c r="C11433" s="17"/>
      <c r="D11433" s="18"/>
      <c r="E11433" s="18"/>
      <c r="F11433" s="18"/>
      <c r="G11433" s="18"/>
      <c r="H11433" s="18"/>
      <c r="I11433" s="18"/>
      <c r="J11433" s="18"/>
      <c r="K11433" s="18"/>
      <c r="L11433" s="18"/>
      <c r="M11433" s="18"/>
      <c r="N11433" s="18"/>
      <c r="O11433" s="18"/>
      <c r="P11433" s="19"/>
      <c r="Q11433" s="19"/>
      <c r="R11433" s="19"/>
      <c r="S11433" s="19"/>
      <c r="T11433" s="19"/>
      <c r="U11433" s="19"/>
      <c r="V11433" s="19"/>
      <c r="W11433" s="19"/>
      <c r="X11433" s="19"/>
      <c r="Y11433" s="19"/>
      <c r="Z11433" s="19"/>
      <c r="AA11433" s="19"/>
    </row>
    <row r="11434" spans="1:27" s="1" customFormat="1" ht="11.1" customHeight="1" outlineLevel="3" x14ac:dyDescent="0.2">
      <c r="A11434" s="17">
        <v>8172</v>
      </c>
      <c r="B11434" s="17"/>
      <c r="C11434" s="17"/>
      <c r="D11434" s="18" t="s">
        <v>5674</v>
      </c>
      <c r="E11434" s="18"/>
      <c r="F11434" s="18"/>
      <c r="G11434" s="18"/>
      <c r="H11434" s="18"/>
      <c r="I11434" s="18"/>
      <c r="J11434" s="18"/>
      <c r="K11434" s="18"/>
      <c r="L11434" s="18"/>
      <c r="M11434" s="18"/>
      <c r="N11434" s="18"/>
      <c r="O11434" s="18"/>
      <c r="P11434" s="19">
        <v>280</v>
      </c>
      <c r="Q11434" s="19"/>
      <c r="R11434" s="19"/>
      <c r="S11434" s="19"/>
      <c r="T11434" s="19">
        <v>130</v>
      </c>
      <c r="U11434" s="19"/>
      <c r="V11434" s="19"/>
      <c r="W11434" s="19"/>
      <c r="X11434" s="19">
        <v>3</v>
      </c>
      <c r="Y11434" s="19"/>
      <c r="Z11434" s="19"/>
      <c r="AA11434" s="19"/>
    </row>
    <row r="11435" spans="1:27" s="1" customFormat="1" ht="11.1" customHeight="1" outlineLevel="3" x14ac:dyDescent="0.2">
      <c r="A11435" s="17"/>
      <c r="B11435" s="17"/>
      <c r="C11435" s="17"/>
      <c r="D11435" s="18"/>
      <c r="E11435" s="18"/>
      <c r="F11435" s="18"/>
      <c r="G11435" s="18"/>
      <c r="H11435" s="18"/>
      <c r="I11435" s="18"/>
      <c r="J11435" s="18"/>
      <c r="K11435" s="18"/>
      <c r="L11435" s="18"/>
      <c r="M11435" s="18"/>
      <c r="N11435" s="18"/>
      <c r="O11435" s="18"/>
      <c r="P11435" s="19"/>
      <c r="Q11435" s="19"/>
      <c r="R11435" s="19"/>
      <c r="S11435" s="19"/>
      <c r="T11435" s="19"/>
      <c r="U11435" s="19"/>
      <c r="V11435" s="19"/>
      <c r="W11435" s="19"/>
      <c r="X11435" s="19"/>
      <c r="Y11435" s="19"/>
      <c r="Z11435" s="19"/>
      <c r="AA11435" s="19"/>
    </row>
    <row r="11436" spans="1:27" s="1" customFormat="1" ht="11.1" customHeight="1" outlineLevel="3" x14ac:dyDescent="0.2">
      <c r="A11436" s="17">
        <v>9021</v>
      </c>
      <c r="B11436" s="17"/>
      <c r="C11436" s="17"/>
      <c r="D11436" s="18" t="s">
        <v>5675</v>
      </c>
      <c r="E11436" s="18"/>
      <c r="F11436" s="18"/>
      <c r="G11436" s="18"/>
      <c r="H11436" s="18"/>
      <c r="I11436" s="18"/>
      <c r="J11436" s="18"/>
      <c r="K11436" s="18"/>
      <c r="L11436" s="18"/>
      <c r="M11436" s="18"/>
      <c r="N11436" s="18"/>
      <c r="O11436" s="18"/>
      <c r="P11436" s="19">
        <v>280</v>
      </c>
      <c r="Q11436" s="19"/>
      <c r="R11436" s="19"/>
      <c r="S11436" s="19"/>
      <c r="T11436" s="19">
        <v>140</v>
      </c>
      <c r="U11436" s="19"/>
      <c r="V11436" s="19"/>
      <c r="W11436" s="19"/>
      <c r="X11436" s="19">
        <v>2</v>
      </c>
      <c r="Y11436" s="19"/>
      <c r="Z11436" s="19"/>
      <c r="AA11436" s="19"/>
    </row>
    <row r="11437" spans="1:27" s="1" customFormat="1" ht="11.1" customHeight="1" outlineLevel="3" x14ac:dyDescent="0.2">
      <c r="A11437" s="17"/>
      <c r="B11437" s="17"/>
      <c r="C11437" s="17"/>
      <c r="D11437" s="18"/>
      <c r="E11437" s="18"/>
      <c r="F11437" s="18"/>
      <c r="G11437" s="18"/>
      <c r="H11437" s="18"/>
      <c r="I11437" s="18"/>
      <c r="J11437" s="18"/>
      <c r="K11437" s="18"/>
      <c r="L11437" s="18"/>
      <c r="M11437" s="18"/>
      <c r="N11437" s="18"/>
      <c r="O11437" s="18"/>
      <c r="P11437" s="19"/>
      <c r="Q11437" s="19"/>
      <c r="R11437" s="19"/>
      <c r="S11437" s="19"/>
      <c r="T11437" s="19"/>
      <c r="U11437" s="19"/>
      <c r="V11437" s="19"/>
      <c r="W11437" s="19"/>
      <c r="X11437" s="19"/>
      <c r="Y11437" s="19"/>
      <c r="Z11437" s="19"/>
      <c r="AA11437" s="19"/>
    </row>
    <row r="11438" spans="1:27" s="1" customFormat="1" ht="11.1" customHeight="1" outlineLevel="3" x14ac:dyDescent="0.2">
      <c r="A11438" s="17">
        <v>9902</v>
      </c>
      <c r="B11438" s="17"/>
      <c r="C11438" s="17"/>
      <c r="D11438" s="18" t="s">
        <v>5676</v>
      </c>
      <c r="E11438" s="18"/>
      <c r="F11438" s="18"/>
      <c r="G11438" s="18"/>
      <c r="H11438" s="18"/>
      <c r="I11438" s="18"/>
      <c r="J11438" s="18"/>
      <c r="K11438" s="18"/>
      <c r="L11438" s="18"/>
      <c r="M11438" s="18"/>
      <c r="N11438" s="18"/>
      <c r="O11438" s="18"/>
      <c r="P11438" s="19">
        <v>280</v>
      </c>
      <c r="Q11438" s="19"/>
      <c r="R11438" s="19"/>
      <c r="S11438" s="19"/>
      <c r="T11438" s="19">
        <v>140</v>
      </c>
      <c r="U11438" s="19"/>
      <c r="V11438" s="19"/>
      <c r="W11438" s="19"/>
      <c r="X11438" s="19">
        <v>2</v>
      </c>
      <c r="Y11438" s="19"/>
      <c r="Z11438" s="19"/>
      <c r="AA11438" s="19"/>
    </row>
    <row r="11439" spans="1:27" s="1" customFormat="1" ht="11.1" customHeight="1" outlineLevel="3" x14ac:dyDescent="0.2">
      <c r="A11439" s="17"/>
      <c r="B11439" s="17"/>
      <c r="C11439" s="17"/>
      <c r="D11439" s="18"/>
      <c r="E11439" s="18"/>
      <c r="F11439" s="18"/>
      <c r="G11439" s="18"/>
      <c r="H11439" s="18"/>
      <c r="I11439" s="18"/>
      <c r="J11439" s="18"/>
      <c r="K11439" s="18"/>
      <c r="L11439" s="18"/>
      <c r="M11439" s="18"/>
      <c r="N11439" s="18"/>
      <c r="O11439" s="18"/>
      <c r="P11439" s="19"/>
      <c r="Q11439" s="19"/>
      <c r="R11439" s="19"/>
      <c r="S11439" s="19"/>
      <c r="T11439" s="19"/>
      <c r="U11439" s="19"/>
      <c r="V11439" s="19"/>
      <c r="W11439" s="19"/>
      <c r="X11439" s="19"/>
      <c r="Y11439" s="19"/>
      <c r="Z11439" s="19"/>
      <c r="AA11439" s="19"/>
    </row>
    <row r="11440" spans="1:27" s="1" customFormat="1" ht="11.1" customHeight="1" outlineLevel="3" x14ac:dyDescent="0.2">
      <c r="A11440" s="17">
        <v>8169</v>
      </c>
      <c r="B11440" s="17"/>
      <c r="C11440" s="17"/>
      <c r="D11440" s="18" t="s">
        <v>5677</v>
      </c>
      <c r="E11440" s="18"/>
      <c r="F11440" s="18"/>
      <c r="G11440" s="18"/>
      <c r="H11440" s="18"/>
      <c r="I11440" s="18"/>
      <c r="J11440" s="18"/>
      <c r="K11440" s="18"/>
      <c r="L11440" s="18"/>
      <c r="M11440" s="18"/>
      <c r="N11440" s="18"/>
      <c r="O11440" s="18"/>
      <c r="P11440" s="19">
        <v>280</v>
      </c>
      <c r="Q11440" s="19"/>
      <c r="R11440" s="19"/>
      <c r="S11440" s="19"/>
      <c r="T11440" s="19">
        <v>130</v>
      </c>
      <c r="U11440" s="19"/>
      <c r="V11440" s="19"/>
      <c r="W11440" s="19"/>
      <c r="X11440" s="19">
        <v>4</v>
      </c>
      <c r="Y11440" s="19"/>
      <c r="Z11440" s="19"/>
      <c r="AA11440" s="19"/>
    </row>
    <row r="11441" spans="1:27" s="1" customFormat="1" ht="11.1" customHeight="1" outlineLevel="3" x14ac:dyDescent="0.2">
      <c r="A11441" s="17"/>
      <c r="B11441" s="17"/>
      <c r="C11441" s="17"/>
      <c r="D11441" s="18"/>
      <c r="E11441" s="18"/>
      <c r="F11441" s="18"/>
      <c r="G11441" s="18"/>
      <c r="H11441" s="18"/>
      <c r="I11441" s="18"/>
      <c r="J11441" s="18"/>
      <c r="K11441" s="18"/>
      <c r="L11441" s="18"/>
      <c r="M11441" s="18"/>
      <c r="N11441" s="18"/>
      <c r="O11441" s="18"/>
      <c r="P11441" s="19"/>
      <c r="Q11441" s="19"/>
      <c r="R11441" s="19"/>
      <c r="S11441" s="19"/>
      <c r="T11441" s="19"/>
      <c r="U11441" s="19"/>
      <c r="V11441" s="19"/>
      <c r="W11441" s="19"/>
      <c r="X11441" s="19"/>
      <c r="Y11441" s="19"/>
      <c r="Z11441" s="19"/>
      <c r="AA11441" s="19"/>
    </row>
    <row r="11442" spans="1:27" s="1" customFormat="1" ht="11.1" customHeight="1" outlineLevel="3" x14ac:dyDescent="0.2">
      <c r="A11442" s="17">
        <v>9018</v>
      </c>
      <c r="B11442" s="17"/>
      <c r="C11442" s="17"/>
      <c r="D11442" s="18" t="s">
        <v>5678</v>
      </c>
      <c r="E11442" s="18"/>
      <c r="F11442" s="18"/>
      <c r="G11442" s="18"/>
      <c r="H11442" s="18"/>
      <c r="I11442" s="18"/>
      <c r="J11442" s="18"/>
      <c r="K11442" s="18"/>
      <c r="L11442" s="18"/>
      <c r="M11442" s="18"/>
      <c r="N11442" s="18"/>
      <c r="O11442" s="18"/>
      <c r="P11442" s="19">
        <v>280</v>
      </c>
      <c r="Q11442" s="19"/>
      <c r="R11442" s="19"/>
      <c r="S11442" s="19"/>
      <c r="T11442" s="19">
        <v>140</v>
      </c>
      <c r="U11442" s="19"/>
      <c r="V11442" s="19"/>
      <c r="W11442" s="19"/>
      <c r="X11442" s="19">
        <v>1</v>
      </c>
      <c r="Y11442" s="19"/>
      <c r="Z11442" s="19"/>
      <c r="AA11442" s="19"/>
    </row>
    <row r="11443" spans="1:27" s="1" customFormat="1" ht="11.1" customHeight="1" outlineLevel="3" x14ac:dyDescent="0.2">
      <c r="A11443" s="17"/>
      <c r="B11443" s="17"/>
      <c r="C11443" s="17"/>
      <c r="D11443" s="18"/>
      <c r="E11443" s="18"/>
      <c r="F11443" s="18"/>
      <c r="G11443" s="18"/>
      <c r="H11443" s="18"/>
      <c r="I11443" s="18"/>
      <c r="J11443" s="18"/>
      <c r="K11443" s="18"/>
      <c r="L11443" s="18"/>
      <c r="M11443" s="18"/>
      <c r="N11443" s="18"/>
      <c r="O11443" s="18"/>
      <c r="P11443" s="19"/>
      <c r="Q11443" s="19"/>
      <c r="R11443" s="19"/>
      <c r="S11443" s="19"/>
      <c r="T11443" s="19"/>
      <c r="U11443" s="19"/>
      <c r="V11443" s="19"/>
      <c r="W11443" s="19"/>
      <c r="X11443" s="19"/>
      <c r="Y11443" s="19"/>
      <c r="Z11443" s="19"/>
      <c r="AA11443" s="19"/>
    </row>
    <row r="11444" spans="1:27" s="1" customFormat="1" ht="11.1" customHeight="1" outlineLevel="3" x14ac:dyDescent="0.2">
      <c r="A11444" s="17">
        <v>8168</v>
      </c>
      <c r="B11444" s="17"/>
      <c r="C11444" s="17"/>
      <c r="D11444" s="18" t="s">
        <v>5679</v>
      </c>
      <c r="E11444" s="18"/>
      <c r="F11444" s="18"/>
      <c r="G11444" s="18"/>
      <c r="H11444" s="18"/>
      <c r="I11444" s="18"/>
      <c r="J11444" s="18"/>
      <c r="K11444" s="18"/>
      <c r="L11444" s="18"/>
      <c r="M11444" s="18"/>
      <c r="N11444" s="18"/>
      <c r="O11444" s="18"/>
      <c r="P11444" s="19">
        <v>280</v>
      </c>
      <c r="Q11444" s="19"/>
      <c r="R11444" s="19"/>
      <c r="S11444" s="19"/>
      <c r="T11444" s="19">
        <v>130</v>
      </c>
      <c r="U11444" s="19"/>
      <c r="V11444" s="19"/>
      <c r="W11444" s="19"/>
      <c r="X11444" s="19">
        <v>7</v>
      </c>
      <c r="Y11444" s="19"/>
      <c r="Z11444" s="19"/>
      <c r="AA11444" s="19"/>
    </row>
    <row r="11445" spans="1:27" s="1" customFormat="1" ht="11.1" customHeight="1" outlineLevel="3" x14ac:dyDescent="0.2">
      <c r="A11445" s="17"/>
      <c r="B11445" s="17"/>
      <c r="C11445" s="17"/>
      <c r="D11445" s="18"/>
      <c r="E11445" s="18"/>
      <c r="F11445" s="18"/>
      <c r="G11445" s="18"/>
      <c r="H11445" s="18"/>
      <c r="I11445" s="18"/>
      <c r="J11445" s="18"/>
      <c r="K11445" s="18"/>
      <c r="L11445" s="18"/>
      <c r="M11445" s="18"/>
      <c r="N11445" s="18"/>
      <c r="O11445" s="18"/>
      <c r="P11445" s="19"/>
      <c r="Q11445" s="19"/>
      <c r="R11445" s="19"/>
      <c r="S11445" s="19"/>
      <c r="T11445" s="19"/>
      <c r="U11445" s="19"/>
      <c r="V11445" s="19"/>
      <c r="W11445" s="19"/>
      <c r="X11445" s="19"/>
      <c r="Y11445" s="19"/>
      <c r="Z11445" s="19"/>
      <c r="AA11445" s="19"/>
    </row>
    <row r="11446" spans="1:27" s="1" customFormat="1" ht="11.1" customHeight="1" outlineLevel="3" x14ac:dyDescent="0.2">
      <c r="A11446" s="17">
        <v>12285</v>
      </c>
      <c r="B11446" s="17"/>
      <c r="C11446" s="17"/>
      <c r="D11446" s="18" t="s">
        <v>5680</v>
      </c>
      <c r="E11446" s="18"/>
      <c r="F11446" s="18"/>
      <c r="G11446" s="18"/>
      <c r="H11446" s="18"/>
      <c r="I11446" s="18"/>
      <c r="J11446" s="18"/>
      <c r="K11446" s="18"/>
      <c r="L11446" s="18"/>
      <c r="M11446" s="18"/>
      <c r="N11446" s="18"/>
      <c r="O11446" s="18"/>
      <c r="P11446" s="19">
        <v>300</v>
      </c>
      <c r="Q11446" s="19"/>
      <c r="R11446" s="19"/>
      <c r="S11446" s="19"/>
      <c r="T11446" s="19">
        <v>150</v>
      </c>
      <c r="U11446" s="19"/>
      <c r="V11446" s="19"/>
      <c r="W11446" s="19"/>
      <c r="X11446" s="19">
        <v>1</v>
      </c>
      <c r="Y11446" s="19"/>
      <c r="Z11446" s="19"/>
      <c r="AA11446" s="19"/>
    </row>
    <row r="11447" spans="1:27" s="1" customFormat="1" ht="11.1" customHeight="1" outlineLevel="3" x14ac:dyDescent="0.2">
      <c r="A11447" s="17"/>
      <c r="B11447" s="17"/>
      <c r="C11447" s="17"/>
      <c r="D11447" s="18"/>
      <c r="E11447" s="18"/>
      <c r="F11447" s="18"/>
      <c r="G11447" s="18"/>
      <c r="H11447" s="18"/>
      <c r="I11447" s="18"/>
      <c r="J11447" s="18"/>
      <c r="K11447" s="18"/>
      <c r="L11447" s="18"/>
      <c r="M11447" s="18"/>
      <c r="N11447" s="18"/>
      <c r="O11447" s="18"/>
      <c r="P11447" s="19"/>
      <c r="Q11447" s="19"/>
      <c r="R11447" s="19"/>
      <c r="S11447" s="19"/>
      <c r="T11447" s="19"/>
      <c r="U11447" s="19"/>
      <c r="V11447" s="19"/>
      <c r="W11447" s="19"/>
      <c r="X11447" s="19"/>
      <c r="Y11447" s="19"/>
      <c r="Z11447" s="19"/>
      <c r="AA11447" s="19"/>
    </row>
    <row r="11448" spans="1:27" s="1" customFormat="1" ht="11.1" customHeight="1" outlineLevel="3" x14ac:dyDescent="0.2">
      <c r="A11448" s="17">
        <v>12288</v>
      </c>
      <c r="B11448" s="17"/>
      <c r="C11448" s="17"/>
      <c r="D11448" s="18" t="s">
        <v>5681</v>
      </c>
      <c r="E11448" s="18"/>
      <c r="F11448" s="18"/>
      <c r="G11448" s="18"/>
      <c r="H11448" s="18"/>
      <c r="I11448" s="18"/>
      <c r="J11448" s="18"/>
      <c r="K11448" s="18"/>
      <c r="L11448" s="18"/>
      <c r="M11448" s="18"/>
      <c r="N11448" s="18"/>
      <c r="O11448" s="18"/>
      <c r="P11448" s="19">
        <v>300</v>
      </c>
      <c r="Q11448" s="19"/>
      <c r="R11448" s="19"/>
      <c r="S11448" s="19"/>
      <c r="T11448" s="19">
        <v>150</v>
      </c>
      <c r="U11448" s="19"/>
      <c r="V11448" s="19"/>
      <c r="W11448" s="19"/>
      <c r="X11448" s="19">
        <v>1</v>
      </c>
      <c r="Y11448" s="19"/>
      <c r="Z11448" s="19"/>
      <c r="AA11448" s="19"/>
    </row>
    <row r="11449" spans="1:27" s="1" customFormat="1" ht="11.1" customHeight="1" outlineLevel="3" x14ac:dyDescent="0.2">
      <c r="A11449" s="17"/>
      <c r="B11449" s="17"/>
      <c r="C11449" s="17"/>
      <c r="D11449" s="18"/>
      <c r="E11449" s="18"/>
      <c r="F11449" s="18"/>
      <c r="G11449" s="18"/>
      <c r="H11449" s="18"/>
      <c r="I11449" s="18"/>
      <c r="J11449" s="18"/>
      <c r="K11449" s="18"/>
      <c r="L11449" s="18"/>
      <c r="M11449" s="18"/>
      <c r="N11449" s="18"/>
      <c r="O11449" s="18"/>
      <c r="P11449" s="19"/>
      <c r="Q11449" s="19"/>
      <c r="R11449" s="19"/>
      <c r="S11449" s="19"/>
      <c r="T11449" s="19"/>
      <c r="U11449" s="19"/>
      <c r="V11449" s="19"/>
      <c r="W11449" s="19"/>
      <c r="X11449" s="19"/>
      <c r="Y11449" s="19"/>
      <c r="Z11449" s="19"/>
      <c r="AA11449" s="19"/>
    </row>
    <row r="11450" spans="1:27" s="1" customFormat="1" ht="11.1" customHeight="1" outlineLevel="3" x14ac:dyDescent="0.2">
      <c r="A11450" s="17">
        <v>10203</v>
      </c>
      <c r="B11450" s="17"/>
      <c r="C11450" s="17"/>
      <c r="D11450" s="18" t="s">
        <v>5682</v>
      </c>
      <c r="E11450" s="18"/>
      <c r="F11450" s="18"/>
      <c r="G11450" s="18"/>
      <c r="H11450" s="18"/>
      <c r="I11450" s="18"/>
      <c r="J11450" s="18"/>
      <c r="K11450" s="18"/>
      <c r="L11450" s="18"/>
      <c r="M11450" s="18"/>
      <c r="N11450" s="18"/>
      <c r="O11450" s="18"/>
      <c r="P11450" s="19">
        <v>300</v>
      </c>
      <c r="Q11450" s="19"/>
      <c r="R11450" s="19"/>
      <c r="S11450" s="19"/>
      <c r="T11450" s="19">
        <v>150</v>
      </c>
      <c r="U11450" s="19"/>
      <c r="V11450" s="19"/>
      <c r="W11450" s="19"/>
      <c r="X11450" s="19">
        <v>3</v>
      </c>
      <c r="Y11450" s="19"/>
      <c r="Z11450" s="19"/>
      <c r="AA11450" s="19"/>
    </row>
    <row r="11451" spans="1:27" s="1" customFormat="1" ht="11.1" customHeight="1" outlineLevel="3" x14ac:dyDescent="0.2">
      <c r="A11451" s="17"/>
      <c r="B11451" s="17"/>
      <c r="C11451" s="17"/>
      <c r="D11451" s="18"/>
      <c r="E11451" s="18"/>
      <c r="F11451" s="18"/>
      <c r="G11451" s="18"/>
      <c r="H11451" s="18"/>
      <c r="I11451" s="18"/>
      <c r="J11451" s="18"/>
      <c r="K11451" s="18"/>
      <c r="L11451" s="18"/>
      <c r="M11451" s="18"/>
      <c r="N11451" s="18"/>
      <c r="O11451" s="18"/>
      <c r="P11451" s="19"/>
      <c r="Q11451" s="19"/>
      <c r="R11451" s="19"/>
      <c r="S11451" s="19"/>
      <c r="T11451" s="19"/>
      <c r="U11451" s="19"/>
      <c r="V11451" s="19"/>
      <c r="W11451" s="19"/>
      <c r="X11451" s="19"/>
      <c r="Y11451" s="19"/>
      <c r="Z11451" s="19"/>
      <c r="AA11451" s="19"/>
    </row>
    <row r="11452" spans="1:27" s="1" customFormat="1" ht="11.1" customHeight="1" outlineLevel="3" x14ac:dyDescent="0.2">
      <c r="A11452" s="17">
        <v>10207</v>
      </c>
      <c r="B11452" s="17"/>
      <c r="C11452" s="17"/>
      <c r="D11452" s="18" t="s">
        <v>5683</v>
      </c>
      <c r="E11452" s="18"/>
      <c r="F11452" s="18"/>
      <c r="G11452" s="18"/>
      <c r="H11452" s="18"/>
      <c r="I11452" s="18"/>
      <c r="J11452" s="18"/>
      <c r="K11452" s="18"/>
      <c r="L11452" s="18"/>
      <c r="M11452" s="18"/>
      <c r="N11452" s="18"/>
      <c r="O11452" s="18"/>
      <c r="P11452" s="19">
        <v>300</v>
      </c>
      <c r="Q11452" s="19"/>
      <c r="R11452" s="19"/>
      <c r="S11452" s="19"/>
      <c r="T11452" s="19">
        <v>150</v>
      </c>
      <c r="U11452" s="19"/>
      <c r="V11452" s="19"/>
      <c r="W11452" s="19"/>
      <c r="X11452" s="19">
        <v>3</v>
      </c>
      <c r="Y11452" s="19"/>
      <c r="Z11452" s="19"/>
      <c r="AA11452" s="19"/>
    </row>
    <row r="11453" spans="1:27" s="1" customFormat="1" ht="11.1" customHeight="1" outlineLevel="3" x14ac:dyDescent="0.2">
      <c r="A11453" s="17"/>
      <c r="B11453" s="17"/>
      <c r="C11453" s="17"/>
      <c r="D11453" s="18"/>
      <c r="E11453" s="18"/>
      <c r="F11453" s="18"/>
      <c r="G11453" s="18"/>
      <c r="H11453" s="18"/>
      <c r="I11453" s="18"/>
      <c r="J11453" s="18"/>
      <c r="K11453" s="18"/>
      <c r="L11453" s="18"/>
      <c r="M11453" s="18"/>
      <c r="N11453" s="18"/>
      <c r="O11453" s="18"/>
      <c r="P11453" s="19"/>
      <c r="Q11453" s="19"/>
      <c r="R11453" s="19"/>
      <c r="S11453" s="19"/>
      <c r="T11453" s="19"/>
      <c r="U11453" s="19"/>
      <c r="V11453" s="19"/>
      <c r="W11453" s="19"/>
      <c r="X11453" s="19"/>
      <c r="Y11453" s="19"/>
      <c r="Z11453" s="19"/>
      <c r="AA11453" s="19"/>
    </row>
    <row r="11454" spans="1:27" s="1" customFormat="1" ht="11.1" customHeight="1" outlineLevel="3" x14ac:dyDescent="0.2">
      <c r="A11454" s="17">
        <v>10206</v>
      </c>
      <c r="B11454" s="17"/>
      <c r="C11454" s="17"/>
      <c r="D11454" s="18" t="s">
        <v>5684</v>
      </c>
      <c r="E11454" s="18"/>
      <c r="F11454" s="18"/>
      <c r="G11454" s="18"/>
      <c r="H11454" s="18"/>
      <c r="I11454" s="18"/>
      <c r="J11454" s="18"/>
      <c r="K11454" s="18"/>
      <c r="L11454" s="18"/>
      <c r="M11454" s="18"/>
      <c r="N11454" s="18"/>
      <c r="O11454" s="18"/>
      <c r="P11454" s="19">
        <v>300</v>
      </c>
      <c r="Q11454" s="19"/>
      <c r="R11454" s="19"/>
      <c r="S11454" s="19"/>
      <c r="T11454" s="19">
        <v>150</v>
      </c>
      <c r="U11454" s="19"/>
      <c r="V11454" s="19"/>
      <c r="W11454" s="19"/>
      <c r="X11454" s="19">
        <v>2</v>
      </c>
      <c r="Y11454" s="19"/>
      <c r="Z11454" s="19"/>
      <c r="AA11454" s="19"/>
    </row>
    <row r="11455" spans="1:27" s="1" customFormat="1" ht="11.1" customHeight="1" outlineLevel="3" x14ac:dyDescent="0.2">
      <c r="A11455" s="17"/>
      <c r="B11455" s="17"/>
      <c r="C11455" s="17"/>
      <c r="D11455" s="18"/>
      <c r="E11455" s="18"/>
      <c r="F11455" s="18"/>
      <c r="G11455" s="18"/>
      <c r="H11455" s="18"/>
      <c r="I11455" s="18"/>
      <c r="J11455" s="18"/>
      <c r="K11455" s="18"/>
      <c r="L11455" s="18"/>
      <c r="M11455" s="18"/>
      <c r="N11455" s="18"/>
      <c r="O11455" s="18"/>
      <c r="P11455" s="19"/>
      <c r="Q11455" s="19"/>
      <c r="R11455" s="19"/>
      <c r="S11455" s="19"/>
      <c r="T11455" s="19"/>
      <c r="U11455" s="19"/>
      <c r="V11455" s="19"/>
      <c r="W11455" s="19"/>
      <c r="X11455" s="19"/>
      <c r="Y11455" s="19"/>
      <c r="Z11455" s="19"/>
      <c r="AA11455" s="19"/>
    </row>
    <row r="11456" spans="1:27" s="1" customFormat="1" ht="11.1" customHeight="1" outlineLevel="3" x14ac:dyDescent="0.2">
      <c r="A11456" s="17">
        <v>10533</v>
      </c>
      <c r="B11456" s="17"/>
      <c r="C11456" s="17"/>
      <c r="D11456" s="18" t="s">
        <v>5685</v>
      </c>
      <c r="E11456" s="18"/>
      <c r="F11456" s="18"/>
      <c r="G11456" s="18"/>
      <c r="H11456" s="18"/>
      <c r="I11456" s="18"/>
      <c r="J11456" s="18"/>
      <c r="K11456" s="18"/>
      <c r="L11456" s="18"/>
      <c r="M11456" s="18"/>
      <c r="N11456" s="18"/>
      <c r="O11456" s="18"/>
      <c r="P11456" s="19">
        <v>300</v>
      </c>
      <c r="Q11456" s="19"/>
      <c r="R11456" s="19"/>
      <c r="S11456" s="19"/>
      <c r="T11456" s="19">
        <v>150</v>
      </c>
      <c r="U11456" s="19"/>
      <c r="V11456" s="19"/>
      <c r="W11456" s="19"/>
      <c r="X11456" s="19">
        <v>5</v>
      </c>
      <c r="Y11456" s="19"/>
      <c r="Z11456" s="19"/>
      <c r="AA11456" s="19"/>
    </row>
    <row r="11457" spans="1:27" s="1" customFormat="1" ht="11.1" customHeight="1" outlineLevel="3" x14ac:dyDescent="0.2">
      <c r="A11457" s="17"/>
      <c r="B11457" s="17"/>
      <c r="C11457" s="17"/>
      <c r="D11457" s="18"/>
      <c r="E11457" s="18"/>
      <c r="F11457" s="18"/>
      <c r="G11457" s="18"/>
      <c r="H11457" s="18"/>
      <c r="I11457" s="18"/>
      <c r="J11457" s="18"/>
      <c r="K11457" s="18"/>
      <c r="L11457" s="18"/>
      <c r="M11457" s="18"/>
      <c r="N11457" s="18"/>
      <c r="O11457" s="18"/>
      <c r="P11457" s="19"/>
      <c r="Q11457" s="19"/>
      <c r="R11457" s="19"/>
      <c r="S11457" s="19"/>
      <c r="T11457" s="19"/>
      <c r="U11457" s="19"/>
      <c r="V11457" s="19"/>
      <c r="W11457" s="19"/>
      <c r="X11457" s="19"/>
      <c r="Y11457" s="19"/>
      <c r="Z11457" s="19"/>
      <c r="AA11457" s="19"/>
    </row>
    <row r="11458" spans="1:27" s="1" customFormat="1" ht="11.1" customHeight="1" outlineLevel="3" x14ac:dyDescent="0.2">
      <c r="A11458" s="17">
        <v>10208</v>
      </c>
      <c r="B11458" s="17"/>
      <c r="C11458" s="17"/>
      <c r="D11458" s="18" t="s">
        <v>5686</v>
      </c>
      <c r="E11458" s="18"/>
      <c r="F11458" s="18"/>
      <c r="G11458" s="18"/>
      <c r="H11458" s="18"/>
      <c r="I11458" s="18"/>
      <c r="J11458" s="18"/>
      <c r="K11458" s="18"/>
      <c r="L11458" s="18"/>
      <c r="M11458" s="18"/>
      <c r="N11458" s="18"/>
      <c r="O11458" s="18"/>
      <c r="P11458" s="19">
        <v>300</v>
      </c>
      <c r="Q11458" s="19"/>
      <c r="R11458" s="19"/>
      <c r="S11458" s="19"/>
      <c r="T11458" s="19">
        <v>150</v>
      </c>
      <c r="U11458" s="19"/>
      <c r="V11458" s="19"/>
      <c r="W11458" s="19"/>
      <c r="X11458" s="19">
        <v>4</v>
      </c>
      <c r="Y11458" s="19"/>
      <c r="Z11458" s="19"/>
      <c r="AA11458" s="19"/>
    </row>
    <row r="11459" spans="1:27" s="1" customFormat="1" ht="11.1" customHeight="1" outlineLevel="3" x14ac:dyDescent="0.2">
      <c r="A11459" s="17"/>
      <c r="B11459" s="17"/>
      <c r="C11459" s="17"/>
      <c r="D11459" s="18"/>
      <c r="E11459" s="18"/>
      <c r="F11459" s="18"/>
      <c r="G11459" s="18"/>
      <c r="H11459" s="18"/>
      <c r="I11459" s="18"/>
      <c r="J11459" s="18"/>
      <c r="K11459" s="18"/>
      <c r="L11459" s="18"/>
      <c r="M11459" s="18"/>
      <c r="N11459" s="18"/>
      <c r="O11459" s="18"/>
      <c r="P11459" s="19"/>
      <c r="Q11459" s="19"/>
      <c r="R11459" s="19"/>
      <c r="S11459" s="19"/>
      <c r="T11459" s="19"/>
      <c r="U11459" s="19"/>
      <c r="V11459" s="19"/>
      <c r="W11459" s="19"/>
      <c r="X11459" s="19"/>
      <c r="Y11459" s="19"/>
      <c r="Z11459" s="19"/>
      <c r="AA11459" s="19"/>
    </row>
    <row r="11460" spans="1:27" s="1" customFormat="1" ht="11.1" customHeight="1" outlineLevel="3" x14ac:dyDescent="0.2">
      <c r="A11460" s="17">
        <v>12286</v>
      </c>
      <c r="B11460" s="17"/>
      <c r="C11460" s="17"/>
      <c r="D11460" s="18" t="s">
        <v>5687</v>
      </c>
      <c r="E11460" s="18"/>
      <c r="F11460" s="18"/>
      <c r="G11460" s="18"/>
      <c r="H11460" s="18"/>
      <c r="I11460" s="18"/>
      <c r="J11460" s="18"/>
      <c r="K11460" s="18"/>
      <c r="L11460" s="18"/>
      <c r="M11460" s="18"/>
      <c r="N11460" s="18"/>
      <c r="O11460" s="18"/>
      <c r="P11460" s="19">
        <v>300</v>
      </c>
      <c r="Q11460" s="19"/>
      <c r="R11460" s="19"/>
      <c r="S11460" s="19"/>
      <c r="T11460" s="19">
        <v>150</v>
      </c>
      <c r="U11460" s="19"/>
      <c r="V11460" s="19"/>
      <c r="W11460" s="19"/>
      <c r="X11460" s="19">
        <v>1</v>
      </c>
      <c r="Y11460" s="19"/>
      <c r="Z11460" s="19"/>
      <c r="AA11460" s="19"/>
    </row>
    <row r="11461" spans="1:27" s="1" customFormat="1" ht="11.1" customHeight="1" outlineLevel="3" x14ac:dyDescent="0.2">
      <c r="A11461" s="17"/>
      <c r="B11461" s="17"/>
      <c r="C11461" s="17"/>
      <c r="D11461" s="18"/>
      <c r="E11461" s="18"/>
      <c r="F11461" s="18"/>
      <c r="G11461" s="18"/>
      <c r="H11461" s="18"/>
      <c r="I11461" s="18"/>
      <c r="J11461" s="18"/>
      <c r="K11461" s="18"/>
      <c r="L11461" s="18"/>
      <c r="M11461" s="18"/>
      <c r="N11461" s="18"/>
      <c r="O11461" s="18"/>
      <c r="P11461" s="19"/>
      <c r="Q11461" s="19"/>
      <c r="R11461" s="19"/>
      <c r="S11461" s="19"/>
      <c r="T11461" s="19"/>
      <c r="U11461" s="19"/>
      <c r="V11461" s="19"/>
      <c r="W11461" s="19"/>
      <c r="X11461" s="19"/>
      <c r="Y11461" s="19"/>
      <c r="Z11461" s="19"/>
      <c r="AA11461" s="19"/>
    </row>
    <row r="11462" spans="1:27" s="1" customFormat="1" ht="11.1" customHeight="1" outlineLevel="3" x14ac:dyDescent="0.2">
      <c r="A11462" s="17">
        <v>10525</v>
      </c>
      <c r="B11462" s="17"/>
      <c r="C11462" s="17"/>
      <c r="D11462" s="18" t="s">
        <v>5688</v>
      </c>
      <c r="E11462" s="18"/>
      <c r="F11462" s="18"/>
      <c r="G11462" s="18"/>
      <c r="H11462" s="18"/>
      <c r="I11462" s="18"/>
      <c r="J11462" s="18"/>
      <c r="K11462" s="18"/>
      <c r="L11462" s="18"/>
      <c r="M11462" s="18"/>
      <c r="N11462" s="18"/>
      <c r="O11462" s="18"/>
      <c r="P11462" s="19">
        <v>300</v>
      </c>
      <c r="Q11462" s="19"/>
      <c r="R11462" s="19"/>
      <c r="S11462" s="19"/>
      <c r="T11462" s="19">
        <v>150</v>
      </c>
      <c r="U11462" s="19"/>
      <c r="V11462" s="19"/>
      <c r="W11462" s="19"/>
      <c r="X11462" s="19">
        <v>1</v>
      </c>
      <c r="Y11462" s="19"/>
      <c r="Z11462" s="19"/>
      <c r="AA11462" s="19"/>
    </row>
    <row r="11463" spans="1:27" s="1" customFormat="1" ht="11.1" customHeight="1" outlineLevel="3" x14ac:dyDescent="0.2">
      <c r="A11463" s="17"/>
      <c r="B11463" s="17"/>
      <c r="C11463" s="17"/>
      <c r="D11463" s="18"/>
      <c r="E11463" s="18"/>
      <c r="F11463" s="18"/>
      <c r="G11463" s="18"/>
      <c r="H11463" s="18"/>
      <c r="I11463" s="18"/>
      <c r="J11463" s="18"/>
      <c r="K11463" s="18"/>
      <c r="L11463" s="18"/>
      <c r="M11463" s="18"/>
      <c r="N11463" s="18"/>
      <c r="O11463" s="18"/>
      <c r="P11463" s="19"/>
      <c r="Q11463" s="19"/>
      <c r="R11463" s="19"/>
      <c r="S11463" s="19"/>
      <c r="T11463" s="19"/>
      <c r="U11463" s="19"/>
      <c r="V11463" s="19"/>
      <c r="W11463" s="19"/>
      <c r="X11463" s="19"/>
      <c r="Y11463" s="19"/>
      <c r="Z11463" s="19"/>
      <c r="AA11463" s="19"/>
    </row>
    <row r="11464" spans="1:27" s="1" customFormat="1" ht="11.1" customHeight="1" outlineLevel="3" x14ac:dyDescent="0.2">
      <c r="A11464" s="17">
        <v>12290</v>
      </c>
      <c r="B11464" s="17"/>
      <c r="C11464" s="17"/>
      <c r="D11464" s="18" t="s">
        <v>5689</v>
      </c>
      <c r="E11464" s="18"/>
      <c r="F11464" s="18"/>
      <c r="G11464" s="18"/>
      <c r="H11464" s="18"/>
      <c r="I11464" s="18"/>
      <c r="J11464" s="18"/>
      <c r="K11464" s="18"/>
      <c r="L11464" s="18"/>
      <c r="M11464" s="18"/>
      <c r="N11464" s="18"/>
      <c r="O11464" s="18"/>
      <c r="P11464" s="19">
        <v>300</v>
      </c>
      <c r="Q11464" s="19"/>
      <c r="R11464" s="19"/>
      <c r="S11464" s="19"/>
      <c r="T11464" s="19">
        <v>150</v>
      </c>
      <c r="U11464" s="19"/>
      <c r="V11464" s="19"/>
      <c r="W11464" s="19"/>
      <c r="X11464" s="19">
        <v>1</v>
      </c>
      <c r="Y11464" s="19"/>
      <c r="Z11464" s="19"/>
      <c r="AA11464" s="19"/>
    </row>
    <row r="11465" spans="1:27" s="1" customFormat="1" ht="11.1" customHeight="1" outlineLevel="3" x14ac:dyDescent="0.2">
      <c r="A11465" s="17"/>
      <c r="B11465" s="17"/>
      <c r="C11465" s="17"/>
      <c r="D11465" s="18"/>
      <c r="E11465" s="18"/>
      <c r="F11465" s="18"/>
      <c r="G11465" s="18"/>
      <c r="H11465" s="18"/>
      <c r="I11465" s="18"/>
      <c r="J11465" s="18"/>
      <c r="K11465" s="18"/>
      <c r="L11465" s="18"/>
      <c r="M11465" s="18"/>
      <c r="N11465" s="18"/>
      <c r="O11465" s="18"/>
      <c r="P11465" s="19"/>
      <c r="Q11465" s="19"/>
      <c r="R11465" s="19"/>
      <c r="S11465" s="19"/>
      <c r="T11465" s="19"/>
      <c r="U11465" s="19"/>
      <c r="V11465" s="19"/>
      <c r="W11465" s="19"/>
      <c r="X11465" s="19"/>
      <c r="Y11465" s="19"/>
      <c r="Z11465" s="19"/>
      <c r="AA11465" s="19"/>
    </row>
    <row r="11466" spans="1:27" s="1" customFormat="1" ht="11.1" customHeight="1" outlineLevel="3" x14ac:dyDescent="0.2">
      <c r="A11466" s="17">
        <v>14459</v>
      </c>
      <c r="B11466" s="17"/>
      <c r="C11466" s="17"/>
      <c r="D11466" s="18" t="s">
        <v>5690</v>
      </c>
      <c r="E11466" s="18"/>
      <c r="F11466" s="18"/>
      <c r="G11466" s="18"/>
      <c r="H11466" s="18"/>
      <c r="I11466" s="18"/>
      <c r="J11466" s="18"/>
      <c r="K11466" s="18"/>
      <c r="L11466" s="18"/>
      <c r="M11466" s="18"/>
      <c r="N11466" s="18"/>
      <c r="O11466" s="18"/>
      <c r="P11466" s="19">
        <v>300</v>
      </c>
      <c r="Q11466" s="19"/>
      <c r="R11466" s="19"/>
      <c r="S11466" s="19"/>
      <c r="T11466" s="19">
        <v>150</v>
      </c>
      <c r="U11466" s="19"/>
      <c r="V11466" s="19"/>
      <c r="W11466" s="19"/>
      <c r="X11466" s="19">
        <v>2</v>
      </c>
      <c r="Y11466" s="19"/>
      <c r="Z11466" s="19"/>
      <c r="AA11466" s="19"/>
    </row>
    <row r="11467" spans="1:27" s="1" customFormat="1" ht="11.1" customHeight="1" outlineLevel="3" x14ac:dyDescent="0.2">
      <c r="A11467" s="17"/>
      <c r="B11467" s="17"/>
      <c r="C11467" s="17"/>
      <c r="D11467" s="18"/>
      <c r="E11467" s="18"/>
      <c r="F11467" s="18"/>
      <c r="G11467" s="18"/>
      <c r="H11467" s="18"/>
      <c r="I11467" s="18"/>
      <c r="J11467" s="18"/>
      <c r="K11467" s="18"/>
      <c r="L11467" s="18"/>
      <c r="M11467" s="18"/>
      <c r="N11467" s="18"/>
      <c r="O11467" s="18"/>
      <c r="P11467" s="19"/>
      <c r="Q11467" s="19"/>
      <c r="R11467" s="19"/>
      <c r="S11467" s="19"/>
      <c r="T11467" s="19"/>
      <c r="U11467" s="19"/>
      <c r="V11467" s="19"/>
      <c r="W11467" s="19"/>
      <c r="X11467" s="19"/>
      <c r="Y11467" s="19"/>
      <c r="Z11467" s="19"/>
      <c r="AA11467" s="19"/>
    </row>
    <row r="11468" spans="1:27" s="1" customFormat="1" ht="11.1" customHeight="1" outlineLevel="3" x14ac:dyDescent="0.2">
      <c r="A11468" s="17">
        <v>10201</v>
      </c>
      <c r="B11468" s="17"/>
      <c r="C11468" s="17"/>
      <c r="D11468" s="18" t="s">
        <v>5691</v>
      </c>
      <c r="E11468" s="18"/>
      <c r="F11468" s="18"/>
      <c r="G11468" s="18"/>
      <c r="H11468" s="18"/>
      <c r="I11468" s="18"/>
      <c r="J11468" s="18"/>
      <c r="K11468" s="18"/>
      <c r="L11468" s="18"/>
      <c r="M11468" s="18"/>
      <c r="N11468" s="18"/>
      <c r="O11468" s="18"/>
      <c r="P11468" s="19">
        <v>300</v>
      </c>
      <c r="Q11468" s="19"/>
      <c r="R11468" s="19"/>
      <c r="S11468" s="19"/>
      <c r="T11468" s="19">
        <v>150</v>
      </c>
      <c r="U11468" s="19"/>
      <c r="V11468" s="19"/>
      <c r="W11468" s="19"/>
      <c r="X11468" s="19">
        <v>3</v>
      </c>
      <c r="Y11468" s="19"/>
      <c r="Z11468" s="19"/>
      <c r="AA11468" s="19"/>
    </row>
    <row r="11469" spans="1:27" s="1" customFormat="1" ht="11.1" customHeight="1" outlineLevel="3" x14ac:dyDescent="0.2">
      <c r="A11469" s="17"/>
      <c r="B11469" s="17"/>
      <c r="C11469" s="17"/>
      <c r="D11469" s="18"/>
      <c r="E11469" s="18"/>
      <c r="F11469" s="18"/>
      <c r="G11469" s="18"/>
      <c r="H11469" s="18"/>
      <c r="I11469" s="18"/>
      <c r="J11469" s="18"/>
      <c r="K11469" s="18"/>
      <c r="L11469" s="18"/>
      <c r="M11469" s="18"/>
      <c r="N11469" s="18"/>
      <c r="O11469" s="18"/>
      <c r="P11469" s="19"/>
      <c r="Q11469" s="19"/>
      <c r="R11469" s="19"/>
      <c r="S11469" s="19"/>
      <c r="T11469" s="19"/>
      <c r="U11469" s="19"/>
      <c r="V11469" s="19"/>
      <c r="W11469" s="19"/>
      <c r="X11469" s="19"/>
      <c r="Y11469" s="19"/>
      <c r="Z11469" s="19"/>
      <c r="AA11469" s="19"/>
    </row>
    <row r="11470" spans="1:27" s="1" customFormat="1" ht="11.1" customHeight="1" outlineLevel="3" x14ac:dyDescent="0.2">
      <c r="A11470" s="17">
        <v>10512</v>
      </c>
      <c r="B11470" s="17"/>
      <c r="C11470" s="17"/>
      <c r="D11470" s="18" t="s">
        <v>5692</v>
      </c>
      <c r="E11470" s="18"/>
      <c r="F11470" s="18"/>
      <c r="G11470" s="18"/>
      <c r="H11470" s="18"/>
      <c r="I11470" s="18"/>
      <c r="J11470" s="18"/>
      <c r="K11470" s="18"/>
      <c r="L11470" s="18"/>
      <c r="M11470" s="18"/>
      <c r="N11470" s="18"/>
      <c r="O11470" s="18"/>
      <c r="P11470" s="19">
        <v>300</v>
      </c>
      <c r="Q11470" s="19"/>
      <c r="R11470" s="19"/>
      <c r="S11470" s="19"/>
      <c r="T11470" s="19">
        <v>150</v>
      </c>
      <c r="U11470" s="19"/>
      <c r="V11470" s="19"/>
      <c r="W11470" s="19"/>
      <c r="X11470" s="19">
        <v>3</v>
      </c>
      <c r="Y11470" s="19"/>
      <c r="Z11470" s="19"/>
      <c r="AA11470" s="19"/>
    </row>
    <row r="11471" spans="1:27" s="1" customFormat="1" ht="11.1" customHeight="1" outlineLevel="3" x14ac:dyDescent="0.2">
      <c r="A11471" s="17"/>
      <c r="B11471" s="17"/>
      <c r="C11471" s="17"/>
      <c r="D11471" s="18"/>
      <c r="E11471" s="18"/>
      <c r="F11471" s="18"/>
      <c r="G11471" s="18"/>
      <c r="H11471" s="18"/>
      <c r="I11471" s="18"/>
      <c r="J11471" s="18"/>
      <c r="K11471" s="18"/>
      <c r="L11471" s="18"/>
      <c r="M11471" s="18"/>
      <c r="N11471" s="18"/>
      <c r="O11471" s="18"/>
      <c r="P11471" s="19"/>
      <c r="Q11471" s="19"/>
      <c r="R11471" s="19"/>
      <c r="S11471" s="19"/>
      <c r="T11471" s="19"/>
      <c r="U11471" s="19"/>
      <c r="V11471" s="19"/>
      <c r="W11471" s="19"/>
      <c r="X11471" s="19"/>
      <c r="Y11471" s="19"/>
      <c r="Z11471" s="19"/>
      <c r="AA11471" s="19"/>
    </row>
    <row r="11472" spans="1:27" s="1" customFormat="1" ht="11.1" customHeight="1" outlineLevel="3" x14ac:dyDescent="0.2">
      <c r="A11472" s="17">
        <v>10199</v>
      </c>
      <c r="B11472" s="17"/>
      <c r="C11472" s="17"/>
      <c r="D11472" s="18" t="s">
        <v>5693</v>
      </c>
      <c r="E11472" s="18"/>
      <c r="F11472" s="18"/>
      <c r="G11472" s="18"/>
      <c r="H11472" s="18"/>
      <c r="I11472" s="18"/>
      <c r="J11472" s="18"/>
      <c r="K11472" s="18"/>
      <c r="L11472" s="18"/>
      <c r="M11472" s="18"/>
      <c r="N11472" s="18"/>
      <c r="O11472" s="18"/>
      <c r="P11472" s="19">
        <v>300</v>
      </c>
      <c r="Q11472" s="19"/>
      <c r="R11472" s="19"/>
      <c r="S11472" s="19"/>
      <c r="T11472" s="19">
        <v>150</v>
      </c>
      <c r="U11472" s="19"/>
      <c r="V11472" s="19"/>
      <c r="W11472" s="19"/>
      <c r="X11472" s="19">
        <v>5</v>
      </c>
      <c r="Y11472" s="19"/>
      <c r="Z11472" s="19"/>
      <c r="AA11472" s="19"/>
    </row>
    <row r="11473" spans="1:27" s="1" customFormat="1" ht="11.1" customHeight="1" outlineLevel="3" x14ac:dyDescent="0.2">
      <c r="A11473" s="17"/>
      <c r="B11473" s="17"/>
      <c r="C11473" s="17"/>
      <c r="D11473" s="18"/>
      <c r="E11473" s="18"/>
      <c r="F11473" s="18"/>
      <c r="G11473" s="18"/>
      <c r="H11473" s="18"/>
      <c r="I11473" s="18"/>
      <c r="J11473" s="18"/>
      <c r="K11473" s="18"/>
      <c r="L11473" s="18"/>
      <c r="M11473" s="18"/>
      <c r="N11473" s="18"/>
      <c r="O11473" s="18"/>
      <c r="P11473" s="19"/>
      <c r="Q11473" s="19"/>
      <c r="R11473" s="19"/>
      <c r="S11473" s="19"/>
      <c r="T11473" s="19"/>
      <c r="U11473" s="19"/>
      <c r="V11473" s="19"/>
      <c r="W11473" s="19"/>
      <c r="X11473" s="19"/>
      <c r="Y11473" s="19"/>
      <c r="Z11473" s="19"/>
      <c r="AA11473" s="19"/>
    </row>
    <row r="11474" spans="1:27" s="1" customFormat="1" ht="11.1" customHeight="1" outlineLevel="3" x14ac:dyDescent="0.2">
      <c r="A11474" s="17">
        <v>10518</v>
      </c>
      <c r="B11474" s="17"/>
      <c r="C11474" s="17"/>
      <c r="D11474" s="18" t="s">
        <v>5694</v>
      </c>
      <c r="E11474" s="18"/>
      <c r="F11474" s="18"/>
      <c r="G11474" s="18"/>
      <c r="H11474" s="18"/>
      <c r="I11474" s="18"/>
      <c r="J11474" s="18"/>
      <c r="K11474" s="18"/>
      <c r="L11474" s="18"/>
      <c r="M11474" s="18"/>
      <c r="N11474" s="18"/>
      <c r="O11474" s="18"/>
      <c r="P11474" s="19">
        <v>300</v>
      </c>
      <c r="Q11474" s="19"/>
      <c r="R11474" s="19"/>
      <c r="S11474" s="19"/>
      <c r="T11474" s="19">
        <v>150</v>
      </c>
      <c r="U11474" s="19"/>
      <c r="V11474" s="19"/>
      <c r="W11474" s="19"/>
      <c r="X11474" s="19">
        <v>2</v>
      </c>
      <c r="Y11474" s="19"/>
      <c r="Z11474" s="19"/>
      <c r="AA11474" s="19"/>
    </row>
    <row r="11475" spans="1:27" s="1" customFormat="1" ht="11.1" customHeight="1" outlineLevel="3" x14ac:dyDescent="0.2">
      <c r="A11475" s="17"/>
      <c r="B11475" s="17"/>
      <c r="C11475" s="17"/>
      <c r="D11475" s="18"/>
      <c r="E11475" s="18"/>
      <c r="F11475" s="18"/>
      <c r="G11475" s="18"/>
      <c r="H11475" s="18"/>
      <c r="I11475" s="18"/>
      <c r="J11475" s="18"/>
      <c r="K11475" s="18"/>
      <c r="L11475" s="18"/>
      <c r="M11475" s="18"/>
      <c r="N11475" s="18"/>
      <c r="O11475" s="18"/>
      <c r="P11475" s="19"/>
      <c r="Q11475" s="19"/>
      <c r="R11475" s="19"/>
      <c r="S11475" s="19"/>
      <c r="T11475" s="19"/>
      <c r="U11475" s="19"/>
      <c r="V11475" s="19"/>
      <c r="W11475" s="19"/>
      <c r="X11475" s="19"/>
      <c r="Y11475" s="19"/>
      <c r="Z11475" s="19"/>
      <c r="AA11475" s="19"/>
    </row>
    <row r="11476" spans="1:27" s="1" customFormat="1" ht="11.1" customHeight="1" outlineLevel="3" x14ac:dyDescent="0.2">
      <c r="A11476" s="17">
        <v>10524</v>
      </c>
      <c r="B11476" s="17"/>
      <c r="C11476" s="17"/>
      <c r="D11476" s="18" t="s">
        <v>5695</v>
      </c>
      <c r="E11476" s="18"/>
      <c r="F11476" s="18"/>
      <c r="G11476" s="18"/>
      <c r="H11476" s="18"/>
      <c r="I11476" s="18"/>
      <c r="J11476" s="18"/>
      <c r="K11476" s="18"/>
      <c r="L11476" s="18"/>
      <c r="M11476" s="18"/>
      <c r="N11476" s="18"/>
      <c r="O11476" s="18"/>
      <c r="P11476" s="19">
        <v>300</v>
      </c>
      <c r="Q11476" s="19"/>
      <c r="R11476" s="19"/>
      <c r="S11476" s="19"/>
      <c r="T11476" s="19">
        <v>150</v>
      </c>
      <c r="U11476" s="19"/>
      <c r="V11476" s="19"/>
      <c r="W11476" s="19"/>
      <c r="X11476" s="19">
        <v>1</v>
      </c>
      <c r="Y11476" s="19"/>
      <c r="Z11476" s="19"/>
      <c r="AA11476" s="19"/>
    </row>
    <row r="11477" spans="1:27" s="1" customFormat="1" ht="11.1" customHeight="1" outlineLevel="3" x14ac:dyDescent="0.2">
      <c r="A11477" s="17"/>
      <c r="B11477" s="17"/>
      <c r="C11477" s="17"/>
      <c r="D11477" s="18"/>
      <c r="E11477" s="18"/>
      <c r="F11477" s="18"/>
      <c r="G11477" s="18"/>
      <c r="H11477" s="18"/>
      <c r="I11477" s="18"/>
      <c r="J11477" s="18"/>
      <c r="K11477" s="18"/>
      <c r="L11477" s="18"/>
      <c r="M11477" s="18"/>
      <c r="N11477" s="18"/>
      <c r="O11477" s="18"/>
      <c r="P11477" s="19"/>
      <c r="Q11477" s="19"/>
      <c r="R11477" s="19"/>
      <c r="S11477" s="19"/>
      <c r="T11477" s="19"/>
      <c r="U11477" s="19"/>
      <c r="V11477" s="19"/>
      <c r="W11477" s="19"/>
      <c r="X11477" s="19"/>
      <c r="Y11477" s="19"/>
      <c r="Z11477" s="19"/>
      <c r="AA11477" s="19"/>
    </row>
    <row r="11478" spans="1:27" s="1" customFormat="1" ht="11.1" customHeight="1" outlineLevel="3" x14ac:dyDescent="0.2">
      <c r="A11478" s="17">
        <v>10514</v>
      </c>
      <c r="B11478" s="17"/>
      <c r="C11478" s="17"/>
      <c r="D11478" s="18" t="s">
        <v>5696</v>
      </c>
      <c r="E11478" s="18"/>
      <c r="F11478" s="18"/>
      <c r="G11478" s="18"/>
      <c r="H11478" s="18"/>
      <c r="I11478" s="18"/>
      <c r="J11478" s="18"/>
      <c r="K11478" s="18"/>
      <c r="L11478" s="18"/>
      <c r="M11478" s="18"/>
      <c r="N11478" s="18"/>
      <c r="O11478" s="18"/>
      <c r="P11478" s="19">
        <v>300</v>
      </c>
      <c r="Q11478" s="19"/>
      <c r="R11478" s="19"/>
      <c r="S11478" s="19"/>
      <c r="T11478" s="19">
        <v>150</v>
      </c>
      <c r="U11478" s="19"/>
      <c r="V11478" s="19"/>
      <c r="W11478" s="19"/>
      <c r="X11478" s="19">
        <v>1</v>
      </c>
      <c r="Y11478" s="19"/>
      <c r="Z11478" s="19"/>
      <c r="AA11478" s="19"/>
    </row>
    <row r="11479" spans="1:27" s="1" customFormat="1" ht="11.1" customHeight="1" outlineLevel="3" x14ac:dyDescent="0.2">
      <c r="A11479" s="17"/>
      <c r="B11479" s="17"/>
      <c r="C11479" s="17"/>
      <c r="D11479" s="18"/>
      <c r="E11479" s="18"/>
      <c r="F11479" s="18"/>
      <c r="G11479" s="18"/>
      <c r="H11479" s="18"/>
      <c r="I11479" s="18"/>
      <c r="J11479" s="18"/>
      <c r="K11479" s="18"/>
      <c r="L11479" s="18"/>
      <c r="M11479" s="18"/>
      <c r="N11479" s="18"/>
      <c r="O11479" s="18"/>
      <c r="P11479" s="19"/>
      <c r="Q11479" s="19"/>
      <c r="R11479" s="19"/>
      <c r="S11479" s="19"/>
      <c r="T11479" s="19"/>
      <c r="U11479" s="19"/>
      <c r="V11479" s="19"/>
      <c r="W11479" s="19"/>
      <c r="X11479" s="19"/>
      <c r="Y11479" s="19"/>
      <c r="Z11479" s="19"/>
      <c r="AA11479" s="19"/>
    </row>
    <row r="11480" spans="1:27" s="1" customFormat="1" ht="11.1" customHeight="1" outlineLevel="3" x14ac:dyDescent="0.2">
      <c r="A11480" s="17">
        <v>10523</v>
      </c>
      <c r="B11480" s="17"/>
      <c r="C11480" s="17"/>
      <c r="D11480" s="18" t="s">
        <v>5697</v>
      </c>
      <c r="E11480" s="18"/>
      <c r="F11480" s="18"/>
      <c r="G11480" s="18"/>
      <c r="H11480" s="18"/>
      <c r="I11480" s="18"/>
      <c r="J11480" s="18"/>
      <c r="K11480" s="18"/>
      <c r="L11480" s="18"/>
      <c r="M11480" s="18"/>
      <c r="N11480" s="18"/>
      <c r="O11480" s="18"/>
      <c r="P11480" s="19">
        <v>300</v>
      </c>
      <c r="Q11480" s="19"/>
      <c r="R11480" s="19"/>
      <c r="S11480" s="19"/>
      <c r="T11480" s="19">
        <v>150</v>
      </c>
      <c r="U11480" s="19"/>
      <c r="V11480" s="19"/>
      <c r="W11480" s="19"/>
      <c r="X11480" s="19">
        <v>3</v>
      </c>
      <c r="Y11480" s="19"/>
      <c r="Z11480" s="19"/>
      <c r="AA11480" s="19"/>
    </row>
    <row r="11481" spans="1:27" s="1" customFormat="1" ht="11.1" customHeight="1" outlineLevel="3" x14ac:dyDescent="0.2">
      <c r="A11481" s="17"/>
      <c r="B11481" s="17"/>
      <c r="C11481" s="17"/>
      <c r="D11481" s="18"/>
      <c r="E11481" s="18"/>
      <c r="F11481" s="18"/>
      <c r="G11481" s="18"/>
      <c r="H11481" s="18"/>
      <c r="I11481" s="18"/>
      <c r="J11481" s="18"/>
      <c r="K11481" s="18"/>
      <c r="L11481" s="18"/>
      <c r="M11481" s="18"/>
      <c r="N11481" s="18"/>
      <c r="O11481" s="18"/>
      <c r="P11481" s="19"/>
      <c r="Q11481" s="19"/>
      <c r="R11481" s="19"/>
      <c r="S11481" s="19"/>
      <c r="T11481" s="19"/>
      <c r="U11481" s="19"/>
      <c r="V11481" s="19"/>
      <c r="W11481" s="19"/>
      <c r="X11481" s="19"/>
      <c r="Y11481" s="19"/>
      <c r="Z11481" s="19"/>
      <c r="AA11481" s="19"/>
    </row>
    <row r="11482" spans="1:27" s="1" customFormat="1" ht="11.1" customHeight="1" outlineLevel="3" x14ac:dyDescent="0.2">
      <c r="A11482" s="17">
        <v>10517</v>
      </c>
      <c r="B11482" s="17"/>
      <c r="C11482" s="17"/>
      <c r="D11482" s="18" t="s">
        <v>5698</v>
      </c>
      <c r="E11482" s="18"/>
      <c r="F11482" s="18"/>
      <c r="G11482" s="18"/>
      <c r="H11482" s="18"/>
      <c r="I11482" s="18"/>
      <c r="J11482" s="18"/>
      <c r="K11482" s="18"/>
      <c r="L11482" s="18"/>
      <c r="M11482" s="18"/>
      <c r="N11482" s="18"/>
      <c r="O11482" s="18"/>
      <c r="P11482" s="19">
        <v>300</v>
      </c>
      <c r="Q11482" s="19"/>
      <c r="R11482" s="19"/>
      <c r="S11482" s="19"/>
      <c r="T11482" s="19">
        <v>150</v>
      </c>
      <c r="U11482" s="19"/>
      <c r="V11482" s="19"/>
      <c r="W11482" s="19"/>
      <c r="X11482" s="19">
        <v>1</v>
      </c>
      <c r="Y11482" s="19"/>
      <c r="Z11482" s="19"/>
      <c r="AA11482" s="19"/>
    </row>
    <row r="11483" spans="1:27" s="1" customFormat="1" ht="11.1" customHeight="1" outlineLevel="3" x14ac:dyDescent="0.2">
      <c r="A11483" s="17"/>
      <c r="B11483" s="17"/>
      <c r="C11483" s="17"/>
      <c r="D11483" s="18"/>
      <c r="E11483" s="18"/>
      <c r="F11483" s="18"/>
      <c r="G11483" s="18"/>
      <c r="H11483" s="18"/>
      <c r="I11483" s="18"/>
      <c r="J11483" s="18"/>
      <c r="K11483" s="18"/>
      <c r="L11483" s="18"/>
      <c r="M11483" s="18"/>
      <c r="N11483" s="18"/>
      <c r="O11483" s="18"/>
      <c r="P11483" s="19"/>
      <c r="Q11483" s="19"/>
      <c r="R11483" s="19"/>
      <c r="S11483" s="19"/>
      <c r="T11483" s="19"/>
      <c r="U11483" s="19"/>
      <c r="V11483" s="19"/>
      <c r="W11483" s="19"/>
      <c r="X11483" s="19"/>
      <c r="Y11483" s="19"/>
      <c r="Z11483" s="19"/>
      <c r="AA11483" s="19"/>
    </row>
    <row r="11484" spans="1:27" s="1" customFormat="1" ht="11.1" customHeight="1" outlineLevel="3" x14ac:dyDescent="0.2">
      <c r="A11484" s="17">
        <v>10513</v>
      </c>
      <c r="B11484" s="17"/>
      <c r="C11484" s="17"/>
      <c r="D11484" s="18" t="s">
        <v>5699</v>
      </c>
      <c r="E11484" s="18"/>
      <c r="F11484" s="18"/>
      <c r="G11484" s="18"/>
      <c r="H11484" s="18"/>
      <c r="I11484" s="18"/>
      <c r="J11484" s="18"/>
      <c r="K11484" s="18"/>
      <c r="L11484" s="18"/>
      <c r="M11484" s="18"/>
      <c r="N11484" s="18"/>
      <c r="O11484" s="18"/>
      <c r="P11484" s="19">
        <v>300</v>
      </c>
      <c r="Q11484" s="19"/>
      <c r="R11484" s="19"/>
      <c r="S11484" s="19"/>
      <c r="T11484" s="19">
        <v>150</v>
      </c>
      <c r="U11484" s="19"/>
      <c r="V11484" s="19"/>
      <c r="W11484" s="19"/>
      <c r="X11484" s="19">
        <v>2</v>
      </c>
      <c r="Y11484" s="19"/>
      <c r="Z11484" s="19"/>
      <c r="AA11484" s="19"/>
    </row>
    <row r="11485" spans="1:27" s="1" customFormat="1" ht="11.1" customHeight="1" outlineLevel="3" x14ac:dyDescent="0.2">
      <c r="A11485" s="17"/>
      <c r="B11485" s="17"/>
      <c r="C11485" s="17"/>
      <c r="D11485" s="18"/>
      <c r="E11485" s="18"/>
      <c r="F11485" s="18"/>
      <c r="G11485" s="18"/>
      <c r="H11485" s="18"/>
      <c r="I11485" s="18"/>
      <c r="J11485" s="18"/>
      <c r="K11485" s="18"/>
      <c r="L11485" s="18"/>
      <c r="M11485" s="18"/>
      <c r="N11485" s="18"/>
      <c r="O11485" s="18"/>
      <c r="P11485" s="19"/>
      <c r="Q11485" s="19"/>
      <c r="R11485" s="19"/>
      <c r="S11485" s="19"/>
      <c r="T11485" s="19"/>
      <c r="U11485" s="19"/>
      <c r="V11485" s="19"/>
      <c r="W11485" s="19"/>
      <c r="X11485" s="19"/>
      <c r="Y11485" s="19"/>
      <c r="Z11485" s="19"/>
      <c r="AA11485" s="19"/>
    </row>
    <row r="11486" spans="1:27" s="1" customFormat="1" ht="11.1" customHeight="1" outlineLevel="3" x14ac:dyDescent="0.2">
      <c r="A11486" s="17">
        <v>10519</v>
      </c>
      <c r="B11486" s="17"/>
      <c r="C11486" s="17"/>
      <c r="D11486" s="18" t="s">
        <v>5700</v>
      </c>
      <c r="E11486" s="18"/>
      <c r="F11486" s="18"/>
      <c r="G11486" s="18"/>
      <c r="H11486" s="18"/>
      <c r="I11486" s="18"/>
      <c r="J11486" s="18"/>
      <c r="K11486" s="18"/>
      <c r="L11486" s="18"/>
      <c r="M11486" s="18"/>
      <c r="N11486" s="18"/>
      <c r="O11486" s="18"/>
      <c r="P11486" s="19">
        <v>300</v>
      </c>
      <c r="Q11486" s="19"/>
      <c r="R11486" s="19"/>
      <c r="S11486" s="19"/>
      <c r="T11486" s="19">
        <v>150</v>
      </c>
      <c r="U11486" s="19"/>
      <c r="V11486" s="19"/>
      <c r="W11486" s="19"/>
      <c r="X11486" s="19">
        <v>1</v>
      </c>
      <c r="Y11486" s="19"/>
      <c r="Z11486" s="19"/>
      <c r="AA11486" s="19"/>
    </row>
    <row r="11487" spans="1:27" s="1" customFormat="1" ht="11.1" customHeight="1" outlineLevel="3" x14ac:dyDescent="0.2">
      <c r="A11487" s="17"/>
      <c r="B11487" s="17"/>
      <c r="C11487" s="17"/>
      <c r="D11487" s="18"/>
      <c r="E11487" s="18"/>
      <c r="F11487" s="18"/>
      <c r="G11487" s="18"/>
      <c r="H11487" s="18"/>
      <c r="I11487" s="18"/>
      <c r="J11487" s="18"/>
      <c r="K11487" s="18"/>
      <c r="L11487" s="18"/>
      <c r="M11487" s="18"/>
      <c r="N11487" s="18"/>
      <c r="O11487" s="18"/>
      <c r="P11487" s="19"/>
      <c r="Q11487" s="19"/>
      <c r="R11487" s="19"/>
      <c r="S11487" s="19"/>
      <c r="T11487" s="19"/>
      <c r="U11487" s="19"/>
      <c r="V11487" s="19"/>
      <c r="W11487" s="19"/>
      <c r="X11487" s="19"/>
      <c r="Y11487" s="19"/>
      <c r="Z11487" s="19"/>
      <c r="AA11487" s="19"/>
    </row>
    <row r="11488" spans="1:27" s="1" customFormat="1" ht="11.1" customHeight="1" outlineLevel="3" x14ac:dyDescent="0.2">
      <c r="A11488" s="17">
        <v>10522</v>
      </c>
      <c r="B11488" s="17"/>
      <c r="C11488" s="17"/>
      <c r="D11488" s="18" t="s">
        <v>5701</v>
      </c>
      <c r="E11488" s="18"/>
      <c r="F11488" s="18"/>
      <c r="G11488" s="18"/>
      <c r="H11488" s="18"/>
      <c r="I11488" s="18"/>
      <c r="J11488" s="18"/>
      <c r="K11488" s="18"/>
      <c r="L11488" s="18"/>
      <c r="M11488" s="18"/>
      <c r="N11488" s="18"/>
      <c r="O11488" s="18"/>
      <c r="P11488" s="19">
        <v>300</v>
      </c>
      <c r="Q11488" s="19"/>
      <c r="R11488" s="19"/>
      <c r="S11488" s="19"/>
      <c r="T11488" s="19">
        <v>150</v>
      </c>
      <c r="U11488" s="19"/>
      <c r="V11488" s="19"/>
      <c r="W11488" s="19"/>
      <c r="X11488" s="19">
        <v>1</v>
      </c>
      <c r="Y11488" s="19"/>
      <c r="Z11488" s="19"/>
      <c r="AA11488" s="19"/>
    </row>
    <row r="11489" spans="1:27" s="1" customFormat="1" ht="11.1" customHeight="1" outlineLevel="3" x14ac:dyDescent="0.2">
      <c r="A11489" s="17"/>
      <c r="B11489" s="17"/>
      <c r="C11489" s="17"/>
      <c r="D11489" s="18"/>
      <c r="E11489" s="18"/>
      <c r="F11489" s="18"/>
      <c r="G11489" s="18"/>
      <c r="H11489" s="18"/>
      <c r="I11489" s="18"/>
      <c r="J11489" s="18"/>
      <c r="K11489" s="18"/>
      <c r="L11489" s="18"/>
      <c r="M11489" s="18"/>
      <c r="N11489" s="18"/>
      <c r="O11489" s="18"/>
      <c r="P11489" s="19"/>
      <c r="Q11489" s="19"/>
      <c r="R11489" s="19"/>
      <c r="S11489" s="19"/>
      <c r="T11489" s="19"/>
      <c r="U11489" s="19"/>
      <c r="V11489" s="19"/>
      <c r="W11489" s="19"/>
      <c r="X11489" s="19"/>
      <c r="Y11489" s="19"/>
      <c r="Z11489" s="19"/>
      <c r="AA11489" s="19"/>
    </row>
    <row r="11490" spans="1:27" s="1" customFormat="1" ht="11.1" customHeight="1" outlineLevel="3" x14ac:dyDescent="0.2">
      <c r="A11490" s="17">
        <v>10515</v>
      </c>
      <c r="B11490" s="17"/>
      <c r="C11490" s="17"/>
      <c r="D11490" s="18" t="s">
        <v>5702</v>
      </c>
      <c r="E11490" s="18"/>
      <c r="F11490" s="18"/>
      <c r="G11490" s="18"/>
      <c r="H11490" s="18"/>
      <c r="I11490" s="18"/>
      <c r="J11490" s="18"/>
      <c r="K11490" s="18"/>
      <c r="L11490" s="18"/>
      <c r="M11490" s="18"/>
      <c r="N11490" s="18"/>
      <c r="O11490" s="18"/>
      <c r="P11490" s="19">
        <v>300</v>
      </c>
      <c r="Q11490" s="19"/>
      <c r="R11490" s="19"/>
      <c r="S11490" s="19"/>
      <c r="T11490" s="19">
        <v>150</v>
      </c>
      <c r="U11490" s="19"/>
      <c r="V11490" s="19"/>
      <c r="W11490" s="19"/>
      <c r="X11490" s="19">
        <v>1</v>
      </c>
      <c r="Y11490" s="19"/>
      <c r="Z11490" s="19"/>
      <c r="AA11490" s="19"/>
    </row>
    <row r="11491" spans="1:27" s="1" customFormat="1" ht="11.1" customHeight="1" outlineLevel="3" x14ac:dyDescent="0.2">
      <c r="A11491" s="17"/>
      <c r="B11491" s="17"/>
      <c r="C11491" s="17"/>
      <c r="D11491" s="18"/>
      <c r="E11491" s="18"/>
      <c r="F11491" s="18"/>
      <c r="G11491" s="18"/>
      <c r="H11491" s="18"/>
      <c r="I11491" s="18"/>
      <c r="J11491" s="18"/>
      <c r="K11491" s="18"/>
      <c r="L11491" s="18"/>
      <c r="M11491" s="18"/>
      <c r="N11491" s="18"/>
      <c r="O11491" s="18"/>
      <c r="P11491" s="19"/>
      <c r="Q11491" s="19"/>
      <c r="R11491" s="19"/>
      <c r="S11491" s="19"/>
      <c r="T11491" s="19"/>
      <c r="U11491" s="19"/>
      <c r="V11491" s="19"/>
      <c r="W11491" s="19"/>
      <c r="X11491" s="19"/>
      <c r="Y11491" s="19"/>
      <c r="Z11491" s="19"/>
      <c r="AA11491" s="19"/>
    </row>
    <row r="11492" spans="1:27" s="1" customFormat="1" ht="11.1" customHeight="1" outlineLevel="3" x14ac:dyDescent="0.2">
      <c r="A11492" s="17">
        <v>10202</v>
      </c>
      <c r="B11492" s="17"/>
      <c r="C11492" s="17"/>
      <c r="D11492" s="18" t="s">
        <v>5703</v>
      </c>
      <c r="E11492" s="18"/>
      <c r="F11492" s="18"/>
      <c r="G11492" s="18"/>
      <c r="H11492" s="18"/>
      <c r="I11492" s="18"/>
      <c r="J11492" s="18"/>
      <c r="K11492" s="18"/>
      <c r="L11492" s="18"/>
      <c r="M11492" s="18"/>
      <c r="N11492" s="18"/>
      <c r="O11492" s="18"/>
      <c r="P11492" s="19">
        <v>300</v>
      </c>
      <c r="Q11492" s="19"/>
      <c r="R11492" s="19"/>
      <c r="S11492" s="19"/>
      <c r="T11492" s="19">
        <v>150</v>
      </c>
      <c r="U11492" s="19"/>
      <c r="V11492" s="19"/>
      <c r="W11492" s="19"/>
      <c r="X11492" s="19">
        <v>1</v>
      </c>
      <c r="Y11492" s="19"/>
      <c r="Z11492" s="19"/>
      <c r="AA11492" s="19"/>
    </row>
    <row r="11493" spans="1:27" s="1" customFormat="1" ht="11.1" customHeight="1" outlineLevel="3" x14ac:dyDescent="0.2">
      <c r="A11493" s="17"/>
      <c r="B11493" s="17"/>
      <c r="C11493" s="17"/>
      <c r="D11493" s="18"/>
      <c r="E11493" s="18"/>
      <c r="F11493" s="18"/>
      <c r="G11493" s="18"/>
      <c r="H11493" s="18"/>
      <c r="I11493" s="18"/>
      <c r="J11493" s="18"/>
      <c r="K11493" s="18"/>
      <c r="L11493" s="18"/>
      <c r="M11493" s="18"/>
      <c r="N11493" s="18"/>
      <c r="O11493" s="18"/>
      <c r="P11493" s="19"/>
      <c r="Q11493" s="19"/>
      <c r="R11493" s="19"/>
      <c r="S11493" s="19"/>
      <c r="T11493" s="19"/>
      <c r="U11493" s="19"/>
      <c r="V11493" s="19"/>
      <c r="W11493" s="19"/>
      <c r="X11493" s="19"/>
      <c r="Y11493" s="19"/>
      <c r="Z11493" s="19"/>
      <c r="AA11493" s="19"/>
    </row>
    <row r="11494" spans="1:27" s="1" customFormat="1" ht="11.1" customHeight="1" outlineLevel="3" x14ac:dyDescent="0.2">
      <c r="A11494" s="17">
        <v>10550</v>
      </c>
      <c r="B11494" s="17"/>
      <c r="C11494" s="17"/>
      <c r="D11494" s="18" t="s">
        <v>5704</v>
      </c>
      <c r="E11494" s="18"/>
      <c r="F11494" s="18"/>
      <c r="G11494" s="18"/>
      <c r="H11494" s="18"/>
      <c r="I11494" s="18"/>
      <c r="J11494" s="18"/>
      <c r="K11494" s="18"/>
      <c r="L11494" s="18"/>
      <c r="M11494" s="18"/>
      <c r="N11494" s="18"/>
      <c r="O11494" s="18"/>
      <c r="P11494" s="19">
        <v>300</v>
      </c>
      <c r="Q11494" s="19"/>
      <c r="R11494" s="19"/>
      <c r="S11494" s="19"/>
      <c r="T11494" s="19">
        <v>150</v>
      </c>
      <c r="U11494" s="19"/>
      <c r="V11494" s="19"/>
      <c r="W11494" s="19"/>
      <c r="X11494" s="19">
        <v>1</v>
      </c>
      <c r="Y11494" s="19"/>
      <c r="Z11494" s="19"/>
      <c r="AA11494" s="19"/>
    </row>
    <row r="11495" spans="1:27" s="1" customFormat="1" ht="11.1" customHeight="1" outlineLevel="3" x14ac:dyDescent="0.2">
      <c r="A11495" s="17"/>
      <c r="B11495" s="17"/>
      <c r="C11495" s="17"/>
      <c r="D11495" s="18"/>
      <c r="E11495" s="18"/>
      <c r="F11495" s="18"/>
      <c r="G11495" s="18"/>
      <c r="H11495" s="18"/>
      <c r="I11495" s="18"/>
      <c r="J11495" s="18"/>
      <c r="K11495" s="18"/>
      <c r="L11495" s="18"/>
      <c r="M11495" s="18"/>
      <c r="N11495" s="18"/>
      <c r="O11495" s="18"/>
      <c r="P11495" s="19"/>
      <c r="Q11495" s="19"/>
      <c r="R11495" s="19"/>
      <c r="S11495" s="19"/>
      <c r="T11495" s="19"/>
      <c r="U11495" s="19"/>
      <c r="V11495" s="19"/>
      <c r="W11495" s="19"/>
      <c r="X11495" s="19"/>
      <c r="Y11495" s="19"/>
      <c r="Z11495" s="19"/>
      <c r="AA11495" s="19"/>
    </row>
    <row r="11496" spans="1:27" s="1" customFormat="1" ht="11.1" customHeight="1" outlineLevel="3" x14ac:dyDescent="0.2">
      <c r="A11496" s="17">
        <v>10548</v>
      </c>
      <c r="B11496" s="17"/>
      <c r="C11496" s="17"/>
      <c r="D11496" s="18" t="s">
        <v>5705</v>
      </c>
      <c r="E11496" s="18"/>
      <c r="F11496" s="18"/>
      <c r="G11496" s="18"/>
      <c r="H11496" s="18"/>
      <c r="I11496" s="18"/>
      <c r="J11496" s="18"/>
      <c r="K11496" s="18"/>
      <c r="L11496" s="18"/>
      <c r="M11496" s="18"/>
      <c r="N11496" s="18"/>
      <c r="O11496" s="18"/>
      <c r="P11496" s="19">
        <v>300</v>
      </c>
      <c r="Q11496" s="19"/>
      <c r="R11496" s="19"/>
      <c r="S11496" s="19"/>
      <c r="T11496" s="19">
        <v>150</v>
      </c>
      <c r="U11496" s="19"/>
      <c r="V11496" s="19"/>
      <c r="W11496" s="19"/>
      <c r="X11496" s="19">
        <v>4</v>
      </c>
      <c r="Y11496" s="19"/>
      <c r="Z11496" s="19"/>
      <c r="AA11496" s="19"/>
    </row>
    <row r="11497" spans="1:27" s="1" customFormat="1" ht="11.1" customHeight="1" outlineLevel="3" x14ac:dyDescent="0.2">
      <c r="A11497" s="17"/>
      <c r="B11497" s="17"/>
      <c r="C11497" s="17"/>
      <c r="D11497" s="18"/>
      <c r="E11497" s="18"/>
      <c r="F11497" s="18"/>
      <c r="G11497" s="18"/>
      <c r="H11497" s="18"/>
      <c r="I11497" s="18"/>
      <c r="J11497" s="18"/>
      <c r="K11497" s="18"/>
      <c r="L11497" s="18"/>
      <c r="M11497" s="18"/>
      <c r="N11497" s="18"/>
      <c r="O11497" s="18"/>
      <c r="P11497" s="19"/>
      <c r="Q11497" s="19"/>
      <c r="R11497" s="19"/>
      <c r="S11497" s="19"/>
      <c r="T11497" s="19"/>
      <c r="U11497" s="19"/>
      <c r="V11497" s="19"/>
      <c r="W11497" s="19"/>
      <c r="X11497" s="19"/>
      <c r="Y11497" s="19"/>
      <c r="Z11497" s="19"/>
      <c r="AA11497" s="19"/>
    </row>
    <row r="11498" spans="1:27" s="1" customFormat="1" ht="11.1" customHeight="1" outlineLevel="3" x14ac:dyDescent="0.2">
      <c r="A11498" s="17">
        <v>12297</v>
      </c>
      <c r="B11498" s="17"/>
      <c r="C11498" s="17"/>
      <c r="D11498" s="18" t="s">
        <v>5706</v>
      </c>
      <c r="E11498" s="18"/>
      <c r="F11498" s="18"/>
      <c r="G11498" s="18"/>
      <c r="H11498" s="18"/>
      <c r="I11498" s="18"/>
      <c r="J11498" s="18"/>
      <c r="K11498" s="18"/>
      <c r="L11498" s="18"/>
      <c r="M11498" s="18"/>
      <c r="N11498" s="18"/>
      <c r="O11498" s="18"/>
      <c r="P11498" s="19">
        <v>300</v>
      </c>
      <c r="Q11498" s="19"/>
      <c r="R11498" s="19"/>
      <c r="S11498" s="19"/>
      <c r="T11498" s="19">
        <v>150</v>
      </c>
      <c r="U11498" s="19"/>
      <c r="V11498" s="19"/>
      <c r="W11498" s="19"/>
      <c r="X11498" s="19">
        <v>1</v>
      </c>
      <c r="Y11498" s="19"/>
      <c r="Z11498" s="19"/>
      <c r="AA11498" s="19"/>
    </row>
    <row r="11499" spans="1:27" s="1" customFormat="1" ht="11.1" customHeight="1" outlineLevel="3" x14ac:dyDescent="0.2">
      <c r="A11499" s="17"/>
      <c r="B11499" s="17"/>
      <c r="C11499" s="17"/>
      <c r="D11499" s="18"/>
      <c r="E11499" s="18"/>
      <c r="F11499" s="18"/>
      <c r="G11499" s="18"/>
      <c r="H11499" s="18"/>
      <c r="I11499" s="18"/>
      <c r="J11499" s="18"/>
      <c r="K11499" s="18"/>
      <c r="L11499" s="18"/>
      <c r="M11499" s="18"/>
      <c r="N11499" s="18"/>
      <c r="O11499" s="18"/>
      <c r="P11499" s="19"/>
      <c r="Q11499" s="19"/>
      <c r="R11499" s="19"/>
      <c r="S11499" s="19"/>
      <c r="T11499" s="19"/>
      <c r="U11499" s="19"/>
      <c r="V11499" s="19"/>
      <c r="W11499" s="19"/>
      <c r="X11499" s="19"/>
      <c r="Y11499" s="19"/>
      <c r="Z11499" s="19"/>
      <c r="AA11499" s="19"/>
    </row>
    <row r="11500" spans="1:27" s="1" customFormat="1" ht="11.1" customHeight="1" outlineLevel="3" x14ac:dyDescent="0.2">
      <c r="A11500" s="17">
        <v>10543</v>
      </c>
      <c r="B11500" s="17"/>
      <c r="C11500" s="17"/>
      <c r="D11500" s="18" t="s">
        <v>5707</v>
      </c>
      <c r="E11500" s="18"/>
      <c r="F11500" s="18"/>
      <c r="G11500" s="18"/>
      <c r="H11500" s="18"/>
      <c r="I11500" s="18"/>
      <c r="J11500" s="18"/>
      <c r="K11500" s="18"/>
      <c r="L11500" s="18"/>
      <c r="M11500" s="18"/>
      <c r="N11500" s="18"/>
      <c r="O11500" s="18"/>
      <c r="P11500" s="19">
        <v>300</v>
      </c>
      <c r="Q11500" s="19"/>
      <c r="R11500" s="19"/>
      <c r="S11500" s="19"/>
      <c r="T11500" s="19">
        <v>150</v>
      </c>
      <c r="U11500" s="19"/>
      <c r="V11500" s="19"/>
      <c r="W11500" s="19"/>
      <c r="X11500" s="19">
        <v>4</v>
      </c>
      <c r="Y11500" s="19"/>
      <c r="Z11500" s="19"/>
      <c r="AA11500" s="19"/>
    </row>
    <row r="11501" spans="1:27" s="1" customFormat="1" ht="11.1" customHeight="1" outlineLevel="3" x14ac:dyDescent="0.2">
      <c r="A11501" s="17"/>
      <c r="B11501" s="17"/>
      <c r="C11501" s="17"/>
      <c r="D11501" s="18"/>
      <c r="E11501" s="18"/>
      <c r="F11501" s="18"/>
      <c r="G11501" s="18"/>
      <c r="H11501" s="18"/>
      <c r="I11501" s="18"/>
      <c r="J11501" s="18"/>
      <c r="K11501" s="18"/>
      <c r="L11501" s="18"/>
      <c r="M11501" s="18"/>
      <c r="N11501" s="18"/>
      <c r="O11501" s="18"/>
      <c r="P11501" s="19"/>
      <c r="Q11501" s="19"/>
      <c r="R11501" s="19"/>
      <c r="S11501" s="19"/>
      <c r="T11501" s="19"/>
      <c r="U11501" s="19"/>
      <c r="V11501" s="19"/>
      <c r="W11501" s="19"/>
      <c r="X11501" s="19"/>
      <c r="Y11501" s="19"/>
      <c r="Z11501" s="19"/>
      <c r="AA11501" s="19"/>
    </row>
    <row r="11502" spans="1:27" s="1" customFormat="1" ht="11.1" customHeight="1" outlineLevel="3" x14ac:dyDescent="0.2">
      <c r="A11502" s="17">
        <v>12298</v>
      </c>
      <c r="B11502" s="17"/>
      <c r="C11502" s="17"/>
      <c r="D11502" s="18" t="s">
        <v>5708</v>
      </c>
      <c r="E11502" s="18"/>
      <c r="F11502" s="18"/>
      <c r="G11502" s="18"/>
      <c r="H11502" s="18"/>
      <c r="I11502" s="18"/>
      <c r="J11502" s="18"/>
      <c r="K11502" s="18"/>
      <c r="L11502" s="18"/>
      <c r="M11502" s="18"/>
      <c r="N11502" s="18"/>
      <c r="O11502" s="18"/>
      <c r="P11502" s="19">
        <v>300</v>
      </c>
      <c r="Q11502" s="19"/>
      <c r="R11502" s="19"/>
      <c r="S11502" s="19"/>
      <c r="T11502" s="19">
        <v>150</v>
      </c>
      <c r="U11502" s="19"/>
      <c r="V11502" s="19"/>
      <c r="W11502" s="19"/>
      <c r="X11502" s="19">
        <v>1</v>
      </c>
      <c r="Y11502" s="19"/>
      <c r="Z11502" s="19"/>
      <c r="AA11502" s="19"/>
    </row>
    <row r="11503" spans="1:27" s="1" customFormat="1" ht="11.1" customHeight="1" outlineLevel="3" x14ac:dyDescent="0.2">
      <c r="A11503" s="17"/>
      <c r="B11503" s="17"/>
      <c r="C11503" s="17"/>
      <c r="D11503" s="18"/>
      <c r="E11503" s="18"/>
      <c r="F11503" s="18"/>
      <c r="G11503" s="18"/>
      <c r="H11503" s="18"/>
      <c r="I11503" s="18"/>
      <c r="J11503" s="18"/>
      <c r="K11503" s="18"/>
      <c r="L11503" s="18"/>
      <c r="M11503" s="18"/>
      <c r="N11503" s="18"/>
      <c r="O11503" s="18"/>
      <c r="P11503" s="19"/>
      <c r="Q11503" s="19"/>
      <c r="R11503" s="19"/>
      <c r="S11503" s="19"/>
      <c r="T11503" s="19"/>
      <c r="U11503" s="19"/>
      <c r="V11503" s="19"/>
      <c r="W11503" s="19"/>
      <c r="X11503" s="19"/>
      <c r="Y11503" s="19"/>
      <c r="Z11503" s="19"/>
      <c r="AA11503" s="19"/>
    </row>
    <row r="11504" spans="1:27" s="1" customFormat="1" ht="11.1" customHeight="1" outlineLevel="3" x14ac:dyDescent="0.2">
      <c r="A11504" s="17">
        <v>10547</v>
      </c>
      <c r="B11504" s="17"/>
      <c r="C11504" s="17"/>
      <c r="D11504" s="18" t="s">
        <v>5709</v>
      </c>
      <c r="E11504" s="18"/>
      <c r="F11504" s="18"/>
      <c r="G11504" s="18"/>
      <c r="H11504" s="18"/>
      <c r="I11504" s="18"/>
      <c r="J11504" s="18"/>
      <c r="K11504" s="18"/>
      <c r="L11504" s="18"/>
      <c r="M11504" s="18"/>
      <c r="N11504" s="18"/>
      <c r="O11504" s="18"/>
      <c r="P11504" s="19">
        <v>300</v>
      </c>
      <c r="Q11504" s="19"/>
      <c r="R11504" s="19"/>
      <c r="S11504" s="19"/>
      <c r="T11504" s="19">
        <v>150</v>
      </c>
      <c r="U11504" s="19"/>
      <c r="V11504" s="19"/>
      <c r="W11504" s="19"/>
      <c r="X11504" s="19">
        <v>3</v>
      </c>
      <c r="Y11504" s="19"/>
      <c r="Z11504" s="19"/>
      <c r="AA11504" s="19"/>
    </row>
    <row r="11505" spans="1:27" s="1" customFormat="1" ht="11.1" customHeight="1" outlineLevel="3" x14ac:dyDescent="0.2">
      <c r="A11505" s="17"/>
      <c r="B11505" s="17"/>
      <c r="C11505" s="17"/>
      <c r="D11505" s="18"/>
      <c r="E11505" s="18"/>
      <c r="F11505" s="18"/>
      <c r="G11505" s="18"/>
      <c r="H11505" s="18"/>
      <c r="I11505" s="18"/>
      <c r="J11505" s="18"/>
      <c r="K11505" s="18"/>
      <c r="L11505" s="18"/>
      <c r="M11505" s="18"/>
      <c r="N11505" s="18"/>
      <c r="O11505" s="18"/>
      <c r="P11505" s="19"/>
      <c r="Q11505" s="19"/>
      <c r="R11505" s="19"/>
      <c r="S11505" s="19"/>
      <c r="T11505" s="19"/>
      <c r="U11505" s="19"/>
      <c r="V11505" s="19"/>
      <c r="W11505" s="19"/>
      <c r="X11505" s="19"/>
      <c r="Y11505" s="19"/>
      <c r="Z11505" s="19"/>
      <c r="AA11505" s="19"/>
    </row>
    <row r="11506" spans="1:27" s="1" customFormat="1" ht="11.1" customHeight="1" outlineLevel="3" x14ac:dyDescent="0.2">
      <c r="A11506" s="17">
        <v>12296</v>
      </c>
      <c r="B11506" s="17"/>
      <c r="C11506" s="17"/>
      <c r="D11506" s="18" t="s">
        <v>5710</v>
      </c>
      <c r="E11506" s="18"/>
      <c r="F11506" s="18"/>
      <c r="G11506" s="18"/>
      <c r="H11506" s="18"/>
      <c r="I11506" s="18"/>
      <c r="J11506" s="18"/>
      <c r="K11506" s="18"/>
      <c r="L11506" s="18"/>
      <c r="M11506" s="18"/>
      <c r="N11506" s="18"/>
      <c r="O11506" s="18"/>
      <c r="P11506" s="19">
        <v>300</v>
      </c>
      <c r="Q11506" s="19"/>
      <c r="R11506" s="19"/>
      <c r="S11506" s="19"/>
      <c r="T11506" s="19">
        <v>150</v>
      </c>
      <c r="U11506" s="19"/>
      <c r="V11506" s="19"/>
      <c r="W11506" s="19"/>
      <c r="X11506" s="19">
        <v>1</v>
      </c>
      <c r="Y11506" s="19"/>
      <c r="Z11506" s="19"/>
      <c r="AA11506" s="19"/>
    </row>
    <row r="11507" spans="1:27" s="1" customFormat="1" ht="11.1" customHeight="1" outlineLevel="3" x14ac:dyDescent="0.2">
      <c r="A11507" s="17"/>
      <c r="B11507" s="17"/>
      <c r="C11507" s="17"/>
      <c r="D11507" s="18"/>
      <c r="E11507" s="18"/>
      <c r="F11507" s="18"/>
      <c r="G11507" s="18"/>
      <c r="H11507" s="18"/>
      <c r="I11507" s="18"/>
      <c r="J11507" s="18"/>
      <c r="K11507" s="18"/>
      <c r="L11507" s="18"/>
      <c r="M11507" s="18"/>
      <c r="N11507" s="18"/>
      <c r="O11507" s="18"/>
      <c r="P11507" s="19"/>
      <c r="Q11507" s="19"/>
      <c r="R11507" s="19"/>
      <c r="S11507" s="19"/>
      <c r="T11507" s="19"/>
      <c r="U11507" s="19"/>
      <c r="V11507" s="19"/>
      <c r="W11507" s="19"/>
      <c r="X11507" s="19"/>
      <c r="Y11507" s="19"/>
      <c r="Z11507" s="19"/>
      <c r="AA11507" s="19"/>
    </row>
    <row r="11508" spans="1:27" s="1" customFormat="1" ht="11.1" customHeight="1" outlineLevel="3" x14ac:dyDescent="0.2">
      <c r="A11508" s="17">
        <v>10537</v>
      </c>
      <c r="B11508" s="17"/>
      <c r="C11508" s="17"/>
      <c r="D11508" s="18" t="s">
        <v>5711</v>
      </c>
      <c r="E11508" s="18"/>
      <c r="F11508" s="18"/>
      <c r="G11508" s="18"/>
      <c r="H11508" s="18"/>
      <c r="I11508" s="18"/>
      <c r="J11508" s="18"/>
      <c r="K11508" s="18"/>
      <c r="L11508" s="18"/>
      <c r="M11508" s="18"/>
      <c r="N11508" s="18"/>
      <c r="O11508" s="18"/>
      <c r="P11508" s="19">
        <v>300</v>
      </c>
      <c r="Q11508" s="19"/>
      <c r="R11508" s="19"/>
      <c r="S11508" s="19"/>
      <c r="T11508" s="19">
        <v>150</v>
      </c>
      <c r="U11508" s="19"/>
      <c r="V11508" s="19"/>
      <c r="W11508" s="19"/>
      <c r="X11508" s="19">
        <v>3</v>
      </c>
      <c r="Y11508" s="19"/>
      <c r="Z11508" s="19"/>
      <c r="AA11508" s="19"/>
    </row>
    <row r="11509" spans="1:27" s="1" customFormat="1" ht="11.1" customHeight="1" outlineLevel="3" x14ac:dyDescent="0.2">
      <c r="A11509" s="17"/>
      <c r="B11509" s="17"/>
      <c r="C11509" s="17"/>
      <c r="D11509" s="18"/>
      <c r="E11509" s="18"/>
      <c r="F11509" s="18"/>
      <c r="G11509" s="18"/>
      <c r="H11509" s="18"/>
      <c r="I11509" s="18"/>
      <c r="J11509" s="18"/>
      <c r="K11509" s="18"/>
      <c r="L11509" s="18"/>
      <c r="M11509" s="18"/>
      <c r="N11509" s="18"/>
      <c r="O11509" s="18"/>
      <c r="P11509" s="19"/>
      <c r="Q11509" s="19"/>
      <c r="R11509" s="19"/>
      <c r="S11509" s="19"/>
      <c r="T11509" s="19"/>
      <c r="U11509" s="19"/>
      <c r="V11509" s="19"/>
      <c r="W11509" s="19"/>
      <c r="X11509" s="19"/>
      <c r="Y11509" s="19"/>
      <c r="Z11509" s="19"/>
      <c r="AA11509" s="19"/>
    </row>
    <row r="11510" spans="1:27" s="1" customFormat="1" ht="11.1" customHeight="1" outlineLevel="3" x14ac:dyDescent="0.2">
      <c r="A11510" s="17">
        <v>12294</v>
      </c>
      <c r="B11510" s="17"/>
      <c r="C11510" s="17"/>
      <c r="D11510" s="18" t="s">
        <v>5712</v>
      </c>
      <c r="E11510" s="18"/>
      <c r="F11510" s="18"/>
      <c r="G11510" s="18"/>
      <c r="H11510" s="18"/>
      <c r="I11510" s="18"/>
      <c r="J11510" s="18"/>
      <c r="K11510" s="18"/>
      <c r="L11510" s="18"/>
      <c r="M11510" s="18"/>
      <c r="N11510" s="18"/>
      <c r="O11510" s="18"/>
      <c r="P11510" s="19">
        <v>300</v>
      </c>
      <c r="Q11510" s="19"/>
      <c r="R11510" s="19"/>
      <c r="S11510" s="19"/>
      <c r="T11510" s="19">
        <v>150</v>
      </c>
      <c r="U11510" s="19"/>
      <c r="V11510" s="19"/>
      <c r="W11510" s="19"/>
      <c r="X11510" s="19">
        <v>1</v>
      </c>
      <c r="Y11510" s="19"/>
      <c r="Z11510" s="19"/>
      <c r="AA11510" s="19"/>
    </row>
    <row r="11511" spans="1:27" s="1" customFormat="1" ht="11.1" customHeight="1" outlineLevel="3" x14ac:dyDescent="0.2">
      <c r="A11511" s="17"/>
      <c r="B11511" s="17"/>
      <c r="C11511" s="17"/>
      <c r="D11511" s="18"/>
      <c r="E11511" s="18"/>
      <c r="F11511" s="18"/>
      <c r="G11511" s="18"/>
      <c r="H11511" s="18"/>
      <c r="I11511" s="18"/>
      <c r="J11511" s="18"/>
      <c r="K11511" s="18"/>
      <c r="L11511" s="18"/>
      <c r="M11511" s="18"/>
      <c r="N11511" s="18"/>
      <c r="O11511" s="18"/>
      <c r="P11511" s="19"/>
      <c r="Q11511" s="19"/>
      <c r="R11511" s="19"/>
      <c r="S11511" s="19"/>
      <c r="T11511" s="19"/>
      <c r="U11511" s="19"/>
      <c r="V11511" s="19"/>
      <c r="W11511" s="19"/>
      <c r="X11511" s="19"/>
      <c r="Y11511" s="19"/>
      <c r="Z11511" s="19"/>
      <c r="AA11511" s="19"/>
    </row>
    <row r="11512" spans="1:27" s="1" customFormat="1" ht="11.1" customHeight="1" outlineLevel="3" x14ac:dyDescent="0.2">
      <c r="A11512" s="17">
        <v>10544</v>
      </c>
      <c r="B11512" s="17"/>
      <c r="C11512" s="17"/>
      <c r="D11512" s="18" t="s">
        <v>5713</v>
      </c>
      <c r="E11512" s="18"/>
      <c r="F11512" s="18"/>
      <c r="G11512" s="18"/>
      <c r="H11512" s="18"/>
      <c r="I11512" s="18"/>
      <c r="J11512" s="18"/>
      <c r="K11512" s="18"/>
      <c r="L11512" s="18"/>
      <c r="M11512" s="18"/>
      <c r="N11512" s="18"/>
      <c r="O11512" s="18"/>
      <c r="P11512" s="19">
        <v>300</v>
      </c>
      <c r="Q11512" s="19"/>
      <c r="R11512" s="19"/>
      <c r="S11512" s="19"/>
      <c r="T11512" s="19">
        <v>150</v>
      </c>
      <c r="U11512" s="19"/>
      <c r="V11512" s="19"/>
      <c r="W11512" s="19"/>
      <c r="X11512" s="19">
        <v>2</v>
      </c>
      <c r="Y11512" s="19"/>
      <c r="Z11512" s="19"/>
      <c r="AA11512" s="19"/>
    </row>
    <row r="11513" spans="1:27" s="1" customFormat="1" ht="11.1" customHeight="1" outlineLevel="3" x14ac:dyDescent="0.2">
      <c r="A11513" s="17"/>
      <c r="B11513" s="17"/>
      <c r="C11513" s="17"/>
      <c r="D11513" s="18"/>
      <c r="E11513" s="18"/>
      <c r="F11513" s="18"/>
      <c r="G11513" s="18"/>
      <c r="H11513" s="18"/>
      <c r="I11513" s="18"/>
      <c r="J11513" s="18"/>
      <c r="K11513" s="18"/>
      <c r="L11513" s="18"/>
      <c r="M11513" s="18"/>
      <c r="N11513" s="18"/>
      <c r="O11513" s="18"/>
      <c r="P11513" s="19"/>
      <c r="Q11513" s="19"/>
      <c r="R11513" s="19"/>
      <c r="S11513" s="19"/>
      <c r="T11513" s="19"/>
      <c r="U11513" s="19"/>
      <c r="V11513" s="19"/>
      <c r="W11513" s="19"/>
      <c r="X11513" s="19"/>
      <c r="Y11513" s="19"/>
      <c r="Z11513" s="19"/>
      <c r="AA11513" s="19"/>
    </row>
    <row r="11514" spans="1:27" s="1" customFormat="1" ht="11.1" customHeight="1" outlineLevel="3" x14ac:dyDescent="0.2">
      <c r="A11514" s="17">
        <v>12295</v>
      </c>
      <c r="B11514" s="17"/>
      <c r="C11514" s="17"/>
      <c r="D11514" s="18" t="s">
        <v>5714</v>
      </c>
      <c r="E11514" s="18"/>
      <c r="F11514" s="18"/>
      <c r="G11514" s="18"/>
      <c r="H11514" s="18"/>
      <c r="I11514" s="18"/>
      <c r="J11514" s="18"/>
      <c r="K11514" s="18"/>
      <c r="L11514" s="18"/>
      <c r="M11514" s="18"/>
      <c r="N11514" s="18"/>
      <c r="O11514" s="18"/>
      <c r="P11514" s="19">
        <v>300</v>
      </c>
      <c r="Q11514" s="19"/>
      <c r="R11514" s="19"/>
      <c r="S11514" s="19"/>
      <c r="T11514" s="19">
        <v>150</v>
      </c>
      <c r="U11514" s="19"/>
      <c r="V11514" s="19"/>
      <c r="W11514" s="19"/>
      <c r="X11514" s="19">
        <v>1</v>
      </c>
      <c r="Y11514" s="19"/>
      <c r="Z11514" s="19"/>
      <c r="AA11514" s="19"/>
    </row>
    <row r="11515" spans="1:27" s="1" customFormat="1" ht="11.1" customHeight="1" outlineLevel="3" x14ac:dyDescent="0.2">
      <c r="A11515" s="17"/>
      <c r="B11515" s="17"/>
      <c r="C11515" s="17"/>
      <c r="D11515" s="18"/>
      <c r="E11515" s="18"/>
      <c r="F11515" s="18"/>
      <c r="G11515" s="18"/>
      <c r="H11515" s="18"/>
      <c r="I11515" s="18"/>
      <c r="J11515" s="18"/>
      <c r="K11515" s="18"/>
      <c r="L11515" s="18"/>
      <c r="M11515" s="18"/>
      <c r="N11515" s="18"/>
      <c r="O11515" s="18"/>
      <c r="P11515" s="19"/>
      <c r="Q11515" s="19"/>
      <c r="R11515" s="19"/>
      <c r="S11515" s="19"/>
      <c r="T11515" s="19"/>
      <c r="U11515" s="19"/>
      <c r="V11515" s="19"/>
      <c r="W11515" s="19"/>
      <c r="X11515" s="19"/>
      <c r="Y11515" s="19"/>
      <c r="Z11515" s="19"/>
      <c r="AA11515" s="19"/>
    </row>
    <row r="11516" spans="1:27" s="1" customFormat="1" ht="11.1" customHeight="1" outlineLevel="3" x14ac:dyDescent="0.2">
      <c r="A11516" s="17">
        <v>10541</v>
      </c>
      <c r="B11516" s="17"/>
      <c r="C11516" s="17"/>
      <c r="D11516" s="18" t="s">
        <v>5715</v>
      </c>
      <c r="E11516" s="18"/>
      <c r="F11516" s="18"/>
      <c r="G11516" s="18"/>
      <c r="H11516" s="18"/>
      <c r="I11516" s="18"/>
      <c r="J11516" s="18"/>
      <c r="K11516" s="18"/>
      <c r="L11516" s="18"/>
      <c r="M11516" s="18"/>
      <c r="N11516" s="18"/>
      <c r="O11516" s="18"/>
      <c r="P11516" s="19">
        <v>300</v>
      </c>
      <c r="Q11516" s="19"/>
      <c r="R11516" s="19"/>
      <c r="S11516" s="19"/>
      <c r="T11516" s="19">
        <v>150</v>
      </c>
      <c r="U11516" s="19"/>
      <c r="V11516" s="19"/>
      <c r="W11516" s="19"/>
      <c r="X11516" s="19">
        <v>2</v>
      </c>
      <c r="Y11516" s="19"/>
      <c r="Z11516" s="19"/>
      <c r="AA11516" s="19"/>
    </row>
    <row r="11517" spans="1:27" s="1" customFormat="1" ht="11.1" customHeight="1" outlineLevel="3" x14ac:dyDescent="0.2">
      <c r="A11517" s="17"/>
      <c r="B11517" s="17"/>
      <c r="C11517" s="17"/>
      <c r="D11517" s="18"/>
      <c r="E11517" s="18"/>
      <c r="F11517" s="18"/>
      <c r="G11517" s="18"/>
      <c r="H11517" s="18"/>
      <c r="I11517" s="18"/>
      <c r="J11517" s="18"/>
      <c r="K11517" s="18"/>
      <c r="L11517" s="18"/>
      <c r="M11517" s="18"/>
      <c r="N11517" s="18"/>
      <c r="O11517" s="18"/>
      <c r="P11517" s="19"/>
      <c r="Q11517" s="19"/>
      <c r="R11517" s="19"/>
      <c r="S11517" s="19"/>
      <c r="T11517" s="19"/>
      <c r="U11517" s="19"/>
      <c r="V11517" s="19"/>
      <c r="W11517" s="19"/>
      <c r="X11517" s="19"/>
      <c r="Y11517" s="19"/>
      <c r="Z11517" s="19"/>
      <c r="AA11517" s="19"/>
    </row>
    <row r="11518" spans="1:27" s="1" customFormat="1" ht="11.1" customHeight="1" outlineLevel="3" x14ac:dyDescent="0.2">
      <c r="A11518" s="17">
        <v>10536</v>
      </c>
      <c r="B11518" s="17"/>
      <c r="C11518" s="17"/>
      <c r="D11518" s="18" t="s">
        <v>5716</v>
      </c>
      <c r="E11518" s="18"/>
      <c r="F11518" s="18"/>
      <c r="G11518" s="18"/>
      <c r="H11518" s="18"/>
      <c r="I11518" s="18"/>
      <c r="J11518" s="18"/>
      <c r="K11518" s="18"/>
      <c r="L11518" s="18"/>
      <c r="M11518" s="18"/>
      <c r="N11518" s="18"/>
      <c r="O11518" s="18"/>
      <c r="P11518" s="19">
        <v>300</v>
      </c>
      <c r="Q11518" s="19"/>
      <c r="R11518" s="19"/>
      <c r="S11518" s="19"/>
      <c r="T11518" s="19">
        <v>150</v>
      </c>
      <c r="U11518" s="19"/>
      <c r="V11518" s="19"/>
      <c r="W11518" s="19"/>
      <c r="X11518" s="19">
        <v>3</v>
      </c>
      <c r="Y11518" s="19"/>
      <c r="Z11518" s="19"/>
      <c r="AA11518" s="19"/>
    </row>
    <row r="11519" spans="1:27" s="1" customFormat="1" ht="11.1" customHeight="1" outlineLevel="3" x14ac:dyDescent="0.2">
      <c r="A11519" s="17"/>
      <c r="B11519" s="17"/>
      <c r="C11519" s="17"/>
      <c r="D11519" s="18"/>
      <c r="E11519" s="18"/>
      <c r="F11519" s="18"/>
      <c r="G11519" s="18"/>
      <c r="H11519" s="18"/>
      <c r="I11519" s="18"/>
      <c r="J11519" s="18"/>
      <c r="K11519" s="18"/>
      <c r="L11519" s="18"/>
      <c r="M11519" s="18"/>
      <c r="N11519" s="18"/>
      <c r="O11519" s="18"/>
      <c r="P11519" s="19"/>
      <c r="Q11519" s="19"/>
      <c r="R11519" s="19"/>
      <c r="S11519" s="19"/>
      <c r="T11519" s="19"/>
      <c r="U11519" s="19"/>
      <c r="V11519" s="19"/>
      <c r="W11519" s="19"/>
      <c r="X11519" s="19"/>
      <c r="Y11519" s="19"/>
      <c r="Z11519" s="19"/>
      <c r="AA11519" s="19"/>
    </row>
    <row r="11520" spans="1:27" s="1" customFormat="1" ht="11.1" customHeight="1" outlineLevel="3" x14ac:dyDescent="0.2">
      <c r="A11520" s="17">
        <v>10545</v>
      </c>
      <c r="B11520" s="17"/>
      <c r="C11520" s="17"/>
      <c r="D11520" s="18" t="s">
        <v>5717</v>
      </c>
      <c r="E11520" s="18"/>
      <c r="F11520" s="18"/>
      <c r="G11520" s="18"/>
      <c r="H11520" s="18"/>
      <c r="I11520" s="18"/>
      <c r="J11520" s="18"/>
      <c r="K11520" s="18"/>
      <c r="L11520" s="18"/>
      <c r="M11520" s="18"/>
      <c r="N11520" s="18"/>
      <c r="O11520" s="18"/>
      <c r="P11520" s="19">
        <v>300</v>
      </c>
      <c r="Q11520" s="19"/>
      <c r="R11520" s="19"/>
      <c r="S11520" s="19"/>
      <c r="T11520" s="19">
        <v>150</v>
      </c>
      <c r="U11520" s="19"/>
      <c r="V11520" s="19"/>
      <c r="W11520" s="19"/>
      <c r="X11520" s="19">
        <v>5</v>
      </c>
      <c r="Y11520" s="19"/>
      <c r="Z11520" s="19"/>
      <c r="AA11520" s="19"/>
    </row>
    <row r="11521" spans="1:27" s="1" customFormat="1" ht="11.1" customHeight="1" outlineLevel="3" x14ac:dyDescent="0.2">
      <c r="A11521" s="17"/>
      <c r="B11521" s="17"/>
      <c r="C11521" s="17"/>
      <c r="D11521" s="18"/>
      <c r="E11521" s="18"/>
      <c r="F11521" s="18"/>
      <c r="G11521" s="18"/>
      <c r="H11521" s="18"/>
      <c r="I11521" s="18"/>
      <c r="J11521" s="18"/>
      <c r="K11521" s="18"/>
      <c r="L11521" s="18"/>
      <c r="M11521" s="18"/>
      <c r="N11521" s="18"/>
      <c r="O11521" s="18"/>
      <c r="P11521" s="19"/>
      <c r="Q11521" s="19"/>
      <c r="R11521" s="19"/>
      <c r="S11521" s="19"/>
      <c r="T11521" s="19"/>
      <c r="U11521" s="19"/>
      <c r="V11521" s="19"/>
      <c r="W11521" s="19"/>
      <c r="X11521" s="19"/>
      <c r="Y11521" s="19"/>
      <c r="Z11521" s="19"/>
      <c r="AA11521" s="19"/>
    </row>
    <row r="11522" spans="1:27" s="1" customFormat="1" ht="11.1" customHeight="1" outlineLevel="3" x14ac:dyDescent="0.2">
      <c r="A11522" s="17">
        <v>10551</v>
      </c>
      <c r="B11522" s="17"/>
      <c r="C11522" s="17"/>
      <c r="D11522" s="18" t="s">
        <v>5718</v>
      </c>
      <c r="E11522" s="18"/>
      <c r="F11522" s="18"/>
      <c r="G11522" s="18"/>
      <c r="H11522" s="18"/>
      <c r="I11522" s="18"/>
      <c r="J11522" s="18"/>
      <c r="K11522" s="18"/>
      <c r="L11522" s="18"/>
      <c r="M11522" s="18"/>
      <c r="N11522" s="18"/>
      <c r="O11522" s="18"/>
      <c r="P11522" s="19">
        <v>300</v>
      </c>
      <c r="Q11522" s="19"/>
      <c r="R11522" s="19"/>
      <c r="S11522" s="19"/>
      <c r="T11522" s="19">
        <v>150</v>
      </c>
      <c r="U11522" s="19"/>
      <c r="V11522" s="19"/>
      <c r="W11522" s="19"/>
      <c r="X11522" s="19">
        <v>4</v>
      </c>
      <c r="Y11522" s="19"/>
      <c r="Z11522" s="19"/>
      <c r="AA11522" s="19"/>
    </row>
    <row r="11523" spans="1:27" s="1" customFormat="1" ht="11.1" customHeight="1" outlineLevel="3" x14ac:dyDescent="0.2">
      <c r="A11523" s="17"/>
      <c r="B11523" s="17"/>
      <c r="C11523" s="17"/>
      <c r="D11523" s="18"/>
      <c r="E11523" s="18"/>
      <c r="F11523" s="18"/>
      <c r="G11523" s="18"/>
      <c r="H11523" s="18"/>
      <c r="I11523" s="18"/>
      <c r="J11523" s="18"/>
      <c r="K11523" s="18"/>
      <c r="L11523" s="18"/>
      <c r="M11523" s="18"/>
      <c r="N11523" s="18"/>
      <c r="O11523" s="18"/>
      <c r="P11523" s="19"/>
      <c r="Q11523" s="19"/>
      <c r="R11523" s="19"/>
      <c r="S11523" s="19"/>
      <c r="T11523" s="19"/>
      <c r="U11523" s="19"/>
      <c r="V11523" s="19"/>
      <c r="W11523" s="19"/>
      <c r="X11523" s="19"/>
      <c r="Y11523" s="19"/>
      <c r="Z11523" s="19"/>
      <c r="AA11523" s="19"/>
    </row>
    <row r="11524" spans="1:27" s="1" customFormat="1" ht="11.1" customHeight="1" outlineLevel="3" x14ac:dyDescent="0.2">
      <c r="A11524" s="17">
        <v>10549</v>
      </c>
      <c r="B11524" s="17"/>
      <c r="C11524" s="17"/>
      <c r="D11524" s="18" t="s">
        <v>5719</v>
      </c>
      <c r="E11524" s="18"/>
      <c r="F11524" s="18"/>
      <c r="G11524" s="18"/>
      <c r="H11524" s="18"/>
      <c r="I11524" s="18"/>
      <c r="J11524" s="18"/>
      <c r="K11524" s="18"/>
      <c r="L11524" s="18"/>
      <c r="M11524" s="18"/>
      <c r="N11524" s="18"/>
      <c r="O11524" s="18"/>
      <c r="P11524" s="19">
        <v>300</v>
      </c>
      <c r="Q11524" s="19"/>
      <c r="R11524" s="19"/>
      <c r="S11524" s="19"/>
      <c r="T11524" s="19">
        <v>150</v>
      </c>
      <c r="U11524" s="19"/>
      <c r="V11524" s="19"/>
      <c r="W11524" s="19"/>
      <c r="X11524" s="19">
        <v>4</v>
      </c>
      <c r="Y11524" s="19"/>
      <c r="Z11524" s="19"/>
      <c r="AA11524" s="19"/>
    </row>
    <row r="11525" spans="1:27" s="1" customFormat="1" ht="11.1" customHeight="1" outlineLevel="3" x14ac:dyDescent="0.2">
      <c r="A11525" s="17"/>
      <c r="B11525" s="17"/>
      <c r="C11525" s="17"/>
      <c r="D11525" s="18"/>
      <c r="E11525" s="18"/>
      <c r="F11525" s="18"/>
      <c r="G11525" s="18"/>
      <c r="H11525" s="18"/>
      <c r="I11525" s="18"/>
      <c r="J11525" s="18"/>
      <c r="K11525" s="18"/>
      <c r="L11525" s="18"/>
      <c r="M11525" s="18"/>
      <c r="N11525" s="18"/>
      <c r="O11525" s="18"/>
      <c r="P11525" s="19"/>
      <c r="Q11525" s="19"/>
      <c r="R11525" s="19"/>
      <c r="S11525" s="19"/>
      <c r="T11525" s="19"/>
      <c r="U11525" s="19"/>
      <c r="V11525" s="19"/>
      <c r="W11525" s="19"/>
      <c r="X11525" s="19"/>
      <c r="Y11525" s="19"/>
      <c r="Z11525" s="19"/>
      <c r="AA11525" s="19"/>
    </row>
    <row r="11526" spans="1:27" s="1" customFormat="1" ht="11.1" customHeight="1" outlineLevel="3" x14ac:dyDescent="0.2">
      <c r="A11526" s="17">
        <v>10539</v>
      </c>
      <c r="B11526" s="17"/>
      <c r="C11526" s="17"/>
      <c r="D11526" s="18" t="s">
        <v>5720</v>
      </c>
      <c r="E11526" s="18"/>
      <c r="F11526" s="18"/>
      <c r="G11526" s="18"/>
      <c r="H11526" s="18"/>
      <c r="I11526" s="18"/>
      <c r="J11526" s="18"/>
      <c r="K11526" s="18"/>
      <c r="L11526" s="18"/>
      <c r="M11526" s="18"/>
      <c r="N11526" s="18"/>
      <c r="O11526" s="18"/>
      <c r="P11526" s="19">
        <v>300</v>
      </c>
      <c r="Q11526" s="19"/>
      <c r="R11526" s="19"/>
      <c r="S11526" s="19"/>
      <c r="T11526" s="19">
        <v>150</v>
      </c>
      <c r="U11526" s="19"/>
      <c r="V11526" s="19"/>
      <c r="W11526" s="19"/>
      <c r="X11526" s="19">
        <v>-1</v>
      </c>
      <c r="Y11526" s="19"/>
      <c r="Z11526" s="19"/>
      <c r="AA11526" s="19"/>
    </row>
    <row r="11527" spans="1:27" s="1" customFormat="1" ht="11.1" customHeight="1" outlineLevel="3" x14ac:dyDescent="0.2">
      <c r="A11527" s="17"/>
      <c r="B11527" s="17"/>
      <c r="C11527" s="17"/>
      <c r="D11527" s="18"/>
      <c r="E11527" s="18"/>
      <c r="F11527" s="18"/>
      <c r="G11527" s="18"/>
      <c r="H11527" s="18"/>
      <c r="I11527" s="18"/>
      <c r="J11527" s="18"/>
      <c r="K11527" s="18"/>
      <c r="L11527" s="18"/>
      <c r="M11527" s="18"/>
      <c r="N11527" s="18"/>
      <c r="O11527" s="18"/>
      <c r="P11527" s="19"/>
      <c r="Q11527" s="19"/>
      <c r="R11527" s="19"/>
      <c r="S11527" s="19"/>
      <c r="T11527" s="19"/>
      <c r="U11527" s="19"/>
      <c r="V11527" s="19"/>
      <c r="W11527" s="19"/>
      <c r="X11527" s="19"/>
      <c r="Y11527" s="19"/>
      <c r="Z11527" s="19"/>
      <c r="AA11527" s="19"/>
    </row>
    <row r="11528" spans="1:27" s="1" customFormat="1" ht="11.1" customHeight="1" outlineLevel="3" x14ac:dyDescent="0.2">
      <c r="A11528" s="17">
        <v>10546</v>
      </c>
      <c r="B11528" s="17"/>
      <c r="C11528" s="17"/>
      <c r="D11528" s="18" t="s">
        <v>5721</v>
      </c>
      <c r="E11528" s="18"/>
      <c r="F11528" s="18"/>
      <c r="G11528" s="18"/>
      <c r="H11528" s="18"/>
      <c r="I11528" s="18"/>
      <c r="J11528" s="18"/>
      <c r="K11528" s="18"/>
      <c r="L11528" s="18"/>
      <c r="M11528" s="18"/>
      <c r="N11528" s="18"/>
      <c r="O11528" s="18"/>
      <c r="P11528" s="19">
        <v>300</v>
      </c>
      <c r="Q11528" s="19"/>
      <c r="R11528" s="19"/>
      <c r="S11528" s="19"/>
      <c r="T11528" s="19">
        <v>150</v>
      </c>
      <c r="U11528" s="19"/>
      <c r="V11528" s="19"/>
      <c r="W11528" s="19"/>
      <c r="X11528" s="19">
        <v>7</v>
      </c>
      <c r="Y11528" s="19"/>
      <c r="Z11528" s="19"/>
      <c r="AA11528" s="19"/>
    </row>
    <row r="11529" spans="1:27" s="1" customFormat="1" ht="11.1" customHeight="1" outlineLevel="3" x14ac:dyDescent="0.2">
      <c r="A11529" s="17"/>
      <c r="B11529" s="17"/>
      <c r="C11529" s="17"/>
      <c r="D11529" s="18"/>
      <c r="E11529" s="18"/>
      <c r="F11529" s="18"/>
      <c r="G11529" s="18"/>
      <c r="H11529" s="18"/>
      <c r="I11529" s="18"/>
      <c r="J11529" s="18"/>
      <c r="K11529" s="18"/>
      <c r="L11529" s="18"/>
      <c r="M11529" s="18"/>
      <c r="N11529" s="18"/>
      <c r="O11529" s="18"/>
      <c r="P11529" s="19"/>
      <c r="Q11529" s="19"/>
      <c r="R11529" s="19"/>
      <c r="S11529" s="19"/>
      <c r="T11529" s="19"/>
      <c r="U11529" s="19"/>
      <c r="V11529" s="19"/>
      <c r="W11529" s="19"/>
      <c r="X11529" s="19"/>
      <c r="Y11529" s="19"/>
      <c r="Z11529" s="19"/>
      <c r="AA11529" s="19"/>
    </row>
    <row r="11530" spans="1:27" s="1" customFormat="1" ht="11.1" customHeight="1" outlineLevel="3" x14ac:dyDescent="0.2">
      <c r="A11530" s="17">
        <v>10542</v>
      </c>
      <c r="B11530" s="17"/>
      <c r="C11530" s="17"/>
      <c r="D11530" s="18" t="s">
        <v>5722</v>
      </c>
      <c r="E11530" s="18"/>
      <c r="F11530" s="18"/>
      <c r="G11530" s="18"/>
      <c r="H11530" s="18"/>
      <c r="I11530" s="18"/>
      <c r="J11530" s="18"/>
      <c r="K11530" s="18"/>
      <c r="L11530" s="18"/>
      <c r="M11530" s="18"/>
      <c r="N11530" s="18"/>
      <c r="O11530" s="18"/>
      <c r="P11530" s="19">
        <v>300</v>
      </c>
      <c r="Q11530" s="19"/>
      <c r="R11530" s="19"/>
      <c r="S11530" s="19"/>
      <c r="T11530" s="19">
        <v>150</v>
      </c>
      <c r="U11530" s="19"/>
      <c r="V11530" s="19"/>
      <c r="W11530" s="19"/>
      <c r="X11530" s="19">
        <v>5</v>
      </c>
      <c r="Y11530" s="19"/>
      <c r="Z11530" s="19"/>
      <c r="AA11530" s="19"/>
    </row>
    <row r="11531" spans="1:27" s="1" customFormat="1" ht="11.1" customHeight="1" outlineLevel="3" x14ac:dyDescent="0.2">
      <c r="A11531" s="17"/>
      <c r="B11531" s="17"/>
      <c r="C11531" s="17"/>
      <c r="D11531" s="18"/>
      <c r="E11531" s="18"/>
      <c r="F11531" s="18"/>
      <c r="G11531" s="18"/>
      <c r="H11531" s="18"/>
      <c r="I11531" s="18"/>
      <c r="J11531" s="18"/>
      <c r="K11531" s="18"/>
      <c r="L11531" s="18"/>
      <c r="M11531" s="18"/>
      <c r="N11531" s="18"/>
      <c r="O11531" s="18"/>
      <c r="P11531" s="19"/>
      <c r="Q11531" s="19"/>
      <c r="R11531" s="19"/>
      <c r="S11531" s="19"/>
      <c r="T11531" s="19"/>
      <c r="U11531" s="19"/>
      <c r="V11531" s="19"/>
      <c r="W11531" s="19"/>
      <c r="X11531" s="19"/>
      <c r="Y11531" s="19"/>
      <c r="Z11531" s="19"/>
      <c r="AA11531" s="19"/>
    </row>
    <row r="11532" spans="1:27" s="1" customFormat="1" ht="11.1" customHeight="1" outlineLevel="3" x14ac:dyDescent="0.2">
      <c r="A11532" s="17">
        <v>10540</v>
      </c>
      <c r="B11532" s="17"/>
      <c r="C11532" s="17"/>
      <c r="D11532" s="18" t="s">
        <v>5723</v>
      </c>
      <c r="E11532" s="18"/>
      <c r="F11532" s="18"/>
      <c r="G11532" s="18"/>
      <c r="H11532" s="18"/>
      <c r="I11532" s="18"/>
      <c r="J11532" s="18"/>
      <c r="K11532" s="18"/>
      <c r="L11532" s="18"/>
      <c r="M11532" s="18"/>
      <c r="N11532" s="18"/>
      <c r="O11532" s="18"/>
      <c r="P11532" s="19">
        <v>300</v>
      </c>
      <c r="Q11532" s="19"/>
      <c r="R11532" s="19"/>
      <c r="S11532" s="19"/>
      <c r="T11532" s="19">
        <v>150</v>
      </c>
      <c r="U11532" s="19"/>
      <c r="V11532" s="19"/>
      <c r="W11532" s="19"/>
      <c r="X11532" s="19">
        <v>1</v>
      </c>
      <c r="Y11532" s="19"/>
      <c r="Z11532" s="19"/>
      <c r="AA11532" s="19"/>
    </row>
    <row r="11533" spans="1:27" s="1" customFormat="1" ht="11.1" customHeight="1" outlineLevel="3" x14ac:dyDescent="0.2">
      <c r="A11533" s="17"/>
      <c r="B11533" s="17"/>
      <c r="C11533" s="17"/>
      <c r="D11533" s="18"/>
      <c r="E11533" s="18"/>
      <c r="F11533" s="18"/>
      <c r="G11533" s="18"/>
      <c r="H11533" s="18"/>
      <c r="I11533" s="18"/>
      <c r="J11533" s="18"/>
      <c r="K11533" s="18"/>
      <c r="L11533" s="18"/>
      <c r="M11533" s="18"/>
      <c r="N11533" s="18"/>
      <c r="O11533" s="18"/>
      <c r="P11533" s="19"/>
      <c r="Q11533" s="19"/>
      <c r="R11533" s="19"/>
      <c r="S11533" s="19"/>
      <c r="T11533" s="19"/>
      <c r="U11533" s="19"/>
      <c r="V11533" s="19"/>
      <c r="W11533" s="19"/>
      <c r="X11533" s="19"/>
      <c r="Y11533" s="19"/>
      <c r="Z11533" s="19"/>
      <c r="AA11533" s="19"/>
    </row>
    <row r="11534" spans="1:27" s="1" customFormat="1" ht="11.1" customHeight="1" outlineLevel="3" x14ac:dyDescent="0.2">
      <c r="A11534" s="17">
        <v>12307</v>
      </c>
      <c r="B11534" s="17"/>
      <c r="C11534" s="17"/>
      <c r="D11534" s="18" t="s">
        <v>5724</v>
      </c>
      <c r="E11534" s="18"/>
      <c r="F11534" s="18"/>
      <c r="G11534" s="18"/>
      <c r="H11534" s="18"/>
      <c r="I11534" s="18"/>
      <c r="J11534" s="18"/>
      <c r="K11534" s="18"/>
      <c r="L11534" s="18"/>
      <c r="M11534" s="18"/>
      <c r="N11534" s="18"/>
      <c r="O11534" s="18"/>
      <c r="P11534" s="19">
        <v>400</v>
      </c>
      <c r="Q11534" s="19"/>
      <c r="R11534" s="19"/>
      <c r="S11534" s="19"/>
      <c r="T11534" s="19">
        <v>150</v>
      </c>
      <c r="U11534" s="19"/>
      <c r="V11534" s="19"/>
      <c r="W11534" s="19"/>
      <c r="X11534" s="19">
        <v>1</v>
      </c>
      <c r="Y11534" s="19"/>
      <c r="Z11534" s="19"/>
      <c r="AA11534" s="19"/>
    </row>
    <row r="11535" spans="1:27" s="1" customFormat="1" ht="11.1" customHeight="1" outlineLevel="3" x14ac:dyDescent="0.2">
      <c r="A11535" s="17"/>
      <c r="B11535" s="17"/>
      <c r="C11535" s="17"/>
      <c r="D11535" s="18"/>
      <c r="E11535" s="18"/>
      <c r="F11535" s="18"/>
      <c r="G11535" s="18"/>
      <c r="H11535" s="18"/>
      <c r="I11535" s="18"/>
      <c r="J11535" s="18"/>
      <c r="K11535" s="18"/>
      <c r="L11535" s="18"/>
      <c r="M11535" s="18"/>
      <c r="N11535" s="18"/>
      <c r="O11535" s="18"/>
      <c r="P11535" s="19"/>
      <c r="Q11535" s="19"/>
      <c r="R11535" s="19"/>
      <c r="S11535" s="19"/>
      <c r="T11535" s="19"/>
      <c r="U11535" s="19"/>
      <c r="V11535" s="19"/>
      <c r="W11535" s="19"/>
      <c r="X11535" s="19"/>
      <c r="Y11535" s="19"/>
      <c r="Z11535" s="19"/>
      <c r="AA11535" s="19"/>
    </row>
    <row r="11536" spans="1:27" s="1" customFormat="1" ht="11.1" customHeight="1" outlineLevel="3" x14ac:dyDescent="0.2">
      <c r="A11536" s="17">
        <v>12306</v>
      </c>
      <c r="B11536" s="17"/>
      <c r="C11536" s="17"/>
      <c r="D11536" s="18" t="s">
        <v>5725</v>
      </c>
      <c r="E11536" s="18"/>
      <c r="F11536" s="18"/>
      <c r="G11536" s="18"/>
      <c r="H11536" s="18"/>
      <c r="I11536" s="18"/>
      <c r="J11536" s="18"/>
      <c r="K11536" s="18"/>
      <c r="L11536" s="18"/>
      <c r="M11536" s="18"/>
      <c r="N11536" s="18"/>
      <c r="O11536" s="18"/>
      <c r="P11536" s="19">
        <v>400</v>
      </c>
      <c r="Q11536" s="19"/>
      <c r="R11536" s="19"/>
      <c r="S11536" s="19"/>
      <c r="T11536" s="19">
        <v>150</v>
      </c>
      <c r="U11536" s="19"/>
      <c r="V11536" s="19"/>
      <c r="W11536" s="19"/>
      <c r="X11536" s="19">
        <v>1</v>
      </c>
      <c r="Y11536" s="19"/>
      <c r="Z11536" s="19"/>
      <c r="AA11536" s="19"/>
    </row>
    <row r="11537" spans="1:27" s="1" customFormat="1" ht="11.1" customHeight="1" outlineLevel="3" x14ac:dyDescent="0.2">
      <c r="A11537" s="17"/>
      <c r="B11537" s="17"/>
      <c r="C11537" s="17"/>
      <c r="D11537" s="18"/>
      <c r="E11537" s="18"/>
      <c r="F11537" s="18"/>
      <c r="G11537" s="18"/>
      <c r="H11537" s="18"/>
      <c r="I11537" s="18"/>
      <c r="J11537" s="18"/>
      <c r="K11537" s="18"/>
      <c r="L11537" s="18"/>
      <c r="M11537" s="18"/>
      <c r="N11537" s="18"/>
      <c r="O11537" s="18"/>
      <c r="P11537" s="19"/>
      <c r="Q11537" s="19"/>
      <c r="R11537" s="19"/>
      <c r="S11537" s="19"/>
      <c r="T11537" s="19"/>
      <c r="U11537" s="19"/>
      <c r="V11537" s="19"/>
      <c r="W11537" s="19"/>
      <c r="X11537" s="19"/>
      <c r="Y11537" s="19"/>
      <c r="Z11537" s="19"/>
      <c r="AA11537" s="19"/>
    </row>
    <row r="11538" spans="1:27" s="1" customFormat="1" ht="11.1" customHeight="1" outlineLevel="3" x14ac:dyDescent="0.2">
      <c r="A11538" s="17">
        <v>12317</v>
      </c>
      <c r="B11538" s="17"/>
      <c r="C11538" s="17"/>
      <c r="D11538" s="18" t="s">
        <v>5726</v>
      </c>
      <c r="E11538" s="18"/>
      <c r="F11538" s="18"/>
      <c r="G11538" s="18"/>
      <c r="H11538" s="18"/>
      <c r="I11538" s="18"/>
      <c r="J11538" s="18"/>
      <c r="K11538" s="18"/>
      <c r="L11538" s="18"/>
      <c r="M11538" s="18"/>
      <c r="N11538" s="18"/>
      <c r="O11538" s="18"/>
      <c r="P11538" s="19">
        <v>400</v>
      </c>
      <c r="Q11538" s="19"/>
      <c r="R11538" s="19"/>
      <c r="S11538" s="19"/>
      <c r="T11538" s="19">
        <v>150</v>
      </c>
      <c r="U11538" s="19"/>
      <c r="V11538" s="19"/>
      <c r="W11538" s="19"/>
      <c r="X11538" s="19">
        <v>2</v>
      </c>
      <c r="Y11538" s="19"/>
      <c r="Z11538" s="19"/>
      <c r="AA11538" s="19"/>
    </row>
    <row r="11539" spans="1:27" s="1" customFormat="1" ht="11.1" customHeight="1" outlineLevel="3" x14ac:dyDescent="0.2">
      <c r="A11539" s="17"/>
      <c r="B11539" s="17"/>
      <c r="C11539" s="17"/>
      <c r="D11539" s="18"/>
      <c r="E11539" s="18"/>
      <c r="F11539" s="18"/>
      <c r="G11539" s="18"/>
      <c r="H11539" s="18"/>
      <c r="I11539" s="18"/>
      <c r="J11539" s="18"/>
      <c r="K11539" s="18"/>
      <c r="L11539" s="18"/>
      <c r="M11539" s="18"/>
      <c r="N11539" s="18"/>
      <c r="O11539" s="18"/>
      <c r="P11539" s="19"/>
      <c r="Q11539" s="19"/>
      <c r="R11539" s="19"/>
      <c r="S11539" s="19"/>
      <c r="T11539" s="19"/>
      <c r="U11539" s="19"/>
      <c r="V11539" s="19"/>
      <c r="W11539" s="19"/>
      <c r="X11539" s="19"/>
      <c r="Y11539" s="19"/>
      <c r="Z11539" s="19"/>
      <c r="AA11539" s="19"/>
    </row>
    <row r="11540" spans="1:27" s="1" customFormat="1" ht="11.1" customHeight="1" outlineLevel="3" x14ac:dyDescent="0.2">
      <c r="A11540" s="17">
        <v>14483</v>
      </c>
      <c r="B11540" s="17"/>
      <c r="C11540" s="17"/>
      <c r="D11540" s="18" t="s">
        <v>5727</v>
      </c>
      <c r="E11540" s="18"/>
      <c r="F11540" s="18"/>
      <c r="G11540" s="18"/>
      <c r="H11540" s="18"/>
      <c r="I11540" s="18"/>
      <c r="J11540" s="18"/>
      <c r="K11540" s="18"/>
      <c r="L11540" s="18"/>
      <c r="M11540" s="18"/>
      <c r="N11540" s="18"/>
      <c r="O11540" s="18"/>
      <c r="P11540" s="19">
        <v>400</v>
      </c>
      <c r="Q11540" s="19"/>
      <c r="R11540" s="19"/>
      <c r="S11540" s="19"/>
      <c r="T11540" s="19">
        <v>150</v>
      </c>
      <c r="U11540" s="19"/>
      <c r="V11540" s="19"/>
      <c r="W11540" s="19"/>
      <c r="X11540" s="19">
        <v>1</v>
      </c>
      <c r="Y11540" s="19"/>
      <c r="Z11540" s="19"/>
      <c r="AA11540" s="19"/>
    </row>
    <row r="11541" spans="1:27" s="1" customFormat="1" ht="11.1" customHeight="1" outlineLevel="3" x14ac:dyDescent="0.2">
      <c r="A11541" s="17"/>
      <c r="B11541" s="17"/>
      <c r="C11541" s="17"/>
      <c r="D11541" s="18"/>
      <c r="E11541" s="18"/>
      <c r="F11541" s="18"/>
      <c r="G11541" s="18"/>
      <c r="H11541" s="18"/>
      <c r="I11541" s="18"/>
      <c r="J11541" s="18"/>
      <c r="K11541" s="18"/>
      <c r="L11541" s="18"/>
      <c r="M11541" s="18"/>
      <c r="N11541" s="18"/>
      <c r="O11541" s="18"/>
      <c r="P11541" s="19"/>
      <c r="Q11541" s="19"/>
      <c r="R11541" s="19"/>
      <c r="S11541" s="19"/>
      <c r="T11541" s="19"/>
      <c r="U11541" s="19"/>
      <c r="V11541" s="19"/>
      <c r="W11541" s="19"/>
      <c r="X11541" s="19"/>
      <c r="Y11541" s="19"/>
      <c r="Z11541" s="19"/>
      <c r="AA11541" s="19"/>
    </row>
    <row r="11542" spans="1:27" s="1" customFormat="1" ht="11.1" customHeight="1" outlineLevel="3" x14ac:dyDescent="0.2">
      <c r="A11542" s="17">
        <v>12314</v>
      </c>
      <c r="B11542" s="17"/>
      <c r="C11542" s="17"/>
      <c r="D11542" s="18" t="s">
        <v>5728</v>
      </c>
      <c r="E11542" s="18"/>
      <c r="F11542" s="18"/>
      <c r="G11542" s="18"/>
      <c r="H11542" s="18"/>
      <c r="I11542" s="18"/>
      <c r="J11542" s="18"/>
      <c r="K11542" s="18"/>
      <c r="L11542" s="18"/>
      <c r="M11542" s="18"/>
      <c r="N11542" s="18"/>
      <c r="O11542" s="18"/>
      <c r="P11542" s="19">
        <v>400</v>
      </c>
      <c r="Q11542" s="19"/>
      <c r="R11542" s="19"/>
      <c r="S11542" s="19"/>
      <c r="T11542" s="19">
        <v>150</v>
      </c>
      <c r="U11542" s="19"/>
      <c r="V11542" s="19"/>
      <c r="W11542" s="19"/>
      <c r="X11542" s="19">
        <v>3</v>
      </c>
      <c r="Y11542" s="19"/>
      <c r="Z11542" s="19"/>
      <c r="AA11542" s="19"/>
    </row>
    <row r="11543" spans="1:27" s="1" customFormat="1" ht="11.1" customHeight="1" outlineLevel="3" x14ac:dyDescent="0.2">
      <c r="A11543" s="17"/>
      <c r="B11543" s="17"/>
      <c r="C11543" s="17"/>
      <c r="D11543" s="18"/>
      <c r="E11543" s="18"/>
      <c r="F11543" s="18"/>
      <c r="G11543" s="18"/>
      <c r="H11543" s="18"/>
      <c r="I11543" s="18"/>
      <c r="J11543" s="18"/>
      <c r="K11543" s="18"/>
      <c r="L11543" s="18"/>
      <c r="M11543" s="18"/>
      <c r="N11543" s="18"/>
      <c r="O11543" s="18"/>
      <c r="P11543" s="19"/>
      <c r="Q11543" s="19"/>
      <c r="R11543" s="19"/>
      <c r="S11543" s="19"/>
      <c r="T11543" s="19"/>
      <c r="U11543" s="19"/>
      <c r="V11543" s="19"/>
      <c r="W11543" s="19"/>
      <c r="X11543" s="19"/>
      <c r="Y11543" s="19"/>
      <c r="Z11543" s="19"/>
      <c r="AA11543" s="19"/>
    </row>
    <row r="11544" spans="1:27" s="1" customFormat="1" ht="11.1" customHeight="1" outlineLevel="3" x14ac:dyDescent="0.2">
      <c r="A11544" s="17">
        <v>12328</v>
      </c>
      <c r="B11544" s="17"/>
      <c r="C11544" s="17"/>
      <c r="D11544" s="18" t="s">
        <v>5729</v>
      </c>
      <c r="E11544" s="18"/>
      <c r="F11544" s="18"/>
      <c r="G11544" s="18"/>
      <c r="H11544" s="18"/>
      <c r="I11544" s="18"/>
      <c r="J11544" s="18"/>
      <c r="K11544" s="18"/>
      <c r="L11544" s="18"/>
      <c r="M11544" s="18"/>
      <c r="N11544" s="18"/>
      <c r="O11544" s="18"/>
      <c r="P11544" s="19">
        <v>400</v>
      </c>
      <c r="Q11544" s="19"/>
      <c r="R11544" s="19"/>
      <c r="S11544" s="19"/>
      <c r="T11544" s="19">
        <v>150</v>
      </c>
      <c r="U11544" s="19"/>
      <c r="V11544" s="19"/>
      <c r="W11544" s="19"/>
      <c r="X11544" s="19">
        <v>1</v>
      </c>
      <c r="Y11544" s="19"/>
      <c r="Z11544" s="19"/>
      <c r="AA11544" s="19"/>
    </row>
    <row r="11545" spans="1:27" s="1" customFormat="1" ht="11.1" customHeight="1" outlineLevel="3" x14ac:dyDescent="0.2">
      <c r="A11545" s="17"/>
      <c r="B11545" s="17"/>
      <c r="C11545" s="17"/>
      <c r="D11545" s="18"/>
      <c r="E11545" s="18"/>
      <c r="F11545" s="18"/>
      <c r="G11545" s="18"/>
      <c r="H11545" s="18"/>
      <c r="I11545" s="18"/>
      <c r="J11545" s="18"/>
      <c r="K11545" s="18"/>
      <c r="L11545" s="18"/>
      <c r="M11545" s="18"/>
      <c r="N11545" s="18"/>
      <c r="O11545" s="18"/>
      <c r="P11545" s="19"/>
      <c r="Q11545" s="19"/>
      <c r="R11545" s="19"/>
      <c r="S11545" s="19"/>
      <c r="T11545" s="19"/>
      <c r="U11545" s="19"/>
      <c r="V11545" s="19"/>
      <c r="W11545" s="19"/>
      <c r="X11545" s="19"/>
      <c r="Y11545" s="19"/>
      <c r="Z11545" s="19"/>
      <c r="AA11545" s="19"/>
    </row>
    <row r="11546" spans="1:27" s="1" customFormat="1" ht="11.1" customHeight="1" outlineLevel="3" x14ac:dyDescent="0.2">
      <c r="A11546" s="17">
        <v>12333</v>
      </c>
      <c r="B11546" s="17"/>
      <c r="C11546" s="17"/>
      <c r="D11546" s="18" t="s">
        <v>5730</v>
      </c>
      <c r="E11546" s="18"/>
      <c r="F11546" s="18"/>
      <c r="G11546" s="18"/>
      <c r="H11546" s="18"/>
      <c r="I11546" s="18"/>
      <c r="J11546" s="18"/>
      <c r="K11546" s="18"/>
      <c r="L11546" s="18"/>
      <c r="M11546" s="18"/>
      <c r="N11546" s="18"/>
      <c r="O11546" s="18"/>
      <c r="P11546" s="19">
        <v>400</v>
      </c>
      <c r="Q11546" s="19"/>
      <c r="R11546" s="19"/>
      <c r="S11546" s="19"/>
      <c r="T11546" s="19">
        <v>150</v>
      </c>
      <c r="U11546" s="19"/>
      <c r="V11546" s="19"/>
      <c r="W11546" s="19"/>
      <c r="X11546" s="19">
        <v>1</v>
      </c>
      <c r="Y11546" s="19"/>
      <c r="Z11546" s="19"/>
      <c r="AA11546" s="19"/>
    </row>
    <row r="11547" spans="1:27" s="1" customFormat="1" ht="11.1" customHeight="1" outlineLevel="3" x14ac:dyDescent="0.2">
      <c r="A11547" s="17"/>
      <c r="B11547" s="17"/>
      <c r="C11547" s="17"/>
      <c r="D11547" s="18"/>
      <c r="E11547" s="18"/>
      <c r="F11547" s="18"/>
      <c r="G11547" s="18"/>
      <c r="H11547" s="18"/>
      <c r="I11547" s="18"/>
      <c r="J11547" s="18"/>
      <c r="K11547" s="18"/>
      <c r="L11547" s="18"/>
      <c r="M11547" s="18"/>
      <c r="N11547" s="18"/>
      <c r="O11547" s="18"/>
      <c r="P11547" s="19"/>
      <c r="Q11547" s="19"/>
      <c r="R11547" s="19"/>
      <c r="S11547" s="19"/>
      <c r="T11547" s="19"/>
      <c r="U11547" s="19"/>
      <c r="V11547" s="19"/>
      <c r="W11547" s="19"/>
      <c r="X11547" s="19"/>
      <c r="Y11547" s="19"/>
      <c r="Z11547" s="19"/>
      <c r="AA11547" s="19"/>
    </row>
    <row r="11548" spans="1:27" s="1" customFormat="1" ht="11.1" customHeight="1" outlineLevel="3" x14ac:dyDescent="0.2">
      <c r="A11548" s="17">
        <v>12336</v>
      </c>
      <c r="B11548" s="17"/>
      <c r="C11548" s="17"/>
      <c r="D11548" s="18" t="s">
        <v>5731</v>
      </c>
      <c r="E11548" s="18"/>
      <c r="F11548" s="18"/>
      <c r="G11548" s="18"/>
      <c r="H11548" s="18"/>
      <c r="I11548" s="18"/>
      <c r="J11548" s="18"/>
      <c r="K11548" s="18"/>
      <c r="L11548" s="18"/>
      <c r="M11548" s="18"/>
      <c r="N11548" s="18"/>
      <c r="O11548" s="18"/>
      <c r="P11548" s="19">
        <v>400</v>
      </c>
      <c r="Q11548" s="19"/>
      <c r="R11548" s="19"/>
      <c r="S11548" s="19"/>
      <c r="T11548" s="19">
        <v>150</v>
      </c>
      <c r="U11548" s="19"/>
      <c r="V11548" s="19"/>
      <c r="W11548" s="19"/>
      <c r="X11548" s="19">
        <v>1</v>
      </c>
      <c r="Y11548" s="19"/>
      <c r="Z11548" s="19"/>
      <c r="AA11548" s="19"/>
    </row>
    <row r="11549" spans="1:27" s="1" customFormat="1" ht="11.1" customHeight="1" outlineLevel="3" x14ac:dyDescent="0.2">
      <c r="A11549" s="17"/>
      <c r="B11549" s="17"/>
      <c r="C11549" s="17"/>
      <c r="D11549" s="18"/>
      <c r="E11549" s="18"/>
      <c r="F11549" s="18"/>
      <c r="G11549" s="18"/>
      <c r="H11549" s="18"/>
      <c r="I11549" s="18"/>
      <c r="J11549" s="18"/>
      <c r="K11549" s="18"/>
      <c r="L11549" s="18"/>
      <c r="M11549" s="18"/>
      <c r="N11549" s="18"/>
      <c r="O11549" s="18"/>
      <c r="P11549" s="19"/>
      <c r="Q11549" s="19"/>
      <c r="R11549" s="19"/>
      <c r="S11549" s="19"/>
      <c r="T11549" s="19"/>
      <c r="U11549" s="19"/>
      <c r="V11549" s="19"/>
      <c r="W11549" s="19"/>
      <c r="X11549" s="19"/>
      <c r="Y11549" s="19"/>
      <c r="Z11549" s="19"/>
      <c r="AA11549" s="19"/>
    </row>
    <row r="11550" spans="1:27" s="1" customFormat="1" ht="11.1" customHeight="1" outlineLevel="3" x14ac:dyDescent="0.2">
      <c r="A11550" s="17">
        <v>12332</v>
      </c>
      <c r="B11550" s="17"/>
      <c r="C11550" s="17"/>
      <c r="D11550" s="18" t="s">
        <v>5732</v>
      </c>
      <c r="E11550" s="18"/>
      <c r="F11550" s="18"/>
      <c r="G11550" s="18"/>
      <c r="H11550" s="18"/>
      <c r="I11550" s="18"/>
      <c r="J11550" s="18"/>
      <c r="K11550" s="18"/>
      <c r="L11550" s="18"/>
      <c r="M11550" s="18"/>
      <c r="N11550" s="18"/>
      <c r="O11550" s="18"/>
      <c r="P11550" s="19">
        <v>400</v>
      </c>
      <c r="Q11550" s="19"/>
      <c r="R11550" s="19"/>
      <c r="S11550" s="19"/>
      <c r="T11550" s="19">
        <v>150</v>
      </c>
      <c r="U11550" s="19"/>
      <c r="V11550" s="19"/>
      <c r="W11550" s="19"/>
      <c r="X11550" s="19">
        <v>1</v>
      </c>
      <c r="Y11550" s="19"/>
      <c r="Z11550" s="19"/>
      <c r="AA11550" s="19"/>
    </row>
    <row r="11551" spans="1:27" s="1" customFormat="1" ht="11.1" customHeight="1" outlineLevel="3" x14ac:dyDescent="0.2">
      <c r="A11551" s="17"/>
      <c r="B11551" s="17"/>
      <c r="C11551" s="17"/>
      <c r="D11551" s="18"/>
      <c r="E11551" s="18"/>
      <c r="F11551" s="18"/>
      <c r="G11551" s="18"/>
      <c r="H11551" s="18"/>
      <c r="I11551" s="18"/>
      <c r="J11551" s="18"/>
      <c r="K11551" s="18"/>
      <c r="L11551" s="18"/>
      <c r="M11551" s="18"/>
      <c r="N11551" s="18"/>
      <c r="O11551" s="18"/>
      <c r="P11551" s="19"/>
      <c r="Q11551" s="19"/>
      <c r="R11551" s="19"/>
      <c r="S11551" s="19"/>
      <c r="T11551" s="19"/>
      <c r="U11551" s="19"/>
      <c r="V11551" s="19"/>
      <c r="W11551" s="19"/>
      <c r="X11551" s="19"/>
      <c r="Y11551" s="19"/>
      <c r="Z11551" s="19"/>
      <c r="AA11551" s="19"/>
    </row>
    <row r="11552" spans="1:27" s="1" customFormat="1" ht="11.1" customHeight="1" outlineLevel="3" x14ac:dyDescent="0.2">
      <c r="A11552" s="17">
        <v>12337</v>
      </c>
      <c r="B11552" s="17"/>
      <c r="C11552" s="17"/>
      <c r="D11552" s="18" t="s">
        <v>5733</v>
      </c>
      <c r="E11552" s="18"/>
      <c r="F11552" s="18"/>
      <c r="G11552" s="18"/>
      <c r="H11552" s="18"/>
      <c r="I11552" s="18"/>
      <c r="J11552" s="18"/>
      <c r="K11552" s="18"/>
      <c r="L11552" s="18"/>
      <c r="M11552" s="18"/>
      <c r="N11552" s="18"/>
      <c r="O11552" s="18"/>
      <c r="P11552" s="19">
        <v>400</v>
      </c>
      <c r="Q11552" s="19"/>
      <c r="R11552" s="19"/>
      <c r="S11552" s="19"/>
      <c r="T11552" s="19">
        <v>150</v>
      </c>
      <c r="U11552" s="19"/>
      <c r="V11552" s="19"/>
      <c r="W11552" s="19"/>
      <c r="X11552" s="19">
        <v>1</v>
      </c>
      <c r="Y11552" s="19"/>
      <c r="Z11552" s="19"/>
      <c r="AA11552" s="19"/>
    </row>
    <row r="11553" spans="1:27" s="1" customFormat="1" ht="11.1" customHeight="1" outlineLevel="3" x14ac:dyDescent="0.2">
      <c r="A11553" s="17"/>
      <c r="B11553" s="17"/>
      <c r="C11553" s="17"/>
      <c r="D11553" s="18"/>
      <c r="E11553" s="18"/>
      <c r="F11553" s="18"/>
      <c r="G11553" s="18"/>
      <c r="H11553" s="18"/>
      <c r="I11553" s="18"/>
      <c r="J11553" s="18"/>
      <c r="K11553" s="18"/>
      <c r="L11553" s="18"/>
      <c r="M11553" s="18"/>
      <c r="N11553" s="18"/>
      <c r="O11553" s="18"/>
      <c r="P11553" s="19"/>
      <c r="Q11553" s="19"/>
      <c r="R11553" s="19"/>
      <c r="S11553" s="19"/>
      <c r="T11553" s="19"/>
      <c r="U11553" s="19"/>
      <c r="V11553" s="19"/>
      <c r="W11553" s="19"/>
      <c r="X11553" s="19"/>
      <c r="Y11553" s="19"/>
      <c r="Z11553" s="19"/>
      <c r="AA11553" s="19"/>
    </row>
    <row r="11554" spans="1:27" s="1" customFormat="1" ht="11.1" customHeight="1" outlineLevel="3" x14ac:dyDescent="0.2">
      <c r="A11554" s="17">
        <v>12324</v>
      </c>
      <c r="B11554" s="17"/>
      <c r="C11554" s="17"/>
      <c r="D11554" s="18" t="s">
        <v>5734</v>
      </c>
      <c r="E11554" s="18"/>
      <c r="F11554" s="18"/>
      <c r="G11554" s="18"/>
      <c r="H11554" s="18"/>
      <c r="I11554" s="18"/>
      <c r="J11554" s="18"/>
      <c r="K11554" s="18"/>
      <c r="L11554" s="18"/>
      <c r="M11554" s="18"/>
      <c r="N11554" s="18"/>
      <c r="O11554" s="18"/>
      <c r="P11554" s="19">
        <v>400</v>
      </c>
      <c r="Q11554" s="19"/>
      <c r="R11554" s="19"/>
      <c r="S11554" s="19"/>
      <c r="T11554" s="19">
        <v>150</v>
      </c>
      <c r="U11554" s="19"/>
      <c r="V11554" s="19"/>
      <c r="W11554" s="19"/>
      <c r="X11554" s="19">
        <v>1</v>
      </c>
      <c r="Y11554" s="19"/>
      <c r="Z11554" s="19"/>
      <c r="AA11554" s="19"/>
    </row>
    <row r="11555" spans="1:27" s="1" customFormat="1" ht="11.1" customHeight="1" outlineLevel="3" x14ac:dyDescent="0.2">
      <c r="A11555" s="17"/>
      <c r="B11555" s="17"/>
      <c r="C11555" s="17"/>
      <c r="D11555" s="18"/>
      <c r="E11555" s="18"/>
      <c r="F11555" s="18"/>
      <c r="G11555" s="18"/>
      <c r="H11555" s="18"/>
      <c r="I11555" s="18"/>
      <c r="J11555" s="18"/>
      <c r="K11555" s="18"/>
      <c r="L11555" s="18"/>
      <c r="M11555" s="18"/>
      <c r="N11555" s="18"/>
      <c r="O11555" s="18"/>
      <c r="P11555" s="19"/>
      <c r="Q11555" s="19"/>
      <c r="R11555" s="19"/>
      <c r="S11555" s="19"/>
      <c r="T11555" s="19"/>
      <c r="U11555" s="19"/>
      <c r="V11555" s="19"/>
      <c r="W11555" s="19"/>
      <c r="X11555" s="19"/>
      <c r="Y11555" s="19"/>
      <c r="Z11555" s="19"/>
      <c r="AA11555" s="19"/>
    </row>
    <row r="11556" spans="1:27" s="1" customFormat="1" ht="11.1" customHeight="1" outlineLevel="3" x14ac:dyDescent="0.2">
      <c r="A11556" s="17">
        <v>12335</v>
      </c>
      <c r="B11556" s="17"/>
      <c r="C11556" s="17"/>
      <c r="D11556" s="18" t="s">
        <v>5735</v>
      </c>
      <c r="E11556" s="18"/>
      <c r="F11556" s="18"/>
      <c r="G11556" s="18"/>
      <c r="H11556" s="18"/>
      <c r="I11556" s="18"/>
      <c r="J11556" s="18"/>
      <c r="K11556" s="18"/>
      <c r="L11556" s="18"/>
      <c r="M11556" s="18"/>
      <c r="N11556" s="18"/>
      <c r="O11556" s="18"/>
      <c r="P11556" s="19">
        <v>400</v>
      </c>
      <c r="Q11556" s="19"/>
      <c r="R11556" s="19"/>
      <c r="S11556" s="19"/>
      <c r="T11556" s="19">
        <v>150</v>
      </c>
      <c r="U11556" s="19"/>
      <c r="V11556" s="19"/>
      <c r="W11556" s="19"/>
      <c r="X11556" s="19">
        <v>1</v>
      </c>
      <c r="Y11556" s="19"/>
      <c r="Z11556" s="19"/>
      <c r="AA11556" s="19"/>
    </row>
    <row r="11557" spans="1:27" s="1" customFormat="1" ht="11.1" customHeight="1" outlineLevel="3" x14ac:dyDescent="0.2">
      <c r="A11557" s="17"/>
      <c r="B11557" s="17"/>
      <c r="C11557" s="17"/>
      <c r="D11557" s="18"/>
      <c r="E11557" s="18"/>
      <c r="F11557" s="18"/>
      <c r="G11557" s="18"/>
      <c r="H11557" s="18"/>
      <c r="I11557" s="18"/>
      <c r="J11557" s="18"/>
      <c r="K11557" s="18"/>
      <c r="L11557" s="18"/>
      <c r="M11557" s="18"/>
      <c r="N11557" s="18"/>
      <c r="O11557" s="18"/>
      <c r="P11557" s="19"/>
      <c r="Q11557" s="19"/>
      <c r="R11557" s="19"/>
      <c r="S11557" s="19"/>
      <c r="T11557" s="19"/>
      <c r="U11557" s="19"/>
      <c r="V11557" s="19"/>
      <c r="W11557" s="19"/>
      <c r="X11557" s="19"/>
      <c r="Y11557" s="19"/>
      <c r="Z11557" s="19"/>
      <c r="AA11557" s="19"/>
    </row>
    <row r="11558" spans="1:27" s="1" customFormat="1" ht="11.1" customHeight="1" outlineLevel="3" x14ac:dyDescent="0.2">
      <c r="A11558" s="17">
        <v>14460</v>
      </c>
      <c r="B11558" s="17"/>
      <c r="C11558" s="17"/>
      <c r="D11558" s="18" t="s">
        <v>5736</v>
      </c>
      <c r="E11558" s="18"/>
      <c r="F11558" s="18"/>
      <c r="G11558" s="18"/>
      <c r="H11558" s="18"/>
      <c r="I11558" s="18"/>
      <c r="J11558" s="18"/>
      <c r="K11558" s="18"/>
      <c r="L11558" s="18"/>
      <c r="M11558" s="18"/>
      <c r="N11558" s="18"/>
      <c r="O11558" s="18"/>
      <c r="P11558" s="19">
        <v>400</v>
      </c>
      <c r="Q11558" s="19"/>
      <c r="R11558" s="19"/>
      <c r="S11558" s="19"/>
      <c r="T11558" s="19">
        <v>150</v>
      </c>
      <c r="U11558" s="19"/>
      <c r="V11558" s="19"/>
      <c r="W11558" s="19"/>
      <c r="X11558" s="19">
        <v>3</v>
      </c>
      <c r="Y11558" s="19"/>
      <c r="Z11558" s="19"/>
      <c r="AA11558" s="19"/>
    </row>
    <row r="11559" spans="1:27" s="1" customFormat="1" ht="11.1" customHeight="1" outlineLevel="3" x14ac:dyDescent="0.2">
      <c r="A11559" s="17"/>
      <c r="B11559" s="17"/>
      <c r="C11559" s="17"/>
      <c r="D11559" s="18"/>
      <c r="E11559" s="18"/>
      <c r="F11559" s="18"/>
      <c r="G11559" s="18"/>
      <c r="H11559" s="18"/>
      <c r="I11559" s="18"/>
      <c r="J11559" s="18"/>
      <c r="K11559" s="18"/>
      <c r="L11559" s="18"/>
      <c r="M11559" s="18"/>
      <c r="N11559" s="18"/>
      <c r="O11559" s="18"/>
      <c r="P11559" s="19"/>
      <c r="Q11559" s="19"/>
      <c r="R11559" s="19"/>
      <c r="S11559" s="19"/>
      <c r="T11559" s="19"/>
      <c r="U11559" s="19"/>
      <c r="V11559" s="19"/>
      <c r="W11559" s="19"/>
      <c r="X11559" s="19"/>
      <c r="Y11559" s="19"/>
      <c r="Z11559" s="19"/>
      <c r="AA11559" s="19"/>
    </row>
    <row r="11560" spans="1:27" s="1" customFormat="1" ht="11.1" customHeight="1" outlineLevel="3" x14ac:dyDescent="0.2">
      <c r="A11560" s="17">
        <v>12338</v>
      </c>
      <c r="B11560" s="17"/>
      <c r="C11560" s="17"/>
      <c r="D11560" s="18" t="s">
        <v>5737</v>
      </c>
      <c r="E11560" s="18"/>
      <c r="F11560" s="18"/>
      <c r="G11560" s="18"/>
      <c r="H11560" s="18"/>
      <c r="I11560" s="18"/>
      <c r="J11560" s="18"/>
      <c r="K11560" s="18"/>
      <c r="L11560" s="18"/>
      <c r="M11560" s="18"/>
      <c r="N11560" s="18"/>
      <c r="O11560" s="18"/>
      <c r="P11560" s="19">
        <v>400</v>
      </c>
      <c r="Q11560" s="19"/>
      <c r="R11560" s="19"/>
      <c r="S11560" s="19"/>
      <c r="T11560" s="19">
        <v>190</v>
      </c>
      <c r="U11560" s="19"/>
      <c r="V11560" s="19"/>
      <c r="W11560" s="19"/>
      <c r="X11560" s="19">
        <v>2</v>
      </c>
      <c r="Y11560" s="19"/>
      <c r="Z11560" s="19"/>
      <c r="AA11560" s="19"/>
    </row>
    <row r="11561" spans="1:27" s="1" customFormat="1" ht="11.1" customHeight="1" outlineLevel="3" x14ac:dyDescent="0.2">
      <c r="A11561" s="17"/>
      <c r="B11561" s="17"/>
      <c r="C11561" s="17"/>
      <c r="D11561" s="18"/>
      <c r="E11561" s="18"/>
      <c r="F11561" s="18"/>
      <c r="G11561" s="18"/>
      <c r="H11561" s="18"/>
      <c r="I11561" s="18"/>
      <c r="J11561" s="18"/>
      <c r="K11561" s="18"/>
      <c r="L11561" s="18"/>
      <c r="M11561" s="18"/>
      <c r="N11561" s="18"/>
      <c r="O11561" s="18"/>
      <c r="P11561" s="19"/>
      <c r="Q11561" s="19"/>
      <c r="R11561" s="19"/>
      <c r="S11561" s="19"/>
      <c r="T11561" s="19"/>
      <c r="U11561" s="19"/>
      <c r="V11561" s="19"/>
      <c r="W11561" s="19"/>
      <c r="X11561" s="19"/>
      <c r="Y11561" s="19"/>
      <c r="Z11561" s="19"/>
      <c r="AA11561" s="19"/>
    </row>
    <row r="11562" spans="1:27" s="1" customFormat="1" ht="11.1" customHeight="1" outlineLevel="3" x14ac:dyDescent="0.2">
      <c r="A11562" s="17">
        <v>12334</v>
      </c>
      <c r="B11562" s="17"/>
      <c r="C11562" s="17"/>
      <c r="D11562" s="18" t="s">
        <v>5738</v>
      </c>
      <c r="E11562" s="18"/>
      <c r="F11562" s="18"/>
      <c r="G11562" s="18"/>
      <c r="H11562" s="18"/>
      <c r="I11562" s="18"/>
      <c r="J11562" s="18"/>
      <c r="K11562" s="18"/>
      <c r="L11562" s="18"/>
      <c r="M11562" s="18"/>
      <c r="N11562" s="18"/>
      <c r="O11562" s="18"/>
      <c r="P11562" s="19">
        <v>400</v>
      </c>
      <c r="Q11562" s="19"/>
      <c r="R11562" s="19"/>
      <c r="S11562" s="19"/>
      <c r="T11562" s="19">
        <v>150</v>
      </c>
      <c r="U11562" s="19"/>
      <c r="V11562" s="19"/>
      <c r="W11562" s="19"/>
      <c r="X11562" s="19">
        <v>1</v>
      </c>
      <c r="Y11562" s="19"/>
      <c r="Z11562" s="19"/>
      <c r="AA11562" s="19"/>
    </row>
    <row r="11563" spans="1:27" s="1" customFormat="1" ht="11.1" customHeight="1" outlineLevel="3" x14ac:dyDescent="0.2">
      <c r="A11563" s="17"/>
      <c r="B11563" s="17"/>
      <c r="C11563" s="17"/>
      <c r="D11563" s="18"/>
      <c r="E11563" s="18"/>
      <c r="F11563" s="18"/>
      <c r="G11563" s="18"/>
      <c r="H11563" s="18"/>
      <c r="I11563" s="18"/>
      <c r="J11563" s="18"/>
      <c r="K11563" s="18"/>
      <c r="L11563" s="18"/>
      <c r="M11563" s="18"/>
      <c r="N11563" s="18"/>
      <c r="O11563" s="18"/>
      <c r="P11563" s="19"/>
      <c r="Q11563" s="19"/>
      <c r="R11563" s="19"/>
      <c r="S11563" s="19"/>
      <c r="T11563" s="19"/>
      <c r="U11563" s="19"/>
      <c r="V11563" s="19"/>
      <c r="W11563" s="19"/>
      <c r="X11563" s="19"/>
      <c r="Y11563" s="19"/>
      <c r="Z11563" s="19"/>
      <c r="AA11563" s="19"/>
    </row>
    <row r="11564" spans="1:27" s="1" customFormat="1" ht="11.1" customHeight="1" outlineLevel="3" x14ac:dyDescent="0.2">
      <c r="A11564" s="17">
        <v>12354</v>
      </c>
      <c r="B11564" s="17"/>
      <c r="C11564" s="17"/>
      <c r="D11564" s="18" t="s">
        <v>5739</v>
      </c>
      <c r="E11564" s="18"/>
      <c r="F11564" s="18"/>
      <c r="G11564" s="18"/>
      <c r="H11564" s="18"/>
      <c r="I11564" s="18"/>
      <c r="J11564" s="18"/>
      <c r="K11564" s="18"/>
      <c r="L11564" s="18"/>
      <c r="M11564" s="18"/>
      <c r="N11564" s="18"/>
      <c r="O11564" s="18"/>
      <c r="P11564" s="19">
        <v>400</v>
      </c>
      <c r="Q11564" s="19"/>
      <c r="R11564" s="19"/>
      <c r="S11564" s="19"/>
      <c r="T11564" s="19">
        <v>150</v>
      </c>
      <c r="U11564" s="19"/>
      <c r="V11564" s="19"/>
      <c r="W11564" s="19"/>
      <c r="X11564" s="19">
        <v>1</v>
      </c>
      <c r="Y11564" s="19"/>
      <c r="Z11564" s="19"/>
      <c r="AA11564" s="19"/>
    </row>
    <row r="11565" spans="1:27" s="1" customFormat="1" ht="11.1" customHeight="1" outlineLevel="3" x14ac:dyDescent="0.2">
      <c r="A11565" s="17"/>
      <c r="B11565" s="17"/>
      <c r="C11565" s="17"/>
      <c r="D11565" s="18"/>
      <c r="E11565" s="18"/>
      <c r="F11565" s="18"/>
      <c r="G11565" s="18"/>
      <c r="H11565" s="18"/>
      <c r="I11565" s="18"/>
      <c r="J11565" s="18"/>
      <c r="K11565" s="18"/>
      <c r="L11565" s="18"/>
      <c r="M11565" s="18"/>
      <c r="N11565" s="18"/>
      <c r="O11565" s="18"/>
      <c r="P11565" s="19"/>
      <c r="Q11565" s="19"/>
      <c r="R11565" s="19"/>
      <c r="S11565" s="19"/>
      <c r="T11565" s="19"/>
      <c r="U11565" s="19"/>
      <c r="V11565" s="19"/>
      <c r="W11565" s="19"/>
      <c r="X11565" s="19"/>
      <c r="Y11565" s="19"/>
      <c r="Z11565" s="19"/>
      <c r="AA11565" s="19"/>
    </row>
    <row r="11566" spans="1:27" s="1" customFormat="1" ht="11.1" customHeight="1" outlineLevel="3" x14ac:dyDescent="0.2">
      <c r="A11566" s="17">
        <v>12351</v>
      </c>
      <c r="B11566" s="17"/>
      <c r="C11566" s="17"/>
      <c r="D11566" s="18" t="s">
        <v>5740</v>
      </c>
      <c r="E11566" s="18"/>
      <c r="F11566" s="18"/>
      <c r="G11566" s="18"/>
      <c r="H11566" s="18"/>
      <c r="I11566" s="18"/>
      <c r="J11566" s="18"/>
      <c r="K11566" s="18"/>
      <c r="L11566" s="18"/>
      <c r="M11566" s="18"/>
      <c r="N11566" s="18"/>
      <c r="O11566" s="18"/>
      <c r="P11566" s="19">
        <v>400</v>
      </c>
      <c r="Q11566" s="19"/>
      <c r="R11566" s="19"/>
      <c r="S11566" s="19"/>
      <c r="T11566" s="19">
        <v>190</v>
      </c>
      <c r="U11566" s="19"/>
      <c r="V11566" s="19"/>
      <c r="W11566" s="19"/>
      <c r="X11566" s="19">
        <v>2</v>
      </c>
      <c r="Y11566" s="19"/>
      <c r="Z11566" s="19"/>
      <c r="AA11566" s="19"/>
    </row>
    <row r="11567" spans="1:27" s="1" customFormat="1" ht="11.1" customHeight="1" outlineLevel="3" x14ac:dyDescent="0.2">
      <c r="A11567" s="17"/>
      <c r="B11567" s="17"/>
      <c r="C11567" s="17"/>
      <c r="D11567" s="18"/>
      <c r="E11567" s="18"/>
      <c r="F11567" s="18"/>
      <c r="G11567" s="18"/>
      <c r="H11567" s="18"/>
      <c r="I11567" s="18"/>
      <c r="J11567" s="18"/>
      <c r="K11567" s="18"/>
      <c r="L11567" s="18"/>
      <c r="M11567" s="18"/>
      <c r="N11567" s="18"/>
      <c r="O11567" s="18"/>
      <c r="P11567" s="19"/>
      <c r="Q11567" s="19"/>
      <c r="R11567" s="19"/>
      <c r="S11567" s="19"/>
      <c r="T11567" s="19"/>
      <c r="U11567" s="19"/>
      <c r="V11567" s="19"/>
      <c r="W11567" s="19"/>
      <c r="X11567" s="19"/>
      <c r="Y11567" s="19"/>
      <c r="Z11567" s="19"/>
      <c r="AA11567" s="19"/>
    </row>
    <row r="11568" spans="1:27" s="1" customFormat="1" ht="11.1" customHeight="1" outlineLevel="3" x14ac:dyDescent="0.2">
      <c r="A11568" s="17">
        <v>12362</v>
      </c>
      <c r="B11568" s="17"/>
      <c r="C11568" s="17"/>
      <c r="D11568" s="18" t="s">
        <v>5741</v>
      </c>
      <c r="E11568" s="18"/>
      <c r="F11568" s="18"/>
      <c r="G11568" s="18"/>
      <c r="H11568" s="18"/>
      <c r="I11568" s="18"/>
      <c r="J11568" s="18"/>
      <c r="K11568" s="18"/>
      <c r="L11568" s="18"/>
      <c r="M11568" s="18"/>
      <c r="N11568" s="18"/>
      <c r="O11568" s="18"/>
      <c r="P11568" s="19">
        <v>400</v>
      </c>
      <c r="Q11568" s="19"/>
      <c r="R11568" s="19"/>
      <c r="S11568" s="19"/>
      <c r="T11568" s="19">
        <v>150</v>
      </c>
      <c r="U11568" s="19"/>
      <c r="V11568" s="19"/>
      <c r="W11568" s="19"/>
      <c r="X11568" s="19">
        <v>1</v>
      </c>
      <c r="Y11568" s="19"/>
      <c r="Z11568" s="19"/>
      <c r="AA11568" s="19"/>
    </row>
    <row r="11569" spans="1:27" s="1" customFormat="1" ht="11.1" customHeight="1" outlineLevel="3" x14ac:dyDescent="0.2">
      <c r="A11569" s="17"/>
      <c r="B11569" s="17"/>
      <c r="C11569" s="17"/>
      <c r="D11569" s="18"/>
      <c r="E11569" s="18"/>
      <c r="F11569" s="18"/>
      <c r="G11569" s="18"/>
      <c r="H11569" s="18"/>
      <c r="I11569" s="18"/>
      <c r="J11569" s="18"/>
      <c r="K11569" s="18"/>
      <c r="L11569" s="18"/>
      <c r="M11569" s="18"/>
      <c r="N11569" s="18"/>
      <c r="O11569" s="18"/>
      <c r="P11569" s="19"/>
      <c r="Q11569" s="19"/>
      <c r="R11569" s="19"/>
      <c r="S11569" s="19"/>
      <c r="T11569" s="19"/>
      <c r="U11569" s="19"/>
      <c r="V11569" s="19"/>
      <c r="W11569" s="19"/>
      <c r="X11569" s="19"/>
      <c r="Y11569" s="19"/>
      <c r="Z11569" s="19"/>
      <c r="AA11569" s="19"/>
    </row>
    <row r="11570" spans="1:27" s="1" customFormat="1" ht="11.1" customHeight="1" outlineLevel="3" x14ac:dyDescent="0.2">
      <c r="A11570" s="17">
        <v>12348</v>
      </c>
      <c r="B11570" s="17"/>
      <c r="C11570" s="17"/>
      <c r="D11570" s="18" t="s">
        <v>5742</v>
      </c>
      <c r="E11570" s="18"/>
      <c r="F11570" s="18"/>
      <c r="G11570" s="18"/>
      <c r="H11570" s="18"/>
      <c r="I11570" s="18"/>
      <c r="J11570" s="18"/>
      <c r="K11570" s="18"/>
      <c r="L11570" s="18"/>
      <c r="M11570" s="18"/>
      <c r="N11570" s="18"/>
      <c r="O11570" s="18"/>
      <c r="P11570" s="19">
        <v>400</v>
      </c>
      <c r="Q11570" s="19"/>
      <c r="R11570" s="19"/>
      <c r="S11570" s="19"/>
      <c r="T11570" s="19">
        <v>150</v>
      </c>
      <c r="U11570" s="19"/>
      <c r="V11570" s="19"/>
      <c r="W11570" s="19"/>
      <c r="X11570" s="19">
        <v>3</v>
      </c>
      <c r="Y11570" s="19"/>
      <c r="Z11570" s="19"/>
      <c r="AA11570" s="19"/>
    </row>
    <row r="11571" spans="1:27" s="1" customFormat="1" ht="11.1" customHeight="1" outlineLevel="3" x14ac:dyDescent="0.2">
      <c r="A11571" s="17"/>
      <c r="B11571" s="17"/>
      <c r="C11571" s="17"/>
      <c r="D11571" s="18"/>
      <c r="E11571" s="18"/>
      <c r="F11571" s="18"/>
      <c r="G11571" s="18"/>
      <c r="H11571" s="18"/>
      <c r="I11571" s="18"/>
      <c r="J11571" s="18"/>
      <c r="K11571" s="18"/>
      <c r="L11571" s="18"/>
      <c r="M11571" s="18"/>
      <c r="N11571" s="18"/>
      <c r="O11571" s="18"/>
      <c r="P11571" s="19"/>
      <c r="Q11571" s="19"/>
      <c r="R11571" s="19"/>
      <c r="S11571" s="19"/>
      <c r="T11571" s="19"/>
      <c r="U11571" s="19"/>
      <c r="V11571" s="19"/>
      <c r="W11571" s="19"/>
      <c r="X11571" s="19"/>
      <c r="Y11571" s="19"/>
      <c r="Z11571" s="19"/>
      <c r="AA11571" s="19"/>
    </row>
    <row r="11572" spans="1:27" s="1" customFormat="1" ht="11.1" customHeight="1" outlineLevel="3" x14ac:dyDescent="0.2">
      <c r="A11572" s="17">
        <v>12349</v>
      </c>
      <c r="B11572" s="17"/>
      <c r="C11572" s="17"/>
      <c r="D11572" s="18" t="s">
        <v>5743</v>
      </c>
      <c r="E11572" s="18"/>
      <c r="F11572" s="18"/>
      <c r="G11572" s="18"/>
      <c r="H11572" s="18"/>
      <c r="I11572" s="18"/>
      <c r="J11572" s="18"/>
      <c r="K11572" s="18"/>
      <c r="L11572" s="18"/>
      <c r="M11572" s="18"/>
      <c r="N11572" s="18"/>
      <c r="O11572" s="18"/>
      <c r="P11572" s="19">
        <v>400</v>
      </c>
      <c r="Q11572" s="19"/>
      <c r="R11572" s="19"/>
      <c r="S11572" s="19"/>
      <c r="T11572" s="19">
        <v>150</v>
      </c>
      <c r="U11572" s="19"/>
      <c r="V11572" s="19"/>
      <c r="W11572" s="19"/>
      <c r="X11572" s="19">
        <v>2</v>
      </c>
      <c r="Y11572" s="19"/>
      <c r="Z11572" s="19"/>
      <c r="AA11572" s="19"/>
    </row>
    <row r="11573" spans="1:27" s="1" customFormat="1" ht="11.1" customHeight="1" outlineLevel="3" x14ac:dyDescent="0.2">
      <c r="A11573" s="17"/>
      <c r="B11573" s="17"/>
      <c r="C11573" s="17"/>
      <c r="D11573" s="18"/>
      <c r="E11573" s="18"/>
      <c r="F11573" s="18"/>
      <c r="G11573" s="18"/>
      <c r="H11573" s="18"/>
      <c r="I11573" s="18"/>
      <c r="J11573" s="18"/>
      <c r="K11573" s="18"/>
      <c r="L11573" s="18"/>
      <c r="M11573" s="18"/>
      <c r="N11573" s="18"/>
      <c r="O11573" s="18"/>
      <c r="P11573" s="19"/>
      <c r="Q11573" s="19"/>
      <c r="R11573" s="19"/>
      <c r="S11573" s="19"/>
      <c r="T11573" s="19"/>
      <c r="U11573" s="19"/>
      <c r="V11573" s="19"/>
      <c r="W11573" s="19"/>
      <c r="X11573" s="19"/>
      <c r="Y11573" s="19"/>
      <c r="Z11573" s="19"/>
      <c r="AA11573" s="19"/>
    </row>
    <row r="11574" spans="1:27" s="1" customFormat="1" ht="11.1" customHeight="1" outlineLevel="3" x14ac:dyDescent="0.2">
      <c r="A11574" s="17">
        <v>12355</v>
      </c>
      <c r="B11574" s="17"/>
      <c r="C11574" s="17"/>
      <c r="D11574" s="18" t="s">
        <v>5744</v>
      </c>
      <c r="E11574" s="18"/>
      <c r="F11574" s="18"/>
      <c r="G11574" s="18"/>
      <c r="H11574" s="18"/>
      <c r="I11574" s="18"/>
      <c r="J11574" s="18"/>
      <c r="K11574" s="18"/>
      <c r="L11574" s="18"/>
      <c r="M11574" s="18"/>
      <c r="N11574" s="18"/>
      <c r="O11574" s="18"/>
      <c r="P11574" s="19">
        <v>400</v>
      </c>
      <c r="Q11574" s="19"/>
      <c r="R11574" s="19"/>
      <c r="S11574" s="19"/>
      <c r="T11574" s="19">
        <v>150</v>
      </c>
      <c r="U11574" s="19"/>
      <c r="V11574" s="19"/>
      <c r="W11574" s="19"/>
      <c r="X11574" s="19">
        <v>1</v>
      </c>
      <c r="Y11574" s="19"/>
      <c r="Z11574" s="19"/>
      <c r="AA11574" s="19"/>
    </row>
    <row r="11575" spans="1:27" s="1" customFormat="1" ht="11.1" customHeight="1" outlineLevel="3" x14ac:dyDescent="0.2">
      <c r="A11575" s="17"/>
      <c r="B11575" s="17"/>
      <c r="C11575" s="17"/>
      <c r="D11575" s="18"/>
      <c r="E11575" s="18"/>
      <c r="F11575" s="18"/>
      <c r="G11575" s="18"/>
      <c r="H11575" s="18"/>
      <c r="I11575" s="18"/>
      <c r="J11575" s="18"/>
      <c r="K11575" s="18"/>
      <c r="L11575" s="18"/>
      <c r="M11575" s="18"/>
      <c r="N11575" s="18"/>
      <c r="O11575" s="18"/>
      <c r="P11575" s="19"/>
      <c r="Q11575" s="19"/>
      <c r="R11575" s="19"/>
      <c r="S11575" s="19"/>
      <c r="T11575" s="19"/>
      <c r="U11575" s="19"/>
      <c r="V11575" s="19"/>
      <c r="W11575" s="19"/>
      <c r="X11575" s="19"/>
      <c r="Y11575" s="19"/>
      <c r="Z11575" s="19"/>
      <c r="AA11575" s="19"/>
    </row>
    <row r="11576" spans="1:27" s="1" customFormat="1" ht="11.1" customHeight="1" outlineLevel="3" x14ac:dyDescent="0.2">
      <c r="A11576" s="17">
        <v>12342</v>
      </c>
      <c r="B11576" s="17"/>
      <c r="C11576" s="17"/>
      <c r="D11576" s="18" t="s">
        <v>5745</v>
      </c>
      <c r="E11576" s="18"/>
      <c r="F11576" s="18"/>
      <c r="G11576" s="18"/>
      <c r="H11576" s="18"/>
      <c r="I11576" s="18"/>
      <c r="J11576" s="18"/>
      <c r="K11576" s="18"/>
      <c r="L11576" s="18"/>
      <c r="M11576" s="18"/>
      <c r="N11576" s="18"/>
      <c r="O11576" s="18"/>
      <c r="P11576" s="19">
        <v>400</v>
      </c>
      <c r="Q11576" s="19"/>
      <c r="R11576" s="19"/>
      <c r="S11576" s="19"/>
      <c r="T11576" s="19">
        <v>150</v>
      </c>
      <c r="U11576" s="19"/>
      <c r="V11576" s="19"/>
      <c r="W11576" s="19"/>
      <c r="X11576" s="19">
        <v>4</v>
      </c>
      <c r="Y11576" s="19"/>
      <c r="Z11576" s="19"/>
      <c r="AA11576" s="19"/>
    </row>
    <row r="11577" spans="1:27" s="1" customFormat="1" ht="11.1" customHeight="1" outlineLevel="3" x14ac:dyDescent="0.2">
      <c r="A11577" s="17"/>
      <c r="B11577" s="17"/>
      <c r="C11577" s="17"/>
      <c r="D11577" s="18"/>
      <c r="E11577" s="18"/>
      <c r="F11577" s="18"/>
      <c r="G11577" s="18"/>
      <c r="H11577" s="18"/>
      <c r="I11577" s="18"/>
      <c r="J11577" s="18"/>
      <c r="K11577" s="18"/>
      <c r="L11577" s="18"/>
      <c r="M11577" s="18"/>
      <c r="N11577" s="18"/>
      <c r="O11577" s="18"/>
      <c r="P11577" s="19"/>
      <c r="Q11577" s="19"/>
      <c r="R11577" s="19"/>
      <c r="S11577" s="19"/>
      <c r="T11577" s="19"/>
      <c r="U11577" s="19"/>
      <c r="V11577" s="19"/>
      <c r="W11577" s="19"/>
      <c r="X11577" s="19"/>
      <c r="Y11577" s="19"/>
      <c r="Z11577" s="19"/>
      <c r="AA11577" s="19"/>
    </row>
    <row r="11578" spans="1:27" s="1" customFormat="1" ht="11.1" customHeight="1" outlineLevel="3" x14ac:dyDescent="0.2">
      <c r="A11578" s="17">
        <v>12361</v>
      </c>
      <c r="B11578" s="17"/>
      <c r="C11578" s="17"/>
      <c r="D11578" s="18" t="s">
        <v>5746</v>
      </c>
      <c r="E11578" s="18"/>
      <c r="F11578" s="18"/>
      <c r="G11578" s="18"/>
      <c r="H11578" s="18"/>
      <c r="I11578" s="18"/>
      <c r="J11578" s="18"/>
      <c r="K11578" s="18"/>
      <c r="L11578" s="18"/>
      <c r="M11578" s="18"/>
      <c r="N11578" s="18"/>
      <c r="O11578" s="18"/>
      <c r="P11578" s="19">
        <v>400</v>
      </c>
      <c r="Q11578" s="19"/>
      <c r="R11578" s="19"/>
      <c r="S11578" s="19"/>
      <c r="T11578" s="19">
        <v>150</v>
      </c>
      <c r="U11578" s="19"/>
      <c r="V11578" s="19"/>
      <c r="W11578" s="19"/>
      <c r="X11578" s="19">
        <v>1</v>
      </c>
      <c r="Y11578" s="19"/>
      <c r="Z11578" s="19"/>
      <c r="AA11578" s="19"/>
    </row>
    <row r="11579" spans="1:27" s="1" customFormat="1" ht="11.1" customHeight="1" outlineLevel="3" x14ac:dyDescent="0.2">
      <c r="A11579" s="17"/>
      <c r="B11579" s="17"/>
      <c r="C11579" s="17"/>
      <c r="D11579" s="18"/>
      <c r="E11579" s="18"/>
      <c r="F11579" s="18"/>
      <c r="G11579" s="18"/>
      <c r="H11579" s="18"/>
      <c r="I11579" s="18"/>
      <c r="J11579" s="18"/>
      <c r="K11579" s="18"/>
      <c r="L11579" s="18"/>
      <c r="M11579" s="18"/>
      <c r="N11579" s="18"/>
      <c r="O11579" s="18"/>
      <c r="P11579" s="19"/>
      <c r="Q11579" s="19"/>
      <c r="R11579" s="19"/>
      <c r="S11579" s="19"/>
      <c r="T11579" s="19"/>
      <c r="U11579" s="19"/>
      <c r="V11579" s="19"/>
      <c r="W11579" s="19"/>
      <c r="X11579" s="19"/>
      <c r="Y11579" s="19"/>
      <c r="Z11579" s="19"/>
      <c r="AA11579" s="19"/>
    </row>
    <row r="11580" spans="1:27" s="1" customFormat="1" ht="11.1" customHeight="1" outlineLevel="3" x14ac:dyDescent="0.2">
      <c r="A11580" s="17">
        <v>12352</v>
      </c>
      <c r="B11580" s="17"/>
      <c r="C11580" s="17"/>
      <c r="D11580" s="18" t="s">
        <v>5747</v>
      </c>
      <c r="E11580" s="18"/>
      <c r="F11580" s="18"/>
      <c r="G11580" s="18"/>
      <c r="H11580" s="18"/>
      <c r="I11580" s="18"/>
      <c r="J11580" s="18"/>
      <c r="K11580" s="18"/>
      <c r="L11580" s="18"/>
      <c r="M11580" s="18"/>
      <c r="N11580" s="18"/>
      <c r="O11580" s="18"/>
      <c r="P11580" s="19">
        <v>400</v>
      </c>
      <c r="Q11580" s="19"/>
      <c r="R11580" s="19"/>
      <c r="S11580" s="19"/>
      <c r="T11580" s="19">
        <v>150</v>
      </c>
      <c r="U11580" s="19"/>
      <c r="V11580" s="19"/>
      <c r="W11580" s="19"/>
      <c r="X11580" s="19">
        <v>1</v>
      </c>
      <c r="Y11580" s="19"/>
      <c r="Z11580" s="19"/>
      <c r="AA11580" s="19"/>
    </row>
    <row r="11581" spans="1:27" s="1" customFormat="1" ht="11.1" customHeight="1" outlineLevel="3" x14ac:dyDescent="0.2">
      <c r="A11581" s="17"/>
      <c r="B11581" s="17"/>
      <c r="C11581" s="17"/>
      <c r="D11581" s="18"/>
      <c r="E11581" s="18"/>
      <c r="F11581" s="18"/>
      <c r="G11581" s="18"/>
      <c r="H11581" s="18"/>
      <c r="I11581" s="18"/>
      <c r="J11581" s="18"/>
      <c r="K11581" s="18"/>
      <c r="L11581" s="18"/>
      <c r="M11581" s="18"/>
      <c r="N11581" s="18"/>
      <c r="O11581" s="18"/>
      <c r="P11581" s="19"/>
      <c r="Q11581" s="19"/>
      <c r="R11581" s="19"/>
      <c r="S11581" s="19"/>
      <c r="T11581" s="19"/>
      <c r="U11581" s="19"/>
      <c r="V11581" s="19"/>
      <c r="W11581" s="19"/>
      <c r="X11581" s="19"/>
      <c r="Y11581" s="19"/>
      <c r="Z11581" s="19"/>
      <c r="AA11581" s="19"/>
    </row>
    <row r="11582" spans="1:27" s="1" customFormat="1" ht="11.1" customHeight="1" outlineLevel="3" x14ac:dyDescent="0.2">
      <c r="A11582" s="17">
        <v>14461</v>
      </c>
      <c r="B11582" s="17"/>
      <c r="C11582" s="17"/>
      <c r="D11582" s="18" t="s">
        <v>5748</v>
      </c>
      <c r="E11582" s="18"/>
      <c r="F11582" s="18"/>
      <c r="G11582" s="18"/>
      <c r="H11582" s="18"/>
      <c r="I11582" s="18"/>
      <c r="J11582" s="18"/>
      <c r="K11582" s="18"/>
      <c r="L11582" s="18"/>
      <c r="M11582" s="18"/>
      <c r="N11582" s="18"/>
      <c r="O11582" s="18"/>
      <c r="P11582" s="19">
        <v>400</v>
      </c>
      <c r="Q11582" s="19"/>
      <c r="R11582" s="19"/>
      <c r="S11582" s="19"/>
      <c r="T11582" s="19">
        <v>150</v>
      </c>
      <c r="U11582" s="19"/>
      <c r="V11582" s="19"/>
      <c r="W11582" s="19"/>
      <c r="X11582" s="19">
        <v>3</v>
      </c>
      <c r="Y11582" s="19"/>
      <c r="Z11582" s="19"/>
      <c r="AA11582" s="19"/>
    </row>
    <row r="11583" spans="1:27" s="1" customFormat="1" ht="11.1" customHeight="1" outlineLevel="3" x14ac:dyDescent="0.2">
      <c r="A11583" s="17"/>
      <c r="B11583" s="17"/>
      <c r="C11583" s="17"/>
      <c r="D11583" s="18"/>
      <c r="E11583" s="18"/>
      <c r="F11583" s="18"/>
      <c r="G11583" s="18"/>
      <c r="H11583" s="18"/>
      <c r="I11583" s="18"/>
      <c r="J11583" s="18"/>
      <c r="K11583" s="18"/>
      <c r="L11583" s="18"/>
      <c r="M11583" s="18"/>
      <c r="N11583" s="18"/>
      <c r="O11583" s="18"/>
      <c r="P11583" s="19"/>
      <c r="Q11583" s="19"/>
      <c r="R11583" s="19"/>
      <c r="S11583" s="19"/>
      <c r="T11583" s="19"/>
      <c r="U11583" s="19"/>
      <c r="V11583" s="19"/>
      <c r="W11583" s="19"/>
      <c r="X11583" s="19"/>
      <c r="Y11583" s="19"/>
      <c r="Z11583" s="19"/>
      <c r="AA11583" s="19"/>
    </row>
    <row r="11584" spans="1:27" s="1" customFormat="1" ht="11.1" customHeight="1" outlineLevel="3" x14ac:dyDescent="0.2">
      <c r="A11584" s="17">
        <v>12353</v>
      </c>
      <c r="B11584" s="17"/>
      <c r="C11584" s="17"/>
      <c r="D11584" s="18" t="s">
        <v>5749</v>
      </c>
      <c r="E11584" s="18"/>
      <c r="F11584" s="18"/>
      <c r="G11584" s="18"/>
      <c r="H11584" s="18"/>
      <c r="I11584" s="18"/>
      <c r="J11584" s="18"/>
      <c r="K11584" s="18"/>
      <c r="L11584" s="18"/>
      <c r="M11584" s="18"/>
      <c r="N11584" s="18"/>
      <c r="O11584" s="18"/>
      <c r="P11584" s="19">
        <v>400</v>
      </c>
      <c r="Q11584" s="19"/>
      <c r="R11584" s="19"/>
      <c r="S11584" s="19"/>
      <c r="T11584" s="19">
        <v>150</v>
      </c>
      <c r="U11584" s="19"/>
      <c r="V11584" s="19"/>
      <c r="W11584" s="19"/>
      <c r="X11584" s="19">
        <v>1</v>
      </c>
      <c r="Y11584" s="19"/>
      <c r="Z11584" s="19"/>
      <c r="AA11584" s="19"/>
    </row>
    <row r="11585" spans="1:27" s="1" customFormat="1" ht="11.1" customHeight="1" outlineLevel="3" x14ac:dyDescent="0.2">
      <c r="A11585" s="17"/>
      <c r="B11585" s="17"/>
      <c r="C11585" s="17"/>
      <c r="D11585" s="18"/>
      <c r="E11585" s="18"/>
      <c r="F11585" s="18"/>
      <c r="G11585" s="18"/>
      <c r="H11585" s="18"/>
      <c r="I11585" s="18"/>
      <c r="J11585" s="18"/>
      <c r="K11585" s="18"/>
      <c r="L11585" s="18"/>
      <c r="M11585" s="18"/>
      <c r="N11585" s="18"/>
      <c r="O11585" s="18"/>
      <c r="P11585" s="19"/>
      <c r="Q11585" s="19"/>
      <c r="R11585" s="19"/>
      <c r="S11585" s="19"/>
      <c r="T11585" s="19"/>
      <c r="U11585" s="19"/>
      <c r="V11585" s="19"/>
      <c r="W11585" s="19"/>
      <c r="X11585" s="19"/>
      <c r="Y11585" s="19"/>
      <c r="Z11585" s="19"/>
      <c r="AA11585" s="19"/>
    </row>
    <row r="11586" spans="1:27" s="1" customFormat="1" ht="11.1" customHeight="1" outlineLevel="3" x14ac:dyDescent="0.2">
      <c r="A11586" s="17">
        <v>14467</v>
      </c>
      <c r="B11586" s="17"/>
      <c r="C11586" s="17"/>
      <c r="D11586" s="18" t="s">
        <v>5750</v>
      </c>
      <c r="E11586" s="18"/>
      <c r="F11586" s="18"/>
      <c r="G11586" s="18"/>
      <c r="H11586" s="18"/>
      <c r="I11586" s="18"/>
      <c r="J11586" s="18"/>
      <c r="K11586" s="18"/>
      <c r="L11586" s="18"/>
      <c r="M11586" s="18"/>
      <c r="N11586" s="18"/>
      <c r="O11586" s="18"/>
      <c r="P11586" s="19">
        <v>400</v>
      </c>
      <c r="Q11586" s="19"/>
      <c r="R11586" s="19"/>
      <c r="S11586" s="19"/>
      <c r="T11586" s="19">
        <v>150</v>
      </c>
      <c r="U11586" s="19"/>
      <c r="V11586" s="19"/>
      <c r="W11586" s="19"/>
      <c r="X11586" s="19">
        <v>1</v>
      </c>
      <c r="Y11586" s="19"/>
      <c r="Z11586" s="19"/>
      <c r="AA11586" s="19"/>
    </row>
    <row r="11587" spans="1:27" s="1" customFormat="1" ht="11.1" customHeight="1" outlineLevel="3" x14ac:dyDescent="0.2">
      <c r="A11587" s="17"/>
      <c r="B11587" s="17"/>
      <c r="C11587" s="17"/>
      <c r="D11587" s="18"/>
      <c r="E11587" s="18"/>
      <c r="F11587" s="18"/>
      <c r="G11587" s="18"/>
      <c r="H11587" s="18"/>
      <c r="I11587" s="18"/>
      <c r="J11587" s="18"/>
      <c r="K11587" s="18"/>
      <c r="L11587" s="18"/>
      <c r="M11587" s="18"/>
      <c r="N11587" s="18"/>
      <c r="O11587" s="18"/>
      <c r="P11587" s="19"/>
      <c r="Q11587" s="19"/>
      <c r="R11587" s="19"/>
      <c r="S11587" s="19"/>
      <c r="T11587" s="19"/>
      <c r="U11587" s="19"/>
      <c r="V11587" s="19"/>
      <c r="W11587" s="19"/>
      <c r="X11587" s="19"/>
      <c r="Y11587" s="19"/>
      <c r="Z11587" s="19"/>
      <c r="AA11587" s="19"/>
    </row>
    <row r="11588" spans="1:27" s="1" customFormat="1" ht="11.1" customHeight="1" outlineLevel="3" x14ac:dyDescent="0.2">
      <c r="A11588" s="17">
        <v>17666</v>
      </c>
      <c r="B11588" s="17"/>
      <c r="C11588" s="17"/>
      <c r="D11588" s="18" t="s">
        <v>5751</v>
      </c>
      <c r="E11588" s="18"/>
      <c r="F11588" s="18"/>
      <c r="G11588" s="18"/>
      <c r="H11588" s="18"/>
      <c r="I11588" s="18"/>
      <c r="J11588" s="18"/>
      <c r="K11588" s="18"/>
      <c r="L11588" s="18"/>
      <c r="M11588" s="18"/>
      <c r="N11588" s="18"/>
      <c r="O11588" s="18"/>
      <c r="P11588" s="19">
        <v>400</v>
      </c>
      <c r="Q11588" s="19"/>
      <c r="R11588" s="19"/>
      <c r="S11588" s="19"/>
      <c r="T11588" s="19">
        <v>150</v>
      </c>
      <c r="U11588" s="19"/>
      <c r="V11588" s="19"/>
      <c r="W11588" s="19"/>
      <c r="X11588" s="19">
        <v>1</v>
      </c>
      <c r="Y11588" s="19"/>
      <c r="Z11588" s="19"/>
      <c r="AA11588" s="19"/>
    </row>
    <row r="11589" spans="1:27" s="1" customFormat="1" ht="11.1" customHeight="1" outlineLevel="3" x14ac:dyDescent="0.2">
      <c r="A11589" s="17"/>
      <c r="B11589" s="17"/>
      <c r="C11589" s="17"/>
      <c r="D11589" s="18"/>
      <c r="E11589" s="18"/>
      <c r="F11589" s="18"/>
      <c r="G11589" s="18"/>
      <c r="H11589" s="18"/>
      <c r="I11589" s="18"/>
      <c r="J11589" s="18"/>
      <c r="K11589" s="18"/>
      <c r="L11589" s="18"/>
      <c r="M11589" s="18"/>
      <c r="N11589" s="18"/>
      <c r="O11589" s="18"/>
      <c r="P11589" s="19"/>
      <c r="Q11589" s="19"/>
      <c r="R11589" s="19"/>
      <c r="S11589" s="19"/>
      <c r="T11589" s="19"/>
      <c r="U11589" s="19"/>
      <c r="V11589" s="19"/>
      <c r="W11589" s="19"/>
      <c r="X11589" s="19"/>
      <c r="Y11589" s="19"/>
      <c r="Z11589" s="19"/>
      <c r="AA11589" s="19"/>
    </row>
    <row r="11590" spans="1:27" s="1" customFormat="1" ht="11.1" customHeight="1" outlineLevel="3" x14ac:dyDescent="0.2">
      <c r="A11590" s="17">
        <v>14466</v>
      </c>
      <c r="B11590" s="17"/>
      <c r="C11590" s="17"/>
      <c r="D11590" s="18" t="s">
        <v>5752</v>
      </c>
      <c r="E11590" s="18"/>
      <c r="F11590" s="18"/>
      <c r="G11590" s="18"/>
      <c r="H11590" s="18"/>
      <c r="I11590" s="18"/>
      <c r="J11590" s="18"/>
      <c r="K11590" s="18"/>
      <c r="L11590" s="18"/>
      <c r="M11590" s="18"/>
      <c r="N11590" s="18"/>
      <c r="O11590" s="18"/>
      <c r="P11590" s="19">
        <v>400</v>
      </c>
      <c r="Q11590" s="19"/>
      <c r="R11590" s="19"/>
      <c r="S11590" s="19"/>
      <c r="T11590" s="19">
        <v>150</v>
      </c>
      <c r="U11590" s="19"/>
      <c r="V11590" s="19"/>
      <c r="W11590" s="19"/>
      <c r="X11590" s="19">
        <v>-1</v>
      </c>
      <c r="Y11590" s="19"/>
      <c r="Z11590" s="19"/>
      <c r="AA11590" s="19"/>
    </row>
    <row r="11591" spans="1:27" s="1" customFormat="1" ht="11.1" customHeight="1" outlineLevel="3" x14ac:dyDescent="0.2">
      <c r="A11591" s="17"/>
      <c r="B11591" s="17"/>
      <c r="C11591" s="17"/>
      <c r="D11591" s="18"/>
      <c r="E11591" s="18"/>
      <c r="F11591" s="18"/>
      <c r="G11591" s="18"/>
      <c r="H11591" s="18"/>
      <c r="I11591" s="18"/>
      <c r="J11591" s="18"/>
      <c r="K11591" s="18"/>
      <c r="L11591" s="18"/>
      <c r="M11591" s="18"/>
      <c r="N11591" s="18"/>
      <c r="O11591" s="18"/>
      <c r="P11591" s="19"/>
      <c r="Q11591" s="19"/>
      <c r="R11591" s="19"/>
      <c r="S11591" s="19"/>
      <c r="T11591" s="19"/>
      <c r="U11591" s="19"/>
      <c r="V11591" s="19"/>
      <c r="W11591" s="19"/>
      <c r="X11591" s="19"/>
      <c r="Y11591" s="19"/>
      <c r="Z11591" s="19"/>
      <c r="AA11591" s="19"/>
    </row>
    <row r="11592" spans="1:27" s="1" customFormat="1" ht="11.1" customHeight="1" outlineLevel="3" x14ac:dyDescent="0.2">
      <c r="A11592" s="17">
        <v>17665</v>
      </c>
      <c r="B11592" s="17"/>
      <c r="C11592" s="17"/>
      <c r="D11592" s="18" t="s">
        <v>5753</v>
      </c>
      <c r="E11592" s="18"/>
      <c r="F11592" s="18"/>
      <c r="G11592" s="18"/>
      <c r="H11592" s="18"/>
      <c r="I11592" s="18"/>
      <c r="J11592" s="18"/>
      <c r="K11592" s="18"/>
      <c r="L11592" s="18"/>
      <c r="M11592" s="18"/>
      <c r="N11592" s="18"/>
      <c r="O11592" s="18"/>
      <c r="P11592" s="19">
        <v>400</v>
      </c>
      <c r="Q11592" s="19"/>
      <c r="R11592" s="19"/>
      <c r="S11592" s="19"/>
      <c r="T11592" s="19">
        <v>150</v>
      </c>
      <c r="U11592" s="19"/>
      <c r="V11592" s="19"/>
      <c r="W11592" s="19"/>
      <c r="X11592" s="19">
        <v>1</v>
      </c>
      <c r="Y11592" s="19"/>
      <c r="Z11592" s="19"/>
      <c r="AA11592" s="19"/>
    </row>
    <row r="11593" spans="1:27" s="1" customFormat="1" ht="11.1" customHeight="1" outlineLevel="3" x14ac:dyDescent="0.2">
      <c r="A11593" s="17"/>
      <c r="B11593" s="17"/>
      <c r="C11593" s="17"/>
      <c r="D11593" s="18"/>
      <c r="E11593" s="18"/>
      <c r="F11593" s="18"/>
      <c r="G11593" s="18"/>
      <c r="H11593" s="18"/>
      <c r="I11593" s="18"/>
      <c r="J11593" s="18"/>
      <c r="K11593" s="18"/>
      <c r="L11593" s="18"/>
      <c r="M11593" s="18"/>
      <c r="N11593" s="18"/>
      <c r="O11593" s="18"/>
      <c r="P11593" s="19"/>
      <c r="Q11593" s="19"/>
      <c r="R11593" s="19"/>
      <c r="S11593" s="19"/>
      <c r="T11593" s="19"/>
      <c r="U11593" s="19"/>
      <c r="V11593" s="19"/>
      <c r="W11593" s="19"/>
      <c r="X11593" s="19"/>
      <c r="Y11593" s="19"/>
      <c r="Z11593" s="19"/>
      <c r="AA11593" s="19"/>
    </row>
    <row r="11594" spans="1:27" s="1" customFormat="1" ht="11.1" customHeight="1" outlineLevel="3" x14ac:dyDescent="0.2">
      <c r="A11594" s="17">
        <v>14463</v>
      </c>
      <c r="B11594" s="17"/>
      <c r="C11594" s="17"/>
      <c r="D11594" s="18" t="s">
        <v>5754</v>
      </c>
      <c r="E11594" s="18"/>
      <c r="F11594" s="18"/>
      <c r="G11594" s="18"/>
      <c r="H11594" s="18"/>
      <c r="I11594" s="18"/>
      <c r="J11594" s="18"/>
      <c r="K11594" s="18"/>
      <c r="L11594" s="18"/>
      <c r="M11594" s="18"/>
      <c r="N11594" s="18"/>
      <c r="O11594" s="18"/>
      <c r="P11594" s="19">
        <v>400</v>
      </c>
      <c r="Q11594" s="19"/>
      <c r="R11594" s="19"/>
      <c r="S11594" s="19"/>
      <c r="T11594" s="19">
        <v>150</v>
      </c>
      <c r="U11594" s="19"/>
      <c r="V11594" s="19"/>
      <c r="W11594" s="19"/>
      <c r="X11594" s="19">
        <v>1</v>
      </c>
      <c r="Y11594" s="19"/>
      <c r="Z11594" s="19"/>
      <c r="AA11594" s="19"/>
    </row>
    <row r="11595" spans="1:27" s="1" customFormat="1" ht="11.1" customHeight="1" outlineLevel="3" x14ac:dyDescent="0.2">
      <c r="A11595" s="17"/>
      <c r="B11595" s="17"/>
      <c r="C11595" s="17"/>
      <c r="D11595" s="18"/>
      <c r="E11595" s="18"/>
      <c r="F11595" s="18"/>
      <c r="G11595" s="18"/>
      <c r="H11595" s="18"/>
      <c r="I11595" s="18"/>
      <c r="J11595" s="18"/>
      <c r="K11595" s="18"/>
      <c r="L11595" s="18"/>
      <c r="M11595" s="18"/>
      <c r="N11595" s="18"/>
      <c r="O11595" s="18"/>
      <c r="P11595" s="19"/>
      <c r="Q11595" s="19"/>
      <c r="R11595" s="19"/>
      <c r="S11595" s="19"/>
      <c r="T11595" s="19"/>
      <c r="U11595" s="19"/>
      <c r="V11595" s="19"/>
      <c r="W11595" s="19"/>
      <c r="X11595" s="19"/>
      <c r="Y11595" s="19"/>
      <c r="Z11595" s="19"/>
      <c r="AA11595" s="19"/>
    </row>
    <row r="11596" spans="1:27" s="1" customFormat="1" ht="11.1" customHeight="1" outlineLevel="3" x14ac:dyDescent="0.2">
      <c r="A11596" s="17">
        <v>14462</v>
      </c>
      <c r="B11596" s="17"/>
      <c r="C11596" s="17"/>
      <c r="D11596" s="18" t="s">
        <v>5755</v>
      </c>
      <c r="E11596" s="18"/>
      <c r="F11596" s="18"/>
      <c r="G11596" s="18"/>
      <c r="H11596" s="18"/>
      <c r="I11596" s="18"/>
      <c r="J11596" s="18"/>
      <c r="K11596" s="18"/>
      <c r="L11596" s="18"/>
      <c r="M11596" s="18"/>
      <c r="N11596" s="18"/>
      <c r="O11596" s="18"/>
      <c r="P11596" s="19">
        <v>400</v>
      </c>
      <c r="Q11596" s="19"/>
      <c r="R11596" s="19"/>
      <c r="S11596" s="19"/>
      <c r="T11596" s="19">
        <v>150</v>
      </c>
      <c r="U11596" s="19"/>
      <c r="V11596" s="19"/>
      <c r="W11596" s="19"/>
      <c r="X11596" s="19">
        <v>3</v>
      </c>
      <c r="Y11596" s="19"/>
      <c r="Z11596" s="19"/>
      <c r="AA11596" s="19"/>
    </row>
    <row r="11597" spans="1:27" s="1" customFormat="1" ht="11.1" customHeight="1" outlineLevel="3" x14ac:dyDescent="0.2">
      <c r="A11597" s="17"/>
      <c r="B11597" s="17"/>
      <c r="C11597" s="17"/>
      <c r="D11597" s="18"/>
      <c r="E11597" s="18"/>
      <c r="F11597" s="18"/>
      <c r="G11597" s="18"/>
      <c r="H11597" s="18"/>
      <c r="I11597" s="18"/>
      <c r="J11597" s="18"/>
      <c r="K11597" s="18"/>
      <c r="L11597" s="18"/>
      <c r="M11597" s="18"/>
      <c r="N11597" s="18"/>
      <c r="O11597" s="18"/>
      <c r="P11597" s="19"/>
      <c r="Q11597" s="19"/>
      <c r="R11597" s="19"/>
      <c r="S11597" s="19"/>
      <c r="T11597" s="19"/>
      <c r="U11597" s="19"/>
      <c r="V11597" s="19"/>
      <c r="W11597" s="19"/>
      <c r="X11597" s="19"/>
      <c r="Y11597" s="19"/>
      <c r="Z11597" s="19"/>
      <c r="AA11597" s="19"/>
    </row>
    <row r="11598" spans="1:27" s="1" customFormat="1" ht="11.1" customHeight="1" outlineLevel="3" x14ac:dyDescent="0.2">
      <c r="A11598" s="17">
        <v>17663</v>
      </c>
      <c r="B11598" s="17"/>
      <c r="C11598" s="17"/>
      <c r="D11598" s="18" t="s">
        <v>5756</v>
      </c>
      <c r="E11598" s="18"/>
      <c r="F11598" s="18"/>
      <c r="G11598" s="18"/>
      <c r="H11598" s="18"/>
      <c r="I11598" s="18"/>
      <c r="J11598" s="18"/>
      <c r="K11598" s="18"/>
      <c r="L11598" s="18"/>
      <c r="M11598" s="18"/>
      <c r="N11598" s="18"/>
      <c r="O11598" s="18"/>
      <c r="P11598" s="19">
        <v>400</v>
      </c>
      <c r="Q11598" s="19"/>
      <c r="R11598" s="19"/>
      <c r="S11598" s="19"/>
      <c r="T11598" s="19">
        <v>150</v>
      </c>
      <c r="U11598" s="19"/>
      <c r="V11598" s="19"/>
      <c r="W11598" s="19"/>
      <c r="X11598" s="19">
        <v>1</v>
      </c>
      <c r="Y11598" s="19"/>
      <c r="Z11598" s="19"/>
      <c r="AA11598" s="19"/>
    </row>
    <row r="11599" spans="1:27" s="1" customFormat="1" ht="11.1" customHeight="1" outlineLevel="3" x14ac:dyDescent="0.2">
      <c r="A11599" s="17"/>
      <c r="B11599" s="17"/>
      <c r="C11599" s="17"/>
      <c r="D11599" s="18"/>
      <c r="E11599" s="18"/>
      <c r="F11599" s="18"/>
      <c r="G11599" s="18"/>
      <c r="H11599" s="18"/>
      <c r="I11599" s="18"/>
      <c r="J11599" s="18"/>
      <c r="K11599" s="18"/>
      <c r="L11599" s="18"/>
      <c r="M11599" s="18"/>
      <c r="N11599" s="18"/>
      <c r="O11599" s="18"/>
      <c r="P11599" s="19"/>
      <c r="Q11599" s="19"/>
      <c r="R11599" s="19"/>
      <c r="S11599" s="19"/>
      <c r="T11599" s="19"/>
      <c r="U11599" s="19"/>
      <c r="V11599" s="19"/>
      <c r="W11599" s="19"/>
      <c r="X11599" s="19"/>
      <c r="Y11599" s="19"/>
      <c r="Z11599" s="19"/>
      <c r="AA11599" s="19"/>
    </row>
    <row r="11600" spans="1:27" s="1" customFormat="1" ht="11.1" customHeight="1" outlineLevel="3" x14ac:dyDescent="0.2">
      <c r="A11600" s="17">
        <v>14465</v>
      </c>
      <c r="B11600" s="17"/>
      <c r="C11600" s="17"/>
      <c r="D11600" s="18" t="s">
        <v>5757</v>
      </c>
      <c r="E11600" s="18"/>
      <c r="F11600" s="18"/>
      <c r="G11600" s="18"/>
      <c r="H11600" s="18"/>
      <c r="I11600" s="18"/>
      <c r="J11600" s="18"/>
      <c r="K11600" s="18"/>
      <c r="L11600" s="18"/>
      <c r="M11600" s="18"/>
      <c r="N11600" s="18"/>
      <c r="O11600" s="18"/>
      <c r="P11600" s="19">
        <v>400</v>
      </c>
      <c r="Q11600" s="19"/>
      <c r="R11600" s="19"/>
      <c r="S11600" s="19"/>
      <c r="T11600" s="19">
        <v>150</v>
      </c>
      <c r="U11600" s="19"/>
      <c r="V11600" s="19"/>
      <c r="W11600" s="19"/>
      <c r="X11600" s="19">
        <v>1</v>
      </c>
      <c r="Y11600" s="19"/>
      <c r="Z11600" s="19"/>
      <c r="AA11600" s="19"/>
    </row>
    <row r="11601" spans="1:27" s="1" customFormat="1" ht="11.1" customHeight="1" outlineLevel="3" x14ac:dyDescent="0.2">
      <c r="A11601" s="17"/>
      <c r="B11601" s="17"/>
      <c r="C11601" s="17"/>
      <c r="D11601" s="18"/>
      <c r="E11601" s="18"/>
      <c r="F11601" s="18"/>
      <c r="G11601" s="18"/>
      <c r="H11601" s="18"/>
      <c r="I11601" s="18"/>
      <c r="J11601" s="18"/>
      <c r="K11601" s="18"/>
      <c r="L11601" s="18"/>
      <c r="M11601" s="18"/>
      <c r="N11601" s="18"/>
      <c r="O11601" s="18"/>
      <c r="P11601" s="19"/>
      <c r="Q11601" s="19"/>
      <c r="R11601" s="19"/>
      <c r="S11601" s="19"/>
      <c r="T11601" s="19"/>
      <c r="U11601" s="19"/>
      <c r="V11601" s="19"/>
      <c r="W11601" s="19"/>
      <c r="X11601" s="19"/>
      <c r="Y11601" s="19"/>
      <c r="Z11601" s="19"/>
      <c r="AA11601" s="19"/>
    </row>
    <row r="11602" spans="1:27" s="1" customFormat="1" ht="11.1" customHeight="1" outlineLevel="3" x14ac:dyDescent="0.2">
      <c r="A11602" s="17">
        <v>17664</v>
      </c>
      <c r="B11602" s="17"/>
      <c r="C11602" s="17"/>
      <c r="D11602" s="18" t="s">
        <v>5758</v>
      </c>
      <c r="E11602" s="18"/>
      <c r="F11602" s="18"/>
      <c r="G11602" s="18"/>
      <c r="H11602" s="18"/>
      <c r="I11602" s="18"/>
      <c r="J11602" s="18"/>
      <c r="K11602" s="18"/>
      <c r="L11602" s="18"/>
      <c r="M11602" s="18"/>
      <c r="N11602" s="18"/>
      <c r="O11602" s="18"/>
      <c r="P11602" s="19">
        <v>400</v>
      </c>
      <c r="Q11602" s="19"/>
      <c r="R11602" s="19"/>
      <c r="S11602" s="19"/>
      <c r="T11602" s="19">
        <v>150</v>
      </c>
      <c r="U11602" s="19"/>
      <c r="V11602" s="19"/>
      <c r="W11602" s="19"/>
      <c r="X11602" s="19">
        <v>1</v>
      </c>
      <c r="Y11602" s="19"/>
      <c r="Z11602" s="19"/>
      <c r="AA11602" s="19"/>
    </row>
    <row r="11603" spans="1:27" s="1" customFormat="1" ht="11.1" customHeight="1" outlineLevel="3" x14ac:dyDescent="0.2">
      <c r="A11603" s="17"/>
      <c r="B11603" s="17"/>
      <c r="C11603" s="17"/>
      <c r="D11603" s="18"/>
      <c r="E11603" s="18"/>
      <c r="F11603" s="18"/>
      <c r="G11603" s="18"/>
      <c r="H11603" s="18"/>
      <c r="I11603" s="18"/>
      <c r="J11603" s="18"/>
      <c r="K11603" s="18"/>
      <c r="L11603" s="18"/>
      <c r="M11603" s="18"/>
      <c r="N11603" s="18"/>
      <c r="O11603" s="18"/>
      <c r="P11603" s="19"/>
      <c r="Q11603" s="19"/>
      <c r="R11603" s="19"/>
      <c r="S11603" s="19"/>
      <c r="T11603" s="19"/>
      <c r="U11603" s="19"/>
      <c r="V11603" s="19"/>
      <c r="W11603" s="19"/>
      <c r="X11603" s="19"/>
      <c r="Y11603" s="19"/>
      <c r="Z11603" s="19"/>
      <c r="AA11603" s="19"/>
    </row>
    <row r="11604" spans="1:27" s="1" customFormat="1" ht="11.1" customHeight="1" outlineLevel="3" x14ac:dyDescent="0.2">
      <c r="A11604" s="17">
        <v>14492</v>
      </c>
      <c r="B11604" s="17"/>
      <c r="C11604" s="17"/>
      <c r="D11604" s="18" t="s">
        <v>5759</v>
      </c>
      <c r="E11604" s="18"/>
      <c r="F11604" s="18"/>
      <c r="G11604" s="18"/>
      <c r="H11604" s="18"/>
      <c r="I11604" s="18"/>
      <c r="J11604" s="18"/>
      <c r="K11604" s="18"/>
      <c r="L11604" s="18"/>
      <c r="M11604" s="18"/>
      <c r="N11604" s="18"/>
      <c r="O11604" s="18"/>
      <c r="P11604" s="19">
        <v>400</v>
      </c>
      <c r="Q11604" s="19"/>
      <c r="R11604" s="19"/>
      <c r="S11604" s="19"/>
      <c r="T11604" s="19">
        <v>150</v>
      </c>
      <c r="U11604" s="19"/>
      <c r="V11604" s="19"/>
      <c r="W11604" s="19"/>
      <c r="X11604" s="19">
        <v>1</v>
      </c>
      <c r="Y11604" s="19"/>
      <c r="Z11604" s="19"/>
      <c r="AA11604" s="19"/>
    </row>
    <row r="11605" spans="1:27" s="1" customFormat="1" ht="11.1" customHeight="1" outlineLevel="3" x14ac:dyDescent="0.2">
      <c r="A11605" s="17"/>
      <c r="B11605" s="17"/>
      <c r="C11605" s="17"/>
      <c r="D11605" s="18"/>
      <c r="E11605" s="18"/>
      <c r="F11605" s="18"/>
      <c r="G11605" s="18"/>
      <c r="H11605" s="18"/>
      <c r="I11605" s="18"/>
      <c r="J11605" s="18"/>
      <c r="K11605" s="18"/>
      <c r="L11605" s="18"/>
      <c r="M11605" s="18"/>
      <c r="N11605" s="18"/>
      <c r="O11605" s="18"/>
      <c r="P11605" s="19"/>
      <c r="Q11605" s="19"/>
      <c r="R11605" s="19"/>
      <c r="S11605" s="19"/>
      <c r="T11605" s="19"/>
      <c r="U11605" s="19"/>
      <c r="V11605" s="19"/>
      <c r="W11605" s="19"/>
      <c r="X11605" s="19"/>
      <c r="Y11605" s="19"/>
      <c r="Z11605" s="19"/>
      <c r="AA11605" s="19"/>
    </row>
    <row r="11606" spans="1:27" s="1" customFormat="1" ht="11.1" customHeight="1" outlineLevel="3" x14ac:dyDescent="0.2">
      <c r="A11606" s="17">
        <v>14496</v>
      </c>
      <c r="B11606" s="17"/>
      <c r="C11606" s="17"/>
      <c r="D11606" s="18" t="s">
        <v>5760</v>
      </c>
      <c r="E11606" s="18"/>
      <c r="F11606" s="18"/>
      <c r="G11606" s="18"/>
      <c r="H11606" s="18"/>
      <c r="I11606" s="18"/>
      <c r="J11606" s="18"/>
      <c r="K11606" s="18"/>
      <c r="L11606" s="18"/>
      <c r="M11606" s="18"/>
      <c r="N11606" s="18"/>
      <c r="O11606" s="18"/>
      <c r="P11606" s="19">
        <v>400</v>
      </c>
      <c r="Q11606" s="19"/>
      <c r="R11606" s="19"/>
      <c r="S11606" s="19"/>
      <c r="T11606" s="19">
        <v>150</v>
      </c>
      <c r="U11606" s="19"/>
      <c r="V11606" s="19"/>
      <c r="W11606" s="19"/>
      <c r="X11606" s="19">
        <v>1</v>
      </c>
      <c r="Y11606" s="19"/>
      <c r="Z11606" s="19"/>
      <c r="AA11606" s="19"/>
    </row>
    <row r="11607" spans="1:27" s="1" customFormat="1" ht="11.1" customHeight="1" outlineLevel="3" x14ac:dyDescent="0.2">
      <c r="A11607" s="17"/>
      <c r="B11607" s="17"/>
      <c r="C11607" s="17"/>
      <c r="D11607" s="18"/>
      <c r="E11607" s="18"/>
      <c r="F11607" s="18"/>
      <c r="G11607" s="18"/>
      <c r="H11607" s="18"/>
      <c r="I11607" s="18"/>
      <c r="J11607" s="18"/>
      <c r="K11607" s="18"/>
      <c r="L11607" s="18"/>
      <c r="M11607" s="18"/>
      <c r="N11607" s="18"/>
      <c r="O11607" s="18"/>
      <c r="P11607" s="19"/>
      <c r="Q11607" s="19"/>
      <c r="R11607" s="19"/>
      <c r="S11607" s="19"/>
      <c r="T11607" s="19"/>
      <c r="U11607" s="19"/>
      <c r="V11607" s="19"/>
      <c r="W11607" s="19"/>
      <c r="X11607" s="19"/>
      <c r="Y11607" s="19"/>
      <c r="Z11607" s="19"/>
      <c r="AA11607" s="19"/>
    </row>
    <row r="11608" spans="1:27" s="1" customFormat="1" ht="11.1" customHeight="1" outlineLevel="3" x14ac:dyDescent="0.2">
      <c r="A11608" s="17">
        <v>14501</v>
      </c>
      <c r="B11608" s="17"/>
      <c r="C11608" s="17"/>
      <c r="D11608" s="18" t="s">
        <v>5761</v>
      </c>
      <c r="E11608" s="18"/>
      <c r="F11608" s="18"/>
      <c r="G11608" s="18"/>
      <c r="H11608" s="18"/>
      <c r="I11608" s="18"/>
      <c r="J11608" s="18"/>
      <c r="K11608" s="18"/>
      <c r="L11608" s="18"/>
      <c r="M11608" s="18"/>
      <c r="N11608" s="18"/>
      <c r="O11608" s="18"/>
      <c r="P11608" s="19">
        <v>400</v>
      </c>
      <c r="Q11608" s="19"/>
      <c r="R11608" s="19"/>
      <c r="S11608" s="19"/>
      <c r="T11608" s="19">
        <v>150</v>
      </c>
      <c r="U11608" s="19"/>
      <c r="V11608" s="19"/>
      <c r="W11608" s="19"/>
      <c r="X11608" s="19">
        <v>1</v>
      </c>
      <c r="Y11608" s="19"/>
      <c r="Z11608" s="19"/>
      <c r="AA11608" s="19"/>
    </row>
    <row r="11609" spans="1:27" s="1" customFormat="1" ht="11.1" customHeight="1" outlineLevel="3" x14ac:dyDescent="0.2">
      <c r="A11609" s="17"/>
      <c r="B11609" s="17"/>
      <c r="C11609" s="17"/>
      <c r="D11609" s="18"/>
      <c r="E11609" s="18"/>
      <c r="F11609" s="18"/>
      <c r="G11609" s="18"/>
      <c r="H11609" s="18"/>
      <c r="I11609" s="18"/>
      <c r="J11609" s="18"/>
      <c r="K11609" s="18"/>
      <c r="L11609" s="18"/>
      <c r="M11609" s="18"/>
      <c r="N11609" s="18"/>
      <c r="O11609" s="18"/>
      <c r="P11609" s="19"/>
      <c r="Q11609" s="19"/>
      <c r="R11609" s="19"/>
      <c r="S11609" s="19"/>
      <c r="T11609" s="19"/>
      <c r="U11609" s="19"/>
      <c r="V11609" s="19"/>
      <c r="W11609" s="19"/>
      <c r="X11609" s="19"/>
      <c r="Y11609" s="19"/>
      <c r="Z11609" s="19"/>
      <c r="AA11609" s="19"/>
    </row>
    <row r="11610" spans="1:27" s="1" customFormat="1" ht="11.1" customHeight="1" outlineLevel="3" x14ac:dyDescent="0.2">
      <c r="A11610" s="17">
        <v>14493</v>
      </c>
      <c r="B11610" s="17"/>
      <c r="C11610" s="17"/>
      <c r="D11610" s="18" t="s">
        <v>5762</v>
      </c>
      <c r="E11610" s="18"/>
      <c r="F11610" s="18"/>
      <c r="G11610" s="18"/>
      <c r="H11610" s="18"/>
      <c r="I11610" s="18"/>
      <c r="J11610" s="18"/>
      <c r="K11610" s="18"/>
      <c r="L11610" s="18"/>
      <c r="M11610" s="18"/>
      <c r="N11610" s="18"/>
      <c r="O11610" s="18"/>
      <c r="P11610" s="19">
        <v>400</v>
      </c>
      <c r="Q11610" s="19"/>
      <c r="R11610" s="19"/>
      <c r="S11610" s="19"/>
      <c r="T11610" s="19">
        <v>150</v>
      </c>
      <c r="U11610" s="19"/>
      <c r="V11610" s="19"/>
      <c r="W11610" s="19"/>
      <c r="X11610" s="19">
        <v>1</v>
      </c>
      <c r="Y11610" s="19"/>
      <c r="Z11610" s="19"/>
      <c r="AA11610" s="19"/>
    </row>
    <row r="11611" spans="1:27" s="1" customFormat="1" ht="11.1" customHeight="1" outlineLevel="3" x14ac:dyDescent="0.2">
      <c r="A11611" s="17"/>
      <c r="B11611" s="17"/>
      <c r="C11611" s="17"/>
      <c r="D11611" s="18"/>
      <c r="E11611" s="18"/>
      <c r="F11611" s="18"/>
      <c r="G11611" s="18"/>
      <c r="H11611" s="18"/>
      <c r="I11611" s="18"/>
      <c r="J11611" s="18"/>
      <c r="K11611" s="18"/>
      <c r="L11611" s="18"/>
      <c r="M11611" s="18"/>
      <c r="N11611" s="18"/>
      <c r="O11611" s="18"/>
      <c r="P11611" s="19"/>
      <c r="Q11611" s="19"/>
      <c r="R11611" s="19"/>
      <c r="S11611" s="19"/>
      <c r="T11611" s="19"/>
      <c r="U11611" s="19"/>
      <c r="V11611" s="19"/>
      <c r="W11611" s="19"/>
      <c r="X11611" s="19"/>
      <c r="Y11611" s="19"/>
      <c r="Z11611" s="19"/>
      <c r="AA11611" s="19"/>
    </row>
    <row r="11612" spans="1:27" s="1" customFormat="1" ht="11.1" customHeight="1" outlineLevel="3" x14ac:dyDescent="0.2">
      <c r="A11612" s="17">
        <v>14473</v>
      </c>
      <c r="B11612" s="17"/>
      <c r="C11612" s="17"/>
      <c r="D11612" s="18" t="s">
        <v>5763</v>
      </c>
      <c r="E11612" s="18"/>
      <c r="F11612" s="18"/>
      <c r="G11612" s="18"/>
      <c r="H11612" s="18"/>
      <c r="I11612" s="18"/>
      <c r="J11612" s="18"/>
      <c r="K11612" s="18"/>
      <c r="L11612" s="18"/>
      <c r="M11612" s="18"/>
      <c r="N11612" s="18"/>
      <c r="O11612" s="18"/>
      <c r="P11612" s="19">
        <v>400</v>
      </c>
      <c r="Q11612" s="19"/>
      <c r="R11612" s="19"/>
      <c r="S11612" s="19"/>
      <c r="T11612" s="19">
        <v>150</v>
      </c>
      <c r="U11612" s="19"/>
      <c r="V11612" s="19"/>
      <c r="W11612" s="19"/>
      <c r="X11612" s="19">
        <v>1</v>
      </c>
      <c r="Y11612" s="19"/>
      <c r="Z11612" s="19"/>
      <c r="AA11612" s="19"/>
    </row>
    <row r="11613" spans="1:27" s="1" customFormat="1" ht="11.1" customHeight="1" outlineLevel="3" x14ac:dyDescent="0.2">
      <c r="A11613" s="17"/>
      <c r="B11613" s="17"/>
      <c r="C11613" s="17"/>
      <c r="D11613" s="18"/>
      <c r="E11613" s="18"/>
      <c r="F11613" s="18"/>
      <c r="G11613" s="18"/>
      <c r="H11613" s="18"/>
      <c r="I11613" s="18"/>
      <c r="J11613" s="18"/>
      <c r="K11613" s="18"/>
      <c r="L11613" s="18"/>
      <c r="M11613" s="18"/>
      <c r="N11613" s="18"/>
      <c r="O11613" s="18"/>
      <c r="P11613" s="19"/>
      <c r="Q11613" s="19"/>
      <c r="R11613" s="19"/>
      <c r="S11613" s="19"/>
      <c r="T11613" s="19"/>
      <c r="U11613" s="19"/>
      <c r="V11613" s="19"/>
      <c r="W11613" s="19"/>
      <c r="X11613" s="19"/>
      <c r="Y11613" s="19"/>
      <c r="Z11613" s="19"/>
      <c r="AA11613" s="19"/>
    </row>
    <row r="11614" spans="1:27" s="1" customFormat="1" ht="11.1" customHeight="1" outlineLevel="3" x14ac:dyDescent="0.2">
      <c r="A11614" s="17">
        <v>14478</v>
      </c>
      <c r="B11614" s="17"/>
      <c r="C11614" s="17"/>
      <c r="D11614" s="18" t="s">
        <v>5764</v>
      </c>
      <c r="E11614" s="18"/>
      <c r="F11614" s="18"/>
      <c r="G11614" s="18"/>
      <c r="H11614" s="18"/>
      <c r="I11614" s="18"/>
      <c r="J11614" s="18"/>
      <c r="K11614" s="18"/>
      <c r="L11614" s="18"/>
      <c r="M11614" s="18"/>
      <c r="N11614" s="18"/>
      <c r="O11614" s="18"/>
      <c r="P11614" s="19">
        <v>400</v>
      </c>
      <c r="Q11614" s="19"/>
      <c r="R11614" s="19"/>
      <c r="S11614" s="19"/>
      <c r="T11614" s="19">
        <v>150</v>
      </c>
      <c r="U11614" s="19"/>
      <c r="V11614" s="19"/>
      <c r="W11614" s="19"/>
      <c r="X11614" s="19">
        <v>1</v>
      </c>
      <c r="Y11614" s="19"/>
      <c r="Z11614" s="19"/>
      <c r="AA11614" s="19"/>
    </row>
    <row r="11615" spans="1:27" s="1" customFormat="1" ht="11.1" customHeight="1" outlineLevel="3" x14ac:dyDescent="0.2">
      <c r="A11615" s="17"/>
      <c r="B11615" s="17"/>
      <c r="C11615" s="17"/>
      <c r="D11615" s="18"/>
      <c r="E11615" s="18"/>
      <c r="F11615" s="18"/>
      <c r="G11615" s="18"/>
      <c r="H11615" s="18"/>
      <c r="I11615" s="18"/>
      <c r="J11615" s="18"/>
      <c r="K11615" s="18"/>
      <c r="L11615" s="18"/>
      <c r="M11615" s="18"/>
      <c r="N11615" s="18"/>
      <c r="O11615" s="18"/>
      <c r="P11615" s="19"/>
      <c r="Q11615" s="19"/>
      <c r="R11615" s="19"/>
      <c r="S11615" s="19"/>
      <c r="T11615" s="19"/>
      <c r="U11615" s="19"/>
      <c r="V11615" s="19"/>
      <c r="W11615" s="19"/>
      <c r="X11615" s="19"/>
      <c r="Y11615" s="19"/>
      <c r="Z11615" s="19"/>
      <c r="AA11615" s="19"/>
    </row>
    <row r="11616" spans="1:27" s="1" customFormat="1" ht="11.1" customHeight="1" outlineLevel="3" x14ac:dyDescent="0.2">
      <c r="A11616" s="17">
        <v>14470</v>
      </c>
      <c r="B11616" s="17"/>
      <c r="C11616" s="17"/>
      <c r="D11616" s="18" t="s">
        <v>5765</v>
      </c>
      <c r="E11616" s="18"/>
      <c r="F11616" s="18"/>
      <c r="G11616" s="18"/>
      <c r="H11616" s="18"/>
      <c r="I11616" s="18"/>
      <c r="J11616" s="18"/>
      <c r="K11616" s="18"/>
      <c r="L11616" s="18"/>
      <c r="M11616" s="18"/>
      <c r="N11616" s="18"/>
      <c r="O11616" s="18"/>
      <c r="P11616" s="19">
        <v>400</v>
      </c>
      <c r="Q11616" s="19"/>
      <c r="R11616" s="19"/>
      <c r="S11616" s="19"/>
      <c r="T11616" s="19">
        <v>150</v>
      </c>
      <c r="U11616" s="19"/>
      <c r="V11616" s="19"/>
      <c r="W11616" s="19"/>
      <c r="X11616" s="19">
        <v>-1</v>
      </c>
      <c r="Y11616" s="19"/>
      <c r="Z11616" s="19"/>
      <c r="AA11616" s="19"/>
    </row>
    <row r="11617" spans="1:27" s="1" customFormat="1" ht="11.1" customHeight="1" outlineLevel="3" x14ac:dyDescent="0.2">
      <c r="A11617" s="17"/>
      <c r="B11617" s="17"/>
      <c r="C11617" s="17"/>
      <c r="D11617" s="18"/>
      <c r="E11617" s="18"/>
      <c r="F11617" s="18"/>
      <c r="G11617" s="18"/>
      <c r="H11617" s="18"/>
      <c r="I11617" s="18"/>
      <c r="J11617" s="18"/>
      <c r="K11617" s="18"/>
      <c r="L11617" s="18"/>
      <c r="M11617" s="18"/>
      <c r="N11617" s="18"/>
      <c r="O11617" s="18"/>
      <c r="P11617" s="19"/>
      <c r="Q11617" s="19"/>
      <c r="R11617" s="19"/>
      <c r="S11617" s="19"/>
      <c r="T11617" s="19"/>
      <c r="U11617" s="19"/>
      <c r="V11617" s="19"/>
      <c r="W11617" s="19"/>
      <c r="X11617" s="19"/>
      <c r="Y11617" s="19"/>
      <c r="Z11617" s="19"/>
      <c r="AA11617" s="19"/>
    </row>
    <row r="11618" spans="1:27" s="1" customFormat="1" ht="11.1" customHeight="1" outlineLevel="3" x14ac:dyDescent="0.2">
      <c r="A11618" s="17">
        <v>17657</v>
      </c>
      <c r="B11618" s="17"/>
      <c r="C11618" s="17"/>
      <c r="D11618" s="18" t="s">
        <v>5766</v>
      </c>
      <c r="E11618" s="18"/>
      <c r="F11618" s="18"/>
      <c r="G11618" s="18"/>
      <c r="H11618" s="18"/>
      <c r="I11618" s="18"/>
      <c r="J11618" s="18"/>
      <c r="K11618" s="18"/>
      <c r="L11618" s="18"/>
      <c r="M11618" s="18"/>
      <c r="N11618" s="18"/>
      <c r="O11618" s="18"/>
      <c r="P11618" s="19">
        <v>400</v>
      </c>
      <c r="Q11618" s="19"/>
      <c r="R11618" s="19"/>
      <c r="S11618" s="19"/>
      <c r="T11618" s="19">
        <v>150</v>
      </c>
      <c r="U11618" s="19"/>
      <c r="V11618" s="19"/>
      <c r="W11618" s="19"/>
      <c r="X11618" s="19">
        <v>1</v>
      </c>
      <c r="Y11618" s="19"/>
      <c r="Z11618" s="19"/>
      <c r="AA11618" s="19"/>
    </row>
    <row r="11619" spans="1:27" s="1" customFormat="1" ht="11.1" customHeight="1" outlineLevel="3" x14ac:dyDescent="0.2">
      <c r="A11619" s="17"/>
      <c r="B11619" s="17"/>
      <c r="C11619" s="17"/>
      <c r="D11619" s="18"/>
      <c r="E11619" s="18"/>
      <c r="F11619" s="18"/>
      <c r="G11619" s="18"/>
      <c r="H11619" s="18"/>
      <c r="I11619" s="18"/>
      <c r="J11619" s="18"/>
      <c r="K11619" s="18"/>
      <c r="L11619" s="18"/>
      <c r="M11619" s="18"/>
      <c r="N11619" s="18"/>
      <c r="O11619" s="18"/>
      <c r="P11619" s="19"/>
      <c r="Q11619" s="19"/>
      <c r="R11619" s="19"/>
      <c r="S11619" s="19"/>
      <c r="T11619" s="19"/>
      <c r="U11619" s="19"/>
      <c r="V11619" s="19"/>
      <c r="W11619" s="19"/>
      <c r="X11619" s="19"/>
      <c r="Y11619" s="19"/>
      <c r="Z11619" s="19"/>
      <c r="AA11619" s="19"/>
    </row>
    <row r="11620" spans="1:27" s="1" customFormat="1" ht="11.1" customHeight="1" outlineLevel="3" x14ac:dyDescent="0.2">
      <c r="A11620" s="17">
        <v>17655</v>
      </c>
      <c r="B11620" s="17"/>
      <c r="C11620" s="17"/>
      <c r="D11620" s="18" t="s">
        <v>5767</v>
      </c>
      <c r="E11620" s="18"/>
      <c r="F11620" s="18"/>
      <c r="G11620" s="18"/>
      <c r="H11620" s="18"/>
      <c r="I11620" s="18"/>
      <c r="J11620" s="18"/>
      <c r="K11620" s="18"/>
      <c r="L11620" s="18"/>
      <c r="M11620" s="18"/>
      <c r="N11620" s="18"/>
      <c r="O11620" s="18"/>
      <c r="P11620" s="19">
        <v>400</v>
      </c>
      <c r="Q11620" s="19"/>
      <c r="R11620" s="19"/>
      <c r="S11620" s="19"/>
      <c r="T11620" s="19">
        <v>150</v>
      </c>
      <c r="U11620" s="19"/>
      <c r="V11620" s="19"/>
      <c r="W11620" s="19"/>
      <c r="X11620" s="19">
        <v>1</v>
      </c>
      <c r="Y11620" s="19"/>
      <c r="Z11620" s="19"/>
      <c r="AA11620" s="19"/>
    </row>
    <row r="11621" spans="1:27" s="1" customFormat="1" ht="11.1" customHeight="1" outlineLevel="3" x14ac:dyDescent="0.2">
      <c r="A11621" s="17"/>
      <c r="B11621" s="17"/>
      <c r="C11621" s="17"/>
      <c r="D11621" s="18"/>
      <c r="E11621" s="18"/>
      <c r="F11621" s="18"/>
      <c r="G11621" s="18"/>
      <c r="H11621" s="18"/>
      <c r="I11621" s="18"/>
      <c r="J11621" s="18"/>
      <c r="K11621" s="18"/>
      <c r="L11621" s="18"/>
      <c r="M11621" s="18"/>
      <c r="N11621" s="18"/>
      <c r="O11621" s="18"/>
      <c r="P11621" s="19"/>
      <c r="Q11621" s="19"/>
      <c r="R11621" s="19"/>
      <c r="S11621" s="19"/>
      <c r="T11621" s="19"/>
      <c r="U11621" s="19"/>
      <c r="V11621" s="19"/>
      <c r="W11621" s="19"/>
      <c r="X11621" s="19"/>
      <c r="Y11621" s="19"/>
      <c r="Z11621" s="19"/>
      <c r="AA11621" s="19"/>
    </row>
    <row r="11622" spans="1:27" s="1" customFormat="1" ht="11.1" customHeight="1" outlineLevel="3" x14ac:dyDescent="0.2">
      <c r="A11622" s="17">
        <v>14476</v>
      </c>
      <c r="B11622" s="17"/>
      <c r="C11622" s="17"/>
      <c r="D11622" s="18" t="s">
        <v>5768</v>
      </c>
      <c r="E11622" s="18"/>
      <c r="F11622" s="18"/>
      <c r="G11622" s="18"/>
      <c r="H11622" s="18"/>
      <c r="I11622" s="18"/>
      <c r="J11622" s="18"/>
      <c r="K11622" s="18"/>
      <c r="L11622" s="18"/>
      <c r="M11622" s="18"/>
      <c r="N11622" s="18"/>
      <c r="O11622" s="18"/>
      <c r="P11622" s="19">
        <v>400</v>
      </c>
      <c r="Q11622" s="19"/>
      <c r="R11622" s="19"/>
      <c r="S11622" s="19"/>
      <c r="T11622" s="19">
        <v>150</v>
      </c>
      <c r="U11622" s="19"/>
      <c r="V11622" s="19"/>
      <c r="W11622" s="19"/>
      <c r="X11622" s="19">
        <v>1</v>
      </c>
      <c r="Y11622" s="19"/>
      <c r="Z11622" s="19"/>
      <c r="AA11622" s="19"/>
    </row>
    <row r="11623" spans="1:27" s="1" customFormat="1" ht="11.1" customHeight="1" outlineLevel="3" x14ac:dyDescent="0.2">
      <c r="A11623" s="17"/>
      <c r="B11623" s="17"/>
      <c r="C11623" s="17"/>
      <c r="D11623" s="18"/>
      <c r="E11623" s="18"/>
      <c r="F11623" s="18"/>
      <c r="G11623" s="18"/>
      <c r="H11623" s="18"/>
      <c r="I11623" s="18"/>
      <c r="J11623" s="18"/>
      <c r="K11623" s="18"/>
      <c r="L11623" s="18"/>
      <c r="M11623" s="18"/>
      <c r="N11623" s="18"/>
      <c r="O11623" s="18"/>
      <c r="P11623" s="19"/>
      <c r="Q11623" s="19"/>
      <c r="R11623" s="19"/>
      <c r="S11623" s="19"/>
      <c r="T11623" s="19"/>
      <c r="U11623" s="19"/>
      <c r="V11623" s="19"/>
      <c r="W11623" s="19"/>
      <c r="X11623" s="19"/>
      <c r="Y11623" s="19"/>
      <c r="Z11623" s="19"/>
      <c r="AA11623" s="19"/>
    </row>
    <row r="11624" spans="1:27" s="1" customFormat="1" ht="11.1" customHeight="1" outlineLevel="3" x14ac:dyDescent="0.2">
      <c r="A11624" s="17">
        <v>14474</v>
      </c>
      <c r="B11624" s="17"/>
      <c r="C11624" s="17"/>
      <c r="D11624" s="18" t="s">
        <v>5769</v>
      </c>
      <c r="E11624" s="18"/>
      <c r="F11624" s="18"/>
      <c r="G11624" s="18"/>
      <c r="H11624" s="18"/>
      <c r="I11624" s="18"/>
      <c r="J11624" s="18"/>
      <c r="K11624" s="18"/>
      <c r="L11624" s="18"/>
      <c r="M11624" s="18"/>
      <c r="N11624" s="18"/>
      <c r="O11624" s="18"/>
      <c r="P11624" s="19">
        <v>400</v>
      </c>
      <c r="Q11624" s="19"/>
      <c r="R11624" s="19"/>
      <c r="S11624" s="19"/>
      <c r="T11624" s="19">
        <v>150</v>
      </c>
      <c r="U11624" s="19"/>
      <c r="V11624" s="19"/>
      <c r="W11624" s="19"/>
      <c r="X11624" s="19">
        <v>1</v>
      </c>
      <c r="Y11624" s="19"/>
      <c r="Z11624" s="19"/>
      <c r="AA11624" s="19"/>
    </row>
    <row r="11625" spans="1:27" s="1" customFormat="1" ht="11.1" customHeight="1" outlineLevel="3" x14ac:dyDescent="0.2">
      <c r="A11625" s="17"/>
      <c r="B11625" s="17"/>
      <c r="C11625" s="17"/>
      <c r="D11625" s="18"/>
      <c r="E11625" s="18"/>
      <c r="F11625" s="18"/>
      <c r="G11625" s="18"/>
      <c r="H11625" s="18"/>
      <c r="I11625" s="18"/>
      <c r="J11625" s="18"/>
      <c r="K11625" s="18"/>
      <c r="L11625" s="18"/>
      <c r="M11625" s="18"/>
      <c r="N11625" s="18"/>
      <c r="O11625" s="18"/>
      <c r="P11625" s="19"/>
      <c r="Q11625" s="19"/>
      <c r="R11625" s="19"/>
      <c r="S11625" s="19"/>
      <c r="T11625" s="19"/>
      <c r="U11625" s="19"/>
      <c r="V11625" s="19"/>
      <c r="W11625" s="19"/>
      <c r="X11625" s="19"/>
      <c r="Y11625" s="19"/>
      <c r="Z11625" s="19"/>
      <c r="AA11625" s="19"/>
    </row>
    <row r="11626" spans="1:27" s="1" customFormat="1" ht="11.1" customHeight="1" outlineLevel="3" x14ac:dyDescent="0.2">
      <c r="A11626" s="17">
        <v>17658</v>
      </c>
      <c r="B11626" s="17"/>
      <c r="C11626" s="17"/>
      <c r="D11626" s="18" t="s">
        <v>5770</v>
      </c>
      <c r="E11626" s="18"/>
      <c r="F11626" s="18"/>
      <c r="G11626" s="18"/>
      <c r="H11626" s="18"/>
      <c r="I11626" s="18"/>
      <c r="J11626" s="18"/>
      <c r="K11626" s="18"/>
      <c r="L11626" s="18"/>
      <c r="M11626" s="18"/>
      <c r="N11626" s="18"/>
      <c r="O11626" s="18"/>
      <c r="P11626" s="19">
        <v>400</v>
      </c>
      <c r="Q11626" s="19"/>
      <c r="R11626" s="19"/>
      <c r="S11626" s="19"/>
      <c r="T11626" s="19">
        <v>150</v>
      </c>
      <c r="U11626" s="19"/>
      <c r="V11626" s="19"/>
      <c r="W11626" s="19"/>
      <c r="X11626" s="19">
        <v>1</v>
      </c>
      <c r="Y11626" s="19"/>
      <c r="Z11626" s="19"/>
      <c r="AA11626" s="19"/>
    </row>
    <row r="11627" spans="1:27" s="1" customFormat="1" ht="11.1" customHeight="1" outlineLevel="3" x14ac:dyDescent="0.2">
      <c r="A11627" s="17"/>
      <c r="B11627" s="17"/>
      <c r="C11627" s="17"/>
      <c r="D11627" s="18"/>
      <c r="E11627" s="18"/>
      <c r="F11627" s="18"/>
      <c r="G11627" s="18"/>
      <c r="H11627" s="18"/>
      <c r="I11627" s="18"/>
      <c r="J11627" s="18"/>
      <c r="K11627" s="18"/>
      <c r="L11627" s="18"/>
      <c r="M11627" s="18"/>
      <c r="N11627" s="18"/>
      <c r="O11627" s="18"/>
      <c r="P11627" s="19"/>
      <c r="Q11627" s="19"/>
      <c r="R11627" s="19"/>
      <c r="S11627" s="19"/>
      <c r="T11627" s="19"/>
      <c r="U11627" s="19"/>
      <c r="V11627" s="19"/>
      <c r="W11627" s="19"/>
      <c r="X11627" s="19"/>
      <c r="Y11627" s="19"/>
      <c r="Z11627" s="19"/>
      <c r="AA11627" s="19"/>
    </row>
    <row r="11628" spans="1:27" s="1" customFormat="1" ht="11.1" customHeight="1" outlineLevel="3" x14ac:dyDescent="0.2">
      <c r="A11628" s="17">
        <v>14481</v>
      </c>
      <c r="B11628" s="17"/>
      <c r="C11628" s="17"/>
      <c r="D11628" s="18" t="s">
        <v>5771</v>
      </c>
      <c r="E11628" s="18"/>
      <c r="F11628" s="18"/>
      <c r="G11628" s="18"/>
      <c r="H11628" s="18"/>
      <c r="I11628" s="18"/>
      <c r="J11628" s="18"/>
      <c r="K11628" s="18"/>
      <c r="L11628" s="18"/>
      <c r="M11628" s="18"/>
      <c r="N11628" s="18"/>
      <c r="O11628" s="18"/>
      <c r="P11628" s="19">
        <v>400</v>
      </c>
      <c r="Q11628" s="19"/>
      <c r="R11628" s="19"/>
      <c r="S11628" s="19"/>
      <c r="T11628" s="19">
        <v>150</v>
      </c>
      <c r="U11628" s="19"/>
      <c r="V11628" s="19"/>
      <c r="W11628" s="19"/>
      <c r="X11628" s="19">
        <v>3</v>
      </c>
      <c r="Y11628" s="19"/>
      <c r="Z11628" s="19"/>
      <c r="AA11628" s="19"/>
    </row>
    <row r="11629" spans="1:27" s="1" customFormat="1" ht="11.1" customHeight="1" outlineLevel="3" x14ac:dyDescent="0.2">
      <c r="A11629" s="17"/>
      <c r="B11629" s="17"/>
      <c r="C11629" s="17"/>
      <c r="D11629" s="18"/>
      <c r="E11629" s="18"/>
      <c r="F11629" s="18"/>
      <c r="G11629" s="18"/>
      <c r="H11629" s="18"/>
      <c r="I11629" s="18"/>
      <c r="J11629" s="18"/>
      <c r="K11629" s="18"/>
      <c r="L11629" s="18"/>
      <c r="M11629" s="18"/>
      <c r="N11629" s="18"/>
      <c r="O11629" s="18"/>
      <c r="P11629" s="19"/>
      <c r="Q11629" s="19"/>
      <c r="R11629" s="19"/>
      <c r="S11629" s="19"/>
      <c r="T11629" s="19"/>
      <c r="U11629" s="19"/>
      <c r="V11629" s="19"/>
      <c r="W11629" s="19"/>
      <c r="X11629" s="19"/>
      <c r="Y11629" s="19"/>
      <c r="Z11629" s="19"/>
      <c r="AA11629" s="19"/>
    </row>
    <row r="11630" spans="1:27" s="1" customFormat="1" ht="11.1" customHeight="1" outlineLevel="3" x14ac:dyDescent="0.2">
      <c r="A11630" s="17">
        <v>17656</v>
      </c>
      <c r="B11630" s="17"/>
      <c r="C11630" s="17"/>
      <c r="D11630" s="18" t="s">
        <v>5772</v>
      </c>
      <c r="E11630" s="18"/>
      <c r="F11630" s="18"/>
      <c r="G11630" s="18"/>
      <c r="H11630" s="18"/>
      <c r="I11630" s="18"/>
      <c r="J11630" s="18"/>
      <c r="K11630" s="18"/>
      <c r="L11630" s="18"/>
      <c r="M11630" s="18"/>
      <c r="N11630" s="18"/>
      <c r="O11630" s="18"/>
      <c r="P11630" s="19">
        <v>400</v>
      </c>
      <c r="Q11630" s="19"/>
      <c r="R11630" s="19"/>
      <c r="S11630" s="19"/>
      <c r="T11630" s="19">
        <v>150</v>
      </c>
      <c r="U11630" s="19"/>
      <c r="V11630" s="19"/>
      <c r="W11630" s="19"/>
      <c r="X11630" s="19">
        <v>1</v>
      </c>
      <c r="Y11630" s="19"/>
      <c r="Z11630" s="19"/>
      <c r="AA11630" s="19"/>
    </row>
    <row r="11631" spans="1:27" s="1" customFormat="1" ht="11.1" customHeight="1" outlineLevel="3" x14ac:dyDescent="0.2">
      <c r="A11631" s="17"/>
      <c r="B11631" s="17"/>
      <c r="C11631" s="17"/>
      <c r="D11631" s="18"/>
      <c r="E11631" s="18"/>
      <c r="F11631" s="18"/>
      <c r="G11631" s="18"/>
      <c r="H11631" s="18"/>
      <c r="I11631" s="18"/>
      <c r="J11631" s="18"/>
      <c r="K11631" s="18"/>
      <c r="L11631" s="18"/>
      <c r="M11631" s="18"/>
      <c r="N11631" s="18"/>
      <c r="O11631" s="18"/>
      <c r="P11631" s="19"/>
      <c r="Q11631" s="19"/>
      <c r="R11631" s="19"/>
      <c r="S11631" s="19"/>
      <c r="T11631" s="19"/>
      <c r="U11631" s="19"/>
      <c r="V11631" s="19"/>
      <c r="W11631" s="19"/>
      <c r="X11631" s="19"/>
      <c r="Y11631" s="19"/>
      <c r="Z11631" s="19"/>
      <c r="AA11631" s="19"/>
    </row>
    <row r="11632" spans="1:27" s="1" customFormat="1" ht="11.1" customHeight="1" outlineLevel="3" x14ac:dyDescent="0.2">
      <c r="A11632" s="17">
        <v>14479</v>
      </c>
      <c r="B11632" s="17"/>
      <c r="C11632" s="17"/>
      <c r="D11632" s="18" t="s">
        <v>5773</v>
      </c>
      <c r="E11632" s="18"/>
      <c r="F11632" s="18"/>
      <c r="G11632" s="18"/>
      <c r="H11632" s="18"/>
      <c r="I11632" s="18"/>
      <c r="J11632" s="18"/>
      <c r="K11632" s="18"/>
      <c r="L11632" s="18"/>
      <c r="M11632" s="18"/>
      <c r="N11632" s="18"/>
      <c r="O11632" s="18"/>
      <c r="P11632" s="19">
        <v>400</v>
      </c>
      <c r="Q11632" s="19"/>
      <c r="R11632" s="19"/>
      <c r="S11632" s="19"/>
      <c r="T11632" s="19">
        <v>150</v>
      </c>
      <c r="U11632" s="19"/>
      <c r="V11632" s="19"/>
      <c r="W11632" s="19"/>
      <c r="X11632" s="19">
        <v>1</v>
      </c>
      <c r="Y11632" s="19"/>
      <c r="Z11632" s="19"/>
      <c r="AA11632" s="19"/>
    </row>
    <row r="11633" spans="1:27" s="1" customFormat="1" ht="11.1" customHeight="1" outlineLevel="3" x14ac:dyDescent="0.2">
      <c r="A11633" s="17"/>
      <c r="B11633" s="17"/>
      <c r="C11633" s="17"/>
      <c r="D11633" s="18"/>
      <c r="E11633" s="18"/>
      <c r="F11633" s="18"/>
      <c r="G11633" s="18"/>
      <c r="H11633" s="18"/>
      <c r="I11633" s="18"/>
      <c r="J11633" s="18"/>
      <c r="K11633" s="18"/>
      <c r="L11633" s="18"/>
      <c r="M11633" s="18"/>
      <c r="N11633" s="18"/>
      <c r="O11633" s="18"/>
      <c r="P11633" s="19"/>
      <c r="Q11633" s="19"/>
      <c r="R11633" s="19"/>
      <c r="S11633" s="19"/>
      <c r="T11633" s="19"/>
      <c r="U11633" s="19"/>
      <c r="V11633" s="19"/>
      <c r="W11633" s="19"/>
      <c r="X11633" s="19"/>
      <c r="Y11633" s="19"/>
      <c r="Z11633" s="19"/>
      <c r="AA11633" s="19"/>
    </row>
    <row r="11634" spans="1:27" s="1" customFormat="1" ht="11.1" customHeight="1" outlineLevel="3" x14ac:dyDescent="0.2">
      <c r="A11634" s="17">
        <v>14486</v>
      </c>
      <c r="B11634" s="17"/>
      <c r="C11634" s="17"/>
      <c r="D11634" s="18" t="s">
        <v>5774</v>
      </c>
      <c r="E11634" s="18"/>
      <c r="F11634" s="18"/>
      <c r="G11634" s="18"/>
      <c r="H11634" s="18"/>
      <c r="I11634" s="18"/>
      <c r="J11634" s="18"/>
      <c r="K11634" s="18"/>
      <c r="L11634" s="18"/>
      <c r="M11634" s="18"/>
      <c r="N11634" s="18"/>
      <c r="O11634" s="18"/>
      <c r="P11634" s="19">
        <v>400</v>
      </c>
      <c r="Q11634" s="19"/>
      <c r="R11634" s="19"/>
      <c r="S11634" s="19"/>
      <c r="T11634" s="19">
        <v>150</v>
      </c>
      <c r="U11634" s="19"/>
      <c r="V11634" s="19"/>
      <c r="W11634" s="19"/>
      <c r="X11634" s="19">
        <v>1</v>
      </c>
      <c r="Y11634" s="19"/>
      <c r="Z11634" s="19"/>
      <c r="AA11634" s="19"/>
    </row>
    <row r="11635" spans="1:27" s="1" customFormat="1" ht="11.1" customHeight="1" outlineLevel="3" x14ac:dyDescent="0.2">
      <c r="A11635" s="17"/>
      <c r="B11635" s="17"/>
      <c r="C11635" s="17"/>
      <c r="D11635" s="18"/>
      <c r="E11635" s="18"/>
      <c r="F11635" s="18"/>
      <c r="G11635" s="18"/>
      <c r="H11635" s="18"/>
      <c r="I11635" s="18"/>
      <c r="J11635" s="18"/>
      <c r="K11635" s="18"/>
      <c r="L11635" s="18"/>
      <c r="M11635" s="18"/>
      <c r="N11635" s="18"/>
      <c r="O11635" s="18"/>
      <c r="P11635" s="19"/>
      <c r="Q11635" s="19"/>
      <c r="R11635" s="19"/>
      <c r="S11635" s="19"/>
      <c r="T11635" s="19"/>
      <c r="U11635" s="19"/>
      <c r="V11635" s="19"/>
      <c r="W11635" s="19"/>
      <c r="X11635" s="19"/>
      <c r="Y11635" s="19"/>
      <c r="Z11635" s="19"/>
      <c r="AA11635" s="19"/>
    </row>
    <row r="11636" spans="1:27" s="1" customFormat="1" ht="11.1" customHeight="1" outlineLevel="3" x14ac:dyDescent="0.2">
      <c r="A11636" s="17">
        <v>14490</v>
      </c>
      <c r="B11636" s="17"/>
      <c r="C11636" s="17"/>
      <c r="D11636" s="18" t="s">
        <v>5775</v>
      </c>
      <c r="E11636" s="18"/>
      <c r="F11636" s="18"/>
      <c r="G11636" s="18"/>
      <c r="H11636" s="18"/>
      <c r="I11636" s="18"/>
      <c r="J11636" s="18"/>
      <c r="K11636" s="18"/>
      <c r="L11636" s="18"/>
      <c r="M11636" s="18"/>
      <c r="N11636" s="18"/>
      <c r="O11636" s="18"/>
      <c r="P11636" s="19">
        <v>400</v>
      </c>
      <c r="Q11636" s="19"/>
      <c r="R11636" s="19"/>
      <c r="S11636" s="19"/>
      <c r="T11636" s="19">
        <v>150</v>
      </c>
      <c r="U11636" s="19"/>
      <c r="V11636" s="19"/>
      <c r="W11636" s="19"/>
      <c r="X11636" s="19">
        <v>1</v>
      </c>
      <c r="Y11636" s="19"/>
      <c r="Z11636" s="19"/>
      <c r="AA11636" s="19"/>
    </row>
    <row r="11637" spans="1:27" s="1" customFormat="1" ht="11.1" customHeight="1" outlineLevel="3" x14ac:dyDescent="0.2">
      <c r="A11637" s="17"/>
      <c r="B11637" s="17"/>
      <c r="C11637" s="17"/>
      <c r="D11637" s="18"/>
      <c r="E11637" s="18"/>
      <c r="F11637" s="18"/>
      <c r="G11637" s="18"/>
      <c r="H11637" s="18"/>
      <c r="I11637" s="18"/>
      <c r="J11637" s="18"/>
      <c r="K11637" s="18"/>
      <c r="L11637" s="18"/>
      <c r="M11637" s="18"/>
      <c r="N11637" s="18"/>
      <c r="O11637" s="18"/>
      <c r="P11637" s="19"/>
      <c r="Q11637" s="19"/>
      <c r="R11637" s="19"/>
      <c r="S11637" s="19"/>
      <c r="T11637" s="19"/>
      <c r="U11637" s="19"/>
      <c r="V11637" s="19"/>
      <c r="W11637" s="19"/>
      <c r="X11637" s="19"/>
      <c r="Y11637" s="19"/>
      <c r="Z11637" s="19"/>
      <c r="AA11637" s="19"/>
    </row>
    <row r="11638" spans="1:27" s="1" customFormat="1" ht="11.1" customHeight="1" outlineLevel="3" x14ac:dyDescent="0.2">
      <c r="A11638" s="17">
        <v>14491</v>
      </c>
      <c r="B11638" s="17"/>
      <c r="C11638" s="17"/>
      <c r="D11638" s="18" t="s">
        <v>5776</v>
      </c>
      <c r="E11638" s="18"/>
      <c r="F11638" s="18"/>
      <c r="G11638" s="18"/>
      <c r="H11638" s="18"/>
      <c r="I11638" s="18"/>
      <c r="J11638" s="18"/>
      <c r="K11638" s="18"/>
      <c r="L11638" s="18"/>
      <c r="M11638" s="18"/>
      <c r="N11638" s="18"/>
      <c r="O11638" s="18"/>
      <c r="P11638" s="19">
        <v>400</v>
      </c>
      <c r="Q11638" s="19"/>
      <c r="R11638" s="19"/>
      <c r="S11638" s="19"/>
      <c r="T11638" s="19">
        <v>150</v>
      </c>
      <c r="U11638" s="19"/>
      <c r="V11638" s="19"/>
      <c r="W11638" s="19"/>
      <c r="X11638" s="19">
        <v>1</v>
      </c>
      <c r="Y11638" s="19"/>
      <c r="Z11638" s="19"/>
      <c r="AA11638" s="19"/>
    </row>
    <row r="11639" spans="1:27" s="1" customFormat="1" ht="11.1" customHeight="1" outlineLevel="3" x14ac:dyDescent="0.2">
      <c r="A11639" s="17"/>
      <c r="B11639" s="17"/>
      <c r="C11639" s="17"/>
      <c r="D11639" s="18"/>
      <c r="E11639" s="18"/>
      <c r="F11639" s="18"/>
      <c r="G11639" s="18"/>
      <c r="H11639" s="18"/>
      <c r="I11639" s="18"/>
      <c r="J11639" s="18"/>
      <c r="K11639" s="18"/>
      <c r="L11639" s="18"/>
      <c r="M11639" s="18"/>
      <c r="N11639" s="18"/>
      <c r="O11639" s="18"/>
      <c r="P11639" s="19"/>
      <c r="Q11639" s="19"/>
      <c r="R11639" s="19"/>
      <c r="S11639" s="19"/>
      <c r="T11639" s="19"/>
      <c r="U11639" s="19"/>
      <c r="V11639" s="19"/>
      <c r="W11639" s="19"/>
      <c r="X11639" s="19"/>
      <c r="Y11639" s="19"/>
      <c r="Z11639" s="19"/>
      <c r="AA11639" s="19"/>
    </row>
    <row r="11640" spans="1:27" s="1" customFormat="1" ht="11.1" customHeight="1" outlineLevel="3" x14ac:dyDescent="0.2">
      <c r="A11640" s="17">
        <v>14485</v>
      </c>
      <c r="B11640" s="17"/>
      <c r="C11640" s="17"/>
      <c r="D11640" s="18" t="s">
        <v>5777</v>
      </c>
      <c r="E11640" s="18"/>
      <c r="F11640" s="18"/>
      <c r="G11640" s="18"/>
      <c r="H11640" s="18"/>
      <c r="I11640" s="18"/>
      <c r="J11640" s="18"/>
      <c r="K11640" s="18"/>
      <c r="L11640" s="18"/>
      <c r="M11640" s="18"/>
      <c r="N11640" s="18"/>
      <c r="O11640" s="18"/>
      <c r="P11640" s="19">
        <v>400</v>
      </c>
      <c r="Q11640" s="19"/>
      <c r="R11640" s="19"/>
      <c r="S11640" s="19"/>
      <c r="T11640" s="19">
        <v>150</v>
      </c>
      <c r="U11640" s="19"/>
      <c r="V11640" s="19"/>
      <c r="W11640" s="19"/>
      <c r="X11640" s="19">
        <v>1</v>
      </c>
      <c r="Y11640" s="19"/>
      <c r="Z11640" s="19"/>
      <c r="AA11640" s="19"/>
    </row>
    <row r="11641" spans="1:27" s="1" customFormat="1" ht="11.1" customHeight="1" outlineLevel="3" x14ac:dyDescent="0.2">
      <c r="A11641" s="17"/>
      <c r="B11641" s="17"/>
      <c r="C11641" s="17"/>
      <c r="D11641" s="18"/>
      <c r="E11641" s="18"/>
      <c r="F11641" s="18"/>
      <c r="G11641" s="18"/>
      <c r="H11641" s="18"/>
      <c r="I11641" s="18"/>
      <c r="J11641" s="18"/>
      <c r="K11641" s="18"/>
      <c r="L11641" s="18"/>
      <c r="M11641" s="18"/>
      <c r="N11641" s="18"/>
      <c r="O11641" s="18"/>
      <c r="P11641" s="19"/>
      <c r="Q11641" s="19"/>
      <c r="R11641" s="19"/>
      <c r="S11641" s="19"/>
      <c r="T11641" s="19"/>
      <c r="U11641" s="19"/>
      <c r="V11641" s="19"/>
      <c r="W11641" s="19"/>
      <c r="X11641" s="19"/>
      <c r="Y11641" s="19"/>
      <c r="Z11641" s="19"/>
      <c r="AA11641" s="19"/>
    </row>
    <row r="11642" spans="1:27" s="1" customFormat="1" ht="11.1" customHeight="1" outlineLevel="3" x14ac:dyDescent="0.2">
      <c r="A11642" s="17">
        <v>14487</v>
      </c>
      <c r="B11642" s="17"/>
      <c r="C11642" s="17"/>
      <c r="D11642" s="18" t="s">
        <v>5778</v>
      </c>
      <c r="E11642" s="18"/>
      <c r="F11642" s="18"/>
      <c r="G11642" s="18"/>
      <c r="H11642" s="18"/>
      <c r="I11642" s="18"/>
      <c r="J11642" s="18"/>
      <c r="K11642" s="18"/>
      <c r="L11642" s="18"/>
      <c r="M11642" s="18"/>
      <c r="N11642" s="18"/>
      <c r="O11642" s="18"/>
      <c r="P11642" s="19">
        <v>400</v>
      </c>
      <c r="Q11642" s="19"/>
      <c r="R11642" s="19"/>
      <c r="S11642" s="19"/>
      <c r="T11642" s="19">
        <v>150</v>
      </c>
      <c r="U11642" s="19"/>
      <c r="V11642" s="19"/>
      <c r="W11642" s="19"/>
      <c r="X11642" s="19">
        <v>1</v>
      </c>
      <c r="Y11642" s="19"/>
      <c r="Z11642" s="19"/>
      <c r="AA11642" s="19"/>
    </row>
    <row r="11643" spans="1:27" s="1" customFormat="1" ht="11.1" customHeight="1" outlineLevel="3" x14ac:dyDescent="0.2">
      <c r="A11643" s="17"/>
      <c r="B11643" s="17"/>
      <c r="C11643" s="17"/>
      <c r="D11643" s="18"/>
      <c r="E11643" s="18"/>
      <c r="F11643" s="18"/>
      <c r="G11643" s="18"/>
      <c r="H11643" s="18"/>
      <c r="I11643" s="18"/>
      <c r="J11643" s="18"/>
      <c r="K11643" s="18"/>
      <c r="L11643" s="18"/>
      <c r="M11643" s="18"/>
      <c r="N11643" s="18"/>
      <c r="O11643" s="18"/>
      <c r="P11643" s="19"/>
      <c r="Q11643" s="19"/>
      <c r="R11643" s="19"/>
      <c r="S11643" s="19"/>
      <c r="T11643" s="19"/>
      <c r="U11643" s="19"/>
      <c r="V11643" s="19"/>
      <c r="W11643" s="19"/>
      <c r="X11643" s="19"/>
      <c r="Y11643" s="19"/>
      <c r="Z11643" s="19"/>
      <c r="AA11643" s="19"/>
    </row>
    <row r="11644" spans="1:27" s="1" customFormat="1" ht="11.1" customHeight="1" outlineLevel="3" x14ac:dyDescent="0.2">
      <c r="A11644" s="17">
        <v>17662</v>
      </c>
      <c r="B11644" s="17"/>
      <c r="C11644" s="17"/>
      <c r="D11644" s="18" t="s">
        <v>5779</v>
      </c>
      <c r="E11644" s="18"/>
      <c r="F11644" s="18"/>
      <c r="G11644" s="18"/>
      <c r="H11644" s="18"/>
      <c r="I11644" s="18"/>
      <c r="J11644" s="18"/>
      <c r="K11644" s="18"/>
      <c r="L11644" s="18"/>
      <c r="M11644" s="18"/>
      <c r="N11644" s="18"/>
      <c r="O11644" s="18"/>
      <c r="P11644" s="19">
        <v>400</v>
      </c>
      <c r="Q11644" s="19"/>
      <c r="R11644" s="19"/>
      <c r="S11644" s="19"/>
      <c r="T11644" s="19">
        <v>150</v>
      </c>
      <c r="U11644" s="19"/>
      <c r="V11644" s="19"/>
      <c r="W11644" s="19"/>
      <c r="X11644" s="19">
        <v>1</v>
      </c>
      <c r="Y11644" s="19"/>
      <c r="Z11644" s="19"/>
      <c r="AA11644" s="19"/>
    </row>
    <row r="11645" spans="1:27" s="1" customFormat="1" ht="11.1" customHeight="1" outlineLevel="3" x14ac:dyDescent="0.2">
      <c r="A11645" s="17"/>
      <c r="B11645" s="17"/>
      <c r="C11645" s="17"/>
      <c r="D11645" s="18"/>
      <c r="E11645" s="18"/>
      <c r="F11645" s="18"/>
      <c r="G11645" s="18"/>
      <c r="H11645" s="18"/>
      <c r="I11645" s="18"/>
      <c r="J11645" s="18"/>
      <c r="K11645" s="18"/>
      <c r="L11645" s="18"/>
      <c r="M11645" s="18"/>
      <c r="N11645" s="18"/>
      <c r="O11645" s="18"/>
      <c r="P11645" s="19"/>
      <c r="Q11645" s="19"/>
      <c r="R11645" s="19"/>
      <c r="S11645" s="19"/>
      <c r="T11645" s="19"/>
      <c r="U11645" s="19"/>
      <c r="V11645" s="19"/>
      <c r="W11645" s="19"/>
      <c r="X11645" s="19"/>
      <c r="Y11645" s="19"/>
      <c r="Z11645" s="19"/>
      <c r="AA11645" s="19"/>
    </row>
    <row r="11646" spans="1:27" s="1" customFormat="1" ht="11.1" customHeight="1" outlineLevel="3" x14ac:dyDescent="0.2">
      <c r="A11646" s="17">
        <v>14484</v>
      </c>
      <c r="B11646" s="17"/>
      <c r="C11646" s="17"/>
      <c r="D11646" s="18" t="s">
        <v>5780</v>
      </c>
      <c r="E11646" s="18"/>
      <c r="F11646" s="18"/>
      <c r="G11646" s="18"/>
      <c r="H11646" s="18"/>
      <c r="I11646" s="18"/>
      <c r="J11646" s="18"/>
      <c r="K11646" s="18"/>
      <c r="L11646" s="18"/>
      <c r="M11646" s="18"/>
      <c r="N11646" s="18"/>
      <c r="O11646" s="18"/>
      <c r="P11646" s="19">
        <v>400</v>
      </c>
      <c r="Q11646" s="19"/>
      <c r="R11646" s="19"/>
      <c r="S11646" s="19"/>
      <c r="T11646" s="19">
        <v>150</v>
      </c>
      <c r="U11646" s="19"/>
      <c r="V11646" s="19"/>
      <c r="W11646" s="19"/>
      <c r="X11646" s="19">
        <v>4</v>
      </c>
      <c r="Y11646" s="19"/>
      <c r="Z11646" s="19"/>
      <c r="AA11646" s="19"/>
    </row>
    <row r="11647" spans="1:27" s="1" customFormat="1" ht="11.1" customHeight="1" outlineLevel="3" x14ac:dyDescent="0.2">
      <c r="A11647" s="17"/>
      <c r="B11647" s="17"/>
      <c r="C11647" s="17"/>
      <c r="D11647" s="18"/>
      <c r="E11647" s="18"/>
      <c r="F11647" s="18"/>
      <c r="G11647" s="18"/>
      <c r="H11647" s="18"/>
      <c r="I11647" s="18"/>
      <c r="J11647" s="18"/>
      <c r="K11647" s="18"/>
      <c r="L11647" s="18"/>
      <c r="M11647" s="18"/>
      <c r="N11647" s="18"/>
      <c r="O11647" s="18"/>
      <c r="P11647" s="19"/>
      <c r="Q11647" s="19"/>
      <c r="R11647" s="19"/>
      <c r="S11647" s="19"/>
      <c r="T11647" s="19"/>
      <c r="U11647" s="19"/>
      <c r="V11647" s="19"/>
      <c r="W11647" s="19"/>
      <c r="X11647" s="19"/>
      <c r="Y11647" s="19"/>
      <c r="Z11647" s="19"/>
      <c r="AA11647" s="19"/>
    </row>
    <row r="11648" spans="1:27" s="1" customFormat="1" ht="11.1" customHeight="1" outlineLevel="3" x14ac:dyDescent="0.2">
      <c r="A11648" s="17">
        <v>17659</v>
      </c>
      <c r="B11648" s="17"/>
      <c r="C11648" s="17"/>
      <c r="D11648" s="18" t="s">
        <v>5781</v>
      </c>
      <c r="E11648" s="18"/>
      <c r="F11648" s="18"/>
      <c r="G11648" s="18"/>
      <c r="H11648" s="18"/>
      <c r="I11648" s="18"/>
      <c r="J11648" s="18"/>
      <c r="K11648" s="18"/>
      <c r="L11648" s="18"/>
      <c r="M11648" s="18"/>
      <c r="N11648" s="18"/>
      <c r="O11648" s="18"/>
      <c r="P11648" s="19">
        <v>400</v>
      </c>
      <c r="Q11648" s="19"/>
      <c r="R11648" s="19"/>
      <c r="S11648" s="19"/>
      <c r="T11648" s="19">
        <v>150</v>
      </c>
      <c r="U11648" s="19"/>
      <c r="V11648" s="19"/>
      <c r="W11648" s="19"/>
      <c r="X11648" s="19">
        <v>1</v>
      </c>
      <c r="Y11648" s="19"/>
      <c r="Z11648" s="19"/>
      <c r="AA11648" s="19"/>
    </row>
    <row r="11649" spans="1:27" s="1" customFormat="1" ht="11.1" customHeight="1" outlineLevel="3" x14ac:dyDescent="0.2">
      <c r="A11649" s="17"/>
      <c r="B11649" s="17"/>
      <c r="C11649" s="17"/>
      <c r="D11649" s="18"/>
      <c r="E11649" s="18"/>
      <c r="F11649" s="18"/>
      <c r="G11649" s="18"/>
      <c r="H11649" s="18"/>
      <c r="I11649" s="18"/>
      <c r="J11649" s="18"/>
      <c r="K11649" s="18"/>
      <c r="L11649" s="18"/>
      <c r="M11649" s="18"/>
      <c r="N11649" s="18"/>
      <c r="O11649" s="18"/>
      <c r="P11649" s="19"/>
      <c r="Q11649" s="19"/>
      <c r="R11649" s="19"/>
      <c r="S11649" s="19"/>
      <c r="T11649" s="19"/>
      <c r="U11649" s="19"/>
      <c r="V11649" s="19"/>
      <c r="W11649" s="19"/>
      <c r="X11649" s="19"/>
      <c r="Y11649" s="19"/>
      <c r="Z11649" s="19"/>
      <c r="AA11649" s="19"/>
    </row>
    <row r="11650" spans="1:27" s="1" customFormat="1" ht="11.1" customHeight="1" outlineLevel="3" x14ac:dyDescent="0.2">
      <c r="A11650" s="17">
        <v>14502</v>
      </c>
      <c r="B11650" s="17"/>
      <c r="C11650" s="17"/>
      <c r="D11650" s="18" t="s">
        <v>5782</v>
      </c>
      <c r="E11650" s="18"/>
      <c r="F11650" s="18"/>
      <c r="G11650" s="18"/>
      <c r="H11650" s="18"/>
      <c r="I11650" s="18"/>
      <c r="J11650" s="18"/>
      <c r="K11650" s="18"/>
      <c r="L11650" s="18"/>
      <c r="M11650" s="18"/>
      <c r="N11650" s="18"/>
      <c r="O11650" s="18"/>
      <c r="P11650" s="19">
        <v>400</v>
      </c>
      <c r="Q11650" s="19"/>
      <c r="R11650" s="19"/>
      <c r="S11650" s="19"/>
      <c r="T11650" s="19">
        <v>150</v>
      </c>
      <c r="U11650" s="19"/>
      <c r="V11650" s="19"/>
      <c r="W11650" s="19"/>
      <c r="X11650" s="19">
        <v>1</v>
      </c>
      <c r="Y11650" s="19"/>
      <c r="Z11650" s="19"/>
      <c r="AA11650" s="19"/>
    </row>
    <row r="11651" spans="1:27" s="1" customFormat="1" ht="11.1" customHeight="1" outlineLevel="3" x14ac:dyDescent="0.2">
      <c r="A11651" s="17"/>
      <c r="B11651" s="17"/>
      <c r="C11651" s="17"/>
      <c r="D11651" s="18"/>
      <c r="E11651" s="18"/>
      <c r="F11651" s="18"/>
      <c r="G11651" s="18"/>
      <c r="H11651" s="18"/>
      <c r="I11651" s="18"/>
      <c r="J11651" s="18"/>
      <c r="K11651" s="18"/>
      <c r="L11651" s="18"/>
      <c r="M11651" s="18"/>
      <c r="N11651" s="18"/>
      <c r="O11651" s="18"/>
      <c r="P11651" s="19"/>
      <c r="Q11651" s="19"/>
      <c r="R11651" s="19"/>
      <c r="S11651" s="19"/>
      <c r="T11651" s="19"/>
      <c r="U11651" s="19"/>
      <c r="V11651" s="19"/>
      <c r="W11651" s="19"/>
      <c r="X11651" s="19"/>
      <c r="Y11651" s="19"/>
      <c r="Z11651" s="19"/>
      <c r="AA11651" s="19"/>
    </row>
    <row r="11652" spans="1:27" s="1" customFormat="1" ht="11.1" customHeight="1" outlineLevel="3" x14ac:dyDescent="0.2">
      <c r="A11652" s="17">
        <v>9446</v>
      </c>
      <c r="B11652" s="17"/>
      <c r="C11652" s="17"/>
      <c r="D11652" s="18" t="s">
        <v>5783</v>
      </c>
      <c r="E11652" s="18"/>
      <c r="F11652" s="18"/>
      <c r="G11652" s="18"/>
      <c r="H11652" s="18"/>
      <c r="I11652" s="18"/>
      <c r="J11652" s="18"/>
      <c r="K11652" s="18"/>
      <c r="L11652" s="18"/>
      <c r="M11652" s="18"/>
      <c r="N11652" s="18"/>
      <c r="O11652" s="18"/>
      <c r="P11652" s="19">
        <v>240</v>
      </c>
      <c r="Q11652" s="19"/>
      <c r="R11652" s="19"/>
      <c r="S11652" s="19"/>
      <c r="T11652" s="19">
        <v>130</v>
      </c>
      <c r="U11652" s="19"/>
      <c r="V11652" s="19"/>
      <c r="W11652" s="19"/>
      <c r="X11652" s="19">
        <v>1</v>
      </c>
      <c r="Y11652" s="19"/>
      <c r="Z11652" s="19"/>
      <c r="AA11652" s="19"/>
    </row>
    <row r="11653" spans="1:27" s="1" customFormat="1" ht="11.1" customHeight="1" outlineLevel="3" x14ac:dyDescent="0.2">
      <c r="A11653" s="17"/>
      <c r="B11653" s="17"/>
      <c r="C11653" s="17"/>
      <c r="D11653" s="18"/>
      <c r="E11653" s="18"/>
      <c r="F11653" s="18"/>
      <c r="G11653" s="18"/>
      <c r="H11653" s="18"/>
      <c r="I11653" s="18"/>
      <c r="J11653" s="18"/>
      <c r="K11653" s="18"/>
      <c r="L11653" s="18"/>
      <c r="M11653" s="18"/>
      <c r="N11653" s="18"/>
      <c r="O11653" s="18"/>
      <c r="P11653" s="19"/>
      <c r="Q11653" s="19"/>
      <c r="R11653" s="19"/>
      <c r="S11653" s="19"/>
      <c r="T11653" s="19"/>
      <c r="U11653" s="19"/>
      <c r="V11653" s="19"/>
      <c r="W11653" s="19"/>
      <c r="X11653" s="19"/>
      <c r="Y11653" s="19"/>
      <c r="Z11653" s="19"/>
      <c r="AA11653" s="19"/>
    </row>
    <row r="11654" spans="1:27" s="1" customFormat="1" ht="11.1" customHeight="1" outlineLevel="3" x14ac:dyDescent="0.2">
      <c r="A11654" s="17">
        <v>9448</v>
      </c>
      <c r="B11654" s="17"/>
      <c r="C11654" s="17"/>
      <c r="D11654" s="18" t="s">
        <v>5784</v>
      </c>
      <c r="E11654" s="18"/>
      <c r="F11654" s="18"/>
      <c r="G11654" s="18"/>
      <c r="H11654" s="18"/>
      <c r="I11654" s="18"/>
      <c r="J11654" s="18"/>
      <c r="K11654" s="18"/>
      <c r="L11654" s="18"/>
      <c r="M11654" s="18"/>
      <c r="N11654" s="18"/>
      <c r="O11654" s="18"/>
      <c r="P11654" s="19">
        <v>240</v>
      </c>
      <c r="Q11654" s="19"/>
      <c r="R11654" s="19"/>
      <c r="S11654" s="19"/>
      <c r="T11654" s="19">
        <v>130</v>
      </c>
      <c r="U11654" s="19"/>
      <c r="V11654" s="19"/>
      <c r="W11654" s="19"/>
      <c r="X11654" s="19">
        <v>1</v>
      </c>
      <c r="Y11654" s="19"/>
      <c r="Z11654" s="19"/>
      <c r="AA11654" s="19"/>
    </row>
    <row r="11655" spans="1:27" s="1" customFormat="1" ht="11.1" customHeight="1" outlineLevel="3" x14ac:dyDescent="0.2">
      <c r="A11655" s="17"/>
      <c r="B11655" s="17"/>
      <c r="C11655" s="17"/>
      <c r="D11655" s="18"/>
      <c r="E11655" s="18"/>
      <c r="F11655" s="18"/>
      <c r="G11655" s="18"/>
      <c r="H11655" s="18"/>
      <c r="I11655" s="18"/>
      <c r="J11655" s="18"/>
      <c r="K11655" s="18"/>
      <c r="L11655" s="18"/>
      <c r="M11655" s="18"/>
      <c r="N11655" s="18"/>
      <c r="O11655" s="18"/>
      <c r="P11655" s="19"/>
      <c r="Q11655" s="19"/>
      <c r="R11655" s="19"/>
      <c r="S11655" s="19"/>
      <c r="T11655" s="19"/>
      <c r="U11655" s="19"/>
      <c r="V11655" s="19"/>
      <c r="W11655" s="19"/>
      <c r="X11655" s="19"/>
      <c r="Y11655" s="19"/>
      <c r="Z11655" s="19"/>
      <c r="AA11655" s="19"/>
    </row>
    <row r="11656" spans="1:27" s="1" customFormat="1" ht="11.1" customHeight="1" outlineLevel="3" x14ac:dyDescent="0.2">
      <c r="A11656" s="17">
        <v>7435</v>
      </c>
      <c r="B11656" s="17"/>
      <c r="C11656" s="17"/>
      <c r="D11656" s="18" t="s">
        <v>5785</v>
      </c>
      <c r="E11656" s="18"/>
      <c r="F11656" s="18"/>
      <c r="G11656" s="18"/>
      <c r="H11656" s="18"/>
      <c r="I11656" s="18"/>
      <c r="J11656" s="18"/>
      <c r="K11656" s="18"/>
      <c r="L11656" s="18"/>
      <c r="M11656" s="18"/>
      <c r="N11656" s="18"/>
      <c r="O11656" s="18"/>
      <c r="P11656" s="19">
        <v>240</v>
      </c>
      <c r="Q11656" s="19"/>
      <c r="R11656" s="19"/>
      <c r="S11656" s="19"/>
      <c r="T11656" s="19">
        <v>130</v>
      </c>
      <c r="U11656" s="19"/>
      <c r="V11656" s="19"/>
      <c r="W11656" s="19"/>
      <c r="X11656" s="19">
        <v>1</v>
      </c>
      <c r="Y11656" s="19"/>
      <c r="Z11656" s="19"/>
      <c r="AA11656" s="19"/>
    </row>
    <row r="11657" spans="1:27" s="1" customFormat="1" ht="11.1" customHeight="1" outlineLevel="3" x14ac:dyDescent="0.2">
      <c r="A11657" s="17"/>
      <c r="B11657" s="17"/>
      <c r="C11657" s="17"/>
      <c r="D11657" s="18"/>
      <c r="E11657" s="18"/>
      <c r="F11657" s="18"/>
      <c r="G11657" s="18"/>
      <c r="H11657" s="18"/>
      <c r="I11657" s="18"/>
      <c r="J11657" s="18"/>
      <c r="K11657" s="18"/>
      <c r="L11657" s="18"/>
      <c r="M11657" s="18"/>
      <c r="N11657" s="18"/>
      <c r="O11657" s="18"/>
      <c r="P11657" s="19"/>
      <c r="Q11657" s="19"/>
      <c r="R11657" s="19"/>
      <c r="S11657" s="19"/>
      <c r="T11657" s="19"/>
      <c r="U11657" s="19"/>
      <c r="V11657" s="19"/>
      <c r="W11657" s="19"/>
      <c r="X11657" s="19"/>
      <c r="Y11657" s="19"/>
      <c r="Z11657" s="19"/>
      <c r="AA11657" s="19"/>
    </row>
    <row r="11658" spans="1:27" s="1" customFormat="1" ht="11.1" customHeight="1" outlineLevel="3" x14ac:dyDescent="0.2">
      <c r="A11658" s="17">
        <v>8933</v>
      </c>
      <c r="B11658" s="17"/>
      <c r="C11658" s="17"/>
      <c r="D11658" s="18" t="s">
        <v>5786</v>
      </c>
      <c r="E11658" s="18"/>
      <c r="F11658" s="18"/>
      <c r="G11658" s="18"/>
      <c r="H11658" s="18"/>
      <c r="I11658" s="18"/>
      <c r="J11658" s="18"/>
      <c r="K11658" s="18"/>
      <c r="L11658" s="18"/>
      <c r="M11658" s="18"/>
      <c r="N11658" s="18"/>
      <c r="O11658" s="18"/>
      <c r="P11658" s="19">
        <v>240</v>
      </c>
      <c r="Q11658" s="19"/>
      <c r="R11658" s="19"/>
      <c r="S11658" s="19"/>
      <c r="T11658" s="19">
        <v>130</v>
      </c>
      <c r="U11658" s="19"/>
      <c r="V11658" s="19"/>
      <c r="W11658" s="19"/>
      <c r="X11658" s="19">
        <v>1</v>
      </c>
      <c r="Y11658" s="19"/>
      <c r="Z11658" s="19"/>
      <c r="AA11658" s="19"/>
    </row>
    <row r="11659" spans="1:27" s="1" customFormat="1" ht="11.1" customHeight="1" outlineLevel="3" x14ac:dyDescent="0.2">
      <c r="A11659" s="17"/>
      <c r="B11659" s="17"/>
      <c r="C11659" s="17"/>
      <c r="D11659" s="18"/>
      <c r="E11659" s="18"/>
      <c r="F11659" s="18"/>
      <c r="G11659" s="18"/>
      <c r="H11659" s="18"/>
      <c r="I11659" s="18"/>
      <c r="J11659" s="18"/>
      <c r="K11659" s="18"/>
      <c r="L11659" s="18"/>
      <c r="M11659" s="18"/>
      <c r="N11659" s="18"/>
      <c r="O11659" s="18"/>
      <c r="P11659" s="19"/>
      <c r="Q11659" s="19"/>
      <c r="R11659" s="19"/>
      <c r="S11659" s="19"/>
      <c r="T11659" s="19"/>
      <c r="U11659" s="19"/>
      <c r="V11659" s="19"/>
      <c r="W11659" s="19"/>
      <c r="X11659" s="19"/>
      <c r="Y11659" s="19"/>
      <c r="Z11659" s="19"/>
      <c r="AA11659" s="19"/>
    </row>
    <row r="11660" spans="1:27" s="1" customFormat="1" ht="11.1" customHeight="1" outlineLevel="3" x14ac:dyDescent="0.2">
      <c r="A11660" s="17">
        <v>8935</v>
      </c>
      <c r="B11660" s="17"/>
      <c r="C11660" s="17"/>
      <c r="D11660" s="18" t="s">
        <v>5787</v>
      </c>
      <c r="E11660" s="18"/>
      <c r="F11660" s="18"/>
      <c r="G11660" s="18"/>
      <c r="H11660" s="18"/>
      <c r="I11660" s="18"/>
      <c r="J11660" s="18"/>
      <c r="K11660" s="18"/>
      <c r="L11660" s="18"/>
      <c r="M11660" s="18"/>
      <c r="N11660" s="18"/>
      <c r="O11660" s="18"/>
      <c r="P11660" s="19">
        <v>240</v>
      </c>
      <c r="Q11660" s="19"/>
      <c r="R11660" s="19"/>
      <c r="S11660" s="19"/>
      <c r="T11660" s="19">
        <v>130</v>
      </c>
      <c r="U11660" s="19"/>
      <c r="V11660" s="19"/>
      <c r="W11660" s="19"/>
      <c r="X11660" s="19">
        <v>4</v>
      </c>
      <c r="Y11660" s="19"/>
      <c r="Z11660" s="19"/>
      <c r="AA11660" s="19"/>
    </row>
    <row r="11661" spans="1:27" s="1" customFormat="1" ht="11.1" customHeight="1" outlineLevel="3" x14ac:dyDescent="0.2">
      <c r="A11661" s="17"/>
      <c r="B11661" s="17"/>
      <c r="C11661" s="17"/>
      <c r="D11661" s="18"/>
      <c r="E11661" s="18"/>
      <c r="F11661" s="18"/>
      <c r="G11661" s="18"/>
      <c r="H11661" s="18"/>
      <c r="I11661" s="18"/>
      <c r="J11661" s="18"/>
      <c r="K11661" s="18"/>
      <c r="L11661" s="18"/>
      <c r="M11661" s="18"/>
      <c r="N11661" s="18"/>
      <c r="O11661" s="18"/>
      <c r="P11661" s="19"/>
      <c r="Q11661" s="19"/>
      <c r="R11661" s="19"/>
      <c r="S11661" s="19"/>
      <c r="T11661" s="19"/>
      <c r="U11661" s="19"/>
      <c r="V11661" s="19"/>
      <c r="W11661" s="19"/>
      <c r="X11661" s="19"/>
      <c r="Y11661" s="19"/>
      <c r="Z11661" s="19"/>
      <c r="AA11661" s="19"/>
    </row>
    <row r="11662" spans="1:27" s="1" customFormat="1" ht="11.1" customHeight="1" outlineLevel="3" x14ac:dyDescent="0.2">
      <c r="A11662" s="17">
        <v>8929</v>
      </c>
      <c r="B11662" s="17"/>
      <c r="C11662" s="17"/>
      <c r="D11662" s="18" t="s">
        <v>5788</v>
      </c>
      <c r="E11662" s="18"/>
      <c r="F11662" s="18"/>
      <c r="G11662" s="18"/>
      <c r="H11662" s="18"/>
      <c r="I11662" s="18"/>
      <c r="J11662" s="18"/>
      <c r="K11662" s="18"/>
      <c r="L11662" s="18"/>
      <c r="M11662" s="18"/>
      <c r="N11662" s="18"/>
      <c r="O11662" s="18"/>
      <c r="P11662" s="19">
        <v>240</v>
      </c>
      <c r="Q11662" s="19"/>
      <c r="R11662" s="19"/>
      <c r="S11662" s="19"/>
      <c r="T11662" s="19">
        <v>130</v>
      </c>
      <c r="U11662" s="19"/>
      <c r="V11662" s="19"/>
      <c r="W11662" s="19"/>
      <c r="X11662" s="19">
        <v>5</v>
      </c>
      <c r="Y11662" s="19"/>
      <c r="Z11662" s="19"/>
      <c r="AA11662" s="19"/>
    </row>
    <row r="11663" spans="1:27" s="1" customFormat="1" ht="11.1" customHeight="1" outlineLevel="3" x14ac:dyDescent="0.2">
      <c r="A11663" s="17"/>
      <c r="B11663" s="17"/>
      <c r="C11663" s="17"/>
      <c r="D11663" s="18"/>
      <c r="E11663" s="18"/>
      <c r="F11663" s="18"/>
      <c r="G11663" s="18"/>
      <c r="H11663" s="18"/>
      <c r="I11663" s="18"/>
      <c r="J11663" s="18"/>
      <c r="K11663" s="18"/>
      <c r="L11663" s="18"/>
      <c r="M11663" s="18"/>
      <c r="N11663" s="18"/>
      <c r="O11663" s="18"/>
      <c r="P11663" s="19"/>
      <c r="Q11663" s="19"/>
      <c r="R11663" s="19"/>
      <c r="S11663" s="19"/>
      <c r="T11663" s="19"/>
      <c r="U11663" s="19"/>
      <c r="V11663" s="19"/>
      <c r="W11663" s="19"/>
      <c r="X11663" s="19"/>
      <c r="Y11663" s="19"/>
      <c r="Z11663" s="19"/>
      <c r="AA11663" s="19"/>
    </row>
    <row r="11664" spans="1:27" s="1" customFormat="1" ht="11.1" customHeight="1" outlineLevel="3" x14ac:dyDescent="0.2">
      <c r="A11664" s="17">
        <v>7446</v>
      </c>
      <c r="B11664" s="17"/>
      <c r="C11664" s="17"/>
      <c r="D11664" s="18" t="s">
        <v>5789</v>
      </c>
      <c r="E11664" s="18"/>
      <c r="F11664" s="18"/>
      <c r="G11664" s="18"/>
      <c r="H11664" s="18"/>
      <c r="I11664" s="18"/>
      <c r="J11664" s="18"/>
      <c r="K11664" s="18"/>
      <c r="L11664" s="18"/>
      <c r="M11664" s="18"/>
      <c r="N11664" s="18"/>
      <c r="O11664" s="18"/>
      <c r="P11664" s="19">
        <v>240</v>
      </c>
      <c r="Q11664" s="19"/>
      <c r="R11664" s="19"/>
      <c r="S11664" s="19"/>
      <c r="T11664" s="19">
        <v>130</v>
      </c>
      <c r="U11664" s="19"/>
      <c r="V11664" s="19"/>
      <c r="W11664" s="19"/>
      <c r="X11664" s="19">
        <v>3</v>
      </c>
      <c r="Y11664" s="19"/>
      <c r="Z11664" s="19"/>
      <c r="AA11664" s="19"/>
    </row>
    <row r="11665" spans="1:27" s="1" customFormat="1" ht="11.1" customHeight="1" outlineLevel="3" x14ac:dyDescent="0.2">
      <c r="A11665" s="17"/>
      <c r="B11665" s="17"/>
      <c r="C11665" s="17"/>
      <c r="D11665" s="18"/>
      <c r="E11665" s="18"/>
      <c r="F11665" s="18"/>
      <c r="G11665" s="18"/>
      <c r="H11665" s="18"/>
      <c r="I11665" s="18"/>
      <c r="J11665" s="18"/>
      <c r="K11665" s="18"/>
      <c r="L11665" s="18"/>
      <c r="M11665" s="18"/>
      <c r="N11665" s="18"/>
      <c r="O11665" s="18"/>
      <c r="P11665" s="19"/>
      <c r="Q11665" s="19"/>
      <c r="R11665" s="19"/>
      <c r="S11665" s="19"/>
      <c r="T11665" s="19"/>
      <c r="U11665" s="19"/>
      <c r="V11665" s="19"/>
      <c r="W11665" s="19"/>
      <c r="X11665" s="19"/>
      <c r="Y11665" s="19"/>
      <c r="Z11665" s="19"/>
      <c r="AA11665" s="19"/>
    </row>
    <row r="11666" spans="1:27" s="1" customFormat="1" ht="11.1" customHeight="1" outlineLevel="3" x14ac:dyDescent="0.2">
      <c r="A11666" s="17">
        <v>8936</v>
      </c>
      <c r="B11666" s="17"/>
      <c r="C11666" s="17"/>
      <c r="D11666" s="18" t="s">
        <v>5790</v>
      </c>
      <c r="E11666" s="18"/>
      <c r="F11666" s="18"/>
      <c r="G11666" s="18"/>
      <c r="H11666" s="18"/>
      <c r="I11666" s="18"/>
      <c r="J11666" s="18"/>
      <c r="K11666" s="18"/>
      <c r="L11666" s="18"/>
      <c r="M11666" s="18"/>
      <c r="N11666" s="18"/>
      <c r="O11666" s="18"/>
      <c r="P11666" s="19">
        <v>240</v>
      </c>
      <c r="Q11666" s="19"/>
      <c r="R11666" s="19"/>
      <c r="S11666" s="19"/>
      <c r="T11666" s="19">
        <v>130</v>
      </c>
      <c r="U11666" s="19"/>
      <c r="V11666" s="19"/>
      <c r="W11666" s="19"/>
      <c r="X11666" s="19">
        <v>3</v>
      </c>
      <c r="Y11666" s="19"/>
      <c r="Z11666" s="19"/>
      <c r="AA11666" s="19"/>
    </row>
    <row r="11667" spans="1:27" s="1" customFormat="1" ht="11.1" customHeight="1" outlineLevel="3" x14ac:dyDescent="0.2">
      <c r="A11667" s="17"/>
      <c r="B11667" s="17"/>
      <c r="C11667" s="17"/>
      <c r="D11667" s="18"/>
      <c r="E11667" s="18"/>
      <c r="F11667" s="18"/>
      <c r="G11667" s="18"/>
      <c r="H11667" s="18"/>
      <c r="I11667" s="18"/>
      <c r="J11667" s="18"/>
      <c r="K11667" s="18"/>
      <c r="L11667" s="18"/>
      <c r="M11667" s="18"/>
      <c r="N11667" s="18"/>
      <c r="O11667" s="18"/>
      <c r="P11667" s="19"/>
      <c r="Q11667" s="19"/>
      <c r="R11667" s="19"/>
      <c r="S11667" s="19"/>
      <c r="T11667" s="19"/>
      <c r="U11667" s="19"/>
      <c r="V11667" s="19"/>
      <c r="W11667" s="19"/>
      <c r="X11667" s="19"/>
      <c r="Y11667" s="19"/>
      <c r="Z11667" s="19"/>
      <c r="AA11667" s="19"/>
    </row>
    <row r="11668" spans="1:27" s="1" customFormat="1" ht="11.1" customHeight="1" outlineLevel="3" x14ac:dyDescent="0.2">
      <c r="A11668" s="17">
        <v>8932</v>
      </c>
      <c r="B11668" s="17"/>
      <c r="C11668" s="17"/>
      <c r="D11668" s="18" t="s">
        <v>5791</v>
      </c>
      <c r="E11668" s="18"/>
      <c r="F11668" s="18"/>
      <c r="G11668" s="18"/>
      <c r="H11668" s="18"/>
      <c r="I11668" s="18"/>
      <c r="J11668" s="18"/>
      <c r="K11668" s="18"/>
      <c r="L11668" s="18"/>
      <c r="M11668" s="18"/>
      <c r="N11668" s="18"/>
      <c r="O11668" s="18"/>
      <c r="P11668" s="19">
        <v>240</v>
      </c>
      <c r="Q11668" s="19"/>
      <c r="R11668" s="19"/>
      <c r="S11668" s="19"/>
      <c r="T11668" s="19">
        <v>130</v>
      </c>
      <c r="U11668" s="19"/>
      <c r="V11668" s="19"/>
      <c r="W11668" s="19"/>
      <c r="X11668" s="19">
        <v>3</v>
      </c>
      <c r="Y11668" s="19"/>
      <c r="Z11668" s="19"/>
      <c r="AA11668" s="19"/>
    </row>
    <row r="11669" spans="1:27" s="1" customFormat="1" ht="11.1" customHeight="1" outlineLevel="3" x14ac:dyDescent="0.2">
      <c r="A11669" s="17"/>
      <c r="B11669" s="17"/>
      <c r="C11669" s="17"/>
      <c r="D11669" s="18"/>
      <c r="E11669" s="18"/>
      <c r="F11669" s="18"/>
      <c r="G11669" s="18"/>
      <c r="H11669" s="18"/>
      <c r="I11669" s="18"/>
      <c r="J11669" s="18"/>
      <c r="K11669" s="18"/>
      <c r="L11669" s="18"/>
      <c r="M11669" s="18"/>
      <c r="N11669" s="18"/>
      <c r="O11669" s="18"/>
      <c r="P11669" s="19"/>
      <c r="Q11669" s="19"/>
      <c r="R11669" s="19"/>
      <c r="S11669" s="19"/>
      <c r="T11669" s="19"/>
      <c r="U11669" s="19"/>
      <c r="V11669" s="19"/>
      <c r="W11669" s="19"/>
      <c r="X11669" s="19"/>
      <c r="Y11669" s="19"/>
      <c r="Z11669" s="19"/>
      <c r="AA11669" s="19"/>
    </row>
    <row r="11670" spans="1:27" s="1" customFormat="1" ht="11.1" customHeight="1" outlineLevel="3" x14ac:dyDescent="0.2">
      <c r="A11670" s="17">
        <v>10502</v>
      </c>
      <c r="B11670" s="17"/>
      <c r="C11670" s="17"/>
      <c r="D11670" s="18" t="s">
        <v>5792</v>
      </c>
      <c r="E11670" s="18"/>
      <c r="F11670" s="18"/>
      <c r="G11670" s="18"/>
      <c r="H11670" s="18"/>
      <c r="I11670" s="18"/>
      <c r="J11670" s="18"/>
      <c r="K11670" s="18"/>
      <c r="L11670" s="18"/>
      <c r="M11670" s="18"/>
      <c r="N11670" s="18"/>
      <c r="O11670" s="18"/>
      <c r="P11670" s="19">
        <v>240</v>
      </c>
      <c r="Q11670" s="19"/>
      <c r="R11670" s="19"/>
      <c r="S11670" s="19"/>
      <c r="T11670" s="19">
        <v>130</v>
      </c>
      <c r="U11670" s="19"/>
      <c r="V11670" s="19"/>
      <c r="W11670" s="19"/>
      <c r="X11670" s="19">
        <v>2</v>
      </c>
      <c r="Y11670" s="19"/>
      <c r="Z11670" s="19"/>
      <c r="AA11670" s="19"/>
    </row>
    <row r="11671" spans="1:27" s="1" customFormat="1" ht="11.1" customHeight="1" outlineLevel="3" x14ac:dyDescent="0.2">
      <c r="A11671" s="17"/>
      <c r="B11671" s="17"/>
      <c r="C11671" s="17"/>
      <c r="D11671" s="18"/>
      <c r="E11671" s="18"/>
      <c r="F11671" s="18"/>
      <c r="G11671" s="18"/>
      <c r="H11671" s="18"/>
      <c r="I11671" s="18"/>
      <c r="J11671" s="18"/>
      <c r="K11671" s="18"/>
      <c r="L11671" s="18"/>
      <c r="M11671" s="18"/>
      <c r="N11671" s="18"/>
      <c r="O11671" s="18"/>
      <c r="P11671" s="19"/>
      <c r="Q11671" s="19"/>
      <c r="R11671" s="19"/>
      <c r="S11671" s="19"/>
      <c r="T11671" s="19"/>
      <c r="U11671" s="19"/>
      <c r="V11671" s="19"/>
      <c r="W11671" s="19"/>
      <c r="X11671" s="19"/>
      <c r="Y11671" s="19"/>
      <c r="Z11671" s="19"/>
      <c r="AA11671" s="19"/>
    </row>
    <row r="11672" spans="1:27" s="1" customFormat="1" ht="11.1" customHeight="1" outlineLevel="3" x14ac:dyDescent="0.2">
      <c r="A11672" s="17">
        <v>8930</v>
      </c>
      <c r="B11672" s="17"/>
      <c r="C11672" s="17"/>
      <c r="D11672" s="18" t="s">
        <v>5793</v>
      </c>
      <c r="E11672" s="18"/>
      <c r="F11672" s="18"/>
      <c r="G11672" s="18"/>
      <c r="H11672" s="18"/>
      <c r="I11672" s="18"/>
      <c r="J11672" s="18"/>
      <c r="K11672" s="18"/>
      <c r="L11672" s="18"/>
      <c r="M11672" s="18"/>
      <c r="N11672" s="18"/>
      <c r="O11672" s="18"/>
      <c r="P11672" s="19">
        <v>240</v>
      </c>
      <c r="Q11672" s="19"/>
      <c r="R11672" s="19"/>
      <c r="S11672" s="19"/>
      <c r="T11672" s="19">
        <v>130</v>
      </c>
      <c r="U11672" s="19"/>
      <c r="V11672" s="19"/>
      <c r="W11672" s="19"/>
      <c r="X11672" s="19">
        <v>3</v>
      </c>
      <c r="Y11672" s="19"/>
      <c r="Z11672" s="19"/>
      <c r="AA11672" s="19"/>
    </row>
    <row r="11673" spans="1:27" s="1" customFormat="1" ht="11.1" customHeight="1" outlineLevel="3" x14ac:dyDescent="0.2">
      <c r="A11673" s="17"/>
      <c r="B11673" s="17"/>
      <c r="C11673" s="17"/>
      <c r="D11673" s="18"/>
      <c r="E11673" s="18"/>
      <c r="F11673" s="18"/>
      <c r="G11673" s="18"/>
      <c r="H11673" s="18"/>
      <c r="I11673" s="18"/>
      <c r="J11673" s="18"/>
      <c r="K11673" s="18"/>
      <c r="L11673" s="18"/>
      <c r="M11673" s="18"/>
      <c r="N11673" s="18"/>
      <c r="O11673" s="18"/>
      <c r="P11673" s="19"/>
      <c r="Q11673" s="19"/>
      <c r="R11673" s="19"/>
      <c r="S11673" s="19"/>
      <c r="T11673" s="19"/>
      <c r="U11673" s="19"/>
      <c r="V11673" s="19"/>
      <c r="W11673" s="19"/>
      <c r="X11673" s="19"/>
      <c r="Y11673" s="19"/>
      <c r="Z11673" s="19"/>
      <c r="AA11673" s="19"/>
    </row>
    <row r="11674" spans="1:27" s="1" customFormat="1" ht="11.1" customHeight="1" outlineLevel="3" x14ac:dyDescent="0.2">
      <c r="A11674" s="17">
        <v>7441</v>
      </c>
      <c r="B11674" s="17"/>
      <c r="C11674" s="17"/>
      <c r="D11674" s="18" t="s">
        <v>5794</v>
      </c>
      <c r="E11674" s="18"/>
      <c r="F11674" s="18"/>
      <c r="G11674" s="18"/>
      <c r="H11674" s="18"/>
      <c r="I11674" s="18"/>
      <c r="J11674" s="18"/>
      <c r="K11674" s="18"/>
      <c r="L11674" s="18"/>
      <c r="M11674" s="18"/>
      <c r="N11674" s="18"/>
      <c r="O11674" s="18"/>
      <c r="P11674" s="19">
        <v>240</v>
      </c>
      <c r="Q11674" s="19"/>
      <c r="R11674" s="19"/>
      <c r="S11674" s="19"/>
      <c r="T11674" s="19">
        <v>130</v>
      </c>
      <c r="U11674" s="19"/>
      <c r="V11674" s="19"/>
      <c r="W11674" s="19"/>
      <c r="X11674" s="19">
        <v>3</v>
      </c>
      <c r="Y11674" s="19"/>
      <c r="Z11674" s="19"/>
      <c r="AA11674" s="19"/>
    </row>
    <row r="11675" spans="1:27" s="1" customFormat="1" ht="11.1" customHeight="1" outlineLevel="3" x14ac:dyDescent="0.2">
      <c r="A11675" s="17"/>
      <c r="B11675" s="17"/>
      <c r="C11675" s="17"/>
      <c r="D11675" s="18"/>
      <c r="E11675" s="18"/>
      <c r="F11675" s="18"/>
      <c r="G11675" s="18"/>
      <c r="H11675" s="18"/>
      <c r="I11675" s="18"/>
      <c r="J11675" s="18"/>
      <c r="K11675" s="18"/>
      <c r="L11675" s="18"/>
      <c r="M11675" s="18"/>
      <c r="N11675" s="18"/>
      <c r="O11675" s="18"/>
      <c r="P11675" s="19"/>
      <c r="Q11675" s="19"/>
      <c r="R11675" s="19"/>
      <c r="S11675" s="19"/>
      <c r="T11675" s="19"/>
      <c r="U11675" s="19"/>
      <c r="V11675" s="19"/>
      <c r="W11675" s="19"/>
      <c r="X11675" s="19"/>
      <c r="Y11675" s="19"/>
      <c r="Z11675" s="19"/>
      <c r="AA11675" s="19"/>
    </row>
    <row r="11676" spans="1:27" s="1" customFormat="1" ht="11.1" customHeight="1" outlineLevel="3" x14ac:dyDescent="0.2">
      <c r="A11676" s="17">
        <v>8940</v>
      </c>
      <c r="B11676" s="17"/>
      <c r="C11676" s="17"/>
      <c r="D11676" s="18" t="s">
        <v>5795</v>
      </c>
      <c r="E11676" s="18"/>
      <c r="F11676" s="18"/>
      <c r="G11676" s="18"/>
      <c r="H11676" s="18"/>
      <c r="I11676" s="18"/>
      <c r="J11676" s="18"/>
      <c r="K11676" s="18"/>
      <c r="L11676" s="18"/>
      <c r="M11676" s="18"/>
      <c r="N11676" s="18"/>
      <c r="O11676" s="18"/>
      <c r="P11676" s="19">
        <v>240</v>
      </c>
      <c r="Q11676" s="19"/>
      <c r="R11676" s="19"/>
      <c r="S11676" s="19"/>
      <c r="T11676" s="19">
        <v>130</v>
      </c>
      <c r="U11676" s="19"/>
      <c r="V11676" s="19"/>
      <c r="W11676" s="19"/>
      <c r="X11676" s="19">
        <v>1</v>
      </c>
      <c r="Y11676" s="19"/>
      <c r="Z11676" s="19"/>
      <c r="AA11676" s="19"/>
    </row>
    <row r="11677" spans="1:27" s="1" customFormat="1" ht="11.1" customHeight="1" outlineLevel="3" x14ac:dyDescent="0.2">
      <c r="A11677" s="17"/>
      <c r="B11677" s="17"/>
      <c r="C11677" s="17"/>
      <c r="D11677" s="18"/>
      <c r="E11677" s="18"/>
      <c r="F11677" s="18"/>
      <c r="G11677" s="18"/>
      <c r="H11677" s="18"/>
      <c r="I11677" s="18"/>
      <c r="J11677" s="18"/>
      <c r="K11677" s="18"/>
      <c r="L11677" s="18"/>
      <c r="M11677" s="18"/>
      <c r="N11677" s="18"/>
      <c r="O11677" s="18"/>
      <c r="P11677" s="19"/>
      <c r="Q11677" s="19"/>
      <c r="R11677" s="19"/>
      <c r="S11677" s="19"/>
      <c r="T11677" s="19"/>
      <c r="U11677" s="19"/>
      <c r="V11677" s="19"/>
      <c r="W11677" s="19"/>
      <c r="X11677" s="19"/>
      <c r="Y11677" s="19"/>
      <c r="Z11677" s="19"/>
      <c r="AA11677" s="19"/>
    </row>
    <row r="11678" spans="1:27" s="1" customFormat="1" ht="11.1" customHeight="1" outlineLevel="3" x14ac:dyDescent="0.2">
      <c r="A11678" s="17">
        <v>8943</v>
      </c>
      <c r="B11678" s="17"/>
      <c r="C11678" s="17"/>
      <c r="D11678" s="18" t="s">
        <v>5796</v>
      </c>
      <c r="E11678" s="18"/>
      <c r="F11678" s="18"/>
      <c r="G11678" s="18"/>
      <c r="H11678" s="18"/>
      <c r="I11678" s="18"/>
      <c r="J11678" s="18"/>
      <c r="K11678" s="18"/>
      <c r="L11678" s="18"/>
      <c r="M11678" s="18"/>
      <c r="N11678" s="18"/>
      <c r="O11678" s="18"/>
      <c r="P11678" s="19">
        <v>240</v>
      </c>
      <c r="Q11678" s="19"/>
      <c r="R11678" s="19"/>
      <c r="S11678" s="19"/>
      <c r="T11678" s="19">
        <v>130</v>
      </c>
      <c r="U11678" s="19"/>
      <c r="V11678" s="19"/>
      <c r="W11678" s="19"/>
      <c r="X11678" s="19">
        <v>5</v>
      </c>
      <c r="Y11678" s="19"/>
      <c r="Z11678" s="19"/>
      <c r="AA11678" s="19"/>
    </row>
    <row r="11679" spans="1:27" s="1" customFormat="1" ht="11.1" customHeight="1" outlineLevel="3" x14ac:dyDescent="0.2">
      <c r="A11679" s="17"/>
      <c r="B11679" s="17"/>
      <c r="C11679" s="17"/>
      <c r="D11679" s="18"/>
      <c r="E11679" s="18"/>
      <c r="F11679" s="18"/>
      <c r="G11679" s="18"/>
      <c r="H11679" s="18"/>
      <c r="I11679" s="18"/>
      <c r="J11679" s="18"/>
      <c r="K11679" s="18"/>
      <c r="L11679" s="18"/>
      <c r="M11679" s="18"/>
      <c r="N11679" s="18"/>
      <c r="O11679" s="18"/>
      <c r="P11679" s="19"/>
      <c r="Q11679" s="19"/>
      <c r="R11679" s="19"/>
      <c r="S11679" s="19"/>
      <c r="T11679" s="19"/>
      <c r="U11679" s="19"/>
      <c r="V11679" s="19"/>
      <c r="W11679" s="19"/>
      <c r="X11679" s="19"/>
      <c r="Y11679" s="19"/>
      <c r="Z11679" s="19"/>
      <c r="AA11679" s="19"/>
    </row>
    <row r="11680" spans="1:27" s="1" customFormat="1" ht="11.1" customHeight="1" outlineLevel="3" x14ac:dyDescent="0.2">
      <c r="A11680" s="17">
        <v>9885</v>
      </c>
      <c r="B11680" s="17"/>
      <c r="C11680" s="17"/>
      <c r="D11680" s="18" t="s">
        <v>5797</v>
      </c>
      <c r="E11680" s="18"/>
      <c r="F11680" s="18"/>
      <c r="G11680" s="18"/>
      <c r="H11680" s="18"/>
      <c r="I11680" s="18"/>
      <c r="J11680" s="18"/>
      <c r="K11680" s="18"/>
      <c r="L11680" s="18"/>
      <c r="M11680" s="18"/>
      <c r="N11680" s="18"/>
      <c r="O11680" s="18"/>
      <c r="P11680" s="19">
        <v>240</v>
      </c>
      <c r="Q11680" s="19"/>
      <c r="R11680" s="19"/>
      <c r="S11680" s="19"/>
      <c r="T11680" s="19">
        <v>130</v>
      </c>
      <c r="U11680" s="19"/>
      <c r="V11680" s="19"/>
      <c r="W11680" s="19"/>
      <c r="X11680" s="19">
        <v>4</v>
      </c>
      <c r="Y11680" s="19"/>
      <c r="Z11680" s="19"/>
      <c r="AA11680" s="19"/>
    </row>
    <row r="11681" spans="1:27" s="1" customFormat="1" ht="11.1" customHeight="1" outlineLevel="3" x14ac:dyDescent="0.2">
      <c r="A11681" s="17"/>
      <c r="B11681" s="17"/>
      <c r="C11681" s="17"/>
      <c r="D11681" s="18"/>
      <c r="E11681" s="18"/>
      <c r="F11681" s="18"/>
      <c r="G11681" s="18"/>
      <c r="H11681" s="18"/>
      <c r="I11681" s="18"/>
      <c r="J11681" s="18"/>
      <c r="K11681" s="18"/>
      <c r="L11681" s="18"/>
      <c r="M11681" s="18"/>
      <c r="N11681" s="18"/>
      <c r="O11681" s="18"/>
      <c r="P11681" s="19"/>
      <c r="Q11681" s="19"/>
      <c r="R11681" s="19"/>
      <c r="S11681" s="19"/>
      <c r="T11681" s="19"/>
      <c r="U11681" s="19"/>
      <c r="V11681" s="19"/>
      <c r="W11681" s="19"/>
      <c r="X11681" s="19"/>
      <c r="Y11681" s="19"/>
      <c r="Z11681" s="19"/>
      <c r="AA11681" s="19"/>
    </row>
    <row r="11682" spans="1:27" s="1" customFormat="1" ht="11.1" customHeight="1" outlineLevel="3" x14ac:dyDescent="0.2">
      <c r="A11682" s="17">
        <v>8939</v>
      </c>
      <c r="B11682" s="17"/>
      <c r="C11682" s="17"/>
      <c r="D11682" s="18" t="s">
        <v>5798</v>
      </c>
      <c r="E11682" s="18"/>
      <c r="F11682" s="18"/>
      <c r="G11682" s="18"/>
      <c r="H11682" s="18"/>
      <c r="I11682" s="18"/>
      <c r="J11682" s="18"/>
      <c r="K11682" s="18"/>
      <c r="L11682" s="18"/>
      <c r="M11682" s="18"/>
      <c r="N11682" s="18"/>
      <c r="O11682" s="18"/>
      <c r="P11682" s="19">
        <v>240</v>
      </c>
      <c r="Q11682" s="19"/>
      <c r="R11682" s="19"/>
      <c r="S11682" s="19"/>
      <c r="T11682" s="19">
        <v>130</v>
      </c>
      <c r="U11682" s="19"/>
      <c r="V11682" s="19"/>
      <c r="W11682" s="19"/>
      <c r="X11682" s="19">
        <v>4</v>
      </c>
      <c r="Y11682" s="19"/>
      <c r="Z11682" s="19"/>
      <c r="AA11682" s="19"/>
    </row>
    <row r="11683" spans="1:27" s="1" customFormat="1" ht="11.1" customHeight="1" outlineLevel="3" x14ac:dyDescent="0.2">
      <c r="A11683" s="17"/>
      <c r="B11683" s="17"/>
      <c r="C11683" s="17"/>
      <c r="D11683" s="18"/>
      <c r="E11683" s="18"/>
      <c r="F11683" s="18"/>
      <c r="G11683" s="18"/>
      <c r="H11683" s="18"/>
      <c r="I11683" s="18"/>
      <c r="J11683" s="18"/>
      <c r="K11683" s="18"/>
      <c r="L11683" s="18"/>
      <c r="M11683" s="18"/>
      <c r="N11683" s="18"/>
      <c r="O11683" s="18"/>
      <c r="P11683" s="19"/>
      <c r="Q11683" s="19"/>
      <c r="R11683" s="19"/>
      <c r="S11683" s="19"/>
      <c r="T11683" s="19"/>
      <c r="U11683" s="19"/>
      <c r="V11683" s="19"/>
      <c r="W11683" s="19"/>
      <c r="X11683" s="19"/>
      <c r="Y11683" s="19"/>
      <c r="Z11683" s="19"/>
      <c r="AA11683" s="19"/>
    </row>
    <row r="11684" spans="1:27" s="1" customFormat="1" ht="11.1" customHeight="1" outlineLevel="3" x14ac:dyDescent="0.2">
      <c r="A11684" s="17">
        <v>8944</v>
      </c>
      <c r="B11684" s="17"/>
      <c r="C11684" s="17"/>
      <c r="D11684" s="18" t="s">
        <v>5799</v>
      </c>
      <c r="E11684" s="18"/>
      <c r="F11684" s="18"/>
      <c r="G11684" s="18"/>
      <c r="H11684" s="18"/>
      <c r="I11684" s="18"/>
      <c r="J11684" s="18"/>
      <c r="K11684" s="18"/>
      <c r="L11684" s="18"/>
      <c r="M11684" s="18"/>
      <c r="N11684" s="18"/>
      <c r="O11684" s="18"/>
      <c r="P11684" s="19">
        <v>240</v>
      </c>
      <c r="Q11684" s="19"/>
      <c r="R11684" s="19"/>
      <c r="S11684" s="19"/>
      <c r="T11684" s="19">
        <v>130</v>
      </c>
      <c r="U11684" s="19"/>
      <c r="V11684" s="19"/>
      <c r="W11684" s="19"/>
      <c r="X11684" s="19">
        <v>4</v>
      </c>
      <c r="Y11684" s="19"/>
      <c r="Z11684" s="19"/>
      <c r="AA11684" s="19"/>
    </row>
    <row r="11685" spans="1:27" s="1" customFormat="1" ht="11.1" customHeight="1" outlineLevel="3" x14ac:dyDescent="0.2">
      <c r="A11685" s="17"/>
      <c r="B11685" s="17"/>
      <c r="C11685" s="17"/>
      <c r="D11685" s="18"/>
      <c r="E11685" s="18"/>
      <c r="F11685" s="18"/>
      <c r="G11685" s="18"/>
      <c r="H11685" s="18"/>
      <c r="I11685" s="18"/>
      <c r="J11685" s="18"/>
      <c r="K11685" s="18"/>
      <c r="L11685" s="18"/>
      <c r="M11685" s="18"/>
      <c r="N11685" s="18"/>
      <c r="O11685" s="18"/>
      <c r="P11685" s="19"/>
      <c r="Q11685" s="19"/>
      <c r="R11685" s="19"/>
      <c r="S11685" s="19"/>
      <c r="T11685" s="19"/>
      <c r="U11685" s="19"/>
      <c r="V11685" s="19"/>
      <c r="W11685" s="19"/>
      <c r="X11685" s="19"/>
      <c r="Y11685" s="19"/>
      <c r="Z11685" s="19"/>
      <c r="AA11685" s="19"/>
    </row>
    <row r="11686" spans="1:27" s="1" customFormat="1" ht="11.1" customHeight="1" outlineLevel="3" x14ac:dyDescent="0.2">
      <c r="A11686" s="17">
        <v>7445</v>
      </c>
      <c r="B11686" s="17"/>
      <c r="C11686" s="17"/>
      <c r="D11686" s="18" t="s">
        <v>5800</v>
      </c>
      <c r="E11686" s="18"/>
      <c r="F11686" s="18"/>
      <c r="G11686" s="18"/>
      <c r="H11686" s="18"/>
      <c r="I11686" s="18"/>
      <c r="J11686" s="18"/>
      <c r="K11686" s="18"/>
      <c r="L11686" s="18"/>
      <c r="M11686" s="18"/>
      <c r="N11686" s="18"/>
      <c r="O11686" s="18"/>
      <c r="P11686" s="19">
        <v>240</v>
      </c>
      <c r="Q11686" s="19"/>
      <c r="R11686" s="19"/>
      <c r="S11686" s="19"/>
      <c r="T11686" s="19">
        <v>130</v>
      </c>
      <c r="U11686" s="19"/>
      <c r="V11686" s="19"/>
      <c r="W11686" s="19"/>
      <c r="X11686" s="19">
        <v>3</v>
      </c>
      <c r="Y11686" s="19"/>
      <c r="Z11686" s="19"/>
      <c r="AA11686" s="19"/>
    </row>
    <row r="11687" spans="1:27" s="1" customFormat="1" ht="11.1" customHeight="1" outlineLevel="3" x14ac:dyDescent="0.2">
      <c r="A11687" s="17"/>
      <c r="B11687" s="17"/>
      <c r="C11687" s="17"/>
      <c r="D11687" s="18"/>
      <c r="E11687" s="18"/>
      <c r="F11687" s="18"/>
      <c r="G11687" s="18"/>
      <c r="H11687" s="18"/>
      <c r="I11687" s="18"/>
      <c r="J11687" s="18"/>
      <c r="K11687" s="18"/>
      <c r="L11687" s="18"/>
      <c r="M11687" s="18"/>
      <c r="N11687" s="18"/>
      <c r="O11687" s="18"/>
      <c r="P11687" s="19"/>
      <c r="Q11687" s="19"/>
      <c r="R11687" s="19"/>
      <c r="S11687" s="19"/>
      <c r="T11687" s="19"/>
      <c r="U11687" s="19"/>
      <c r="V11687" s="19"/>
      <c r="W11687" s="19"/>
      <c r="X11687" s="19"/>
      <c r="Y11687" s="19"/>
      <c r="Z11687" s="19"/>
      <c r="AA11687" s="19"/>
    </row>
    <row r="11688" spans="1:27" s="1" customFormat="1" ht="11.1" customHeight="1" outlineLevel="3" x14ac:dyDescent="0.2">
      <c r="A11688" s="17">
        <v>7447</v>
      </c>
      <c r="B11688" s="17"/>
      <c r="C11688" s="17"/>
      <c r="D11688" s="18" t="s">
        <v>5801</v>
      </c>
      <c r="E11688" s="18"/>
      <c r="F11688" s="18"/>
      <c r="G11688" s="18"/>
      <c r="H11688" s="18"/>
      <c r="I11688" s="18"/>
      <c r="J11688" s="18"/>
      <c r="K11688" s="18"/>
      <c r="L11688" s="18"/>
      <c r="M11688" s="18"/>
      <c r="N11688" s="18"/>
      <c r="O11688" s="18"/>
      <c r="P11688" s="19">
        <v>240</v>
      </c>
      <c r="Q11688" s="19"/>
      <c r="R11688" s="19"/>
      <c r="S11688" s="19"/>
      <c r="T11688" s="19">
        <v>130</v>
      </c>
      <c r="U11688" s="19"/>
      <c r="V11688" s="19"/>
      <c r="W11688" s="19"/>
      <c r="X11688" s="19">
        <v>2</v>
      </c>
      <c r="Y11688" s="19"/>
      <c r="Z11688" s="19"/>
      <c r="AA11688" s="19"/>
    </row>
    <row r="11689" spans="1:27" s="1" customFormat="1" ht="11.1" customHeight="1" outlineLevel="3" x14ac:dyDescent="0.2">
      <c r="A11689" s="17"/>
      <c r="B11689" s="17"/>
      <c r="C11689" s="17"/>
      <c r="D11689" s="18"/>
      <c r="E11689" s="18"/>
      <c r="F11689" s="18"/>
      <c r="G11689" s="18"/>
      <c r="H11689" s="18"/>
      <c r="I11689" s="18"/>
      <c r="J11689" s="18"/>
      <c r="K11689" s="18"/>
      <c r="L11689" s="18"/>
      <c r="M11689" s="18"/>
      <c r="N11689" s="18"/>
      <c r="O11689" s="18"/>
      <c r="P11689" s="19"/>
      <c r="Q11689" s="19"/>
      <c r="R11689" s="19"/>
      <c r="S11689" s="19"/>
      <c r="T11689" s="19"/>
      <c r="U11689" s="19"/>
      <c r="V11689" s="19"/>
      <c r="W11689" s="19"/>
      <c r="X11689" s="19"/>
      <c r="Y11689" s="19"/>
      <c r="Z11689" s="19"/>
      <c r="AA11689" s="19"/>
    </row>
    <row r="11690" spans="1:27" s="1" customFormat="1" ht="11.1" customHeight="1" outlineLevel="3" x14ac:dyDescent="0.2">
      <c r="A11690" s="17">
        <v>7444</v>
      </c>
      <c r="B11690" s="17"/>
      <c r="C11690" s="17"/>
      <c r="D11690" s="18" t="s">
        <v>5802</v>
      </c>
      <c r="E11690" s="18"/>
      <c r="F11690" s="18"/>
      <c r="G11690" s="18"/>
      <c r="H11690" s="18"/>
      <c r="I11690" s="18"/>
      <c r="J11690" s="18"/>
      <c r="K11690" s="18"/>
      <c r="L11690" s="18"/>
      <c r="M11690" s="18"/>
      <c r="N11690" s="18"/>
      <c r="O11690" s="18"/>
      <c r="P11690" s="19">
        <v>240</v>
      </c>
      <c r="Q11690" s="19"/>
      <c r="R11690" s="19"/>
      <c r="S11690" s="19"/>
      <c r="T11690" s="19">
        <v>130</v>
      </c>
      <c r="U11690" s="19"/>
      <c r="V11690" s="19"/>
      <c r="W11690" s="19"/>
      <c r="X11690" s="19">
        <v>2</v>
      </c>
      <c r="Y11690" s="19"/>
      <c r="Z11690" s="19"/>
      <c r="AA11690" s="19"/>
    </row>
    <row r="11691" spans="1:27" s="1" customFormat="1" ht="11.1" customHeight="1" outlineLevel="3" x14ac:dyDescent="0.2">
      <c r="A11691" s="17"/>
      <c r="B11691" s="17"/>
      <c r="C11691" s="17"/>
      <c r="D11691" s="18"/>
      <c r="E11691" s="18"/>
      <c r="F11691" s="18"/>
      <c r="G11691" s="18"/>
      <c r="H11691" s="18"/>
      <c r="I11691" s="18"/>
      <c r="J11691" s="18"/>
      <c r="K11691" s="18"/>
      <c r="L11691" s="18"/>
      <c r="M11691" s="18"/>
      <c r="N11691" s="18"/>
      <c r="O11691" s="18"/>
      <c r="P11691" s="19"/>
      <c r="Q11691" s="19"/>
      <c r="R11691" s="19"/>
      <c r="S11691" s="19"/>
      <c r="T11691" s="19"/>
      <c r="U11691" s="19"/>
      <c r="V11691" s="19"/>
      <c r="W11691" s="19"/>
      <c r="X11691" s="19"/>
      <c r="Y11691" s="19"/>
      <c r="Z11691" s="19"/>
      <c r="AA11691" s="19"/>
    </row>
    <row r="11692" spans="1:27" s="1" customFormat="1" ht="11.1" customHeight="1" outlineLevel="3" x14ac:dyDescent="0.2">
      <c r="A11692" s="17">
        <v>7396</v>
      </c>
      <c r="B11692" s="17"/>
      <c r="C11692" s="17"/>
      <c r="D11692" s="18" t="s">
        <v>5803</v>
      </c>
      <c r="E11692" s="18"/>
      <c r="F11692" s="18"/>
      <c r="G11692" s="18"/>
      <c r="H11692" s="18"/>
      <c r="I11692" s="18"/>
      <c r="J11692" s="18"/>
      <c r="K11692" s="18"/>
      <c r="L11692" s="18"/>
      <c r="M11692" s="18"/>
      <c r="N11692" s="18"/>
      <c r="O11692" s="18"/>
      <c r="P11692" s="19">
        <v>240</v>
      </c>
      <c r="Q11692" s="19"/>
      <c r="R11692" s="19"/>
      <c r="S11692" s="19"/>
      <c r="T11692" s="19">
        <v>130</v>
      </c>
      <c r="U11692" s="19"/>
      <c r="V11692" s="19"/>
      <c r="W11692" s="19"/>
      <c r="X11692" s="19">
        <v>2</v>
      </c>
      <c r="Y11692" s="19"/>
      <c r="Z11692" s="19"/>
      <c r="AA11692" s="19"/>
    </row>
    <row r="11693" spans="1:27" s="1" customFormat="1" ht="11.1" customHeight="1" outlineLevel="3" x14ac:dyDescent="0.2">
      <c r="A11693" s="17"/>
      <c r="B11693" s="17"/>
      <c r="C11693" s="17"/>
      <c r="D11693" s="18"/>
      <c r="E11693" s="18"/>
      <c r="F11693" s="18"/>
      <c r="G11693" s="18"/>
      <c r="H11693" s="18"/>
      <c r="I11693" s="18"/>
      <c r="J11693" s="18"/>
      <c r="K11693" s="18"/>
      <c r="L11693" s="18"/>
      <c r="M11693" s="18"/>
      <c r="N11693" s="18"/>
      <c r="O11693" s="18"/>
      <c r="P11693" s="19"/>
      <c r="Q11693" s="19"/>
      <c r="R11693" s="19"/>
      <c r="S11693" s="19"/>
      <c r="T11693" s="19"/>
      <c r="U11693" s="19"/>
      <c r="V11693" s="19"/>
      <c r="W11693" s="19"/>
      <c r="X11693" s="19"/>
      <c r="Y11693" s="19"/>
      <c r="Z11693" s="19"/>
      <c r="AA11693" s="19"/>
    </row>
    <row r="11694" spans="1:27" s="1" customFormat="1" ht="11.1" customHeight="1" outlineLevel="3" x14ac:dyDescent="0.2">
      <c r="A11694" s="17">
        <v>7404</v>
      </c>
      <c r="B11694" s="17"/>
      <c r="C11694" s="17"/>
      <c r="D11694" s="18" t="s">
        <v>5804</v>
      </c>
      <c r="E11694" s="18"/>
      <c r="F11694" s="18"/>
      <c r="G11694" s="18"/>
      <c r="H11694" s="18"/>
      <c r="I11694" s="18"/>
      <c r="J11694" s="18"/>
      <c r="K11694" s="18"/>
      <c r="L11694" s="18"/>
      <c r="M11694" s="18"/>
      <c r="N11694" s="18"/>
      <c r="O11694" s="18"/>
      <c r="P11694" s="19">
        <v>240</v>
      </c>
      <c r="Q11694" s="19"/>
      <c r="R11694" s="19"/>
      <c r="S11694" s="19"/>
      <c r="T11694" s="19">
        <v>130</v>
      </c>
      <c r="U11694" s="19"/>
      <c r="V11694" s="19"/>
      <c r="W11694" s="19"/>
      <c r="X11694" s="19">
        <v>1</v>
      </c>
      <c r="Y11694" s="19"/>
      <c r="Z11694" s="19"/>
      <c r="AA11694" s="19"/>
    </row>
    <row r="11695" spans="1:27" s="1" customFormat="1" ht="11.1" customHeight="1" outlineLevel="3" x14ac:dyDescent="0.2">
      <c r="A11695" s="17"/>
      <c r="B11695" s="17"/>
      <c r="C11695" s="17"/>
      <c r="D11695" s="18"/>
      <c r="E11695" s="18"/>
      <c r="F11695" s="18"/>
      <c r="G11695" s="18"/>
      <c r="H11695" s="18"/>
      <c r="I11695" s="18"/>
      <c r="J11695" s="18"/>
      <c r="K11695" s="18"/>
      <c r="L11695" s="18"/>
      <c r="M11695" s="18"/>
      <c r="N11695" s="18"/>
      <c r="O11695" s="18"/>
      <c r="P11695" s="19"/>
      <c r="Q11695" s="19"/>
      <c r="R11695" s="19"/>
      <c r="S11695" s="19"/>
      <c r="T11695" s="19"/>
      <c r="U11695" s="19"/>
      <c r="V11695" s="19"/>
      <c r="W11695" s="19"/>
      <c r="X11695" s="19"/>
      <c r="Y11695" s="19"/>
      <c r="Z11695" s="19"/>
      <c r="AA11695" s="19"/>
    </row>
    <row r="11696" spans="1:27" s="1" customFormat="1" ht="11.1" customHeight="1" outlineLevel="3" x14ac:dyDescent="0.2">
      <c r="A11696" s="17">
        <v>8912</v>
      </c>
      <c r="B11696" s="17"/>
      <c r="C11696" s="17"/>
      <c r="D11696" s="18" t="s">
        <v>5805</v>
      </c>
      <c r="E11696" s="18"/>
      <c r="F11696" s="18"/>
      <c r="G11696" s="18"/>
      <c r="H11696" s="18"/>
      <c r="I11696" s="18"/>
      <c r="J11696" s="18"/>
      <c r="K11696" s="18"/>
      <c r="L11696" s="18"/>
      <c r="M11696" s="18"/>
      <c r="N11696" s="18"/>
      <c r="O11696" s="18"/>
      <c r="P11696" s="19">
        <v>240</v>
      </c>
      <c r="Q11696" s="19"/>
      <c r="R11696" s="19"/>
      <c r="S11696" s="19"/>
      <c r="T11696" s="19">
        <v>130</v>
      </c>
      <c r="U11696" s="19"/>
      <c r="V11696" s="19"/>
      <c r="W11696" s="19"/>
      <c r="X11696" s="19">
        <v>1</v>
      </c>
      <c r="Y11696" s="19"/>
      <c r="Z11696" s="19"/>
      <c r="AA11696" s="19"/>
    </row>
    <row r="11697" spans="1:27" s="1" customFormat="1" ht="11.1" customHeight="1" outlineLevel="3" x14ac:dyDescent="0.2">
      <c r="A11697" s="17"/>
      <c r="B11697" s="17"/>
      <c r="C11697" s="17"/>
      <c r="D11697" s="18"/>
      <c r="E11697" s="18"/>
      <c r="F11697" s="18"/>
      <c r="G11697" s="18"/>
      <c r="H11697" s="18"/>
      <c r="I11697" s="18"/>
      <c r="J11697" s="18"/>
      <c r="K11697" s="18"/>
      <c r="L11697" s="18"/>
      <c r="M11697" s="18"/>
      <c r="N11697" s="18"/>
      <c r="O11697" s="18"/>
      <c r="P11697" s="19"/>
      <c r="Q11697" s="19"/>
      <c r="R11697" s="19"/>
      <c r="S11697" s="19"/>
      <c r="T11697" s="19"/>
      <c r="U11697" s="19"/>
      <c r="V11697" s="19"/>
      <c r="W11697" s="19"/>
      <c r="X11697" s="19"/>
      <c r="Y11697" s="19"/>
      <c r="Z11697" s="19"/>
      <c r="AA11697" s="19"/>
    </row>
    <row r="11698" spans="1:27" s="1" customFormat="1" ht="11.1" customHeight="1" outlineLevel="3" x14ac:dyDescent="0.2">
      <c r="A11698" s="17">
        <v>9447</v>
      </c>
      <c r="B11698" s="17"/>
      <c r="C11698" s="17"/>
      <c r="D11698" s="18" t="s">
        <v>5806</v>
      </c>
      <c r="E11698" s="18"/>
      <c r="F11698" s="18"/>
      <c r="G11698" s="18"/>
      <c r="H11698" s="18"/>
      <c r="I11698" s="18"/>
      <c r="J11698" s="18"/>
      <c r="K11698" s="18"/>
      <c r="L11698" s="18"/>
      <c r="M11698" s="18"/>
      <c r="N11698" s="18"/>
      <c r="O11698" s="18"/>
      <c r="P11698" s="19">
        <v>240</v>
      </c>
      <c r="Q11698" s="19"/>
      <c r="R11698" s="19"/>
      <c r="S11698" s="19"/>
      <c r="T11698" s="19">
        <v>130</v>
      </c>
      <c r="U11698" s="19"/>
      <c r="V11698" s="19"/>
      <c r="W11698" s="19"/>
      <c r="X11698" s="19">
        <v>1</v>
      </c>
      <c r="Y11698" s="19"/>
      <c r="Z11698" s="19"/>
      <c r="AA11698" s="19"/>
    </row>
    <row r="11699" spans="1:27" s="1" customFormat="1" ht="11.1" customHeight="1" outlineLevel="3" x14ac:dyDescent="0.2">
      <c r="A11699" s="17"/>
      <c r="B11699" s="17"/>
      <c r="C11699" s="17"/>
      <c r="D11699" s="18"/>
      <c r="E11699" s="18"/>
      <c r="F11699" s="18"/>
      <c r="G11699" s="18"/>
      <c r="H11699" s="18"/>
      <c r="I11699" s="18"/>
      <c r="J11699" s="18"/>
      <c r="K11699" s="18"/>
      <c r="L11699" s="18"/>
      <c r="M11699" s="18"/>
      <c r="N11699" s="18"/>
      <c r="O11699" s="18"/>
      <c r="P11699" s="19"/>
      <c r="Q11699" s="19"/>
      <c r="R11699" s="19"/>
      <c r="S11699" s="19"/>
      <c r="T11699" s="19"/>
      <c r="U11699" s="19"/>
      <c r="V11699" s="19"/>
      <c r="W11699" s="19"/>
      <c r="X11699" s="19"/>
      <c r="Y11699" s="19"/>
      <c r="Z11699" s="19"/>
      <c r="AA11699" s="19"/>
    </row>
    <row r="11700" spans="1:27" s="1" customFormat="1" ht="11.1" customHeight="1" outlineLevel="3" x14ac:dyDescent="0.2">
      <c r="A11700" s="17">
        <v>8916</v>
      </c>
      <c r="B11700" s="17"/>
      <c r="C11700" s="17"/>
      <c r="D11700" s="18" t="s">
        <v>5807</v>
      </c>
      <c r="E11700" s="18"/>
      <c r="F11700" s="18"/>
      <c r="G11700" s="18"/>
      <c r="H11700" s="18"/>
      <c r="I11700" s="18"/>
      <c r="J11700" s="18"/>
      <c r="K11700" s="18"/>
      <c r="L11700" s="18"/>
      <c r="M11700" s="18"/>
      <c r="N11700" s="18"/>
      <c r="O11700" s="18"/>
      <c r="P11700" s="19">
        <v>240</v>
      </c>
      <c r="Q11700" s="19"/>
      <c r="R11700" s="19"/>
      <c r="S11700" s="19"/>
      <c r="T11700" s="19">
        <v>130</v>
      </c>
      <c r="U11700" s="19"/>
      <c r="V11700" s="19"/>
      <c r="W11700" s="19"/>
      <c r="X11700" s="19">
        <v>2</v>
      </c>
      <c r="Y11700" s="19"/>
      <c r="Z11700" s="19"/>
      <c r="AA11700" s="19"/>
    </row>
    <row r="11701" spans="1:27" s="1" customFormat="1" ht="11.1" customHeight="1" outlineLevel="3" x14ac:dyDescent="0.2">
      <c r="A11701" s="17"/>
      <c r="B11701" s="17"/>
      <c r="C11701" s="17"/>
      <c r="D11701" s="18"/>
      <c r="E11701" s="18"/>
      <c r="F11701" s="18"/>
      <c r="G11701" s="18"/>
      <c r="H11701" s="18"/>
      <c r="I11701" s="18"/>
      <c r="J11701" s="18"/>
      <c r="K11701" s="18"/>
      <c r="L11701" s="18"/>
      <c r="M11701" s="18"/>
      <c r="N11701" s="18"/>
      <c r="O11701" s="18"/>
      <c r="P11701" s="19"/>
      <c r="Q11701" s="19"/>
      <c r="R11701" s="19"/>
      <c r="S11701" s="19"/>
      <c r="T11701" s="19"/>
      <c r="U11701" s="19"/>
      <c r="V11701" s="19"/>
      <c r="W11701" s="19"/>
      <c r="X11701" s="19"/>
      <c r="Y11701" s="19"/>
      <c r="Z11701" s="19"/>
      <c r="AA11701" s="19"/>
    </row>
    <row r="11702" spans="1:27" s="1" customFormat="1" ht="11.1" customHeight="1" outlineLevel="3" x14ac:dyDescent="0.2">
      <c r="A11702" s="17">
        <v>12271</v>
      </c>
      <c r="B11702" s="17"/>
      <c r="C11702" s="17"/>
      <c r="D11702" s="18" t="s">
        <v>5808</v>
      </c>
      <c r="E11702" s="18"/>
      <c r="F11702" s="18"/>
      <c r="G11702" s="18"/>
      <c r="H11702" s="18"/>
      <c r="I11702" s="18"/>
      <c r="J11702" s="18"/>
      <c r="K11702" s="18"/>
      <c r="L11702" s="18"/>
      <c r="M11702" s="18"/>
      <c r="N11702" s="18"/>
      <c r="O11702" s="18"/>
      <c r="P11702" s="19">
        <v>240</v>
      </c>
      <c r="Q11702" s="19"/>
      <c r="R11702" s="19"/>
      <c r="S11702" s="19"/>
      <c r="T11702" s="19">
        <v>130</v>
      </c>
      <c r="U11702" s="19"/>
      <c r="V11702" s="19"/>
      <c r="W11702" s="19"/>
      <c r="X11702" s="19">
        <v>1</v>
      </c>
      <c r="Y11702" s="19"/>
      <c r="Z11702" s="19"/>
      <c r="AA11702" s="19"/>
    </row>
    <row r="11703" spans="1:27" s="1" customFormat="1" ht="11.1" customHeight="1" outlineLevel="3" x14ac:dyDescent="0.2">
      <c r="A11703" s="17"/>
      <c r="B11703" s="17"/>
      <c r="C11703" s="17"/>
      <c r="D11703" s="18"/>
      <c r="E11703" s="18"/>
      <c r="F11703" s="18"/>
      <c r="G11703" s="18"/>
      <c r="H11703" s="18"/>
      <c r="I11703" s="18"/>
      <c r="J11703" s="18"/>
      <c r="K11703" s="18"/>
      <c r="L11703" s="18"/>
      <c r="M11703" s="18"/>
      <c r="N11703" s="18"/>
      <c r="O11703" s="18"/>
      <c r="P11703" s="19"/>
      <c r="Q11703" s="19"/>
      <c r="R11703" s="19"/>
      <c r="S11703" s="19"/>
      <c r="T11703" s="19"/>
      <c r="U11703" s="19"/>
      <c r="V11703" s="19"/>
      <c r="W11703" s="19"/>
      <c r="X11703" s="19"/>
      <c r="Y11703" s="19"/>
      <c r="Z11703" s="19"/>
      <c r="AA11703" s="19"/>
    </row>
    <row r="11704" spans="1:27" s="1" customFormat="1" ht="11.1" customHeight="1" outlineLevel="3" x14ac:dyDescent="0.2">
      <c r="A11704" s="17">
        <v>8919</v>
      </c>
      <c r="B11704" s="17"/>
      <c r="C11704" s="17"/>
      <c r="D11704" s="18" t="s">
        <v>5809</v>
      </c>
      <c r="E11704" s="18"/>
      <c r="F11704" s="18"/>
      <c r="G11704" s="18"/>
      <c r="H11704" s="18"/>
      <c r="I11704" s="18"/>
      <c r="J11704" s="18"/>
      <c r="K11704" s="18"/>
      <c r="L11704" s="18"/>
      <c r="M11704" s="18"/>
      <c r="N11704" s="18"/>
      <c r="O11704" s="18"/>
      <c r="P11704" s="19">
        <v>240</v>
      </c>
      <c r="Q11704" s="19"/>
      <c r="R11704" s="19"/>
      <c r="S11704" s="19"/>
      <c r="T11704" s="19">
        <v>130</v>
      </c>
      <c r="U11704" s="19"/>
      <c r="V11704" s="19"/>
      <c r="W11704" s="19"/>
      <c r="X11704" s="19">
        <v>2</v>
      </c>
      <c r="Y11704" s="19"/>
      <c r="Z11704" s="19"/>
      <c r="AA11704" s="19"/>
    </row>
    <row r="11705" spans="1:27" s="1" customFormat="1" ht="11.1" customHeight="1" outlineLevel="3" x14ac:dyDescent="0.2">
      <c r="A11705" s="17"/>
      <c r="B11705" s="17"/>
      <c r="C11705" s="17"/>
      <c r="D11705" s="18"/>
      <c r="E11705" s="18"/>
      <c r="F11705" s="18"/>
      <c r="G11705" s="18"/>
      <c r="H11705" s="18"/>
      <c r="I11705" s="18"/>
      <c r="J11705" s="18"/>
      <c r="K11705" s="18"/>
      <c r="L11705" s="18"/>
      <c r="M11705" s="18"/>
      <c r="N11705" s="18"/>
      <c r="O11705" s="18"/>
      <c r="P11705" s="19"/>
      <c r="Q11705" s="19"/>
      <c r="R11705" s="19"/>
      <c r="S11705" s="19"/>
      <c r="T11705" s="19"/>
      <c r="U11705" s="19"/>
      <c r="V11705" s="19"/>
      <c r="W11705" s="19"/>
      <c r="X11705" s="19"/>
      <c r="Y11705" s="19"/>
      <c r="Z11705" s="19"/>
      <c r="AA11705" s="19"/>
    </row>
    <row r="11706" spans="1:27" s="1" customFormat="1" ht="11.1" customHeight="1" outlineLevel="3" x14ac:dyDescent="0.2">
      <c r="A11706" s="17">
        <v>8917</v>
      </c>
      <c r="B11706" s="17"/>
      <c r="C11706" s="17"/>
      <c r="D11706" s="18" t="s">
        <v>5810</v>
      </c>
      <c r="E11706" s="18"/>
      <c r="F11706" s="18"/>
      <c r="G11706" s="18"/>
      <c r="H11706" s="18"/>
      <c r="I11706" s="18"/>
      <c r="J11706" s="18"/>
      <c r="K11706" s="18"/>
      <c r="L11706" s="18"/>
      <c r="M11706" s="18"/>
      <c r="N11706" s="18"/>
      <c r="O11706" s="18"/>
      <c r="P11706" s="19">
        <v>240</v>
      </c>
      <c r="Q11706" s="19"/>
      <c r="R11706" s="19"/>
      <c r="S11706" s="19"/>
      <c r="T11706" s="19">
        <v>130</v>
      </c>
      <c r="U11706" s="19"/>
      <c r="V11706" s="19"/>
      <c r="W11706" s="19"/>
      <c r="X11706" s="19">
        <v>3</v>
      </c>
      <c r="Y11706" s="19"/>
      <c r="Z11706" s="19"/>
      <c r="AA11706" s="19"/>
    </row>
    <row r="11707" spans="1:27" s="1" customFormat="1" ht="11.1" customHeight="1" outlineLevel="3" x14ac:dyDescent="0.2">
      <c r="A11707" s="17"/>
      <c r="B11707" s="17"/>
      <c r="C11707" s="17"/>
      <c r="D11707" s="18"/>
      <c r="E11707" s="18"/>
      <c r="F11707" s="18"/>
      <c r="G11707" s="18"/>
      <c r="H11707" s="18"/>
      <c r="I11707" s="18"/>
      <c r="J11707" s="18"/>
      <c r="K11707" s="18"/>
      <c r="L11707" s="18"/>
      <c r="M11707" s="18"/>
      <c r="N11707" s="18"/>
      <c r="O11707" s="18"/>
      <c r="P11707" s="19"/>
      <c r="Q11707" s="19"/>
      <c r="R11707" s="19"/>
      <c r="S11707" s="19"/>
      <c r="T11707" s="19"/>
      <c r="U11707" s="19"/>
      <c r="V11707" s="19"/>
      <c r="W11707" s="19"/>
      <c r="X11707" s="19"/>
      <c r="Y11707" s="19"/>
      <c r="Z11707" s="19"/>
      <c r="AA11707" s="19"/>
    </row>
    <row r="11708" spans="1:27" s="1" customFormat="1" ht="11.1" customHeight="1" outlineLevel="3" x14ac:dyDescent="0.2">
      <c r="A11708" s="17">
        <v>7399</v>
      </c>
      <c r="B11708" s="17"/>
      <c r="C11708" s="17"/>
      <c r="D11708" s="18" t="s">
        <v>5811</v>
      </c>
      <c r="E11708" s="18"/>
      <c r="F11708" s="18"/>
      <c r="G11708" s="18"/>
      <c r="H11708" s="18"/>
      <c r="I11708" s="18"/>
      <c r="J11708" s="18"/>
      <c r="K11708" s="18"/>
      <c r="L11708" s="18"/>
      <c r="M11708" s="18"/>
      <c r="N11708" s="18"/>
      <c r="O11708" s="18"/>
      <c r="P11708" s="19">
        <v>240</v>
      </c>
      <c r="Q11708" s="19"/>
      <c r="R11708" s="19"/>
      <c r="S11708" s="19"/>
      <c r="T11708" s="19">
        <v>130</v>
      </c>
      <c r="U11708" s="19"/>
      <c r="V11708" s="19"/>
      <c r="W11708" s="19"/>
      <c r="X11708" s="19">
        <v>1</v>
      </c>
      <c r="Y11708" s="19"/>
      <c r="Z11708" s="19"/>
      <c r="AA11708" s="19"/>
    </row>
    <row r="11709" spans="1:27" s="1" customFormat="1" ht="11.1" customHeight="1" outlineLevel="3" x14ac:dyDescent="0.2">
      <c r="A11709" s="17"/>
      <c r="B11709" s="17"/>
      <c r="C11709" s="17"/>
      <c r="D11709" s="18"/>
      <c r="E11709" s="18"/>
      <c r="F11709" s="18"/>
      <c r="G11709" s="18"/>
      <c r="H11709" s="18"/>
      <c r="I11709" s="18"/>
      <c r="J11709" s="18"/>
      <c r="K11709" s="18"/>
      <c r="L11709" s="18"/>
      <c r="M11709" s="18"/>
      <c r="N11709" s="18"/>
      <c r="O11709" s="18"/>
      <c r="P11709" s="19"/>
      <c r="Q11709" s="19"/>
      <c r="R11709" s="19"/>
      <c r="S11709" s="19"/>
      <c r="T11709" s="19"/>
      <c r="U11709" s="19"/>
      <c r="V11709" s="19"/>
      <c r="W11709" s="19"/>
      <c r="X11709" s="19"/>
      <c r="Y11709" s="19"/>
      <c r="Z11709" s="19"/>
      <c r="AA11709" s="19"/>
    </row>
    <row r="11710" spans="1:27" s="1" customFormat="1" ht="11.1" customHeight="1" outlineLevel="3" x14ac:dyDescent="0.2">
      <c r="A11710" s="17">
        <v>7401</v>
      </c>
      <c r="B11710" s="17"/>
      <c r="C11710" s="17"/>
      <c r="D11710" s="18" t="s">
        <v>5812</v>
      </c>
      <c r="E11710" s="18"/>
      <c r="F11710" s="18"/>
      <c r="G11710" s="18"/>
      <c r="H11710" s="18"/>
      <c r="I11710" s="18"/>
      <c r="J11710" s="18"/>
      <c r="K11710" s="18"/>
      <c r="L11710" s="18"/>
      <c r="M11710" s="18"/>
      <c r="N11710" s="18"/>
      <c r="O11710" s="18"/>
      <c r="P11710" s="19">
        <v>240</v>
      </c>
      <c r="Q11710" s="19"/>
      <c r="R11710" s="19"/>
      <c r="S11710" s="19"/>
      <c r="T11710" s="19">
        <v>130</v>
      </c>
      <c r="U11710" s="19"/>
      <c r="V11710" s="19"/>
      <c r="W11710" s="19"/>
      <c r="X11710" s="19">
        <v>2</v>
      </c>
      <c r="Y11710" s="19"/>
      <c r="Z11710" s="19"/>
      <c r="AA11710" s="19"/>
    </row>
    <row r="11711" spans="1:27" s="1" customFormat="1" ht="11.1" customHeight="1" outlineLevel="3" x14ac:dyDescent="0.2">
      <c r="A11711" s="17"/>
      <c r="B11711" s="17"/>
      <c r="C11711" s="17"/>
      <c r="D11711" s="18"/>
      <c r="E11711" s="18"/>
      <c r="F11711" s="18"/>
      <c r="G11711" s="18"/>
      <c r="H11711" s="18"/>
      <c r="I11711" s="18"/>
      <c r="J11711" s="18"/>
      <c r="K11711" s="18"/>
      <c r="L11711" s="18"/>
      <c r="M11711" s="18"/>
      <c r="N11711" s="18"/>
      <c r="O11711" s="18"/>
      <c r="P11711" s="19"/>
      <c r="Q11711" s="19"/>
      <c r="R11711" s="19"/>
      <c r="S11711" s="19"/>
      <c r="T11711" s="19"/>
      <c r="U11711" s="19"/>
      <c r="V11711" s="19"/>
      <c r="W11711" s="19"/>
      <c r="X11711" s="19"/>
      <c r="Y11711" s="19"/>
      <c r="Z11711" s="19"/>
      <c r="AA11711" s="19"/>
    </row>
    <row r="11712" spans="1:27" s="1" customFormat="1" ht="11.1" customHeight="1" outlineLevel="3" x14ac:dyDescent="0.2">
      <c r="A11712" s="17">
        <v>9883</v>
      </c>
      <c r="B11712" s="17"/>
      <c r="C11712" s="17"/>
      <c r="D11712" s="18" t="s">
        <v>5813</v>
      </c>
      <c r="E11712" s="18"/>
      <c r="F11712" s="18"/>
      <c r="G11712" s="18"/>
      <c r="H11712" s="18"/>
      <c r="I11712" s="18"/>
      <c r="J11712" s="18"/>
      <c r="K11712" s="18"/>
      <c r="L11712" s="18"/>
      <c r="M11712" s="18"/>
      <c r="N11712" s="18"/>
      <c r="O11712" s="18"/>
      <c r="P11712" s="19">
        <v>240</v>
      </c>
      <c r="Q11712" s="19"/>
      <c r="R11712" s="19"/>
      <c r="S11712" s="19"/>
      <c r="T11712" s="19">
        <v>130</v>
      </c>
      <c r="U11712" s="19"/>
      <c r="V11712" s="19"/>
      <c r="W11712" s="19"/>
      <c r="X11712" s="19">
        <v>1</v>
      </c>
      <c r="Y11712" s="19"/>
      <c r="Z11712" s="19"/>
      <c r="AA11712" s="19"/>
    </row>
    <row r="11713" spans="1:27" s="1" customFormat="1" ht="11.1" customHeight="1" outlineLevel="3" x14ac:dyDescent="0.2">
      <c r="A11713" s="17"/>
      <c r="B11713" s="17"/>
      <c r="C11713" s="17"/>
      <c r="D11713" s="18"/>
      <c r="E11713" s="18"/>
      <c r="F11713" s="18"/>
      <c r="G11713" s="18"/>
      <c r="H11713" s="18"/>
      <c r="I11713" s="18"/>
      <c r="J11713" s="18"/>
      <c r="K11713" s="18"/>
      <c r="L11713" s="18"/>
      <c r="M11713" s="18"/>
      <c r="N11713" s="18"/>
      <c r="O11713" s="18"/>
      <c r="P11713" s="19"/>
      <c r="Q11713" s="19"/>
      <c r="R11713" s="19"/>
      <c r="S11713" s="19"/>
      <c r="T11713" s="19"/>
      <c r="U11713" s="19"/>
      <c r="V11713" s="19"/>
      <c r="W11713" s="19"/>
      <c r="X11713" s="19"/>
      <c r="Y11713" s="19"/>
      <c r="Z11713" s="19"/>
      <c r="AA11713" s="19"/>
    </row>
    <row r="11714" spans="1:27" s="1" customFormat="1" ht="11.1" customHeight="1" outlineLevel="3" x14ac:dyDescent="0.2">
      <c r="A11714" s="17">
        <v>8926</v>
      </c>
      <c r="B11714" s="17"/>
      <c r="C11714" s="17"/>
      <c r="D11714" s="18" t="s">
        <v>5814</v>
      </c>
      <c r="E11714" s="18"/>
      <c r="F11714" s="18"/>
      <c r="G11714" s="18"/>
      <c r="H11714" s="18"/>
      <c r="I11714" s="18"/>
      <c r="J11714" s="18"/>
      <c r="K11714" s="18"/>
      <c r="L11714" s="18"/>
      <c r="M11714" s="18"/>
      <c r="N11714" s="18"/>
      <c r="O11714" s="18"/>
      <c r="P11714" s="19">
        <v>240</v>
      </c>
      <c r="Q11714" s="19"/>
      <c r="R11714" s="19"/>
      <c r="S11714" s="19"/>
      <c r="T11714" s="19">
        <v>130</v>
      </c>
      <c r="U11714" s="19"/>
      <c r="V11714" s="19"/>
      <c r="W11714" s="19"/>
      <c r="X11714" s="19">
        <v>1</v>
      </c>
      <c r="Y11714" s="19"/>
      <c r="Z11714" s="19"/>
      <c r="AA11714" s="19"/>
    </row>
    <row r="11715" spans="1:27" s="1" customFormat="1" ht="11.1" customHeight="1" outlineLevel="3" x14ac:dyDescent="0.2">
      <c r="A11715" s="17"/>
      <c r="B11715" s="17"/>
      <c r="C11715" s="17"/>
      <c r="D11715" s="18"/>
      <c r="E11715" s="18"/>
      <c r="F11715" s="18"/>
      <c r="G11715" s="18"/>
      <c r="H11715" s="18"/>
      <c r="I11715" s="18"/>
      <c r="J11715" s="18"/>
      <c r="K11715" s="18"/>
      <c r="L11715" s="18"/>
      <c r="M11715" s="18"/>
      <c r="N11715" s="18"/>
      <c r="O11715" s="18"/>
      <c r="P11715" s="19"/>
      <c r="Q11715" s="19"/>
      <c r="R11715" s="19"/>
      <c r="S11715" s="19"/>
      <c r="T11715" s="19"/>
      <c r="U11715" s="19"/>
      <c r="V11715" s="19"/>
      <c r="W11715" s="19"/>
      <c r="X11715" s="19"/>
      <c r="Y11715" s="19"/>
      <c r="Z11715" s="19"/>
      <c r="AA11715" s="19"/>
    </row>
    <row r="11716" spans="1:27" s="1" customFormat="1" ht="11.1" customHeight="1" outlineLevel="3" x14ac:dyDescent="0.2">
      <c r="A11716" s="17">
        <v>7397</v>
      </c>
      <c r="B11716" s="17"/>
      <c r="C11716" s="17"/>
      <c r="D11716" s="18" t="s">
        <v>5815</v>
      </c>
      <c r="E11716" s="18"/>
      <c r="F11716" s="18"/>
      <c r="G11716" s="18"/>
      <c r="H11716" s="18"/>
      <c r="I11716" s="18"/>
      <c r="J11716" s="18"/>
      <c r="K11716" s="18"/>
      <c r="L11716" s="18"/>
      <c r="M11716" s="18"/>
      <c r="N11716" s="18"/>
      <c r="O11716" s="18"/>
      <c r="P11716" s="19">
        <v>240</v>
      </c>
      <c r="Q11716" s="19"/>
      <c r="R11716" s="19"/>
      <c r="S11716" s="19"/>
      <c r="T11716" s="19">
        <v>130</v>
      </c>
      <c r="U11716" s="19"/>
      <c r="V11716" s="19"/>
      <c r="W11716" s="19"/>
      <c r="X11716" s="19">
        <v>1</v>
      </c>
      <c r="Y11716" s="19"/>
      <c r="Z11716" s="19"/>
      <c r="AA11716" s="19"/>
    </row>
    <row r="11717" spans="1:27" s="1" customFormat="1" ht="11.1" customHeight="1" outlineLevel="3" x14ac:dyDescent="0.2">
      <c r="A11717" s="17"/>
      <c r="B11717" s="17"/>
      <c r="C11717" s="17"/>
      <c r="D11717" s="18"/>
      <c r="E11717" s="18"/>
      <c r="F11717" s="18"/>
      <c r="G11717" s="18"/>
      <c r="H11717" s="18"/>
      <c r="I11717" s="18"/>
      <c r="J11717" s="18"/>
      <c r="K11717" s="18"/>
      <c r="L11717" s="18"/>
      <c r="M11717" s="18"/>
      <c r="N11717" s="18"/>
      <c r="O11717" s="18"/>
      <c r="P11717" s="19"/>
      <c r="Q11717" s="19"/>
      <c r="R11717" s="19"/>
      <c r="S11717" s="19"/>
      <c r="T11717" s="19"/>
      <c r="U11717" s="19"/>
      <c r="V11717" s="19"/>
      <c r="W11717" s="19"/>
      <c r="X11717" s="19"/>
      <c r="Y11717" s="19"/>
      <c r="Z11717" s="19"/>
      <c r="AA11717" s="19"/>
    </row>
    <row r="11718" spans="1:27" s="1" customFormat="1" ht="11.1" customHeight="1" outlineLevel="3" x14ac:dyDescent="0.2">
      <c r="A11718" s="17">
        <v>8984</v>
      </c>
      <c r="B11718" s="17"/>
      <c r="C11718" s="17"/>
      <c r="D11718" s="18" t="s">
        <v>5816</v>
      </c>
      <c r="E11718" s="18"/>
      <c r="F11718" s="18"/>
      <c r="G11718" s="18"/>
      <c r="H11718" s="18"/>
      <c r="I11718" s="18"/>
      <c r="J11718" s="18"/>
      <c r="K11718" s="18"/>
      <c r="L11718" s="18"/>
      <c r="M11718" s="18"/>
      <c r="N11718" s="18"/>
      <c r="O11718" s="18"/>
      <c r="P11718" s="19">
        <v>240</v>
      </c>
      <c r="Q11718" s="19"/>
      <c r="R11718" s="19"/>
      <c r="S11718" s="19"/>
      <c r="T11718" s="19">
        <v>130</v>
      </c>
      <c r="U11718" s="19"/>
      <c r="V11718" s="19"/>
      <c r="W11718" s="19"/>
      <c r="X11718" s="19">
        <v>3</v>
      </c>
      <c r="Y11718" s="19"/>
      <c r="Z11718" s="19"/>
      <c r="AA11718" s="19"/>
    </row>
    <row r="11719" spans="1:27" s="1" customFormat="1" ht="11.1" customHeight="1" outlineLevel="3" x14ac:dyDescent="0.2">
      <c r="A11719" s="17"/>
      <c r="B11719" s="17"/>
      <c r="C11719" s="17"/>
      <c r="D11719" s="18"/>
      <c r="E11719" s="18"/>
      <c r="F11719" s="18"/>
      <c r="G11719" s="18"/>
      <c r="H11719" s="18"/>
      <c r="I11719" s="18"/>
      <c r="J11719" s="18"/>
      <c r="K11719" s="18"/>
      <c r="L11719" s="18"/>
      <c r="M11719" s="18"/>
      <c r="N11719" s="18"/>
      <c r="O11719" s="18"/>
      <c r="P11719" s="19"/>
      <c r="Q11719" s="19"/>
      <c r="R11719" s="19"/>
      <c r="S11719" s="19"/>
      <c r="T11719" s="19"/>
      <c r="U11719" s="19"/>
      <c r="V11719" s="19"/>
      <c r="W11719" s="19"/>
      <c r="X11719" s="19"/>
      <c r="Y11719" s="19"/>
      <c r="Z11719" s="19"/>
      <c r="AA11719" s="19"/>
    </row>
    <row r="11720" spans="1:27" s="1" customFormat="1" ht="11.1" customHeight="1" outlineLevel="3" x14ac:dyDescent="0.2">
      <c r="A11720" s="17">
        <v>8994</v>
      </c>
      <c r="B11720" s="17"/>
      <c r="C11720" s="17"/>
      <c r="D11720" s="18" t="s">
        <v>5817</v>
      </c>
      <c r="E11720" s="18"/>
      <c r="F11720" s="18"/>
      <c r="G11720" s="18"/>
      <c r="H11720" s="18"/>
      <c r="I11720" s="18"/>
      <c r="J11720" s="18"/>
      <c r="K11720" s="18"/>
      <c r="L11720" s="18"/>
      <c r="M11720" s="18"/>
      <c r="N11720" s="18"/>
      <c r="O11720" s="18"/>
      <c r="P11720" s="19">
        <v>240</v>
      </c>
      <c r="Q11720" s="19"/>
      <c r="R11720" s="19"/>
      <c r="S11720" s="19"/>
      <c r="T11720" s="19">
        <v>130</v>
      </c>
      <c r="U11720" s="19"/>
      <c r="V11720" s="19"/>
      <c r="W11720" s="19"/>
      <c r="X11720" s="19">
        <v>2</v>
      </c>
      <c r="Y11720" s="19"/>
      <c r="Z11720" s="19"/>
      <c r="AA11720" s="19"/>
    </row>
    <row r="11721" spans="1:27" s="1" customFormat="1" ht="11.1" customHeight="1" outlineLevel="3" x14ac:dyDescent="0.2">
      <c r="A11721" s="17"/>
      <c r="B11721" s="17"/>
      <c r="C11721" s="17"/>
      <c r="D11721" s="18"/>
      <c r="E11721" s="18"/>
      <c r="F11721" s="18"/>
      <c r="G11721" s="18"/>
      <c r="H11721" s="18"/>
      <c r="I11721" s="18"/>
      <c r="J11721" s="18"/>
      <c r="K11721" s="18"/>
      <c r="L11721" s="18"/>
      <c r="M11721" s="18"/>
      <c r="N11721" s="18"/>
      <c r="O11721" s="18"/>
      <c r="P11721" s="19"/>
      <c r="Q11721" s="19"/>
      <c r="R11721" s="19"/>
      <c r="S11721" s="19"/>
      <c r="T11721" s="19"/>
      <c r="U11721" s="19"/>
      <c r="V11721" s="19"/>
      <c r="W11721" s="19"/>
      <c r="X11721" s="19"/>
      <c r="Y11721" s="19"/>
      <c r="Z11721" s="19"/>
      <c r="AA11721" s="19"/>
    </row>
    <row r="11722" spans="1:27" s="1" customFormat="1" ht="11.1" customHeight="1" outlineLevel="3" x14ac:dyDescent="0.2">
      <c r="A11722" s="17">
        <v>8986</v>
      </c>
      <c r="B11722" s="17"/>
      <c r="C11722" s="17"/>
      <c r="D11722" s="18" t="s">
        <v>5818</v>
      </c>
      <c r="E11722" s="18"/>
      <c r="F11722" s="18"/>
      <c r="G11722" s="18"/>
      <c r="H11722" s="18"/>
      <c r="I11722" s="18"/>
      <c r="J11722" s="18"/>
      <c r="K11722" s="18"/>
      <c r="L11722" s="18"/>
      <c r="M11722" s="18"/>
      <c r="N11722" s="18"/>
      <c r="O11722" s="18"/>
      <c r="P11722" s="19">
        <v>240</v>
      </c>
      <c r="Q11722" s="19"/>
      <c r="R11722" s="19"/>
      <c r="S11722" s="19"/>
      <c r="T11722" s="19">
        <v>130</v>
      </c>
      <c r="U11722" s="19"/>
      <c r="V11722" s="19"/>
      <c r="W11722" s="19"/>
      <c r="X11722" s="19">
        <v>1</v>
      </c>
      <c r="Y11722" s="19"/>
      <c r="Z11722" s="19"/>
      <c r="AA11722" s="19"/>
    </row>
    <row r="11723" spans="1:27" s="1" customFormat="1" ht="11.1" customHeight="1" outlineLevel="3" x14ac:dyDescent="0.2">
      <c r="A11723" s="17"/>
      <c r="B11723" s="17"/>
      <c r="C11723" s="17"/>
      <c r="D11723" s="18"/>
      <c r="E11723" s="18"/>
      <c r="F11723" s="18"/>
      <c r="G11723" s="18"/>
      <c r="H11723" s="18"/>
      <c r="I11723" s="18"/>
      <c r="J11723" s="18"/>
      <c r="K11723" s="18"/>
      <c r="L11723" s="18"/>
      <c r="M11723" s="18"/>
      <c r="N11723" s="18"/>
      <c r="O11723" s="18"/>
      <c r="P11723" s="19"/>
      <c r="Q11723" s="19"/>
      <c r="R11723" s="19"/>
      <c r="S11723" s="19"/>
      <c r="T11723" s="19"/>
      <c r="U11723" s="19"/>
      <c r="V11723" s="19"/>
      <c r="W11723" s="19"/>
      <c r="X11723" s="19"/>
      <c r="Y11723" s="19"/>
      <c r="Z11723" s="19"/>
      <c r="AA11723" s="19"/>
    </row>
    <row r="11724" spans="1:27" s="1" customFormat="1" ht="11.1" customHeight="1" outlineLevel="3" x14ac:dyDescent="0.2">
      <c r="A11724" s="17">
        <v>8996</v>
      </c>
      <c r="B11724" s="17"/>
      <c r="C11724" s="17"/>
      <c r="D11724" s="18" t="s">
        <v>5819</v>
      </c>
      <c r="E11724" s="18"/>
      <c r="F11724" s="18"/>
      <c r="G11724" s="18"/>
      <c r="H11724" s="18"/>
      <c r="I11724" s="18"/>
      <c r="J11724" s="18"/>
      <c r="K11724" s="18"/>
      <c r="L11724" s="18"/>
      <c r="M11724" s="18"/>
      <c r="N11724" s="18"/>
      <c r="O11724" s="18"/>
      <c r="P11724" s="19">
        <v>240</v>
      </c>
      <c r="Q11724" s="19"/>
      <c r="R11724" s="19"/>
      <c r="S11724" s="19"/>
      <c r="T11724" s="19">
        <v>130</v>
      </c>
      <c r="U11724" s="19"/>
      <c r="V11724" s="19"/>
      <c r="W11724" s="19"/>
      <c r="X11724" s="19">
        <v>1</v>
      </c>
      <c r="Y11724" s="19"/>
      <c r="Z11724" s="19"/>
      <c r="AA11724" s="19"/>
    </row>
    <row r="11725" spans="1:27" s="1" customFormat="1" ht="11.1" customHeight="1" outlineLevel="3" x14ac:dyDescent="0.2">
      <c r="A11725" s="17"/>
      <c r="B11725" s="17"/>
      <c r="C11725" s="17"/>
      <c r="D11725" s="18"/>
      <c r="E11725" s="18"/>
      <c r="F11725" s="18"/>
      <c r="G11725" s="18"/>
      <c r="H11725" s="18"/>
      <c r="I11725" s="18"/>
      <c r="J11725" s="18"/>
      <c r="K11725" s="18"/>
      <c r="L11725" s="18"/>
      <c r="M11725" s="18"/>
      <c r="N11725" s="18"/>
      <c r="O11725" s="18"/>
      <c r="P11725" s="19"/>
      <c r="Q11725" s="19"/>
      <c r="R11725" s="19"/>
      <c r="S11725" s="19"/>
      <c r="T11725" s="19"/>
      <c r="U11725" s="19"/>
      <c r="V11725" s="19"/>
      <c r="W11725" s="19"/>
      <c r="X11725" s="19"/>
      <c r="Y11725" s="19"/>
      <c r="Z11725" s="19"/>
      <c r="AA11725" s="19"/>
    </row>
    <row r="11726" spans="1:27" s="1" customFormat="1" ht="11.1" customHeight="1" outlineLevel="3" x14ac:dyDescent="0.2">
      <c r="A11726" s="17">
        <v>8991</v>
      </c>
      <c r="B11726" s="17"/>
      <c r="C11726" s="17"/>
      <c r="D11726" s="18" t="s">
        <v>5820</v>
      </c>
      <c r="E11726" s="18"/>
      <c r="F11726" s="18"/>
      <c r="G11726" s="18"/>
      <c r="H11726" s="18"/>
      <c r="I11726" s="18"/>
      <c r="J11726" s="18"/>
      <c r="K11726" s="18"/>
      <c r="L11726" s="18"/>
      <c r="M11726" s="18"/>
      <c r="N11726" s="18"/>
      <c r="O11726" s="18"/>
      <c r="P11726" s="19">
        <v>240</v>
      </c>
      <c r="Q11726" s="19"/>
      <c r="R11726" s="19"/>
      <c r="S11726" s="19"/>
      <c r="T11726" s="19">
        <v>130</v>
      </c>
      <c r="U11726" s="19"/>
      <c r="V11726" s="19"/>
      <c r="W11726" s="19"/>
      <c r="X11726" s="19">
        <v>1</v>
      </c>
      <c r="Y11726" s="19"/>
      <c r="Z11726" s="19"/>
      <c r="AA11726" s="19"/>
    </row>
    <row r="11727" spans="1:27" s="1" customFormat="1" ht="11.1" customHeight="1" outlineLevel="3" x14ac:dyDescent="0.2">
      <c r="A11727" s="17"/>
      <c r="B11727" s="17"/>
      <c r="C11727" s="17"/>
      <c r="D11727" s="18"/>
      <c r="E11727" s="18"/>
      <c r="F11727" s="18"/>
      <c r="G11727" s="18"/>
      <c r="H11727" s="18"/>
      <c r="I11727" s="18"/>
      <c r="J11727" s="18"/>
      <c r="K11727" s="18"/>
      <c r="L11727" s="18"/>
      <c r="M11727" s="18"/>
      <c r="N11727" s="18"/>
      <c r="O11727" s="18"/>
      <c r="P11727" s="19"/>
      <c r="Q11727" s="19"/>
      <c r="R11727" s="19"/>
      <c r="S11727" s="19"/>
      <c r="T11727" s="19"/>
      <c r="U11727" s="19"/>
      <c r="V11727" s="19"/>
      <c r="W11727" s="19"/>
      <c r="X11727" s="19"/>
      <c r="Y11727" s="19"/>
      <c r="Z11727" s="19"/>
      <c r="AA11727" s="19"/>
    </row>
    <row r="11728" spans="1:27" s="1" customFormat="1" ht="11.1" customHeight="1" outlineLevel="3" x14ac:dyDescent="0.2">
      <c r="A11728" s="17">
        <v>8990</v>
      </c>
      <c r="B11728" s="17"/>
      <c r="C11728" s="17"/>
      <c r="D11728" s="18" t="s">
        <v>5821</v>
      </c>
      <c r="E11728" s="18"/>
      <c r="F11728" s="18"/>
      <c r="G11728" s="18"/>
      <c r="H11728" s="18"/>
      <c r="I11728" s="18"/>
      <c r="J11728" s="18"/>
      <c r="K11728" s="18"/>
      <c r="L11728" s="18"/>
      <c r="M11728" s="18"/>
      <c r="N11728" s="18"/>
      <c r="O11728" s="18"/>
      <c r="P11728" s="19">
        <v>240</v>
      </c>
      <c r="Q11728" s="19"/>
      <c r="R11728" s="19"/>
      <c r="S11728" s="19"/>
      <c r="T11728" s="19">
        <v>130</v>
      </c>
      <c r="U11728" s="19"/>
      <c r="V11728" s="19"/>
      <c r="W11728" s="19"/>
      <c r="X11728" s="19">
        <v>1</v>
      </c>
      <c r="Y11728" s="19"/>
      <c r="Z11728" s="19"/>
      <c r="AA11728" s="19"/>
    </row>
    <row r="11729" spans="1:27" s="1" customFormat="1" ht="11.1" customHeight="1" outlineLevel="3" x14ac:dyDescent="0.2">
      <c r="A11729" s="17"/>
      <c r="B11729" s="17"/>
      <c r="C11729" s="17"/>
      <c r="D11729" s="18"/>
      <c r="E11729" s="18"/>
      <c r="F11729" s="18"/>
      <c r="G11729" s="18"/>
      <c r="H11729" s="18"/>
      <c r="I11729" s="18"/>
      <c r="J11729" s="18"/>
      <c r="K11729" s="18"/>
      <c r="L11729" s="18"/>
      <c r="M11729" s="18"/>
      <c r="N11729" s="18"/>
      <c r="O11729" s="18"/>
      <c r="P11729" s="19"/>
      <c r="Q11729" s="19"/>
      <c r="R11729" s="19"/>
      <c r="S11729" s="19"/>
      <c r="T11729" s="19"/>
      <c r="U11729" s="19"/>
      <c r="V11729" s="19"/>
      <c r="W11729" s="19"/>
      <c r="X11729" s="19"/>
      <c r="Y11729" s="19"/>
      <c r="Z11729" s="19"/>
      <c r="AA11729" s="19"/>
    </row>
    <row r="11730" spans="1:27" s="1" customFormat="1" ht="11.1" customHeight="1" outlineLevel="3" x14ac:dyDescent="0.2">
      <c r="A11730" s="17">
        <v>7453</v>
      </c>
      <c r="B11730" s="17"/>
      <c r="C11730" s="17"/>
      <c r="D11730" s="18" t="s">
        <v>5822</v>
      </c>
      <c r="E11730" s="18"/>
      <c r="F11730" s="18"/>
      <c r="G11730" s="18"/>
      <c r="H11730" s="18"/>
      <c r="I11730" s="18"/>
      <c r="J11730" s="18"/>
      <c r="K11730" s="18"/>
      <c r="L11730" s="18"/>
      <c r="M11730" s="18"/>
      <c r="N11730" s="18"/>
      <c r="O11730" s="18"/>
      <c r="P11730" s="19">
        <v>240</v>
      </c>
      <c r="Q11730" s="19"/>
      <c r="R11730" s="19"/>
      <c r="S11730" s="19"/>
      <c r="T11730" s="19">
        <v>130</v>
      </c>
      <c r="U11730" s="19"/>
      <c r="V11730" s="19"/>
      <c r="W11730" s="19"/>
      <c r="X11730" s="19">
        <v>1</v>
      </c>
      <c r="Y11730" s="19"/>
      <c r="Z11730" s="19"/>
      <c r="AA11730" s="19"/>
    </row>
    <row r="11731" spans="1:27" s="1" customFormat="1" ht="11.1" customHeight="1" outlineLevel="3" x14ac:dyDescent="0.2">
      <c r="A11731" s="17"/>
      <c r="B11731" s="17"/>
      <c r="C11731" s="17"/>
      <c r="D11731" s="18"/>
      <c r="E11731" s="18"/>
      <c r="F11731" s="18"/>
      <c r="G11731" s="18"/>
      <c r="H11731" s="18"/>
      <c r="I11731" s="18"/>
      <c r="J11731" s="18"/>
      <c r="K11731" s="18"/>
      <c r="L11731" s="18"/>
      <c r="M11731" s="18"/>
      <c r="N11731" s="18"/>
      <c r="O11731" s="18"/>
      <c r="P11731" s="19"/>
      <c r="Q11731" s="19"/>
      <c r="R11731" s="19"/>
      <c r="S11731" s="19"/>
      <c r="T11731" s="19"/>
      <c r="U11731" s="19"/>
      <c r="V11731" s="19"/>
      <c r="W11731" s="19"/>
      <c r="X11731" s="19"/>
      <c r="Y11731" s="19"/>
      <c r="Z11731" s="19"/>
      <c r="AA11731" s="19"/>
    </row>
    <row r="11732" spans="1:27" s="1" customFormat="1" ht="11.1" customHeight="1" outlineLevel="3" x14ac:dyDescent="0.2">
      <c r="A11732" s="17">
        <v>7451</v>
      </c>
      <c r="B11732" s="17"/>
      <c r="C11732" s="17"/>
      <c r="D11732" s="18" t="s">
        <v>5823</v>
      </c>
      <c r="E11732" s="18"/>
      <c r="F11732" s="18"/>
      <c r="G11732" s="18"/>
      <c r="H11732" s="18"/>
      <c r="I11732" s="18"/>
      <c r="J11732" s="18"/>
      <c r="K11732" s="18"/>
      <c r="L11732" s="18"/>
      <c r="M11732" s="18"/>
      <c r="N11732" s="18"/>
      <c r="O11732" s="18"/>
      <c r="P11732" s="19">
        <v>240</v>
      </c>
      <c r="Q11732" s="19"/>
      <c r="R11732" s="19"/>
      <c r="S11732" s="19"/>
      <c r="T11732" s="19">
        <v>130</v>
      </c>
      <c r="U11732" s="19"/>
      <c r="V11732" s="19"/>
      <c r="W11732" s="19"/>
      <c r="X11732" s="19">
        <v>2</v>
      </c>
      <c r="Y11732" s="19"/>
      <c r="Z11732" s="19"/>
      <c r="AA11732" s="19"/>
    </row>
    <row r="11733" spans="1:27" s="1" customFormat="1" ht="11.1" customHeight="1" outlineLevel="3" x14ac:dyDescent="0.2">
      <c r="A11733" s="17"/>
      <c r="B11733" s="17"/>
      <c r="C11733" s="17"/>
      <c r="D11733" s="18"/>
      <c r="E11733" s="18"/>
      <c r="F11733" s="18"/>
      <c r="G11733" s="18"/>
      <c r="H11733" s="18"/>
      <c r="I11733" s="18"/>
      <c r="J11733" s="18"/>
      <c r="K11733" s="18"/>
      <c r="L11733" s="18"/>
      <c r="M11733" s="18"/>
      <c r="N11733" s="18"/>
      <c r="O11733" s="18"/>
      <c r="P11733" s="19"/>
      <c r="Q11733" s="19"/>
      <c r="R11733" s="19"/>
      <c r="S11733" s="19"/>
      <c r="T11733" s="19"/>
      <c r="U11733" s="19"/>
      <c r="V11733" s="19"/>
      <c r="W11733" s="19"/>
      <c r="X11733" s="19"/>
      <c r="Y11733" s="19"/>
      <c r="Z11733" s="19"/>
      <c r="AA11733" s="19"/>
    </row>
    <row r="11734" spans="1:27" s="1" customFormat="1" ht="11.1" customHeight="1" outlineLevel="3" x14ac:dyDescent="0.2">
      <c r="A11734" s="17">
        <v>8978</v>
      </c>
      <c r="B11734" s="17"/>
      <c r="C11734" s="17"/>
      <c r="D11734" s="18" t="s">
        <v>5824</v>
      </c>
      <c r="E11734" s="18"/>
      <c r="F11734" s="18"/>
      <c r="G11734" s="18"/>
      <c r="H11734" s="18"/>
      <c r="I11734" s="18"/>
      <c r="J11734" s="18"/>
      <c r="K11734" s="18"/>
      <c r="L11734" s="18"/>
      <c r="M11734" s="18"/>
      <c r="N11734" s="18"/>
      <c r="O11734" s="18"/>
      <c r="P11734" s="19">
        <v>240</v>
      </c>
      <c r="Q11734" s="19"/>
      <c r="R11734" s="19"/>
      <c r="S11734" s="19"/>
      <c r="T11734" s="19">
        <v>130</v>
      </c>
      <c r="U11734" s="19"/>
      <c r="V11734" s="19"/>
      <c r="W11734" s="19"/>
      <c r="X11734" s="19">
        <v>1</v>
      </c>
      <c r="Y11734" s="19"/>
      <c r="Z11734" s="19"/>
      <c r="AA11734" s="19"/>
    </row>
    <row r="11735" spans="1:27" s="1" customFormat="1" ht="11.1" customHeight="1" outlineLevel="3" x14ac:dyDescent="0.2">
      <c r="A11735" s="17"/>
      <c r="B11735" s="17"/>
      <c r="C11735" s="17"/>
      <c r="D11735" s="18"/>
      <c r="E11735" s="18"/>
      <c r="F11735" s="18"/>
      <c r="G11735" s="18"/>
      <c r="H11735" s="18"/>
      <c r="I11735" s="18"/>
      <c r="J11735" s="18"/>
      <c r="K11735" s="18"/>
      <c r="L11735" s="18"/>
      <c r="M11735" s="18"/>
      <c r="N11735" s="18"/>
      <c r="O11735" s="18"/>
      <c r="P11735" s="19"/>
      <c r="Q11735" s="19"/>
      <c r="R11735" s="19"/>
      <c r="S11735" s="19"/>
      <c r="T11735" s="19"/>
      <c r="U11735" s="19"/>
      <c r="V11735" s="19"/>
      <c r="W11735" s="19"/>
      <c r="X11735" s="19"/>
      <c r="Y11735" s="19"/>
      <c r="Z11735" s="19"/>
      <c r="AA11735" s="19"/>
    </row>
    <row r="11736" spans="1:27" s="1" customFormat="1" ht="11.1" customHeight="1" outlineLevel="3" x14ac:dyDescent="0.2">
      <c r="A11736" s="17">
        <v>8983</v>
      </c>
      <c r="B11736" s="17"/>
      <c r="C11736" s="17"/>
      <c r="D11736" s="18" t="s">
        <v>5825</v>
      </c>
      <c r="E11736" s="18"/>
      <c r="F11736" s="18"/>
      <c r="G11736" s="18"/>
      <c r="H11736" s="18"/>
      <c r="I11736" s="18"/>
      <c r="J11736" s="18"/>
      <c r="K11736" s="18"/>
      <c r="L11736" s="18"/>
      <c r="M11736" s="18"/>
      <c r="N11736" s="18"/>
      <c r="O11736" s="18"/>
      <c r="P11736" s="19">
        <v>240</v>
      </c>
      <c r="Q11736" s="19"/>
      <c r="R11736" s="19"/>
      <c r="S11736" s="19"/>
      <c r="T11736" s="19">
        <v>130</v>
      </c>
      <c r="U11736" s="19"/>
      <c r="V11736" s="19"/>
      <c r="W11736" s="19"/>
      <c r="X11736" s="19">
        <v>1</v>
      </c>
      <c r="Y11736" s="19"/>
      <c r="Z11736" s="19"/>
      <c r="AA11736" s="19"/>
    </row>
    <row r="11737" spans="1:27" s="1" customFormat="1" ht="11.1" customHeight="1" outlineLevel="3" x14ac:dyDescent="0.2">
      <c r="A11737" s="17"/>
      <c r="B11737" s="17"/>
      <c r="C11737" s="17"/>
      <c r="D11737" s="18"/>
      <c r="E11737" s="18"/>
      <c r="F11737" s="18"/>
      <c r="G11737" s="18"/>
      <c r="H11737" s="18"/>
      <c r="I11737" s="18"/>
      <c r="J11737" s="18"/>
      <c r="K11737" s="18"/>
      <c r="L11737" s="18"/>
      <c r="M11737" s="18"/>
      <c r="N11737" s="18"/>
      <c r="O11737" s="18"/>
      <c r="P11737" s="19"/>
      <c r="Q11737" s="19"/>
      <c r="R11737" s="19"/>
      <c r="S11737" s="19"/>
      <c r="T11737" s="19"/>
      <c r="U11737" s="19"/>
      <c r="V11737" s="19"/>
      <c r="W11737" s="19"/>
      <c r="X11737" s="19"/>
      <c r="Y11737" s="19"/>
      <c r="Z11737" s="19"/>
      <c r="AA11737" s="19"/>
    </row>
    <row r="11738" spans="1:27" s="1" customFormat="1" ht="11.1" customHeight="1" outlineLevel="3" x14ac:dyDescent="0.2">
      <c r="A11738" s="17">
        <v>7241</v>
      </c>
      <c r="B11738" s="17"/>
      <c r="C11738" s="17"/>
      <c r="D11738" s="18" t="s">
        <v>5826</v>
      </c>
      <c r="E11738" s="18"/>
      <c r="F11738" s="18"/>
      <c r="G11738" s="18"/>
      <c r="H11738" s="18"/>
      <c r="I11738" s="18"/>
      <c r="J11738" s="18"/>
      <c r="K11738" s="18"/>
      <c r="L11738" s="18"/>
      <c r="M11738" s="18"/>
      <c r="N11738" s="18"/>
      <c r="O11738" s="18"/>
      <c r="P11738" s="19">
        <v>240</v>
      </c>
      <c r="Q11738" s="19"/>
      <c r="R11738" s="19"/>
      <c r="S11738" s="19"/>
      <c r="T11738" s="19">
        <v>130</v>
      </c>
      <c r="U11738" s="19"/>
      <c r="V11738" s="19"/>
      <c r="W11738" s="19"/>
      <c r="X11738" s="19">
        <v>2</v>
      </c>
      <c r="Y11738" s="19"/>
      <c r="Z11738" s="19"/>
      <c r="AA11738" s="19"/>
    </row>
    <row r="11739" spans="1:27" s="1" customFormat="1" ht="11.1" customHeight="1" outlineLevel="3" x14ac:dyDescent="0.2">
      <c r="A11739" s="17"/>
      <c r="B11739" s="17"/>
      <c r="C11739" s="17"/>
      <c r="D11739" s="18"/>
      <c r="E11739" s="18"/>
      <c r="F11739" s="18"/>
      <c r="G11739" s="18"/>
      <c r="H11739" s="18"/>
      <c r="I11739" s="18"/>
      <c r="J11739" s="18"/>
      <c r="K11739" s="18"/>
      <c r="L11739" s="18"/>
      <c r="M11739" s="18"/>
      <c r="N11739" s="18"/>
      <c r="O11739" s="18"/>
      <c r="P11739" s="19"/>
      <c r="Q11739" s="19"/>
      <c r="R11739" s="19"/>
      <c r="S11739" s="19"/>
      <c r="T11739" s="19"/>
      <c r="U11739" s="19"/>
      <c r="V11739" s="19"/>
      <c r="W11739" s="19"/>
      <c r="X11739" s="19"/>
      <c r="Y11739" s="19"/>
      <c r="Z11739" s="19"/>
      <c r="AA11739" s="19"/>
    </row>
    <row r="11740" spans="1:27" s="1" customFormat="1" ht="11.1" customHeight="1" outlineLevel="3" x14ac:dyDescent="0.2">
      <c r="A11740" s="17">
        <v>9892</v>
      </c>
      <c r="B11740" s="17"/>
      <c r="C11740" s="17"/>
      <c r="D11740" s="18" t="s">
        <v>5827</v>
      </c>
      <c r="E11740" s="18"/>
      <c r="F11740" s="18"/>
      <c r="G11740" s="18"/>
      <c r="H11740" s="18"/>
      <c r="I11740" s="18"/>
      <c r="J11740" s="18"/>
      <c r="K11740" s="18"/>
      <c r="L11740" s="18"/>
      <c r="M11740" s="18"/>
      <c r="N11740" s="18"/>
      <c r="O11740" s="18"/>
      <c r="P11740" s="19">
        <v>240</v>
      </c>
      <c r="Q11740" s="19"/>
      <c r="R11740" s="19"/>
      <c r="S11740" s="19"/>
      <c r="T11740" s="19">
        <v>140</v>
      </c>
      <c r="U11740" s="19"/>
      <c r="V11740" s="19"/>
      <c r="W11740" s="19"/>
      <c r="X11740" s="19">
        <v>1</v>
      </c>
      <c r="Y11740" s="19"/>
      <c r="Z11740" s="19"/>
      <c r="AA11740" s="19"/>
    </row>
    <row r="11741" spans="1:27" s="1" customFormat="1" ht="11.1" customHeight="1" outlineLevel="3" x14ac:dyDescent="0.2">
      <c r="A11741" s="17"/>
      <c r="B11741" s="17"/>
      <c r="C11741" s="17"/>
      <c r="D11741" s="18"/>
      <c r="E11741" s="18"/>
      <c r="F11741" s="18"/>
      <c r="G11741" s="18"/>
      <c r="H11741" s="18"/>
      <c r="I11741" s="18"/>
      <c r="J11741" s="18"/>
      <c r="K11741" s="18"/>
      <c r="L11741" s="18"/>
      <c r="M11741" s="18"/>
      <c r="N11741" s="18"/>
      <c r="O11741" s="18"/>
      <c r="P11741" s="19"/>
      <c r="Q11741" s="19"/>
      <c r="R11741" s="19"/>
      <c r="S11741" s="19"/>
      <c r="T11741" s="19"/>
      <c r="U11741" s="19"/>
      <c r="V11741" s="19"/>
      <c r="W11741" s="19"/>
      <c r="X11741" s="19"/>
      <c r="Y11741" s="19"/>
      <c r="Z11741" s="19"/>
      <c r="AA11741" s="19"/>
    </row>
    <row r="11742" spans="1:27" s="1" customFormat="1" ht="11.1" customHeight="1" outlineLevel="3" x14ac:dyDescent="0.2">
      <c r="A11742" s="17">
        <v>8976</v>
      </c>
      <c r="B11742" s="17"/>
      <c r="C11742" s="17"/>
      <c r="D11742" s="18" t="s">
        <v>5828</v>
      </c>
      <c r="E11742" s="18"/>
      <c r="F11742" s="18"/>
      <c r="G11742" s="18"/>
      <c r="H11742" s="18"/>
      <c r="I11742" s="18"/>
      <c r="J11742" s="18"/>
      <c r="K11742" s="18"/>
      <c r="L11742" s="18"/>
      <c r="M11742" s="18"/>
      <c r="N11742" s="18"/>
      <c r="O11742" s="18"/>
      <c r="P11742" s="19">
        <v>240</v>
      </c>
      <c r="Q11742" s="19"/>
      <c r="R11742" s="19"/>
      <c r="S11742" s="19"/>
      <c r="T11742" s="19">
        <v>130</v>
      </c>
      <c r="U11742" s="19"/>
      <c r="V11742" s="19"/>
      <c r="W11742" s="19"/>
      <c r="X11742" s="19">
        <v>1</v>
      </c>
      <c r="Y11742" s="19"/>
      <c r="Z11742" s="19"/>
      <c r="AA11742" s="19"/>
    </row>
    <row r="11743" spans="1:27" s="1" customFormat="1" ht="11.1" customHeight="1" outlineLevel="3" x14ac:dyDescent="0.2">
      <c r="A11743" s="17"/>
      <c r="B11743" s="17"/>
      <c r="C11743" s="17"/>
      <c r="D11743" s="18"/>
      <c r="E11743" s="18"/>
      <c r="F11743" s="18"/>
      <c r="G11743" s="18"/>
      <c r="H11743" s="18"/>
      <c r="I11743" s="18"/>
      <c r="J11743" s="18"/>
      <c r="K11743" s="18"/>
      <c r="L11743" s="18"/>
      <c r="M11743" s="18"/>
      <c r="N11743" s="18"/>
      <c r="O11743" s="18"/>
      <c r="P11743" s="19"/>
      <c r="Q11743" s="19"/>
      <c r="R11743" s="19"/>
      <c r="S11743" s="19"/>
      <c r="T11743" s="19"/>
      <c r="U11743" s="19"/>
      <c r="V11743" s="19"/>
      <c r="W11743" s="19"/>
      <c r="X11743" s="19"/>
      <c r="Y11743" s="19"/>
      <c r="Z11743" s="19"/>
      <c r="AA11743" s="19"/>
    </row>
    <row r="11744" spans="1:27" s="1" customFormat="1" ht="11.1" customHeight="1" outlineLevel="3" x14ac:dyDescent="0.2">
      <c r="A11744" s="17">
        <v>7428</v>
      </c>
      <c r="B11744" s="17"/>
      <c r="C11744" s="17"/>
      <c r="D11744" s="18" t="s">
        <v>5829</v>
      </c>
      <c r="E11744" s="18"/>
      <c r="F11744" s="18"/>
      <c r="G11744" s="18"/>
      <c r="H11744" s="18"/>
      <c r="I11744" s="18"/>
      <c r="J11744" s="18"/>
      <c r="K11744" s="18"/>
      <c r="L11744" s="18"/>
      <c r="M11744" s="18"/>
      <c r="N11744" s="18"/>
      <c r="O11744" s="18"/>
      <c r="P11744" s="19">
        <v>240</v>
      </c>
      <c r="Q11744" s="19"/>
      <c r="R11744" s="19"/>
      <c r="S11744" s="19"/>
      <c r="T11744" s="19">
        <v>130</v>
      </c>
      <c r="U11744" s="19"/>
      <c r="V11744" s="19"/>
      <c r="W11744" s="19"/>
      <c r="X11744" s="19">
        <v>1</v>
      </c>
      <c r="Y11744" s="19"/>
      <c r="Z11744" s="19"/>
      <c r="AA11744" s="19"/>
    </row>
    <row r="11745" spans="1:27" s="1" customFormat="1" ht="11.1" customHeight="1" outlineLevel="3" x14ac:dyDescent="0.2">
      <c r="A11745" s="17"/>
      <c r="B11745" s="17"/>
      <c r="C11745" s="17"/>
      <c r="D11745" s="18"/>
      <c r="E11745" s="18"/>
      <c r="F11745" s="18"/>
      <c r="G11745" s="18"/>
      <c r="H11745" s="18"/>
      <c r="I11745" s="18"/>
      <c r="J11745" s="18"/>
      <c r="K11745" s="18"/>
      <c r="L11745" s="18"/>
      <c r="M11745" s="18"/>
      <c r="N11745" s="18"/>
      <c r="O11745" s="18"/>
      <c r="P11745" s="19"/>
      <c r="Q11745" s="19"/>
      <c r="R11745" s="19"/>
      <c r="S11745" s="19"/>
      <c r="T11745" s="19"/>
      <c r="U11745" s="19"/>
      <c r="V11745" s="19"/>
      <c r="W11745" s="19"/>
      <c r="X11745" s="19"/>
      <c r="Y11745" s="19"/>
      <c r="Z11745" s="19"/>
      <c r="AA11745" s="19"/>
    </row>
    <row r="11746" spans="1:27" s="1" customFormat="1" ht="11.1" customHeight="1" outlineLevel="3" x14ac:dyDescent="0.2">
      <c r="A11746" s="17">
        <v>7427</v>
      </c>
      <c r="B11746" s="17"/>
      <c r="C11746" s="17"/>
      <c r="D11746" s="18" t="s">
        <v>5830</v>
      </c>
      <c r="E11746" s="18"/>
      <c r="F11746" s="18"/>
      <c r="G11746" s="18"/>
      <c r="H11746" s="18"/>
      <c r="I11746" s="18"/>
      <c r="J11746" s="18"/>
      <c r="K11746" s="18"/>
      <c r="L11746" s="18"/>
      <c r="M11746" s="18"/>
      <c r="N11746" s="18"/>
      <c r="O11746" s="18"/>
      <c r="P11746" s="19">
        <v>240</v>
      </c>
      <c r="Q11746" s="19"/>
      <c r="R11746" s="19"/>
      <c r="S11746" s="19"/>
      <c r="T11746" s="19">
        <v>130</v>
      </c>
      <c r="U11746" s="19"/>
      <c r="V11746" s="19"/>
      <c r="W11746" s="19"/>
      <c r="X11746" s="19">
        <v>2</v>
      </c>
      <c r="Y11746" s="19"/>
      <c r="Z11746" s="19"/>
      <c r="AA11746" s="19"/>
    </row>
    <row r="11747" spans="1:27" s="1" customFormat="1" ht="11.1" customHeight="1" outlineLevel="3" x14ac:dyDescent="0.2">
      <c r="A11747" s="17"/>
      <c r="B11747" s="17"/>
      <c r="C11747" s="17"/>
      <c r="D11747" s="18"/>
      <c r="E11747" s="18"/>
      <c r="F11747" s="18"/>
      <c r="G11747" s="18"/>
      <c r="H11747" s="18"/>
      <c r="I11747" s="18"/>
      <c r="J11747" s="18"/>
      <c r="K11747" s="18"/>
      <c r="L11747" s="18"/>
      <c r="M11747" s="18"/>
      <c r="N11747" s="18"/>
      <c r="O11747" s="18"/>
      <c r="P11747" s="19"/>
      <c r="Q11747" s="19"/>
      <c r="R11747" s="19"/>
      <c r="S11747" s="19"/>
      <c r="T11747" s="19"/>
      <c r="U11747" s="19"/>
      <c r="V11747" s="19"/>
      <c r="W11747" s="19"/>
      <c r="X11747" s="19"/>
      <c r="Y11747" s="19"/>
      <c r="Z11747" s="19"/>
      <c r="AA11747" s="19"/>
    </row>
    <row r="11748" spans="1:27" s="1" customFormat="1" ht="11.1" customHeight="1" outlineLevel="3" x14ac:dyDescent="0.2">
      <c r="A11748" s="17">
        <v>8972</v>
      </c>
      <c r="B11748" s="17"/>
      <c r="C11748" s="17"/>
      <c r="D11748" s="18" t="s">
        <v>5831</v>
      </c>
      <c r="E11748" s="18"/>
      <c r="F11748" s="18"/>
      <c r="G11748" s="18"/>
      <c r="H11748" s="18"/>
      <c r="I11748" s="18"/>
      <c r="J11748" s="18"/>
      <c r="K11748" s="18"/>
      <c r="L11748" s="18"/>
      <c r="M11748" s="18"/>
      <c r="N11748" s="18"/>
      <c r="O11748" s="18"/>
      <c r="P11748" s="19">
        <v>240</v>
      </c>
      <c r="Q11748" s="19"/>
      <c r="R11748" s="19"/>
      <c r="S11748" s="19"/>
      <c r="T11748" s="19">
        <v>130</v>
      </c>
      <c r="U11748" s="19"/>
      <c r="V11748" s="19"/>
      <c r="W11748" s="19"/>
      <c r="X11748" s="19">
        <v>2</v>
      </c>
      <c r="Y11748" s="19"/>
      <c r="Z11748" s="19"/>
      <c r="AA11748" s="19"/>
    </row>
    <row r="11749" spans="1:27" s="1" customFormat="1" ht="11.1" customHeight="1" outlineLevel="3" x14ac:dyDescent="0.2">
      <c r="A11749" s="17"/>
      <c r="B11749" s="17"/>
      <c r="C11749" s="17"/>
      <c r="D11749" s="18"/>
      <c r="E11749" s="18"/>
      <c r="F11749" s="18"/>
      <c r="G11749" s="18"/>
      <c r="H11749" s="18"/>
      <c r="I11749" s="18"/>
      <c r="J11749" s="18"/>
      <c r="K11749" s="18"/>
      <c r="L11749" s="18"/>
      <c r="M11749" s="18"/>
      <c r="N11749" s="18"/>
      <c r="O11749" s="18"/>
      <c r="P11749" s="19"/>
      <c r="Q11749" s="19"/>
      <c r="R11749" s="19"/>
      <c r="S11749" s="19"/>
      <c r="T11749" s="19"/>
      <c r="U11749" s="19"/>
      <c r="V11749" s="19"/>
      <c r="W11749" s="19"/>
      <c r="X11749" s="19"/>
      <c r="Y11749" s="19"/>
      <c r="Z11749" s="19"/>
      <c r="AA11749" s="19"/>
    </row>
    <row r="11750" spans="1:27" s="1" customFormat="1" ht="11.1" customHeight="1" outlineLevel="3" x14ac:dyDescent="0.2">
      <c r="A11750" s="17">
        <v>8964</v>
      </c>
      <c r="B11750" s="17"/>
      <c r="C11750" s="17"/>
      <c r="D11750" s="18" t="s">
        <v>5832</v>
      </c>
      <c r="E11750" s="18"/>
      <c r="F11750" s="18"/>
      <c r="G11750" s="18"/>
      <c r="H11750" s="18"/>
      <c r="I11750" s="18"/>
      <c r="J11750" s="18"/>
      <c r="K11750" s="18"/>
      <c r="L11750" s="18"/>
      <c r="M11750" s="18"/>
      <c r="N11750" s="18"/>
      <c r="O11750" s="18"/>
      <c r="P11750" s="19">
        <v>240</v>
      </c>
      <c r="Q11750" s="19"/>
      <c r="R11750" s="19"/>
      <c r="S11750" s="19"/>
      <c r="T11750" s="19">
        <v>130</v>
      </c>
      <c r="U11750" s="19"/>
      <c r="V11750" s="19"/>
      <c r="W11750" s="19"/>
      <c r="X11750" s="19">
        <v>1</v>
      </c>
      <c r="Y11750" s="19"/>
      <c r="Z11750" s="19"/>
      <c r="AA11750" s="19"/>
    </row>
    <row r="11751" spans="1:27" s="1" customFormat="1" ht="11.1" customHeight="1" outlineLevel="3" x14ac:dyDescent="0.2">
      <c r="A11751" s="17"/>
      <c r="B11751" s="17"/>
      <c r="C11751" s="17"/>
      <c r="D11751" s="18"/>
      <c r="E11751" s="18"/>
      <c r="F11751" s="18"/>
      <c r="G11751" s="18"/>
      <c r="H11751" s="18"/>
      <c r="I11751" s="18"/>
      <c r="J11751" s="18"/>
      <c r="K11751" s="18"/>
      <c r="L11751" s="18"/>
      <c r="M11751" s="18"/>
      <c r="N11751" s="18"/>
      <c r="O11751" s="18"/>
      <c r="P11751" s="19"/>
      <c r="Q11751" s="19"/>
      <c r="R11751" s="19"/>
      <c r="S11751" s="19"/>
      <c r="T11751" s="19"/>
      <c r="U11751" s="19"/>
      <c r="V11751" s="19"/>
      <c r="W11751" s="19"/>
      <c r="X11751" s="19"/>
      <c r="Y11751" s="19"/>
      <c r="Z11751" s="19"/>
      <c r="AA11751" s="19"/>
    </row>
    <row r="11752" spans="1:27" s="1" customFormat="1" ht="11.1" customHeight="1" outlineLevel="3" x14ac:dyDescent="0.2">
      <c r="A11752" s="17">
        <v>8971</v>
      </c>
      <c r="B11752" s="17"/>
      <c r="C11752" s="17"/>
      <c r="D11752" s="18" t="s">
        <v>5833</v>
      </c>
      <c r="E11752" s="18"/>
      <c r="F11752" s="18"/>
      <c r="G11752" s="18"/>
      <c r="H11752" s="18"/>
      <c r="I11752" s="18"/>
      <c r="J11752" s="18"/>
      <c r="K11752" s="18"/>
      <c r="L11752" s="18"/>
      <c r="M11752" s="18"/>
      <c r="N11752" s="18"/>
      <c r="O11752" s="18"/>
      <c r="P11752" s="19">
        <v>240</v>
      </c>
      <c r="Q11752" s="19"/>
      <c r="R11752" s="19"/>
      <c r="S11752" s="19"/>
      <c r="T11752" s="19">
        <v>130</v>
      </c>
      <c r="U11752" s="19"/>
      <c r="V11752" s="19"/>
      <c r="W11752" s="19"/>
      <c r="X11752" s="19">
        <v>7</v>
      </c>
      <c r="Y11752" s="19"/>
      <c r="Z11752" s="19"/>
      <c r="AA11752" s="19"/>
    </row>
    <row r="11753" spans="1:27" s="1" customFormat="1" ht="11.1" customHeight="1" outlineLevel="3" x14ac:dyDescent="0.2">
      <c r="A11753" s="17"/>
      <c r="B11753" s="17"/>
      <c r="C11753" s="17"/>
      <c r="D11753" s="18"/>
      <c r="E11753" s="18"/>
      <c r="F11753" s="18"/>
      <c r="G11753" s="18"/>
      <c r="H11753" s="18"/>
      <c r="I11753" s="18"/>
      <c r="J11753" s="18"/>
      <c r="K11753" s="18"/>
      <c r="L11753" s="18"/>
      <c r="M11753" s="18"/>
      <c r="N11753" s="18"/>
      <c r="O11753" s="18"/>
      <c r="P11753" s="19"/>
      <c r="Q11753" s="19"/>
      <c r="R11753" s="19"/>
      <c r="S11753" s="19"/>
      <c r="T11753" s="19"/>
      <c r="U11753" s="19"/>
      <c r="V11753" s="19"/>
      <c r="W11753" s="19"/>
      <c r="X11753" s="19"/>
      <c r="Y11753" s="19"/>
      <c r="Z11753" s="19"/>
      <c r="AA11753" s="19"/>
    </row>
    <row r="11754" spans="1:27" s="1" customFormat="1" ht="11.1" customHeight="1" outlineLevel="3" x14ac:dyDescent="0.2">
      <c r="A11754" s="17">
        <v>8962</v>
      </c>
      <c r="B11754" s="17"/>
      <c r="C11754" s="17"/>
      <c r="D11754" s="18" t="s">
        <v>5834</v>
      </c>
      <c r="E11754" s="18"/>
      <c r="F11754" s="18"/>
      <c r="G11754" s="18"/>
      <c r="H11754" s="18"/>
      <c r="I11754" s="18"/>
      <c r="J11754" s="18"/>
      <c r="K11754" s="18"/>
      <c r="L11754" s="18"/>
      <c r="M11754" s="18"/>
      <c r="N11754" s="18"/>
      <c r="O11754" s="18"/>
      <c r="P11754" s="19">
        <v>240</v>
      </c>
      <c r="Q11754" s="19"/>
      <c r="R11754" s="19"/>
      <c r="S11754" s="19"/>
      <c r="T11754" s="19">
        <v>130</v>
      </c>
      <c r="U11754" s="19"/>
      <c r="V11754" s="19"/>
      <c r="W11754" s="19"/>
      <c r="X11754" s="19">
        <v>3</v>
      </c>
      <c r="Y11754" s="19"/>
      <c r="Z11754" s="19"/>
      <c r="AA11754" s="19"/>
    </row>
    <row r="11755" spans="1:27" s="1" customFormat="1" ht="11.1" customHeight="1" outlineLevel="3" x14ac:dyDescent="0.2">
      <c r="A11755" s="17"/>
      <c r="B11755" s="17"/>
      <c r="C11755" s="17"/>
      <c r="D11755" s="18"/>
      <c r="E11755" s="18"/>
      <c r="F11755" s="18"/>
      <c r="G11755" s="18"/>
      <c r="H11755" s="18"/>
      <c r="I11755" s="18"/>
      <c r="J11755" s="18"/>
      <c r="K11755" s="18"/>
      <c r="L11755" s="18"/>
      <c r="M11755" s="18"/>
      <c r="N11755" s="18"/>
      <c r="O11755" s="18"/>
      <c r="P11755" s="19"/>
      <c r="Q11755" s="19"/>
      <c r="R11755" s="19"/>
      <c r="S11755" s="19"/>
      <c r="T11755" s="19"/>
      <c r="U11755" s="19"/>
      <c r="V11755" s="19"/>
      <c r="W11755" s="19"/>
      <c r="X11755" s="19"/>
      <c r="Y11755" s="19"/>
      <c r="Z11755" s="19"/>
      <c r="AA11755" s="19"/>
    </row>
    <row r="11756" spans="1:27" s="1" customFormat="1" ht="11.1" customHeight="1" outlineLevel="3" x14ac:dyDescent="0.2">
      <c r="A11756" s="17">
        <v>8974</v>
      </c>
      <c r="B11756" s="17"/>
      <c r="C11756" s="17"/>
      <c r="D11756" s="18" t="s">
        <v>5835</v>
      </c>
      <c r="E11756" s="18"/>
      <c r="F11756" s="18"/>
      <c r="G11756" s="18"/>
      <c r="H11756" s="18"/>
      <c r="I11756" s="18"/>
      <c r="J11756" s="18"/>
      <c r="K11756" s="18"/>
      <c r="L11756" s="18"/>
      <c r="M11756" s="18"/>
      <c r="N11756" s="18"/>
      <c r="O11756" s="18"/>
      <c r="P11756" s="19">
        <v>240</v>
      </c>
      <c r="Q11756" s="19"/>
      <c r="R11756" s="19"/>
      <c r="S11756" s="19"/>
      <c r="T11756" s="19">
        <v>130</v>
      </c>
      <c r="U11756" s="19"/>
      <c r="V11756" s="19"/>
      <c r="W11756" s="19"/>
      <c r="X11756" s="19">
        <v>3</v>
      </c>
      <c r="Y11756" s="19"/>
      <c r="Z11756" s="19"/>
      <c r="AA11756" s="19"/>
    </row>
    <row r="11757" spans="1:27" s="1" customFormat="1" ht="11.1" customHeight="1" outlineLevel="3" x14ac:dyDescent="0.2">
      <c r="A11757" s="17"/>
      <c r="B11757" s="17"/>
      <c r="C11757" s="17"/>
      <c r="D11757" s="18"/>
      <c r="E11757" s="18"/>
      <c r="F11757" s="18"/>
      <c r="G11757" s="18"/>
      <c r="H11757" s="18"/>
      <c r="I11757" s="18"/>
      <c r="J11757" s="18"/>
      <c r="K11757" s="18"/>
      <c r="L11757" s="18"/>
      <c r="M11757" s="18"/>
      <c r="N11757" s="18"/>
      <c r="O11757" s="18"/>
      <c r="P11757" s="19"/>
      <c r="Q11757" s="19"/>
      <c r="R11757" s="19"/>
      <c r="S11757" s="19"/>
      <c r="T11757" s="19"/>
      <c r="U11757" s="19"/>
      <c r="V11757" s="19"/>
      <c r="W11757" s="19"/>
      <c r="X11757" s="19"/>
      <c r="Y11757" s="19"/>
      <c r="Z11757" s="19"/>
      <c r="AA11757" s="19"/>
    </row>
    <row r="11758" spans="1:27" s="1" customFormat="1" ht="11.1" customHeight="1" outlineLevel="3" x14ac:dyDescent="0.2">
      <c r="A11758" s="17">
        <v>8968</v>
      </c>
      <c r="B11758" s="17"/>
      <c r="C11758" s="17"/>
      <c r="D11758" s="18" t="s">
        <v>5836</v>
      </c>
      <c r="E11758" s="18"/>
      <c r="F11758" s="18"/>
      <c r="G11758" s="18"/>
      <c r="H11758" s="18"/>
      <c r="I11758" s="18"/>
      <c r="J11758" s="18"/>
      <c r="K11758" s="18"/>
      <c r="L11758" s="18"/>
      <c r="M11758" s="18"/>
      <c r="N11758" s="18"/>
      <c r="O11758" s="18"/>
      <c r="P11758" s="19">
        <v>240</v>
      </c>
      <c r="Q11758" s="19"/>
      <c r="R11758" s="19"/>
      <c r="S11758" s="19"/>
      <c r="T11758" s="19">
        <v>130</v>
      </c>
      <c r="U11758" s="19"/>
      <c r="V11758" s="19"/>
      <c r="W11758" s="19"/>
      <c r="X11758" s="19">
        <v>3</v>
      </c>
      <c r="Y11758" s="19"/>
      <c r="Z11758" s="19"/>
      <c r="AA11758" s="19"/>
    </row>
    <row r="11759" spans="1:27" s="1" customFormat="1" ht="11.1" customHeight="1" outlineLevel="3" x14ac:dyDescent="0.2">
      <c r="A11759" s="17"/>
      <c r="B11759" s="17"/>
      <c r="C11759" s="17"/>
      <c r="D11759" s="18"/>
      <c r="E11759" s="18"/>
      <c r="F11759" s="18"/>
      <c r="G11759" s="18"/>
      <c r="H11759" s="18"/>
      <c r="I11759" s="18"/>
      <c r="J11759" s="18"/>
      <c r="K11759" s="18"/>
      <c r="L11759" s="18"/>
      <c r="M11759" s="18"/>
      <c r="N11759" s="18"/>
      <c r="O11759" s="18"/>
      <c r="P11759" s="19"/>
      <c r="Q11759" s="19"/>
      <c r="R11759" s="19"/>
      <c r="S11759" s="19"/>
      <c r="T11759" s="19"/>
      <c r="U11759" s="19"/>
      <c r="V11759" s="19"/>
      <c r="W11759" s="19"/>
      <c r="X11759" s="19"/>
      <c r="Y11759" s="19"/>
      <c r="Z11759" s="19"/>
      <c r="AA11759" s="19"/>
    </row>
    <row r="11760" spans="1:27" s="1" customFormat="1" ht="11.1" customHeight="1" outlineLevel="3" x14ac:dyDescent="0.2">
      <c r="A11760" s="17">
        <v>7430</v>
      </c>
      <c r="B11760" s="17"/>
      <c r="C11760" s="17"/>
      <c r="D11760" s="18" t="s">
        <v>5837</v>
      </c>
      <c r="E11760" s="18"/>
      <c r="F11760" s="18"/>
      <c r="G11760" s="18"/>
      <c r="H11760" s="18"/>
      <c r="I11760" s="18"/>
      <c r="J11760" s="18"/>
      <c r="K11760" s="18"/>
      <c r="L11760" s="18"/>
      <c r="M11760" s="18"/>
      <c r="N11760" s="18"/>
      <c r="O11760" s="18"/>
      <c r="P11760" s="19">
        <v>240</v>
      </c>
      <c r="Q11760" s="19"/>
      <c r="R11760" s="19"/>
      <c r="S11760" s="19"/>
      <c r="T11760" s="19">
        <v>130</v>
      </c>
      <c r="U11760" s="19"/>
      <c r="V11760" s="19"/>
      <c r="W11760" s="19"/>
      <c r="X11760" s="19">
        <v>5</v>
      </c>
      <c r="Y11760" s="19"/>
      <c r="Z11760" s="19"/>
      <c r="AA11760" s="19"/>
    </row>
    <row r="11761" spans="1:27" s="1" customFormat="1" ht="11.1" customHeight="1" outlineLevel="3" x14ac:dyDescent="0.2">
      <c r="A11761" s="17"/>
      <c r="B11761" s="17"/>
      <c r="C11761" s="17"/>
      <c r="D11761" s="18"/>
      <c r="E11761" s="18"/>
      <c r="F11761" s="18"/>
      <c r="G11761" s="18"/>
      <c r="H11761" s="18"/>
      <c r="I11761" s="18"/>
      <c r="J11761" s="18"/>
      <c r="K11761" s="18"/>
      <c r="L11761" s="18"/>
      <c r="M11761" s="18"/>
      <c r="N11761" s="18"/>
      <c r="O11761" s="18"/>
      <c r="P11761" s="19"/>
      <c r="Q11761" s="19"/>
      <c r="R11761" s="19"/>
      <c r="S11761" s="19"/>
      <c r="T11761" s="19"/>
      <c r="U11761" s="19"/>
      <c r="V11761" s="19"/>
      <c r="W11761" s="19"/>
      <c r="X11761" s="19"/>
      <c r="Y11761" s="19"/>
      <c r="Z11761" s="19"/>
      <c r="AA11761" s="19"/>
    </row>
    <row r="11762" spans="1:27" s="1" customFormat="1" ht="11.1" customHeight="1" outlineLevel="3" x14ac:dyDescent="0.2">
      <c r="A11762" s="17">
        <v>8967</v>
      </c>
      <c r="B11762" s="17"/>
      <c r="C11762" s="17"/>
      <c r="D11762" s="18" t="s">
        <v>5838</v>
      </c>
      <c r="E11762" s="18"/>
      <c r="F11762" s="18"/>
      <c r="G11762" s="18"/>
      <c r="H11762" s="18"/>
      <c r="I11762" s="18"/>
      <c r="J11762" s="18"/>
      <c r="K11762" s="18"/>
      <c r="L11762" s="18"/>
      <c r="M11762" s="18"/>
      <c r="N11762" s="18"/>
      <c r="O11762" s="18"/>
      <c r="P11762" s="19">
        <v>240</v>
      </c>
      <c r="Q11762" s="19"/>
      <c r="R11762" s="19"/>
      <c r="S11762" s="19"/>
      <c r="T11762" s="19">
        <v>130</v>
      </c>
      <c r="U11762" s="19"/>
      <c r="V11762" s="19"/>
      <c r="W11762" s="19"/>
      <c r="X11762" s="19">
        <v>1</v>
      </c>
      <c r="Y11762" s="19"/>
      <c r="Z11762" s="19"/>
      <c r="AA11762" s="19"/>
    </row>
    <row r="11763" spans="1:27" s="1" customFormat="1" ht="11.1" customHeight="1" outlineLevel="3" x14ac:dyDescent="0.2">
      <c r="A11763" s="17"/>
      <c r="B11763" s="17"/>
      <c r="C11763" s="17"/>
      <c r="D11763" s="18"/>
      <c r="E11763" s="18"/>
      <c r="F11763" s="18"/>
      <c r="G11763" s="18"/>
      <c r="H11763" s="18"/>
      <c r="I11763" s="18"/>
      <c r="J11763" s="18"/>
      <c r="K11763" s="18"/>
      <c r="L11763" s="18"/>
      <c r="M11763" s="18"/>
      <c r="N11763" s="18"/>
      <c r="O11763" s="18"/>
      <c r="P11763" s="19"/>
      <c r="Q11763" s="19"/>
      <c r="R11763" s="19"/>
      <c r="S11763" s="19"/>
      <c r="T11763" s="19"/>
      <c r="U11763" s="19"/>
      <c r="V11763" s="19"/>
      <c r="W11763" s="19"/>
      <c r="X11763" s="19"/>
      <c r="Y11763" s="19"/>
      <c r="Z11763" s="19"/>
      <c r="AA11763" s="19"/>
    </row>
    <row r="11764" spans="1:27" s="1" customFormat="1" ht="11.1" customHeight="1" outlineLevel="3" x14ac:dyDescent="0.2">
      <c r="A11764" s="17">
        <v>8970</v>
      </c>
      <c r="B11764" s="17"/>
      <c r="C11764" s="17"/>
      <c r="D11764" s="18" t="s">
        <v>5839</v>
      </c>
      <c r="E11764" s="18"/>
      <c r="F11764" s="18"/>
      <c r="G11764" s="18"/>
      <c r="H11764" s="18"/>
      <c r="I11764" s="18"/>
      <c r="J11764" s="18"/>
      <c r="K11764" s="18"/>
      <c r="L11764" s="18"/>
      <c r="M11764" s="18"/>
      <c r="N11764" s="18"/>
      <c r="O11764" s="18"/>
      <c r="P11764" s="19">
        <v>240</v>
      </c>
      <c r="Q11764" s="19"/>
      <c r="R11764" s="19"/>
      <c r="S11764" s="19"/>
      <c r="T11764" s="19">
        <v>130</v>
      </c>
      <c r="U11764" s="19"/>
      <c r="V11764" s="19"/>
      <c r="W11764" s="19"/>
      <c r="X11764" s="19">
        <v>4</v>
      </c>
      <c r="Y11764" s="19"/>
      <c r="Z11764" s="19"/>
      <c r="AA11764" s="19"/>
    </row>
    <row r="11765" spans="1:27" s="1" customFormat="1" ht="11.1" customHeight="1" outlineLevel="3" x14ac:dyDescent="0.2">
      <c r="A11765" s="17"/>
      <c r="B11765" s="17"/>
      <c r="C11765" s="17"/>
      <c r="D11765" s="18"/>
      <c r="E11765" s="18"/>
      <c r="F11765" s="18"/>
      <c r="G11765" s="18"/>
      <c r="H11765" s="18"/>
      <c r="I11765" s="18"/>
      <c r="J11765" s="18"/>
      <c r="K11765" s="18"/>
      <c r="L11765" s="18"/>
      <c r="M11765" s="18"/>
      <c r="N11765" s="18"/>
      <c r="O11765" s="18"/>
      <c r="P11765" s="19"/>
      <c r="Q11765" s="19"/>
      <c r="R11765" s="19"/>
      <c r="S11765" s="19"/>
      <c r="T11765" s="19"/>
      <c r="U11765" s="19"/>
      <c r="V11765" s="19"/>
      <c r="W11765" s="19"/>
      <c r="X11765" s="19"/>
      <c r="Y11765" s="19"/>
      <c r="Z11765" s="19"/>
      <c r="AA11765" s="19"/>
    </row>
    <row r="11766" spans="1:27" s="1" customFormat="1" ht="11.1" customHeight="1" outlineLevel="3" x14ac:dyDescent="0.2">
      <c r="A11766" s="17">
        <v>8966</v>
      </c>
      <c r="B11766" s="17"/>
      <c r="C11766" s="17"/>
      <c r="D11766" s="18" t="s">
        <v>5840</v>
      </c>
      <c r="E11766" s="18"/>
      <c r="F11766" s="18"/>
      <c r="G11766" s="18"/>
      <c r="H11766" s="18"/>
      <c r="I11766" s="18"/>
      <c r="J11766" s="18"/>
      <c r="K11766" s="18"/>
      <c r="L11766" s="18"/>
      <c r="M11766" s="18"/>
      <c r="N11766" s="18"/>
      <c r="O11766" s="18"/>
      <c r="P11766" s="19">
        <v>240</v>
      </c>
      <c r="Q11766" s="19"/>
      <c r="R11766" s="19"/>
      <c r="S11766" s="19"/>
      <c r="T11766" s="19">
        <v>130</v>
      </c>
      <c r="U11766" s="19"/>
      <c r="V11766" s="19"/>
      <c r="W11766" s="19"/>
      <c r="X11766" s="19">
        <v>2</v>
      </c>
      <c r="Y11766" s="19"/>
      <c r="Z11766" s="19"/>
      <c r="AA11766" s="19"/>
    </row>
    <row r="11767" spans="1:27" s="1" customFormat="1" ht="11.1" customHeight="1" outlineLevel="3" x14ac:dyDescent="0.2">
      <c r="A11767" s="17"/>
      <c r="B11767" s="17"/>
      <c r="C11767" s="17"/>
      <c r="D11767" s="18"/>
      <c r="E11767" s="18"/>
      <c r="F11767" s="18"/>
      <c r="G11767" s="18"/>
      <c r="H11767" s="18"/>
      <c r="I11767" s="18"/>
      <c r="J11767" s="18"/>
      <c r="K11767" s="18"/>
      <c r="L11767" s="18"/>
      <c r="M11767" s="18"/>
      <c r="N11767" s="18"/>
      <c r="O11767" s="18"/>
      <c r="P11767" s="19"/>
      <c r="Q11767" s="19"/>
      <c r="R11767" s="19"/>
      <c r="S11767" s="19"/>
      <c r="T11767" s="19"/>
      <c r="U11767" s="19"/>
      <c r="V11767" s="19"/>
      <c r="W11767" s="19"/>
      <c r="X11767" s="19"/>
      <c r="Y11767" s="19"/>
      <c r="Z11767" s="19"/>
      <c r="AA11767" s="19"/>
    </row>
    <row r="11768" spans="1:27" s="1" customFormat="1" ht="11.1" customHeight="1" outlineLevel="3" x14ac:dyDescent="0.2">
      <c r="A11768" s="17">
        <v>8969</v>
      </c>
      <c r="B11768" s="17"/>
      <c r="C11768" s="17"/>
      <c r="D11768" s="18" t="s">
        <v>5841</v>
      </c>
      <c r="E11768" s="18"/>
      <c r="F11768" s="18"/>
      <c r="G11768" s="18"/>
      <c r="H11768" s="18"/>
      <c r="I11768" s="18"/>
      <c r="J11768" s="18"/>
      <c r="K11768" s="18"/>
      <c r="L11768" s="18"/>
      <c r="M11768" s="18"/>
      <c r="N11768" s="18"/>
      <c r="O11768" s="18"/>
      <c r="P11768" s="19">
        <v>240</v>
      </c>
      <c r="Q11768" s="19"/>
      <c r="R11768" s="19"/>
      <c r="S11768" s="19"/>
      <c r="T11768" s="19">
        <v>130</v>
      </c>
      <c r="U11768" s="19"/>
      <c r="V11768" s="19"/>
      <c r="W11768" s="19"/>
      <c r="X11768" s="19">
        <v>1</v>
      </c>
      <c r="Y11768" s="19"/>
      <c r="Z11768" s="19"/>
      <c r="AA11768" s="19"/>
    </row>
    <row r="11769" spans="1:27" s="1" customFormat="1" ht="11.1" customHeight="1" outlineLevel="3" x14ac:dyDescent="0.2">
      <c r="A11769" s="17"/>
      <c r="B11769" s="17"/>
      <c r="C11769" s="17"/>
      <c r="D11769" s="18"/>
      <c r="E11769" s="18"/>
      <c r="F11769" s="18"/>
      <c r="G11769" s="18"/>
      <c r="H11769" s="18"/>
      <c r="I11769" s="18"/>
      <c r="J11769" s="18"/>
      <c r="K11769" s="18"/>
      <c r="L11769" s="18"/>
      <c r="M11769" s="18"/>
      <c r="N11769" s="18"/>
      <c r="O11769" s="18"/>
      <c r="P11769" s="19"/>
      <c r="Q11769" s="19"/>
      <c r="R11769" s="19"/>
      <c r="S11769" s="19"/>
      <c r="T11769" s="19"/>
      <c r="U11769" s="19"/>
      <c r="V11769" s="19"/>
      <c r="W11769" s="19"/>
      <c r="X11769" s="19"/>
      <c r="Y11769" s="19"/>
      <c r="Z11769" s="19"/>
      <c r="AA11769" s="19"/>
    </row>
    <row r="11770" spans="1:27" s="1" customFormat="1" ht="11.1" customHeight="1" outlineLevel="3" x14ac:dyDescent="0.2">
      <c r="A11770" s="17">
        <v>8961</v>
      </c>
      <c r="B11770" s="17"/>
      <c r="C11770" s="17"/>
      <c r="D11770" s="18" t="s">
        <v>5842</v>
      </c>
      <c r="E11770" s="18"/>
      <c r="F11770" s="18"/>
      <c r="G11770" s="18"/>
      <c r="H11770" s="18"/>
      <c r="I11770" s="18"/>
      <c r="J11770" s="18"/>
      <c r="K11770" s="18"/>
      <c r="L11770" s="18"/>
      <c r="M11770" s="18"/>
      <c r="N11770" s="18"/>
      <c r="O11770" s="18"/>
      <c r="P11770" s="19">
        <v>240</v>
      </c>
      <c r="Q11770" s="19"/>
      <c r="R11770" s="19"/>
      <c r="S11770" s="19"/>
      <c r="T11770" s="19">
        <v>130</v>
      </c>
      <c r="U11770" s="19"/>
      <c r="V11770" s="19"/>
      <c r="W11770" s="19"/>
      <c r="X11770" s="19">
        <v>1</v>
      </c>
      <c r="Y11770" s="19"/>
      <c r="Z11770" s="19"/>
      <c r="AA11770" s="19"/>
    </row>
    <row r="11771" spans="1:27" s="1" customFormat="1" ht="11.1" customHeight="1" outlineLevel="3" x14ac:dyDescent="0.2">
      <c r="A11771" s="17"/>
      <c r="B11771" s="17"/>
      <c r="C11771" s="17"/>
      <c r="D11771" s="18"/>
      <c r="E11771" s="18"/>
      <c r="F11771" s="18"/>
      <c r="G11771" s="18"/>
      <c r="H11771" s="18"/>
      <c r="I11771" s="18"/>
      <c r="J11771" s="18"/>
      <c r="K11771" s="18"/>
      <c r="L11771" s="18"/>
      <c r="M11771" s="18"/>
      <c r="N11771" s="18"/>
      <c r="O11771" s="18"/>
      <c r="P11771" s="19"/>
      <c r="Q11771" s="19"/>
      <c r="R11771" s="19"/>
      <c r="S11771" s="19"/>
      <c r="T11771" s="19"/>
      <c r="U11771" s="19"/>
      <c r="V11771" s="19"/>
      <c r="W11771" s="19"/>
      <c r="X11771" s="19"/>
      <c r="Y11771" s="19"/>
      <c r="Z11771" s="19"/>
      <c r="AA11771" s="19"/>
    </row>
    <row r="11772" spans="1:27" s="1" customFormat="1" ht="11.1" customHeight="1" outlineLevel="3" x14ac:dyDescent="0.2">
      <c r="A11772" s="17">
        <v>9898</v>
      </c>
      <c r="B11772" s="17"/>
      <c r="C11772" s="17"/>
      <c r="D11772" s="18" t="s">
        <v>5843</v>
      </c>
      <c r="E11772" s="18"/>
      <c r="F11772" s="18"/>
      <c r="G11772" s="18"/>
      <c r="H11772" s="18"/>
      <c r="I11772" s="18"/>
      <c r="J11772" s="18"/>
      <c r="K11772" s="18"/>
      <c r="L11772" s="18"/>
      <c r="M11772" s="18"/>
      <c r="N11772" s="18"/>
      <c r="O11772" s="18"/>
      <c r="P11772" s="19">
        <v>240</v>
      </c>
      <c r="Q11772" s="19"/>
      <c r="R11772" s="19"/>
      <c r="S11772" s="19"/>
      <c r="T11772" s="19">
        <v>130</v>
      </c>
      <c r="U11772" s="19"/>
      <c r="V11772" s="19"/>
      <c r="W11772" s="19"/>
      <c r="X11772" s="19">
        <v>3</v>
      </c>
      <c r="Y11772" s="19"/>
      <c r="Z11772" s="19"/>
      <c r="AA11772" s="19"/>
    </row>
    <row r="11773" spans="1:27" s="1" customFormat="1" ht="11.1" customHeight="1" outlineLevel="3" x14ac:dyDescent="0.2">
      <c r="A11773" s="17"/>
      <c r="B11773" s="17"/>
      <c r="C11773" s="17"/>
      <c r="D11773" s="18"/>
      <c r="E11773" s="18"/>
      <c r="F11773" s="18"/>
      <c r="G11773" s="18"/>
      <c r="H11773" s="18"/>
      <c r="I11773" s="18"/>
      <c r="J11773" s="18"/>
      <c r="K11773" s="18"/>
      <c r="L11773" s="18"/>
      <c r="M11773" s="18"/>
      <c r="N11773" s="18"/>
      <c r="O11773" s="18"/>
      <c r="P11773" s="19"/>
      <c r="Q11773" s="19"/>
      <c r="R11773" s="19"/>
      <c r="S11773" s="19"/>
      <c r="T11773" s="19"/>
      <c r="U11773" s="19"/>
      <c r="V11773" s="19"/>
      <c r="W11773" s="19"/>
      <c r="X11773" s="19"/>
      <c r="Y11773" s="19"/>
      <c r="Z11773" s="19"/>
      <c r="AA11773" s="19"/>
    </row>
    <row r="11774" spans="1:27" s="1" customFormat="1" ht="11.1" customHeight="1" outlineLevel="3" x14ac:dyDescent="0.2">
      <c r="A11774" s="17">
        <v>8955</v>
      </c>
      <c r="B11774" s="17"/>
      <c r="C11774" s="17"/>
      <c r="D11774" s="18" t="s">
        <v>5844</v>
      </c>
      <c r="E11774" s="18"/>
      <c r="F11774" s="18"/>
      <c r="G11774" s="18"/>
      <c r="H11774" s="18"/>
      <c r="I11774" s="18"/>
      <c r="J11774" s="18"/>
      <c r="K11774" s="18"/>
      <c r="L11774" s="18"/>
      <c r="M11774" s="18"/>
      <c r="N11774" s="18"/>
      <c r="O11774" s="18"/>
      <c r="P11774" s="19">
        <v>240</v>
      </c>
      <c r="Q11774" s="19"/>
      <c r="R11774" s="19"/>
      <c r="S11774" s="19"/>
      <c r="T11774" s="19">
        <v>130</v>
      </c>
      <c r="U11774" s="19"/>
      <c r="V11774" s="19"/>
      <c r="W11774" s="19"/>
      <c r="X11774" s="19">
        <v>1</v>
      </c>
      <c r="Y11774" s="19"/>
      <c r="Z11774" s="19"/>
      <c r="AA11774" s="19"/>
    </row>
    <row r="11775" spans="1:27" s="1" customFormat="1" ht="11.1" customHeight="1" outlineLevel="3" x14ac:dyDescent="0.2">
      <c r="A11775" s="17"/>
      <c r="B11775" s="17"/>
      <c r="C11775" s="17"/>
      <c r="D11775" s="18"/>
      <c r="E11775" s="18"/>
      <c r="F11775" s="18"/>
      <c r="G11775" s="18"/>
      <c r="H11775" s="18"/>
      <c r="I11775" s="18"/>
      <c r="J11775" s="18"/>
      <c r="K11775" s="18"/>
      <c r="L11775" s="18"/>
      <c r="M11775" s="18"/>
      <c r="N11775" s="18"/>
      <c r="O11775" s="18"/>
      <c r="P11775" s="19"/>
      <c r="Q11775" s="19"/>
      <c r="R11775" s="19"/>
      <c r="S11775" s="19"/>
      <c r="T11775" s="19"/>
      <c r="U11775" s="19"/>
      <c r="V11775" s="19"/>
      <c r="W11775" s="19"/>
      <c r="X11775" s="19"/>
      <c r="Y11775" s="19"/>
      <c r="Z11775" s="19"/>
      <c r="AA11775" s="19"/>
    </row>
    <row r="11776" spans="1:27" s="1" customFormat="1" ht="11.1" customHeight="1" outlineLevel="3" x14ac:dyDescent="0.2">
      <c r="A11776" s="17">
        <v>7661</v>
      </c>
      <c r="B11776" s="17"/>
      <c r="C11776" s="17"/>
      <c r="D11776" s="18" t="s">
        <v>5845</v>
      </c>
      <c r="E11776" s="18"/>
      <c r="F11776" s="18"/>
      <c r="G11776" s="18"/>
      <c r="H11776" s="18"/>
      <c r="I11776" s="18"/>
      <c r="J11776" s="18"/>
      <c r="K11776" s="18"/>
      <c r="L11776" s="18"/>
      <c r="M11776" s="18"/>
      <c r="N11776" s="18"/>
      <c r="O11776" s="18"/>
      <c r="P11776" s="19">
        <v>240</v>
      </c>
      <c r="Q11776" s="19"/>
      <c r="R11776" s="19"/>
      <c r="S11776" s="19"/>
      <c r="T11776" s="19">
        <v>130</v>
      </c>
      <c r="U11776" s="19"/>
      <c r="V11776" s="19"/>
      <c r="W11776" s="19"/>
      <c r="X11776" s="19">
        <v>2</v>
      </c>
      <c r="Y11776" s="19"/>
      <c r="Z11776" s="19"/>
      <c r="AA11776" s="19"/>
    </row>
    <row r="11777" spans="1:27" s="1" customFormat="1" ht="11.1" customHeight="1" outlineLevel="3" x14ac:dyDescent="0.2">
      <c r="A11777" s="17"/>
      <c r="B11777" s="17"/>
      <c r="C11777" s="17"/>
      <c r="D11777" s="18"/>
      <c r="E11777" s="18"/>
      <c r="F11777" s="18"/>
      <c r="G11777" s="18"/>
      <c r="H11777" s="18"/>
      <c r="I11777" s="18"/>
      <c r="J11777" s="18"/>
      <c r="K11777" s="18"/>
      <c r="L11777" s="18"/>
      <c r="M11777" s="18"/>
      <c r="N11777" s="18"/>
      <c r="O11777" s="18"/>
      <c r="P11777" s="19"/>
      <c r="Q11777" s="19"/>
      <c r="R11777" s="19"/>
      <c r="S11777" s="19"/>
      <c r="T11777" s="19"/>
      <c r="U11777" s="19"/>
      <c r="V11777" s="19"/>
      <c r="W11777" s="19"/>
      <c r="X11777" s="19"/>
      <c r="Y11777" s="19"/>
      <c r="Z11777" s="19"/>
      <c r="AA11777" s="19"/>
    </row>
    <row r="11778" spans="1:27" s="1" customFormat="1" ht="11.1" customHeight="1" outlineLevel="3" x14ac:dyDescent="0.2">
      <c r="A11778" s="17">
        <v>8951</v>
      </c>
      <c r="B11778" s="17"/>
      <c r="C11778" s="17"/>
      <c r="D11778" s="18" t="s">
        <v>5846</v>
      </c>
      <c r="E11778" s="18"/>
      <c r="F11778" s="18"/>
      <c r="G11778" s="18"/>
      <c r="H11778" s="18"/>
      <c r="I11778" s="18"/>
      <c r="J11778" s="18"/>
      <c r="K11778" s="18"/>
      <c r="L11778" s="18"/>
      <c r="M11778" s="18"/>
      <c r="N11778" s="18"/>
      <c r="O11778" s="18"/>
      <c r="P11778" s="19">
        <v>240</v>
      </c>
      <c r="Q11778" s="19"/>
      <c r="R11778" s="19"/>
      <c r="S11778" s="19"/>
      <c r="T11778" s="19">
        <v>130</v>
      </c>
      <c r="U11778" s="19"/>
      <c r="V11778" s="19"/>
      <c r="W11778" s="19"/>
      <c r="X11778" s="19">
        <v>1</v>
      </c>
      <c r="Y11778" s="19"/>
      <c r="Z11778" s="19"/>
      <c r="AA11778" s="19"/>
    </row>
    <row r="11779" spans="1:27" s="1" customFormat="1" ht="11.1" customHeight="1" outlineLevel="3" x14ac:dyDescent="0.2">
      <c r="A11779" s="17"/>
      <c r="B11779" s="17"/>
      <c r="C11779" s="17"/>
      <c r="D11779" s="18"/>
      <c r="E11779" s="18"/>
      <c r="F11779" s="18"/>
      <c r="G11779" s="18"/>
      <c r="H11779" s="18"/>
      <c r="I11779" s="18"/>
      <c r="J11779" s="18"/>
      <c r="K11779" s="18"/>
      <c r="L11779" s="18"/>
      <c r="M11779" s="18"/>
      <c r="N11779" s="18"/>
      <c r="O11779" s="18"/>
      <c r="P11779" s="19"/>
      <c r="Q11779" s="19"/>
      <c r="R11779" s="19"/>
      <c r="S11779" s="19"/>
      <c r="T11779" s="19"/>
      <c r="U11779" s="19"/>
      <c r="V11779" s="19"/>
      <c r="W11779" s="19"/>
      <c r="X11779" s="19"/>
      <c r="Y11779" s="19"/>
      <c r="Z11779" s="19"/>
      <c r="AA11779" s="19"/>
    </row>
    <row r="11780" spans="1:27" s="1" customFormat="1" ht="11.1" customHeight="1" outlineLevel="3" x14ac:dyDescent="0.2">
      <c r="A11780" s="17">
        <v>8953</v>
      </c>
      <c r="B11780" s="17"/>
      <c r="C11780" s="17"/>
      <c r="D11780" s="18" t="s">
        <v>5847</v>
      </c>
      <c r="E11780" s="18"/>
      <c r="F11780" s="18"/>
      <c r="G11780" s="18"/>
      <c r="H11780" s="18"/>
      <c r="I11780" s="18"/>
      <c r="J11780" s="18"/>
      <c r="K11780" s="18"/>
      <c r="L11780" s="18"/>
      <c r="M11780" s="18"/>
      <c r="N11780" s="18"/>
      <c r="O11780" s="18"/>
      <c r="P11780" s="19">
        <v>240</v>
      </c>
      <c r="Q11780" s="19"/>
      <c r="R11780" s="19"/>
      <c r="S11780" s="19"/>
      <c r="T11780" s="19">
        <v>130</v>
      </c>
      <c r="U11780" s="19"/>
      <c r="V11780" s="19"/>
      <c r="W11780" s="19"/>
      <c r="X11780" s="19">
        <v>1</v>
      </c>
      <c r="Y11780" s="19"/>
      <c r="Z11780" s="19"/>
      <c r="AA11780" s="19"/>
    </row>
    <row r="11781" spans="1:27" s="1" customFormat="1" ht="11.1" customHeight="1" outlineLevel="3" x14ac:dyDescent="0.2">
      <c r="A11781" s="17"/>
      <c r="B11781" s="17"/>
      <c r="C11781" s="17"/>
      <c r="D11781" s="18"/>
      <c r="E11781" s="18"/>
      <c r="F11781" s="18"/>
      <c r="G11781" s="18"/>
      <c r="H11781" s="18"/>
      <c r="I11781" s="18"/>
      <c r="J11781" s="18"/>
      <c r="K11781" s="18"/>
      <c r="L11781" s="18"/>
      <c r="M11781" s="18"/>
      <c r="N11781" s="18"/>
      <c r="O11781" s="18"/>
      <c r="P11781" s="19"/>
      <c r="Q11781" s="19"/>
      <c r="R11781" s="19"/>
      <c r="S11781" s="19"/>
      <c r="T11781" s="19"/>
      <c r="U11781" s="19"/>
      <c r="V11781" s="19"/>
      <c r="W11781" s="19"/>
      <c r="X11781" s="19"/>
      <c r="Y11781" s="19"/>
      <c r="Z11781" s="19"/>
      <c r="AA11781" s="19"/>
    </row>
    <row r="11782" spans="1:27" s="1" customFormat="1" ht="11.1" customHeight="1" outlineLevel="3" x14ac:dyDescent="0.2">
      <c r="A11782" s="17">
        <v>8954</v>
      </c>
      <c r="B11782" s="17"/>
      <c r="C11782" s="17"/>
      <c r="D11782" s="18" t="s">
        <v>5848</v>
      </c>
      <c r="E11782" s="18"/>
      <c r="F11782" s="18"/>
      <c r="G11782" s="18"/>
      <c r="H11782" s="18"/>
      <c r="I11782" s="18"/>
      <c r="J11782" s="18"/>
      <c r="K11782" s="18"/>
      <c r="L11782" s="18"/>
      <c r="M11782" s="18"/>
      <c r="N11782" s="18"/>
      <c r="O11782" s="18"/>
      <c r="P11782" s="19">
        <v>240</v>
      </c>
      <c r="Q11782" s="19"/>
      <c r="R11782" s="19"/>
      <c r="S11782" s="19"/>
      <c r="T11782" s="19">
        <v>130</v>
      </c>
      <c r="U11782" s="19"/>
      <c r="V11782" s="19"/>
      <c r="W11782" s="19"/>
      <c r="X11782" s="19">
        <v>1</v>
      </c>
      <c r="Y11782" s="19"/>
      <c r="Z11782" s="19"/>
      <c r="AA11782" s="19"/>
    </row>
    <row r="11783" spans="1:27" s="1" customFormat="1" ht="11.1" customHeight="1" outlineLevel="3" x14ac:dyDescent="0.2">
      <c r="A11783" s="17"/>
      <c r="B11783" s="17"/>
      <c r="C11783" s="17"/>
      <c r="D11783" s="18"/>
      <c r="E11783" s="18"/>
      <c r="F11783" s="18"/>
      <c r="G11783" s="18"/>
      <c r="H11783" s="18"/>
      <c r="I11783" s="18"/>
      <c r="J11783" s="18"/>
      <c r="K11783" s="18"/>
      <c r="L11783" s="18"/>
      <c r="M11783" s="18"/>
      <c r="N11783" s="18"/>
      <c r="O11783" s="18"/>
      <c r="P11783" s="19"/>
      <c r="Q11783" s="19"/>
      <c r="R11783" s="19"/>
      <c r="S11783" s="19"/>
      <c r="T11783" s="19"/>
      <c r="U11783" s="19"/>
      <c r="V11783" s="19"/>
      <c r="W11783" s="19"/>
      <c r="X11783" s="19"/>
      <c r="Y11783" s="19"/>
      <c r="Z11783" s="19"/>
      <c r="AA11783" s="19"/>
    </row>
    <row r="11784" spans="1:27" s="1" customFormat="1" ht="11.1" customHeight="1" outlineLevel="3" x14ac:dyDescent="0.2">
      <c r="A11784" s="17">
        <v>8956</v>
      </c>
      <c r="B11784" s="17"/>
      <c r="C11784" s="17"/>
      <c r="D11784" s="18" t="s">
        <v>5849</v>
      </c>
      <c r="E11784" s="18"/>
      <c r="F11784" s="18"/>
      <c r="G11784" s="18"/>
      <c r="H11784" s="18"/>
      <c r="I11784" s="18"/>
      <c r="J11784" s="18"/>
      <c r="K11784" s="18"/>
      <c r="L11784" s="18"/>
      <c r="M11784" s="18"/>
      <c r="N11784" s="18"/>
      <c r="O11784" s="18"/>
      <c r="P11784" s="19">
        <v>240</v>
      </c>
      <c r="Q11784" s="19"/>
      <c r="R11784" s="19"/>
      <c r="S11784" s="19"/>
      <c r="T11784" s="19">
        <v>130</v>
      </c>
      <c r="U11784" s="19"/>
      <c r="V11784" s="19"/>
      <c r="W11784" s="19"/>
      <c r="X11784" s="19">
        <v>1</v>
      </c>
      <c r="Y11784" s="19"/>
      <c r="Z11784" s="19"/>
      <c r="AA11784" s="19"/>
    </row>
    <row r="11785" spans="1:27" s="1" customFormat="1" ht="11.1" customHeight="1" outlineLevel="3" x14ac:dyDescent="0.2">
      <c r="A11785" s="17"/>
      <c r="B11785" s="17"/>
      <c r="C11785" s="17"/>
      <c r="D11785" s="18"/>
      <c r="E11785" s="18"/>
      <c r="F11785" s="18"/>
      <c r="G11785" s="18"/>
      <c r="H11785" s="18"/>
      <c r="I11785" s="18"/>
      <c r="J11785" s="18"/>
      <c r="K11785" s="18"/>
      <c r="L11785" s="18"/>
      <c r="M11785" s="18"/>
      <c r="N11785" s="18"/>
      <c r="O11785" s="18"/>
      <c r="P11785" s="19"/>
      <c r="Q11785" s="19"/>
      <c r="R11785" s="19"/>
      <c r="S11785" s="19"/>
      <c r="T11785" s="19"/>
      <c r="U11785" s="19"/>
      <c r="V11785" s="19"/>
      <c r="W11785" s="19"/>
      <c r="X11785" s="19"/>
      <c r="Y11785" s="19"/>
      <c r="Z11785" s="19"/>
      <c r="AA11785" s="19"/>
    </row>
    <row r="11786" spans="1:27" s="1" customFormat="1" ht="11.1" customHeight="1" outlineLevel="3" x14ac:dyDescent="0.2">
      <c r="A11786" s="17">
        <v>8960</v>
      </c>
      <c r="B11786" s="17"/>
      <c r="C11786" s="17"/>
      <c r="D11786" s="18" t="s">
        <v>5850</v>
      </c>
      <c r="E11786" s="18"/>
      <c r="F11786" s="18"/>
      <c r="G11786" s="18"/>
      <c r="H11786" s="18"/>
      <c r="I11786" s="18"/>
      <c r="J11786" s="18"/>
      <c r="K11786" s="18"/>
      <c r="L11786" s="18"/>
      <c r="M11786" s="18"/>
      <c r="N11786" s="18"/>
      <c r="O11786" s="18"/>
      <c r="P11786" s="19">
        <v>240</v>
      </c>
      <c r="Q11786" s="19"/>
      <c r="R11786" s="19"/>
      <c r="S11786" s="19"/>
      <c r="T11786" s="19">
        <v>130</v>
      </c>
      <c r="U11786" s="19"/>
      <c r="V11786" s="19"/>
      <c r="W11786" s="19"/>
      <c r="X11786" s="19">
        <v>1</v>
      </c>
      <c r="Y11786" s="19"/>
      <c r="Z11786" s="19"/>
      <c r="AA11786" s="19"/>
    </row>
    <row r="11787" spans="1:27" s="1" customFormat="1" ht="11.1" customHeight="1" outlineLevel="3" x14ac:dyDescent="0.2">
      <c r="A11787" s="17"/>
      <c r="B11787" s="17"/>
      <c r="C11787" s="17"/>
      <c r="D11787" s="18"/>
      <c r="E11787" s="18"/>
      <c r="F11787" s="18"/>
      <c r="G11787" s="18"/>
      <c r="H11787" s="18"/>
      <c r="I11787" s="18"/>
      <c r="J11787" s="18"/>
      <c r="K11787" s="18"/>
      <c r="L11787" s="18"/>
      <c r="M11787" s="18"/>
      <c r="N11787" s="18"/>
      <c r="O11787" s="18"/>
      <c r="P11787" s="19"/>
      <c r="Q11787" s="19"/>
      <c r="R11787" s="19"/>
      <c r="S11787" s="19"/>
      <c r="T11787" s="19"/>
      <c r="U11787" s="19"/>
      <c r="V11787" s="19"/>
      <c r="W11787" s="19"/>
      <c r="X11787" s="19"/>
      <c r="Y11787" s="19"/>
      <c r="Z11787" s="19"/>
      <c r="AA11787" s="19"/>
    </row>
    <row r="11788" spans="1:27" s="1" customFormat="1" ht="11.1" customHeight="1" outlineLevel="3" x14ac:dyDescent="0.2">
      <c r="A11788" s="17">
        <v>8952</v>
      </c>
      <c r="B11788" s="17"/>
      <c r="C11788" s="17"/>
      <c r="D11788" s="18" t="s">
        <v>5851</v>
      </c>
      <c r="E11788" s="18"/>
      <c r="F11788" s="18"/>
      <c r="G11788" s="18"/>
      <c r="H11788" s="18"/>
      <c r="I11788" s="18"/>
      <c r="J11788" s="18"/>
      <c r="K11788" s="18"/>
      <c r="L11788" s="18"/>
      <c r="M11788" s="18"/>
      <c r="N11788" s="18"/>
      <c r="O11788" s="18"/>
      <c r="P11788" s="19">
        <v>240</v>
      </c>
      <c r="Q11788" s="19"/>
      <c r="R11788" s="19"/>
      <c r="S11788" s="19"/>
      <c r="T11788" s="19">
        <v>130</v>
      </c>
      <c r="U11788" s="19"/>
      <c r="V11788" s="19"/>
      <c r="W11788" s="19"/>
      <c r="X11788" s="19">
        <v>2</v>
      </c>
      <c r="Y11788" s="19"/>
      <c r="Z11788" s="19"/>
      <c r="AA11788" s="19"/>
    </row>
    <row r="11789" spans="1:27" s="1" customFormat="1" ht="11.1" customHeight="1" outlineLevel="3" x14ac:dyDescent="0.2">
      <c r="A11789" s="17"/>
      <c r="B11789" s="17"/>
      <c r="C11789" s="17"/>
      <c r="D11789" s="18"/>
      <c r="E11789" s="18"/>
      <c r="F11789" s="18"/>
      <c r="G11789" s="18"/>
      <c r="H11789" s="18"/>
      <c r="I11789" s="18"/>
      <c r="J11789" s="18"/>
      <c r="K11789" s="18"/>
      <c r="L11789" s="18"/>
      <c r="M11789" s="18"/>
      <c r="N11789" s="18"/>
      <c r="O11789" s="18"/>
      <c r="P11789" s="19"/>
      <c r="Q11789" s="19"/>
      <c r="R11789" s="19"/>
      <c r="S11789" s="19"/>
      <c r="T11789" s="19"/>
      <c r="U11789" s="19"/>
      <c r="V11789" s="19"/>
      <c r="W11789" s="19"/>
      <c r="X11789" s="19"/>
      <c r="Y11789" s="19"/>
      <c r="Z11789" s="19"/>
      <c r="AA11789" s="19"/>
    </row>
    <row r="11790" spans="1:27" s="1" customFormat="1" ht="11.1" customHeight="1" outlineLevel="3" x14ac:dyDescent="0.2">
      <c r="A11790" s="17">
        <v>8957</v>
      </c>
      <c r="B11790" s="17"/>
      <c r="C11790" s="17"/>
      <c r="D11790" s="18" t="s">
        <v>5852</v>
      </c>
      <c r="E11790" s="18"/>
      <c r="F11790" s="18"/>
      <c r="G11790" s="18"/>
      <c r="H11790" s="18"/>
      <c r="I11790" s="18"/>
      <c r="J11790" s="18"/>
      <c r="K11790" s="18"/>
      <c r="L11790" s="18"/>
      <c r="M11790" s="18"/>
      <c r="N11790" s="18"/>
      <c r="O11790" s="18"/>
      <c r="P11790" s="19">
        <v>240</v>
      </c>
      <c r="Q11790" s="19"/>
      <c r="R11790" s="19"/>
      <c r="S11790" s="19"/>
      <c r="T11790" s="19">
        <v>130</v>
      </c>
      <c r="U11790" s="19"/>
      <c r="V11790" s="19"/>
      <c r="W11790" s="19"/>
      <c r="X11790" s="19">
        <v>1</v>
      </c>
      <c r="Y11790" s="19"/>
      <c r="Z11790" s="19"/>
      <c r="AA11790" s="19"/>
    </row>
    <row r="11791" spans="1:27" s="1" customFormat="1" ht="11.1" customHeight="1" outlineLevel="3" x14ac:dyDescent="0.2">
      <c r="A11791" s="17"/>
      <c r="B11791" s="17"/>
      <c r="C11791" s="17"/>
      <c r="D11791" s="18"/>
      <c r="E11791" s="18"/>
      <c r="F11791" s="18"/>
      <c r="G11791" s="18"/>
      <c r="H11791" s="18"/>
      <c r="I11791" s="18"/>
      <c r="J11791" s="18"/>
      <c r="K11791" s="18"/>
      <c r="L11791" s="18"/>
      <c r="M11791" s="18"/>
      <c r="N11791" s="18"/>
      <c r="O11791" s="18"/>
      <c r="P11791" s="19"/>
      <c r="Q11791" s="19"/>
      <c r="R11791" s="19"/>
      <c r="S11791" s="19"/>
      <c r="T11791" s="19"/>
      <c r="U11791" s="19"/>
      <c r="V11791" s="19"/>
      <c r="W11791" s="19"/>
      <c r="X11791" s="19"/>
      <c r="Y11791" s="19"/>
      <c r="Z11791" s="19"/>
      <c r="AA11791" s="19"/>
    </row>
    <row r="11792" spans="1:27" s="1" customFormat="1" ht="11.1" customHeight="1" outlineLevel="3" x14ac:dyDescent="0.2">
      <c r="A11792" s="17">
        <v>8946</v>
      </c>
      <c r="B11792" s="17"/>
      <c r="C11792" s="17"/>
      <c r="D11792" s="18" t="s">
        <v>5853</v>
      </c>
      <c r="E11792" s="18"/>
      <c r="F11792" s="18"/>
      <c r="G11792" s="18"/>
      <c r="H11792" s="18"/>
      <c r="I11792" s="18"/>
      <c r="J11792" s="18"/>
      <c r="K11792" s="18"/>
      <c r="L11792" s="18"/>
      <c r="M11792" s="18"/>
      <c r="N11792" s="18"/>
      <c r="O11792" s="18"/>
      <c r="P11792" s="19">
        <v>240</v>
      </c>
      <c r="Q11792" s="19"/>
      <c r="R11792" s="19"/>
      <c r="S11792" s="19"/>
      <c r="T11792" s="19">
        <v>130</v>
      </c>
      <c r="U11792" s="19"/>
      <c r="V11792" s="19"/>
      <c r="W11792" s="19"/>
      <c r="X11792" s="19">
        <v>1</v>
      </c>
      <c r="Y11792" s="19"/>
      <c r="Z11792" s="19"/>
      <c r="AA11792" s="19"/>
    </row>
    <row r="11793" spans="1:27" s="1" customFormat="1" ht="11.1" customHeight="1" outlineLevel="3" x14ac:dyDescent="0.2">
      <c r="A11793" s="17"/>
      <c r="B11793" s="17"/>
      <c r="C11793" s="17"/>
      <c r="D11793" s="18"/>
      <c r="E11793" s="18"/>
      <c r="F11793" s="18"/>
      <c r="G11793" s="18"/>
      <c r="H11793" s="18"/>
      <c r="I11793" s="18"/>
      <c r="J11793" s="18"/>
      <c r="K11793" s="18"/>
      <c r="L11793" s="18"/>
      <c r="M11793" s="18"/>
      <c r="N11793" s="18"/>
      <c r="O11793" s="18"/>
      <c r="P11793" s="19"/>
      <c r="Q11793" s="19"/>
      <c r="R11793" s="19"/>
      <c r="S11793" s="19"/>
      <c r="T11793" s="19"/>
      <c r="U11793" s="19"/>
      <c r="V11793" s="19"/>
      <c r="W11793" s="19"/>
      <c r="X11793" s="19"/>
      <c r="Y11793" s="19"/>
      <c r="Z11793" s="19"/>
      <c r="AA11793" s="19"/>
    </row>
    <row r="11794" spans="1:27" s="1" customFormat="1" ht="11.1" customHeight="1" outlineLevel="3" x14ac:dyDescent="0.2">
      <c r="A11794" s="17">
        <v>8948</v>
      </c>
      <c r="B11794" s="17"/>
      <c r="C11794" s="17"/>
      <c r="D11794" s="18" t="s">
        <v>5854</v>
      </c>
      <c r="E11794" s="18"/>
      <c r="F11794" s="18"/>
      <c r="G11794" s="18"/>
      <c r="H11794" s="18"/>
      <c r="I11794" s="18"/>
      <c r="J11794" s="18"/>
      <c r="K11794" s="18"/>
      <c r="L11794" s="18"/>
      <c r="M11794" s="18"/>
      <c r="N11794" s="18"/>
      <c r="O11794" s="18"/>
      <c r="P11794" s="19">
        <v>240</v>
      </c>
      <c r="Q11794" s="19"/>
      <c r="R11794" s="19"/>
      <c r="S11794" s="19"/>
      <c r="T11794" s="19">
        <v>130</v>
      </c>
      <c r="U11794" s="19"/>
      <c r="V11794" s="19"/>
      <c r="W11794" s="19"/>
      <c r="X11794" s="19">
        <v>2</v>
      </c>
      <c r="Y11794" s="19"/>
      <c r="Z11794" s="19"/>
      <c r="AA11794" s="19"/>
    </row>
    <row r="11795" spans="1:27" s="1" customFormat="1" ht="11.1" customHeight="1" outlineLevel="3" x14ac:dyDescent="0.2">
      <c r="A11795" s="17"/>
      <c r="B11795" s="17"/>
      <c r="C11795" s="17"/>
      <c r="D11795" s="18"/>
      <c r="E11795" s="18"/>
      <c r="F11795" s="18"/>
      <c r="G11795" s="18"/>
      <c r="H11795" s="18"/>
      <c r="I11795" s="18"/>
      <c r="J11795" s="18"/>
      <c r="K11795" s="18"/>
      <c r="L11795" s="18"/>
      <c r="M11795" s="18"/>
      <c r="N11795" s="18"/>
      <c r="O11795" s="18"/>
      <c r="P11795" s="19"/>
      <c r="Q11795" s="19"/>
      <c r="R11795" s="19"/>
      <c r="S11795" s="19"/>
      <c r="T11795" s="19"/>
      <c r="U11795" s="19"/>
      <c r="V11795" s="19"/>
      <c r="W11795" s="19"/>
      <c r="X11795" s="19"/>
      <c r="Y11795" s="19"/>
      <c r="Z11795" s="19"/>
      <c r="AA11795" s="19"/>
    </row>
    <row r="11796" spans="1:27" s="1" customFormat="1" ht="11.1" customHeight="1" outlineLevel="3" x14ac:dyDescent="0.2">
      <c r="A11796" s="17">
        <v>7431</v>
      </c>
      <c r="B11796" s="17"/>
      <c r="C11796" s="17"/>
      <c r="D11796" s="18" t="s">
        <v>5855</v>
      </c>
      <c r="E11796" s="18"/>
      <c r="F11796" s="18"/>
      <c r="G11796" s="18"/>
      <c r="H11796" s="18"/>
      <c r="I11796" s="18"/>
      <c r="J11796" s="18"/>
      <c r="K11796" s="18"/>
      <c r="L11796" s="18"/>
      <c r="M11796" s="18"/>
      <c r="N11796" s="18"/>
      <c r="O11796" s="18"/>
      <c r="P11796" s="19">
        <v>240</v>
      </c>
      <c r="Q11796" s="19"/>
      <c r="R11796" s="19"/>
      <c r="S11796" s="19"/>
      <c r="T11796" s="19">
        <v>130</v>
      </c>
      <c r="U11796" s="19"/>
      <c r="V11796" s="19"/>
      <c r="W11796" s="19"/>
      <c r="X11796" s="19">
        <v>5</v>
      </c>
      <c r="Y11796" s="19"/>
      <c r="Z11796" s="19"/>
      <c r="AA11796" s="19"/>
    </row>
    <row r="11797" spans="1:27" s="1" customFormat="1" ht="11.1" customHeight="1" outlineLevel="3" x14ac:dyDescent="0.2">
      <c r="A11797" s="17"/>
      <c r="B11797" s="17"/>
      <c r="C11797" s="17"/>
      <c r="D11797" s="18"/>
      <c r="E11797" s="18"/>
      <c r="F11797" s="18"/>
      <c r="G11797" s="18"/>
      <c r="H11797" s="18"/>
      <c r="I11797" s="18"/>
      <c r="J11797" s="18"/>
      <c r="K11797" s="18"/>
      <c r="L11797" s="18"/>
      <c r="M11797" s="18"/>
      <c r="N11797" s="18"/>
      <c r="O11797" s="18"/>
      <c r="P11797" s="19"/>
      <c r="Q11797" s="19"/>
      <c r="R11797" s="19"/>
      <c r="S11797" s="19"/>
      <c r="T11797" s="19"/>
      <c r="U11797" s="19"/>
      <c r="V11797" s="19"/>
      <c r="W11797" s="19"/>
      <c r="X11797" s="19"/>
      <c r="Y11797" s="19"/>
      <c r="Z11797" s="19"/>
      <c r="AA11797" s="19"/>
    </row>
    <row r="11798" spans="1:27" s="1" customFormat="1" ht="11.1" customHeight="1" outlineLevel="3" x14ac:dyDescent="0.2">
      <c r="A11798" s="17">
        <v>8945</v>
      </c>
      <c r="B11798" s="17"/>
      <c r="C11798" s="17"/>
      <c r="D11798" s="18" t="s">
        <v>5856</v>
      </c>
      <c r="E11798" s="18"/>
      <c r="F11798" s="18"/>
      <c r="G11798" s="18"/>
      <c r="H11798" s="18"/>
      <c r="I11798" s="18"/>
      <c r="J11798" s="18"/>
      <c r="K11798" s="18"/>
      <c r="L11798" s="18"/>
      <c r="M11798" s="18"/>
      <c r="N11798" s="18"/>
      <c r="O11798" s="18"/>
      <c r="P11798" s="19">
        <v>240</v>
      </c>
      <c r="Q11798" s="19"/>
      <c r="R11798" s="19"/>
      <c r="S11798" s="19"/>
      <c r="T11798" s="19">
        <v>130</v>
      </c>
      <c r="U11798" s="19"/>
      <c r="V11798" s="19"/>
      <c r="W11798" s="19"/>
      <c r="X11798" s="19">
        <v>2</v>
      </c>
      <c r="Y11798" s="19"/>
      <c r="Z11798" s="19"/>
      <c r="AA11798" s="19"/>
    </row>
    <row r="11799" spans="1:27" s="1" customFormat="1" ht="11.1" customHeight="1" outlineLevel="3" x14ac:dyDescent="0.2">
      <c r="A11799" s="17"/>
      <c r="B11799" s="17"/>
      <c r="C11799" s="17"/>
      <c r="D11799" s="18"/>
      <c r="E11799" s="18"/>
      <c r="F11799" s="18"/>
      <c r="G11799" s="18"/>
      <c r="H11799" s="18"/>
      <c r="I11799" s="18"/>
      <c r="J11799" s="18"/>
      <c r="K11799" s="18"/>
      <c r="L11799" s="18"/>
      <c r="M11799" s="18"/>
      <c r="N11799" s="18"/>
      <c r="O11799" s="18"/>
      <c r="P11799" s="19"/>
      <c r="Q11799" s="19"/>
      <c r="R11799" s="19"/>
      <c r="S11799" s="19"/>
      <c r="T11799" s="19"/>
      <c r="U11799" s="19"/>
      <c r="V11799" s="19"/>
      <c r="W11799" s="19"/>
      <c r="X11799" s="19"/>
      <c r="Y11799" s="19"/>
      <c r="Z11799" s="19"/>
      <c r="AA11799" s="19"/>
    </row>
    <row r="11800" spans="1:27" s="1" customFormat="1" ht="11.1" customHeight="1" outlineLevel="3" x14ac:dyDescent="0.2">
      <c r="A11800" s="17">
        <v>7432</v>
      </c>
      <c r="B11800" s="17"/>
      <c r="C11800" s="17"/>
      <c r="D11800" s="18" t="s">
        <v>5857</v>
      </c>
      <c r="E11800" s="18"/>
      <c r="F11800" s="18"/>
      <c r="G11800" s="18"/>
      <c r="H11800" s="18"/>
      <c r="I11800" s="18"/>
      <c r="J11800" s="18"/>
      <c r="K11800" s="18"/>
      <c r="L11800" s="18"/>
      <c r="M11800" s="18"/>
      <c r="N11800" s="18"/>
      <c r="O11800" s="18"/>
      <c r="P11800" s="19">
        <v>240</v>
      </c>
      <c r="Q11800" s="19"/>
      <c r="R11800" s="19"/>
      <c r="S11800" s="19"/>
      <c r="T11800" s="19">
        <v>130</v>
      </c>
      <c r="U11800" s="19"/>
      <c r="V11800" s="19"/>
      <c r="W11800" s="19"/>
      <c r="X11800" s="19">
        <v>1</v>
      </c>
      <c r="Y11800" s="19"/>
      <c r="Z11800" s="19"/>
      <c r="AA11800" s="19"/>
    </row>
    <row r="11801" spans="1:27" s="1" customFormat="1" ht="11.1" customHeight="1" outlineLevel="3" x14ac:dyDescent="0.2">
      <c r="A11801" s="17"/>
      <c r="B11801" s="17"/>
      <c r="C11801" s="17"/>
      <c r="D11801" s="18"/>
      <c r="E11801" s="18"/>
      <c r="F11801" s="18"/>
      <c r="G11801" s="18"/>
      <c r="H11801" s="18"/>
      <c r="I11801" s="18"/>
      <c r="J11801" s="18"/>
      <c r="K11801" s="18"/>
      <c r="L11801" s="18"/>
      <c r="M11801" s="18"/>
      <c r="N11801" s="18"/>
      <c r="O11801" s="18"/>
      <c r="P11801" s="19"/>
      <c r="Q11801" s="19"/>
      <c r="R11801" s="19"/>
      <c r="S11801" s="19"/>
      <c r="T11801" s="19"/>
      <c r="U11801" s="19"/>
      <c r="V11801" s="19"/>
      <c r="W11801" s="19"/>
      <c r="X11801" s="19"/>
      <c r="Y11801" s="19"/>
      <c r="Z11801" s="19"/>
      <c r="AA11801" s="19"/>
    </row>
    <row r="11802" spans="1:27" s="1" customFormat="1" ht="11.1" customHeight="1" outlineLevel="3" x14ac:dyDescent="0.2">
      <c r="A11802" s="17">
        <v>9027</v>
      </c>
      <c r="B11802" s="17"/>
      <c r="C11802" s="17"/>
      <c r="D11802" s="18" t="s">
        <v>5858</v>
      </c>
      <c r="E11802" s="18"/>
      <c r="F11802" s="18"/>
      <c r="G11802" s="18"/>
      <c r="H11802" s="18"/>
      <c r="I11802" s="18"/>
      <c r="J11802" s="18"/>
      <c r="K11802" s="18"/>
      <c r="L11802" s="18"/>
      <c r="M11802" s="18"/>
      <c r="N11802" s="18"/>
      <c r="O11802" s="18"/>
      <c r="P11802" s="19">
        <v>200</v>
      </c>
      <c r="Q11802" s="19"/>
      <c r="R11802" s="19"/>
      <c r="S11802" s="19"/>
      <c r="T11802" s="19">
        <v>80</v>
      </c>
      <c r="U11802" s="19"/>
      <c r="V11802" s="19"/>
      <c r="W11802" s="19"/>
      <c r="X11802" s="19">
        <v>1</v>
      </c>
      <c r="Y11802" s="19"/>
      <c r="Z11802" s="19"/>
      <c r="AA11802" s="19"/>
    </row>
    <row r="11803" spans="1:27" s="1" customFormat="1" ht="11.1" customHeight="1" outlineLevel="3" x14ac:dyDescent="0.2">
      <c r="A11803" s="17"/>
      <c r="B11803" s="17"/>
      <c r="C11803" s="17"/>
      <c r="D11803" s="18"/>
      <c r="E11803" s="18"/>
      <c r="F11803" s="18"/>
      <c r="G11803" s="18"/>
      <c r="H11803" s="18"/>
      <c r="I11803" s="18"/>
      <c r="J11803" s="18"/>
      <c r="K11803" s="18"/>
      <c r="L11803" s="18"/>
      <c r="M11803" s="18"/>
      <c r="N11803" s="18"/>
      <c r="O11803" s="18"/>
      <c r="P11803" s="19"/>
      <c r="Q11803" s="19"/>
      <c r="R11803" s="19"/>
      <c r="S11803" s="19"/>
      <c r="T11803" s="19"/>
      <c r="U11803" s="19"/>
      <c r="V11803" s="19"/>
      <c r="W11803" s="19"/>
      <c r="X11803" s="19"/>
      <c r="Y11803" s="19"/>
      <c r="Z11803" s="19"/>
      <c r="AA11803" s="19"/>
    </row>
    <row r="11804" spans="1:27" s="1" customFormat="1" ht="11.1" customHeight="1" outlineLevel="3" x14ac:dyDescent="0.2">
      <c r="A11804" s="17">
        <v>8134</v>
      </c>
      <c r="B11804" s="17"/>
      <c r="C11804" s="17"/>
      <c r="D11804" s="18" t="s">
        <v>5859</v>
      </c>
      <c r="E11804" s="18"/>
      <c r="F11804" s="18"/>
      <c r="G11804" s="18"/>
      <c r="H11804" s="18"/>
      <c r="I11804" s="18"/>
      <c r="J11804" s="18"/>
      <c r="K11804" s="18"/>
      <c r="L11804" s="18"/>
      <c r="M11804" s="18"/>
      <c r="N11804" s="18"/>
      <c r="O11804" s="18"/>
      <c r="P11804" s="19">
        <v>165</v>
      </c>
      <c r="Q11804" s="19"/>
      <c r="R11804" s="19"/>
      <c r="S11804" s="19"/>
      <c r="T11804" s="19">
        <v>65</v>
      </c>
      <c r="U11804" s="19"/>
      <c r="V11804" s="19"/>
      <c r="W11804" s="19"/>
      <c r="X11804" s="19">
        <v>2</v>
      </c>
      <c r="Y11804" s="19"/>
      <c r="Z11804" s="19"/>
      <c r="AA11804" s="19"/>
    </row>
    <row r="11805" spans="1:27" s="1" customFormat="1" ht="11.1" customHeight="1" outlineLevel="3" x14ac:dyDescent="0.2">
      <c r="A11805" s="17"/>
      <c r="B11805" s="17"/>
      <c r="C11805" s="17"/>
      <c r="D11805" s="18"/>
      <c r="E11805" s="18"/>
      <c r="F11805" s="18"/>
      <c r="G11805" s="18"/>
      <c r="H11805" s="18"/>
      <c r="I11805" s="18"/>
      <c r="J11805" s="18"/>
      <c r="K11805" s="18"/>
      <c r="L11805" s="18"/>
      <c r="M11805" s="18"/>
      <c r="N11805" s="18"/>
      <c r="O11805" s="18"/>
      <c r="P11805" s="19"/>
      <c r="Q11805" s="19"/>
      <c r="R11805" s="19"/>
      <c r="S11805" s="19"/>
      <c r="T11805" s="19"/>
      <c r="U11805" s="19"/>
      <c r="V11805" s="19"/>
      <c r="W11805" s="19"/>
      <c r="X11805" s="19"/>
      <c r="Y11805" s="19"/>
      <c r="Z11805" s="19"/>
      <c r="AA11805" s="19"/>
    </row>
    <row r="11806" spans="1:27" s="1" customFormat="1" ht="14.1" customHeight="1" outlineLevel="3" x14ac:dyDescent="0.2">
      <c r="A11806" s="17">
        <v>8135</v>
      </c>
      <c r="B11806" s="17"/>
      <c r="C11806" s="17"/>
      <c r="D11806" s="18" t="s">
        <v>5860</v>
      </c>
      <c r="E11806" s="18"/>
      <c r="F11806" s="18"/>
      <c r="G11806" s="18"/>
      <c r="H11806" s="18"/>
      <c r="I11806" s="18"/>
      <c r="J11806" s="18"/>
      <c r="K11806" s="18"/>
      <c r="L11806" s="18"/>
      <c r="M11806" s="18"/>
      <c r="N11806" s="18"/>
      <c r="O11806" s="18"/>
      <c r="P11806" s="19">
        <v>165</v>
      </c>
      <c r="Q11806" s="19"/>
      <c r="R11806" s="19"/>
      <c r="S11806" s="19"/>
      <c r="T11806" s="19">
        <v>65</v>
      </c>
      <c r="U11806" s="19"/>
      <c r="V11806" s="19"/>
      <c r="W11806" s="19"/>
      <c r="X11806" s="19">
        <v>2</v>
      </c>
      <c r="Y11806" s="19"/>
      <c r="Z11806" s="19"/>
      <c r="AA11806" s="19"/>
    </row>
    <row r="11807" spans="1:27" s="1" customFormat="1" ht="14.1" customHeight="1" outlineLevel="3" x14ac:dyDescent="0.2">
      <c r="A11807" s="17"/>
      <c r="B11807" s="17"/>
      <c r="C11807" s="17"/>
      <c r="D11807" s="18"/>
      <c r="E11807" s="18"/>
      <c r="F11807" s="18"/>
      <c r="G11807" s="18"/>
      <c r="H11807" s="18"/>
      <c r="I11807" s="18"/>
      <c r="J11807" s="18"/>
      <c r="K11807" s="18"/>
      <c r="L11807" s="18"/>
      <c r="M11807" s="18"/>
      <c r="N11807" s="18"/>
      <c r="O11807" s="18"/>
      <c r="P11807" s="19"/>
      <c r="Q11807" s="19"/>
      <c r="R11807" s="19"/>
      <c r="S11807" s="19"/>
      <c r="T11807" s="19"/>
      <c r="U11807" s="19"/>
      <c r="V11807" s="19"/>
      <c r="W11807" s="19"/>
      <c r="X11807" s="19"/>
      <c r="Y11807" s="19"/>
      <c r="Z11807" s="19"/>
      <c r="AA11807" s="19"/>
    </row>
    <row r="11808" spans="1:27" s="1" customFormat="1" ht="11.1" customHeight="1" outlineLevel="3" x14ac:dyDescent="0.2">
      <c r="A11808" s="17">
        <v>12268</v>
      </c>
      <c r="B11808" s="17"/>
      <c r="C11808" s="17"/>
      <c r="D11808" s="18" t="s">
        <v>5861</v>
      </c>
      <c r="E11808" s="18"/>
      <c r="F11808" s="18"/>
      <c r="G11808" s="18"/>
      <c r="H11808" s="18"/>
      <c r="I11808" s="18"/>
      <c r="J11808" s="18"/>
      <c r="K11808" s="18"/>
      <c r="L11808" s="18"/>
      <c r="M11808" s="18"/>
      <c r="N11808" s="18"/>
      <c r="O11808" s="18"/>
      <c r="P11808" s="19">
        <v>200</v>
      </c>
      <c r="Q11808" s="19"/>
      <c r="R11808" s="19"/>
      <c r="S11808" s="19"/>
      <c r="T11808" s="19">
        <v>80</v>
      </c>
      <c r="U11808" s="19"/>
      <c r="V11808" s="19"/>
      <c r="W11808" s="19"/>
      <c r="X11808" s="19">
        <v>1</v>
      </c>
      <c r="Y11808" s="19"/>
      <c r="Z11808" s="19"/>
      <c r="AA11808" s="19"/>
    </row>
    <row r="11809" spans="1:27" s="1" customFormat="1" ht="11.1" customHeight="1" outlineLevel="3" x14ac:dyDescent="0.2">
      <c r="A11809" s="17"/>
      <c r="B11809" s="17"/>
      <c r="C11809" s="17"/>
      <c r="D11809" s="18"/>
      <c r="E11809" s="18"/>
      <c r="F11809" s="18"/>
      <c r="G11809" s="18"/>
      <c r="H11809" s="18"/>
      <c r="I11809" s="18"/>
      <c r="J11809" s="18"/>
      <c r="K11809" s="18"/>
      <c r="L11809" s="18"/>
      <c r="M11809" s="18"/>
      <c r="N11809" s="18"/>
      <c r="O11809" s="18"/>
      <c r="P11809" s="19"/>
      <c r="Q11809" s="19"/>
      <c r="R11809" s="19"/>
      <c r="S11809" s="19"/>
      <c r="T11809" s="19"/>
      <c r="U11809" s="19"/>
      <c r="V11809" s="19"/>
      <c r="W11809" s="19"/>
      <c r="X11809" s="19"/>
      <c r="Y11809" s="19"/>
      <c r="Z11809" s="19"/>
      <c r="AA11809" s="19"/>
    </row>
    <row r="11810" spans="1:27" s="1" customFormat="1" ht="14.1" customHeight="1" outlineLevel="3" x14ac:dyDescent="0.2">
      <c r="A11810" s="17">
        <v>15187</v>
      </c>
      <c r="B11810" s="17"/>
      <c r="C11810" s="17"/>
      <c r="D11810" s="18" t="s">
        <v>5862</v>
      </c>
      <c r="E11810" s="18"/>
      <c r="F11810" s="18"/>
      <c r="G11810" s="18"/>
      <c r="H11810" s="18"/>
      <c r="I11810" s="18"/>
      <c r="J11810" s="18"/>
      <c r="K11810" s="18"/>
      <c r="L11810" s="18"/>
      <c r="M11810" s="18"/>
      <c r="N11810" s="18"/>
      <c r="O11810" s="18"/>
      <c r="P11810" s="19">
        <v>165</v>
      </c>
      <c r="Q11810" s="19"/>
      <c r="R11810" s="19"/>
      <c r="S11810" s="19"/>
      <c r="T11810" s="19">
        <v>65</v>
      </c>
      <c r="U11810" s="19"/>
      <c r="V11810" s="19"/>
      <c r="W11810" s="19"/>
      <c r="X11810" s="19">
        <v>1</v>
      </c>
      <c r="Y11810" s="19"/>
      <c r="Z11810" s="19"/>
      <c r="AA11810" s="19"/>
    </row>
    <row r="11811" spans="1:27" s="1" customFormat="1" ht="14.1" customHeight="1" outlineLevel="3" x14ac:dyDescent="0.2">
      <c r="A11811" s="17"/>
      <c r="B11811" s="17"/>
      <c r="C11811" s="17"/>
      <c r="D11811" s="18"/>
      <c r="E11811" s="18"/>
      <c r="F11811" s="18"/>
      <c r="G11811" s="18"/>
      <c r="H11811" s="18"/>
      <c r="I11811" s="18"/>
      <c r="J11811" s="18"/>
      <c r="K11811" s="18"/>
      <c r="L11811" s="18"/>
      <c r="M11811" s="18"/>
      <c r="N11811" s="18"/>
      <c r="O11811" s="18"/>
      <c r="P11811" s="19"/>
      <c r="Q11811" s="19"/>
      <c r="R11811" s="19"/>
      <c r="S11811" s="19"/>
      <c r="T11811" s="19"/>
      <c r="U11811" s="19"/>
      <c r="V11811" s="19"/>
      <c r="W11811" s="19"/>
      <c r="X11811" s="19"/>
      <c r="Y11811" s="19"/>
      <c r="Z11811" s="19"/>
      <c r="AA11811" s="19"/>
    </row>
    <row r="11812" spans="1:27" s="1" customFormat="1" ht="11.1" customHeight="1" outlineLevel="3" x14ac:dyDescent="0.2">
      <c r="A11812" s="17">
        <v>14698</v>
      </c>
      <c r="B11812" s="17"/>
      <c r="C11812" s="17"/>
      <c r="D11812" s="18" t="s">
        <v>5863</v>
      </c>
      <c r="E11812" s="18"/>
      <c r="F11812" s="18"/>
      <c r="G11812" s="18"/>
      <c r="H11812" s="18"/>
      <c r="I11812" s="18"/>
      <c r="J11812" s="18"/>
      <c r="K11812" s="18"/>
      <c r="L11812" s="18"/>
      <c r="M11812" s="18"/>
      <c r="N11812" s="18"/>
      <c r="O11812" s="18"/>
      <c r="P11812" s="19">
        <v>165</v>
      </c>
      <c r="Q11812" s="19"/>
      <c r="R11812" s="19"/>
      <c r="S11812" s="19"/>
      <c r="T11812" s="19">
        <v>65</v>
      </c>
      <c r="U11812" s="19"/>
      <c r="V11812" s="19"/>
      <c r="W11812" s="19"/>
      <c r="X11812" s="19">
        <v>2</v>
      </c>
      <c r="Y11812" s="19"/>
      <c r="Z11812" s="19"/>
      <c r="AA11812" s="19"/>
    </row>
    <row r="11813" spans="1:27" s="1" customFormat="1" ht="11.1" customHeight="1" outlineLevel="3" x14ac:dyDescent="0.2">
      <c r="A11813" s="17"/>
      <c r="B11813" s="17"/>
      <c r="C11813" s="17"/>
      <c r="D11813" s="18"/>
      <c r="E11813" s="18"/>
      <c r="F11813" s="18"/>
      <c r="G11813" s="18"/>
      <c r="H11813" s="18"/>
      <c r="I11813" s="18"/>
      <c r="J11813" s="18"/>
      <c r="K11813" s="18"/>
      <c r="L11813" s="18"/>
      <c r="M11813" s="18"/>
      <c r="N11813" s="18"/>
      <c r="O11813" s="18"/>
      <c r="P11813" s="19"/>
      <c r="Q11813" s="19"/>
      <c r="R11813" s="19"/>
      <c r="S11813" s="19"/>
      <c r="T11813" s="19"/>
      <c r="U11813" s="19"/>
      <c r="V11813" s="19"/>
      <c r="W11813" s="19"/>
      <c r="X11813" s="19"/>
      <c r="Y11813" s="19"/>
      <c r="Z11813" s="19"/>
      <c r="AA11813" s="19"/>
    </row>
    <row r="11814" spans="1:27" s="1" customFormat="1" ht="11.1" customHeight="1" outlineLevel="3" x14ac:dyDescent="0.2">
      <c r="A11814" s="17">
        <v>14700</v>
      </c>
      <c r="B11814" s="17"/>
      <c r="C11814" s="17"/>
      <c r="D11814" s="18" t="s">
        <v>5864</v>
      </c>
      <c r="E11814" s="18"/>
      <c r="F11814" s="18"/>
      <c r="G11814" s="18"/>
      <c r="H11814" s="18"/>
      <c r="I11814" s="18"/>
      <c r="J11814" s="18"/>
      <c r="K11814" s="18"/>
      <c r="L11814" s="18"/>
      <c r="M11814" s="18"/>
      <c r="N11814" s="18"/>
      <c r="O11814" s="18"/>
      <c r="P11814" s="19">
        <v>165</v>
      </c>
      <c r="Q11814" s="19"/>
      <c r="R11814" s="19"/>
      <c r="S11814" s="19"/>
      <c r="T11814" s="19">
        <v>65</v>
      </c>
      <c r="U11814" s="19"/>
      <c r="V11814" s="19"/>
      <c r="W11814" s="19"/>
      <c r="X11814" s="19">
        <v>1</v>
      </c>
      <c r="Y11814" s="19"/>
      <c r="Z11814" s="19"/>
      <c r="AA11814" s="19"/>
    </row>
    <row r="11815" spans="1:27" s="1" customFormat="1" ht="11.1" customHeight="1" outlineLevel="3" x14ac:dyDescent="0.2">
      <c r="A11815" s="17"/>
      <c r="B11815" s="17"/>
      <c r="C11815" s="17"/>
      <c r="D11815" s="18"/>
      <c r="E11815" s="18"/>
      <c r="F11815" s="18"/>
      <c r="G11815" s="18"/>
      <c r="H11815" s="18"/>
      <c r="I11815" s="18"/>
      <c r="J11815" s="18"/>
      <c r="K11815" s="18"/>
      <c r="L11815" s="18"/>
      <c r="M11815" s="18"/>
      <c r="N11815" s="18"/>
      <c r="O11815" s="18"/>
      <c r="P11815" s="19"/>
      <c r="Q11815" s="19"/>
      <c r="R11815" s="19"/>
      <c r="S11815" s="19"/>
      <c r="T11815" s="19"/>
      <c r="U11815" s="19"/>
      <c r="V11815" s="19"/>
      <c r="W11815" s="19"/>
      <c r="X11815" s="19"/>
      <c r="Y11815" s="19"/>
      <c r="Z11815" s="19"/>
      <c r="AA11815" s="19"/>
    </row>
    <row r="11816" spans="1:27" s="1" customFormat="1" ht="11.1" customHeight="1" outlineLevel="3" x14ac:dyDescent="0.2">
      <c r="A11816" s="17">
        <v>14699</v>
      </c>
      <c r="B11816" s="17"/>
      <c r="C11816" s="17"/>
      <c r="D11816" s="18" t="s">
        <v>5865</v>
      </c>
      <c r="E11816" s="18"/>
      <c r="F11816" s="18"/>
      <c r="G11816" s="18"/>
      <c r="H11816" s="18"/>
      <c r="I11816" s="18"/>
      <c r="J11816" s="18"/>
      <c r="K11816" s="18"/>
      <c r="L11816" s="18"/>
      <c r="M11816" s="18"/>
      <c r="N11816" s="18"/>
      <c r="O11816" s="18"/>
      <c r="P11816" s="19">
        <v>165</v>
      </c>
      <c r="Q11816" s="19"/>
      <c r="R11816" s="19"/>
      <c r="S11816" s="19"/>
      <c r="T11816" s="19">
        <v>65</v>
      </c>
      <c r="U11816" s="19"/>
      <c r="V11816" s="19"/>
      <c r="W11816" s="19"/>
      <c r="X11816" s="19">
        <v>1</v>
      </c>
      <c r="Y11816" s="19"/>
      <c r="Z11816" s="19"/>
      <c r="AA11816" s="19"/>
    </row>
    <row r="11817" spans="1:27" s="1" customFormat="1" ht="11.1" customHeight="1" outlineLevel="3" x14ac:dyDescent="0.2">
      <c r="A11817" s="17"/>
      <c r="B11817" s="17"/>
      <c r="C11817" s="17"/>
      <c r="D11817" s="18"/>
      <c r="E11817" s="18"/>
      <c r="F11817" s="18"/>
      <c r="G11817" s="18"/>
      <c r="H11817" s="18"/>
      <c r="I11817" s="18"/>
      <c r="J11817" s="18"/>
      <c r="K11817" s="18"/>
      <c r="L11817" s="18"/>
      <c r="M11817" s="18"/>
      <c r="N11817" s="18"/>
      <c r="O11817" s="18"/>
      <c r="P11817" s="19"/>
      <c r="Q11817" s="19"/>
      <c r="R11817" s="19"/>
      <c r="S11817" s="19"/>
      <c r="T11817" s="19"/>
      <c r="U11817" s="19"/>
      <c r="V11817" s="19"/>
      <c r="W11817" s="19"/>
      <c r="X11817" s="19"/>
      <c r="Y11817" s="19"/>
      <c r="Z11817" s="19"/>
      <c r="AA11817" s="19"/>
    </row>
    <row r="11818" spans="1:27" s="1" customFormat="1" ht="11.1" customHeight="1" outlineLevel="3" x14ac:dyDescent="0.2">
      <c r="A11818" s="17">
        <v>16588</v>
      </c>
      <c r="B11818" s="17"/>
      <c r="C11818" s="17"/>
      <c r="D11818" s="18" t="s">
        <v>5866</v>
      </c>
      <c r="E11818" s="18"/>
      <c r="F11818" s="18"/>
      <c r="G11818" s="18"/>
      <c r="H11818" s="18"/>
      <c r="I11818" s="18"/>
      <c r="J11818" s="18"/>
      <c r="K11818" s="18"/>
      <c r="L11818" s="18"/>
      <c r="M11818" s="18"/>
      <c r="N11818" s="18"/>
      <c r="O11818" s="18"/>
      <c r="P11818" s="19">
        <v>250</v>
      </c>
      <c r="Q11818" s="19"/>
      <c r="R11818" s="19"/>
      <c r="S11818" s="19"/>
      <c r="T11818" s="19">
        <v>90</v>
      </c>
      <c r="U11818" s="19"/>
      <c r="V11818" s="19"/>
      <c r="W11818" s="19"/>
      <c r="X11818" s="19">
        <v>1</v>
      </c>
      <c r="Y11818" s="19"/>
      <c r="Z11818" s="19"/>
      <c r="AA11818" s="19"/>
    </row>
    <row r="11819" spans="1:27" s="1" customFormat="1" ht="11.1" customHeight="1" outlineLevel="3" x14ac:dyDescent="0.2">
      <c r="A11819" s="17"/>
      <c r="B11819" s="17"/>
      <c r="C11819" s="17"/>
      <c r="D11819" s="18"/>
      <c r="E11819" s="18"/>
      <c r="F11819" s="18"/>
      <c r="G11819" s="18"/>
      <c r="H11819" s="18"/>
      <c r="I11819" s="18"/>
      <c r="J11819" s="18"/>
      <c r="K11819" s="18"/>
      <c r="L11819" s="18"/>
      <c r="M11819" s="18"/>
      <c r="N11819" s="18"/>
      <c r="O11819" s="18"/>
      <c r="P11819" s="19"/>
      <c r="Q11819" s="19"/>
      <c r="R11819" s="19"/>
      <c r="S11819" s="19"/>
      <c r="T11819" s="19"/>
      <c r="U11819" s="19"/>
      <c r="V11819" s="19"/>
      <c r="W11819" s="19"/>
      <c r="X11819" s="19"/>
      <c r="Y11819" s="19"/>
      <c r="Z11819" s="19"/>
      <c r="AA11819" s="19"/>
    </row>
    <row r="11820" spans="1:27" s="1" customFormat="1" ht="11.1" customHeight="1" outlineLevel="3" x14ac:dyDescent="0.2">
      <c r="A11820" s="17">
        <v>16591</v>
      </c>
      <c r="B11820" s="17"/>
      <c r="C11820" s="17"/>
      <c r="D11820" s="18" t="s">
        <v>5867</v>
      </c>
      <c r="E11820" s="18"/>
      <c r="F11820" s="18"/>
      <c r="G11820" s="18"/>
      <c r="H11820" s="18"/>
      <c r="I11820" s="18"/>
      <c r="J11820" s="18"/>
      <c r="K11820" s="18"/>
      <c r="L11820" s="18"/>
      <c r="M11820" s="18"/>
      <c r="N11820" s="18"/>
      <c r="O11820" s="18"/>
      <c r="P11820" s="19">
        <v>250</v>
      </c>
      <c r="Q11820" s="19"/>
      <c r="R11820" s="19"/>
      <c r="S11820" s="19"/>
      <c r="T11820" s="19">
        <v>90</v>
      </c>
      <c r="U11820" s="19"/>
      <c r="V11820" s="19"/>
      <c r="W11820" s="19"/>
      <c r="X11820" s="19">
        <v>1</v>
      </c>
      <c r="Y11820" s="19"/>
      <c r="Z11820" s="19"/>
      <c r="AA11820" s="19"/>
    </row>
    <row r="11821" spans="1:27" s="1" customFormat="1" ht="11.1" customHeight="1" outlineLevel="3" x14ac:dyDescent="0.2">
      <c r="A11821" s="17"/>
      <c r="B11821" s="17"/>
      <c r="C11821" s="17"/>
      <c r="D11821" s="18"/>
      <c r="E11821" s="18"/>
      <c r="F11821" s="18"/>
      <c r="G11821" s="18"/>
      <c r="H11821" s="18"/>
      <c r="I11821" s="18"/>
      <c r="J11821" s="18"/>
      <c r="K11821" s="18"/>
      <c r="L11821" s="18"/>
      <c r="M11821" s="18"/>
      <c r="N11821" s="18"/>
      <c r="O11821" s="18"/>
      <c r="P11821" s="19"/>
      <c r="Q11821" s="19"/>
      <c r="R11821" s="19"/>
      <c r="S11821" s="19"/>
      <c r="T11821" s="19"/>
      <c r="U11821" s="19"/>
      <c r="V11821" s="19"/>
      <c r="W11821" s="19"/>
      <c r="X11821" s="19"/>
      <c r="Y11821" s="19"/>
      <c r="Z11821" s="19"/>
      <c r="AA11821" s="19"/>
    </row>
    <row r="11822" spans="1:27" s="1" customFormat="1" ht="11.1" customHeight="1" outlineLevel="3" x14ac:dyDescent="0.2">
      <c r="A11822" s="17">
        <v>8136</v>
      </c>
      <c r="B11822" s="17"/>
      <c r="C11822" s="17"/>
      <c r="D11822" s="18" t="s">
        <v>5868</v>
      </c>
      <c r="E11822" s="18"/>
      <c r="F11822" s="18"/>
      <c r="G11822" s="18"/>
      <c r="H11822" s="18"/>
      <c r="I11822" s="18"/>
      <c r="J11822" s="18"/>
      <c r="K11822" s="18"/>
      <c r="L11822" s="18"/>
      <c r="M11822" s="18"/>
      <c r="N11822" s="18"/>
      <c r="O11822" s="18"/>
      <c r="P11822" s="19">
        <v>165</v>
      </c>
      <c r="Q11822" s="19"/>
      <c r="R11822" s="19"/>
      <c r="S11822" s="19"/>
      <c r="T11822" s="19">
        <v>65</v>
      </c>
      <c r="U11822" s="19"/>
      <c r="V11822" s="19"/>
      <c r="W11822" s="19"/>
      <c r="X11822" s="19">
        <v>3</v>
      </c>
      <c r="Y11822" s="19"/>
      <c r="Z11822" s="19"/>
      <c r="AA11822" s="19"/>
    </row>
    <row r="11823" spans="1:27" s="1" customFormat="1" ht="11.1" customHeight="1" outlineLevel="3" x14ac:dyDescent="0.2">
      <c r="A11823" s="17"/>
      <c r="B11823" s="17"/>
      <c r="C11823" s="17"/>
      <c r="D11823" s="18"/>
      <c r="E11823" s="18"/>
      <c r="F11823" s="18"/>
      <c r="G11823" s="18"/>
      <c r="H11823" s="18"/>
      <c r="I11823" s="18"/>
      <c r="J11823" s="18"/>
      <c r="K11823" s="18"/>
      <c r="L11823" s="18"/>
      <c r="M11823" s="18"/>
      <c r="N11823" s="18"/>
      <c r="O11823" s="18"/>
      <c r="P11823" s="19"/>
      <c r="Q11823" s="19"/>
      <c r="R11823" s="19"/>
      <c r="S11823" s="19"/>
      <c r="T11823" s="19"/>
      <c r="U11823" s="19"/>
      <c r="V11823" s="19"/>
      <c r="W11823" s="19"/>
      <c r="X11823" s="19"/>
      <c r="Y11823" s="19"/>
      <c r="Z11823" s="19"/>
      <c r="AA11823" s="19"/>
    </row>
    <row r="11824" spans="1:27" s="1" customFormat="1" ht="11.1" customHeight="1" outlineLevel="3" x14ac:dyDescent="0.2">
      <c r="A11824" s="17">
        <v>8130</v>
      </c>
      <c r="B11824" s="17"/>
      <c r="C11824" s="17"/>
      <c r="D11824" s="18" t="s">
        <v>5869</v>
      </c>
      <c r="E11824" s="18"/>
      <c r="F11824" s="18"/>
      <c r="G11824" s="18"/>
      <c r="H11824" s="18"/>
      <c r="I11824" s="18"/>
      <c r="J11824" s="18"/>
      <c r="K11824" s="18"/>
      <c r="L11824" s="18"/>
      <c r="M11824" s="18"/>
      <c r="N11824" s="18"/>
      <c r="O11824" s="18"/>
      <c r="P11824" s="19">
        <v>200</v>
      </c>
      <c r="Q11824" s="19"/>
      <c r="R11824" s="19"/>
      <c r="S11824" s="19"/>
      <c r="T11824" s="19">
        <v>80</v>
      </c>
      <c r="U11824" s="19"/>
      <c r="V11824" s="19"/>
      <c r="W11824" s="19"/>
      <c r="X11824" s="19">
        <v>1</v>
      </c>
      <c r="Y11824" s="19"/>
      <c r="Z11824" s="19"/>
      <c r="AA11824" s="19"/>
    </row>
    <row r="11825" spans="1:27" s="1" customFormat="1" ht="11.1" customHeight="1" outlineLevel="3" x14ac:dyDescent="0.2">
      <c r="A11825" s="17"/>
      <c r="B11825" s="17"/>
      <c r="C11825" s="17"/>
      <c r="D11825" s="18"/>
      <c r="E11825" s="18"/>
      <c r="F11825" s="18"/>
      <c r="G11825" s="18"/>
      <c r="H11825" s="18"/>
      <c r="I11825" s="18"/>
      <c r="J11825" s="18"/>
      <c r="K11825" s="18"/>
      <c r="L11825" s="18"/>
      <c r="M11825" s="18"/>
      <c r="N11825" s="18"/>
      <c r="O11825" s="18"/>
      <c r="P11825" s="19"/>
      <c r="Q11825" s="19"/>
      <c r="R11825" s="19"/>
      <c r="S11825" s="19"/>
      <c r="T11825" s="19"/>
      <c r="U11825" s="19"/>
      <c r="V11825" s="19"/>
      <c r="W11825" s="19"/>
      <c r="X11825" s="19"/>
      <c r="Y11825" s="19"/>
      <c r="Z11825" s="19"/>
      <c r="AA11825" s="19"/>
    </row>
    <row r="11826" spans="1:27" s="1" customFormat="1" ht="14.1" customHeight="1" outlineLevel="3" x14ac:dyDescent="0.2">
      <c r="A11826" s="17">
        <v>8131</v>
      </c>
      <c r="B11826" s="17"/>
      <c r="C11826" s="17"/>
      <c r="D11826" s="18" t="s">
        <v>5870</v>
      </c>
      <c r="E11826" s="18"/>
      <c r="F11826" s="18"/>
      <c r="G11826" s="18"/>
      <c r="H11826" s="18"/>
      <c r="I11826" s="18"/>
      <c r="J11826" s="18"/>
      <c r="K11826" s="18"/>
      <c r="L11826" s="18"/>
      <c r="M11826" s="18"/>
      <c r="N11826" s="18"/>
      <c r="O11826" s="18"/>
      <c r="P11826" s="19">
        <v>165</v>
      </c>
      <c r="Q11826" s="19"/>
      <c r="R11826" s="19"/>
      <c r="S11826" s="19"/>
      <c r="T11826" s="19">
        <v>65</v>
      </c>
      <c r="U11826" s="19"/>
      <c r="V11826" s="19"/>
      <c r="W11826" s="19"/>
      <c r="X11826" s="19">
        <v>1</v>
      </c>
      <c r="Y11826" s="19"/>
      <c r="Z11826" s="19"/>
      <c r="AA11826" s="19"/>
    </row>
    <row r="11827" spans="1:27" s="1" customFormat="1" ht="14.1" customHeight="1" outlineLevel="3" x14ac:dyDescent="0.2">
      <c r="A11827" s="17"/>
      <c r="B11827" s="17"/>
      <c r="C11827" s="17"/>
      <c r="D11827" s="18"/>
      <c r="E11827" s="18"/>
      <c r="F11827" s="18"/>
      <c r="G11827" s="18"/>
      <c r="H11827" s="18"/>
      <c r="I11827" s="18"/>
      <c r="J11827" s="18"/>
      <c r="K11827" s="18"/>
      <c r="L11827" s="18"/>
      <c r="M11827" s="18"/>
      <c r="N11827" s="18"/>
      <c r="O11827" s="18"/>
      <c r="P11827" s="19"/>
      <c r="Q11827" s="19"/>
      <c r="R11827" s="19"/>
      <c r="S11827" s="19"/>
      <c r="T11827" s="19"/>
      <c r="U11827" s="19"/>
      <c r="V11827" s="19"/>
      <c r="W11827" s="19"/>
      <c r="X11827" s="19"/>
      <c r="Y11827" s="19"/>
      <c r="Z11827" s="19"/>
      <c r="AA11827" s="19"/>
    </row>
    <row r="11828" spans="1:27" s="1" customFormat="1" ht="11.1" customHeight="1" outlineLevel="3" x14ac:dyDescent="0.2">
      <c r="A11828" s="17">
        <v>8133</v>
      </c>
      <c r="B11828" s="17"/>
      <c r="C11828" s="17"/>
      <c r="D11828" s="18" t="s">
        <v>5871</v>
      </c>
      <c r="E11828" s="18"/>
      <c r="F11828" s="18"/>
      <c r="G11828" s="18"/>
      <c r="H11828" s="18"/>
      <c r="I11828" s="18"/>
      <c r="J11828" s="18"/>
      <c r="K11828" s="18"/>
      <c r="L11828" s="18"/>
      <c r="M11828" s="18"/>
      <c r="N11828" s="18"/>
      <c r="O11828" s="18"/>
      <c r="P11828" s="19">
        <v>200</v>
      </c>
      <c r="Q11828" s="19"/>
      <c r="R11828" s="19"/>
      <c r="S11828" s="19"/>
      <c r="T11828" s="19">
        <v>80</v>
      </c>
      <c r="U11828" s="19"/>
      <c r="V11828" s="19"/>
      <c r="W11828" s="19"/>
      <c r="X11828" s="19">
        <v>1</v>
      </c>
      <c r="Y11828" s="19"/>
      <c r="Z11828" s="19"/>
      <c r="AA11828" s="19"/>
    </row>
    <row r="11829" spans="1:27" s="1" customFormat="1" ht="11.1" customHeight="1" outlineLevel="3" x14ac:dyDescent="0.2">
      <c r="A11829" s="17"/>
      <c r="B11829" s="17"/>
      <c r="C11829" s="17"/>
      <c r="D11829" s="18"/>
      <c r="E11829" s="18"/>
      <c r="F11829" s="18"/>
      <c r="G11829" s="18"/>
      <c r="H11829" s="18"/>
      <c r="I11829" s="18"/>
      <c r="J11829" s="18"/>
      <c r="K11829" s="18"/>
      <c r="L11829" s="18"/>
      <c r="M11829" s="18"/>
      <c r="N11829" s="18"/>
      <c r="O11829" s="18"/>
      <c r="P11829" s="19"/>
      <c r="Q11829" s="19"/>
      <c r="R11829" s="19"/>
      <c r="S11829" s="19"/>
      <c r="T11829" s="19"/>
      <c r="U11829" s="19"/>
      <c r="V11829" s="19"/>
      <c r="W11829" s="19"/>
      <c r="X11829" s="19"/>
      <c r="Y11829" s="19"/>
      <c r="Z11829" s="19"/>
      <c r="AA11829" s="19"/>
    </row>
    <row r="11830" spans="1:27" s="1" customFormat="1" ht="11.1" customHeight="1" outlineLevel="3" x14ac:dyDescent="0.2">
      <c r="A11830" s="17">
        <v>8078</v>
      </c>
      <c r="B11830" s="17"/>
      <c r="C11830" s="17"/>
      <c r="D11830" s="18" t="s">
        <v>5872</v>
      </c>
      <c r="E11830" s="18"/>
      <c r="F11830" s="18"/>
      <c r="G11830" s="18"/>
      <c r="H11830" s="18"/>
      <c r="I11830" s="18"/>
      <c r="J11830" s="18"/>
      <c r="K11830" s="18"/>
      <c r="L11830" s="18"/>
      <c r="M11830" s="18"/>
      <c r="N11830" s="18"/>
      <c r="O11830" s="18"/>
      <c r="P11830" s="19">
        <v>180</v>
      </c>
      <c r="Q11830" s="19"/>
      <c r="R11830" s="19"/>
      <c r="S11830" s="19"/>
      <c r="T11830" s="19">
        <v>80</v>
      </c>
      <c r="U11830" s="19"/>
      <c r="V11830" s="19"/>
      <c r="W11830" s="19"/>
      <c r="X11830" s="19">
        <v>1</v>
      </c>
      <c r="Y11830" s="19"/>
      <c r="Z11830" s="19"/>
      <c r="AA11830" s="19"/>
    </row>
    <row r="11831" spans="1:27" s="1" customFormat="1" ht="11.1" customHeight="1" outlineLevel="3" x14ac:dyDescent="0.2">
      <c r="A11831" s="17"/>
      <c r="B11831" s="17"/>
      <c r="C11831" s="17"/>
      <c r="D11831" s="18"/>
      <c r="E11831" s="18"/>
      <c r="F11831" s="18"/>
      <c r="G11831" s="18"/>
      <c r="H11831" s="18"/>
      <c r="I11831" s="18"/>
      <c r="J11831" s="18"/>
      <c r="K11831" s="18"/>
      <c r="L11831" s="18"/>
      <c r="M11831" s="18"/>
      <c r="N11831" s="18"/>
      <c r="O11831" s="18"/>
      <c r="P11831" s="19"/>
      <c r="Q11831" s="19"/>
      <c r="R11831" s="19"/>
      <c r="S11831" s="19"/>
      <c r="T11831" s="19"/>
      <c r="U11831" s="19"/>
      <c r="V11831" s="19"/>
      <c r="W11831" s="19"/>
      <c r="X11831" s="19"/>
      <c r="Y11831" s="19"/>
      <c r="Z11831" s="19"/>
      <c r="AA11831" s="19"/>
    </row>
    <row r="11832" spans="1:27" s="1" customFormat="1" ht="11.1" customHeight="1" outlineLevel="3" x14ac:dyDescent="0.2">
      <c r="A11832" s="17">
        <v>8079</v>
      </c>
      <c r="B11832" s="17"/>
      <c r="C11832" s="17"/>
      <c r="D11832" s="18" t="s">
        <v>5873</v>
      </c>
      <c r="E11832" s="18"/>
      <c r="F11832" s="18"/>
      <c r="G11832" s="18"/>
      <c r="H11832" s="18"/>
      <c r="I11832" s="18"/>
      <c r="J11832" s="18"/>
      <c r="K11832" s="18"/>
      <c r="L11832" s="18"/>
      <c r="M11832" s="18"/>
      <c r="N11832" s="18"/>
      <c r="O11832" s="18"/>
      <c r="P11832" s="19">
        <v>180</v>
      </c>
      <c r="Q11832" s="19"/>
      <c r="R11832" s="19"/>
      <c r="S11832" s="19"/>
      <c r="T11832" s="19">
        <v>80</v>
      </c>
      <c r="U11832" s="19"/>
      <c r="V11832" s="19"/>
      <c r="W11832" s="19"/>
      <c r="X11832" s="19">
        <v>1</v>
      </c>
      <c r="Y11832" s="19"/>
      <c r="Z11832" s="19"/>
      <c r="AA11832" s="19"/>
    </row>
    <row r="11833" spans="1:27" s="1" customFormat="1" ht="11.1" customHeight="1" outlineLevel="3" x14ac:dyDescent="0.2">
      <c r="A11833" s="17"/>
      <c r="B11833" s="17"/>
      <c r="C11833" s="17"/>
      <c r="D11833" s="18"/>
      <c r="E11833" s="18"/>
      <c r="F11833" s="18"/>
      <c r="G11833" s="18"/>
      <c r="H11833" s="18"/>
      <c r="I11833" s="18"/>
      <c r="J11833" s="18"/>
      <c r="K11833" s="18"/>
      <c r="L11833" s="18"/>
      <c r="M11833" s="18"/>
      <c r="N11833" s="18"/>
      <c r="O11833" s="18"/>
      <c r="P11833" s="19"/>
      <c r="Q11833" s="19"/>
      <c r="R11833" s="19"/>
      <c r="S11833" s="19"/>
      <c r="T11833" s="19"/>
      <c r="U11833" s="19"/>
      <c r="V11833" s="19"/>
      <c r="W11833" s="19"/>
      <c r="X11833" s="19"/>
      <c r="Y11833" s="19"/>
      <c r="Z11833" s="19"/>
      <c r="AA11833" s="19"/>
    </row>
    <row r="11834" spans="1:27" s="1" customFormat="1" ht="11.1" customHeight="1" outlineLevel="3" x14ac:dyDescent="0.2">
      <c r="A11834" s="17">
        <v>8073</v>
      </c>
      <c r="B11834" s="17"/>
      <c r="C11834" s="17"/>
      <c r="D11834" s="18" t="s">
        <v>5874</v>
      </c>
      <c r="E11834" s="18"/>
      <c r="F11834" s="18"/>
      <c r="G11834" s="18"/>
      <c r="H11834" s="18"/>
      <c r="I11834" s="18"/>
      <c r="J11834" s="18"/>
      <c r="K11834" s="18"/>
      <c r="L11834" s="18"/>
      <c r="M11834" s="18"/>
      <c r="N11834" s="18"/>
      <c r="O11834" s="18"/>
      <c r="P11834" s="19">
        <v>180</v>
      </c>
      <c r="Q11834" s="19"/>
      <c r="R11834" s="19"/>
      <c r="S11834" s="19"/>
      <c r="T11834" s="19">
        <v>80</v>
      </c>
      <c r="U11834" s="19"/>
      <c r="V11834" s="19"/>
      <c r="W11834" s="19"/>
      <c r="X11834" s="19">
        <v>1</v>
      </c>
      <c r="Y11834" s="19"/>
      <c r="Z11834" s="19"/>
      <c r="AA11834" s="19"/>
    </row>
    <row r="11835" spans="1:27" s="1" customFormat="1" ht="11.1" customHeight="1" outlineLevel="3" x14ac:dyDescent="0.2">
      <c r="A11835" s="17"/>
      <c r="B11835" s="17"/>
      <c r="C11835" s="17"/>
      <c r="D11835" s="18"/>
      <c r="E11835" s="18"/>
      <c r="F11835" s="18"/>
      <c r="G11835" s="18"/>
      <c r="H11835" s="18"/>
      <c r="I11835" s="18"/>
      <c r="J11835" s="18"/>
      <c r="K11835" s="18"/>
      <c r="L11835" s="18"/>
      <c r="M11835" s="18"/>
      <c r="N11835" s="18"/>
      <c r="O11835" s="18"/>
      <c r="P11835" s="19"/>
      <c r="Q11835" s="19"/>
      <c r="R11835" s="19"/>
      <c r="S11835" s="19"/>
      <c r="T11835" s="19"/>
      <c r="U11835" s="19"/>
      <c r="V11835" s="19"/>
      <c r="W11835" s="19"/>
      <c r="X11835" s="19"/>
      <c r="Y11835" s="19"/>
      <c r="Z11835" s="19"/>
      <c r="AA11835" s="19"/>
    </row>
    <row r="11836" spans="1:27" s="1" customFormat="1" ht="11.1" customHeight="1" outlineLevel="3" x14ac:dyDescent="0.2">
      <c r="A11836" s="17">
        <v>8074</v>
      </c>
      <c r="B11836" s="17"/>
      <c r="C11836" s="17"/>
      <c r="D11836" s="18" t="s">
        <v>5875</v>
      </c>
      <c r="E11836" s="18"/>
      <c r="F11836" s="18"/>
      <c r="G11836" s="18"/>
      <c r="H11836" s="18"/>
      <c r="I11836" s="18"/>
      <c r="J11836" s="18"/>
      <c r="K11836" s="18"/>
      <c r="L11836" s="18"/>
      <c r="M11836" s="18"/>
      <c r="N11836" s="18"/>
      <c r="O11836" s="18"/>
      <c r="P11836" s="19">
        <v>180</v>
      </c>
      <c r="Q11836" s="19"/>
      <c r="R11836" s="19"/>
      <c r="S11836" s="19"/>
      <c r="T11836" s="19">
        <v>80</v>
      </c>
      <c r="U11836" s="19"/>
      <c r="V11836" s="19"/>
      <c r="W11836" s="19"/>
      <c r="X11836" s="19">
        <v>1</v>
      </c>
      <c r="Y11836" s="19"/>
      <c r="Z11836" s="19"/>
      <c r="AA11836" s="19"/>
    </row>
    <row r="11837" spans="1:27" s="1" customFormat="1" ht="11.1" customHeight="1" outlineLevel="3" x14ac:dyDescent="0.2">
      <c r="A11837" s="17"/>
      <c r="B11837" s="17"/>
      <c r="C11837" s="17"/>
      <c r="D11837" s="18"/>
      <c r="E11837" s="18"/>
      <c r="F11837" s="18"/>
      <c r="G11837" s="18"/>
      <c r="H11837" s="18"/>
      <c r="I11837" s="18"/>
      <c r="J11837" s="18"/>
      <c r="K11837" s="18"/>
      <c r="L11837" s="18"/>
      <c r="M11837" s="18"/>
      <c r="N11837" s="18"/>
      <c r="O11837" s="18"/>
      <c r="P11837" s="19"/>
      <c r="Q11837" s="19"/>
      <c r="R11837" s="19"/>
      <c r="S11837" s="19"/>
      <c r="T11837" s="19"/>
      <c r="U11837" s="19"/>
      <c r="V11837" s="19"/>
      <c r="W11837" s="19"/>
      <c r="X11837" s="19"/>
      <c r="Y11837" s="19"/>
      <c r="Z11837" s="19"/>
      <c r="AA11837" s="19"/>
    </row>
    <row r="11838" spans="1:27" s="1" customFormat="1" ht="11.1" customHeight="1" outlineLevel="3" x14ac:dyDescent="0.2">
      <c r="A11838" s="17">
        <v>8075</v>
      </c>
      <c r="B11838" s="17"/>
      <c r="C11838" s="17"/>
      <c r="D11838" s="18" t="s">
        <v>5876</v>
      </c>
      <c r="E11838" s="18"/>
      <c r="F11838" s="18"/>
      <c r="G11838" s="18"/>
      <c r="H11838" s="18"/>
      <c r="I11838" s="18"/>
      <c r="J11838" s="18"/>
      <c r="K11838" s="18"/>
      <c r="L11838" s="18"/>
      <c r="M11838" s="18"/>
      <c r="N11838" s="18"/>
      <c r="O11838" s="18"/>
      <c r="P11838" s="19">
        <v>180</v>
      </c>
      <c r="Q11838" s="19"/>
      <c r="R11838" s="19"/>
      <c r="S11838" s="19"/>
      <c r="T11838" s="19">
        <v>80</v>
      </c>
      <c r="U11838" s="19"/>
      <c r="V11838" s="19"/>
      <c r="W11838" s="19"/>
      <c r="X11838" s="19">
        <v>1</v>
      </c>
      <c r="Y11838" s="19"/>
      <c r="Z11838" s="19"/>
      <c r="AA11838" s="19"/>
    </row>
    <row r="11839" spans="1:27" s="1" customFormat="1" ht="11.1" customHeight="1" outlineLevel="3" x14ac:dyDescent="0.2">
      <c r="A11839" s="17"/>
      <c r="B11839" s="17"/>
      <c r="C11839" s="17"/>
      <c r="D11839" s="18"/>
      <c r="E11839" s="18"/>
      <c r="F11839" s="18"/>
      <c r="G11839" s="18"/>
      <c r="H11839" s="18"/>
      <c r="I11839" s="18"/>
      <c r="J11839" s="18"/>
      <c r="K11839" s="18"/>
      <c r="L11839" s="18"/>
      <c r="M11839" s="18"/>
      <c r="N11839" s="18"/>
      <c r="O11839" s="18"/>
      <c r="P11839" s="19"/>
      <c r="Q11839" s="19"/>
      <c r="R11839" s="19"/>
      <c r="S11839" s="19"/>
      <c r="T11839" s="19"/>
      <c r="U11839" s="19"/>
      <c r="V11839" s="19"/>
      <c r="W11839" s="19"/>
      <c r="X11839" s="19"/>
      <c r="Y11839" s="19"/>
      <c r="Z11839" s="19"/>
      <c r="AA11839" s="19"/>
    </row>
    <row r="11840" spans="1:27" s="1" customFormat="1" ht="11.1" customHeight="1" outlineLevel="3" x14ac:dyDescent="0.2">
      <c r="A11840" s="17">
        <v>8077</v>
      </c>
      <c r="B11840" s="17"/>
      <c r="C11840" s="17"/>
      <c r="D11840" s="18" t="s">
        <v>5877</v>
      </c>
      <c r="E11840" s="18"/>
      <c r="F11840" s="18"/>
      <c r="G11840" s="18"/>
      <c r="H11840" s="18"/>
      <c r="I11840" s="18"/>
      <c r="J11840" s="18"/>
      <c r="K11840" s="18"/>
      <c r="L11840" s="18"/>
      <c r="M11840" s="18"/>
      <c r="N11840" s="18"/>
      <c r="O11840" s="18"/>
      <c r="P11840" s="19">
        <v>180</v>
      </c>
      <c r="Q11840" s="19"/>
      <c r="R11840" s="19"/>
      <c r="S11840" s="19"/>
      <c r="T11840" s="19">
        <v>80</v>
      </c>
      <c r="U11840" s="19"/>
      <c r="V11840" s="19"/>
      <c r="W11840" s="19"/>
      <c r="X11840" s="19">
        <v>1</v>
      </c>
      <c r="Y11840" s="19"/>
      <c r="Z11840" s="19"/>
      <c r="AA11840" s="19"/>
    </row>
    <row r="11841" spans="1:27" s="1" customFormat="1" ht="11.1" customHeight="1" outlineLevel="3" x14ac:dyDescent="0.2">
      <c r="A11841" s="17"/>
      <c r="B11841" s="17"/>
      <c r="C11841" s="17"/>
      <c r="D11841" s="18"/>
      <c r="E11841" s="18"/>
      <c r="F11841" s="18"/>
      <c r="G11841" s="18"/>
      <c r="H11841" s="18"/>
      <c r="I11841" s="18"/>
      <c r="J11841" s="18"/>
      <c r="K11841" s="18"/>
      <c r="L11841" s="18"/>
      <c r="M11841" s="18"/>
      <c r="N11841" s="18"/>
      <c r="O11841" s="18"/>
      <c r="P11841" s="19"/>
      <c r="Q11841" s="19"/>
      <c r="R11841" s="19"/>
      <c r="S11841" s="19"/>
      <c r="T11841" s="19"/>
      <c r="U11841" s="19"/>
      <c r="V11841" s="19"/>
      <c r="W11841" s="19"/>
      <c r="X11841" s="19"/>
      <c r="Y11841" s="19"/>
      <c r="Z11841" s="19"/>
      <c r="AA11841" s="19"/>
    </row>
    <row r="11842" spans="1:27" s="1" customFormat="1" ht="11.1" customHeight="1" outlineLevel="3" x14ac:dyDescent="0.2">
      <c r="A11842" s="17">
        <v>8076</v>
      </c>
      <c r="B11842" s="17"/>
      <c r="C11842" s="17"/>
      <c r="D11842" s="18" t="s">
        <v>5878</v>
      </c>
      <c r="E11842" s="18"/>
      <c r="F11842" s="18"/>
      <c r="G11842" s="18"/>
      <c r="H11842" s="18"/>
      <c r="I11842" s="18"/>
      <c r="J11842" s="18"/>
      <c r="K11842" s="18"/>
      <c r="L11842" s="18"/>
      <c r="M11842" s="18"/>
      <c r="N11842" s="18"/>
      <c r="O11842" s="18"/>
      <c r="P11842" s="19">
        <v>180</v>
      </c>
      <c r="Q11842" s="19"/>
      <c r="R11842" s="19"/>
      <c r="S11842" s="19"/>
      <c r="T11842" s="19">
        <v>80</v>
      </c>
      <c r="U11842" s="19"/>
      <c r="V11842" s="19"/>
      <c r="W11842" s="19"/>
      <c r="X11842" s="19">
        <v>1</v>
      </c>
      <c r="Y11842" s="19"/>
      <c r="Z11842" s="19"/>
      <c r="AA11842" s="19"/>
    </row>
    <row r="11843" spans="1:27" s="1" customFormat="1" ht="11.1" customHeight="1" outlineLevel="3" x14ac:dyDescent="0.2">
      <c r="A11843" s="17"/>
      <c r="B11843" s="17"/>
      <c r="C11843" s="17"/>
      <c r="D11843" s="18"/>
      <c r="E11843" s="18"/>
      <c r="F11843" s="18"/>
      <c r="G11843" s="18"/>
      <c r="H11843" s="18"/>
      <c r="I11843" s="18"/>
      <c r="J11843" s="18"/>
      <c r="K11843" s="18"/>
      <c r="L11843" s="18"/>
      <c r="M11843" s="18"/>
      <c r="N11843" s="18"/>
      <c r="O11843" s="18"/>
      <c r="P11843" s="19"/>
      <c r="Q11843" s="19"/>
      <c r="R11843" s="19"/>
      <c r="S11843" s="19"/>
      <c r="T11843" s="19"/>
      <c r="U11843" s="19"/>
      <c r="V11843" s="19"/>
      <c r="W11843" s="19"/>
      <c r="X11843" s="19"/>
      <c r="Y11843" s="19"/>
      <c r="Z11843" s="19"/>
      <c r="AA11843" s="19"/>
    </row>
    <row r="11844" spans="1:27" s="1" customFormat="1" ht="11.1" customHeight="1" outlineLevel="3" x14ac:dyDescent="0.2">
      <c r="A11844" s="17">
        <v>8093</v>
      </c>
      <c r="B11844" s="17"/>
      <c r="C11844" s="17"/>
      <c r="D11844" s="18" t="s">
        <v>5879</v>
      </c>
      <c r="E11844" s="18"/>
      <c r="F11844" s="18"/>
      <c r="G11844" s="18"/>
      <c r="H11844" s="18"/>
      <c r="I11844" s="18"/>
      <c r="J11844" s="18"/>
      <c r="K11844" s="18"/>
      <c r="L11844" s="18"/>
      <c r="M11844" s="18"/>
      <c r="N11844" s="18"/>
      <c r="O11844" s="18"/>
      <c r="P11844" s="19">
        <v>180</v>
      </c>
      <c r="Q11844" s="19"/>
      <c r="R11844" s="19"/>
      <c r="S11844" s="19"/>
      <c r="T11844" s="19">
        <v>80</v>
      </c>
      <c r="U11844" s="19"/>
      <c r="V11844" s="19"/>
      <c r="W11844" s="19"/>
      <c r="X11844" s="19">
        <v>1</v>
      </c>
      <c r="Y11844" s="19"/>
      <c r="Z11844" s="19"/>
      <c r="AA11844" s="19"/>
    </row>
    <row r="11845" spans="1:27" s="1" customFormat="1" ht="11.1" customHeight="1" outlineLevel="3" x14ac:dyDescent="0.2">
      <c r="A11845" s="17"/>
      <c r="B11845" s="17"/>
      <c r="C11845" s="17"/>
      <c r="D11845" s="18"/>
      <c r="E11845" s="18"/>
      <c r="F11845" s="18"/>
      <c r="G11845" s="18"/>
      <c r="H11845" s="18"/>
      <c r="I11845" s="18"/>
      <c r="J11845" s="18"/>
      <c r="K11845" s="18"/>
      <c r="L11845" s="18"/>
      <c r="M11845" s="18"/>
      <c r="N11845" s="18"/>
      <c r="O11845" s="18"/>
      <c r="P11845" s="19"/>
      <c r="Q11845" s="19"/>
      <c r="R11845" s="19"/>
      <c r="S11845" s="19"/>
      <c r="T11845" s="19"/>
      <c r="U11845" s="19"/>
      <c r="V11845" s="19"/>
      <c r="W11845" s="19"/>
      <c r="X11845" s="19"/>
      <c r="Y11845" s="19"/>
      <c r="Z11845" s="19"/>
      <c r="AA11845" s="19"/>
    </row>
    <row r="11846" spans="1:27" s="1" customFormat="1" ht="11.1" customHeight="1" outlineLevel="3" x14ac:dyDescent="0.2">
      <c r="A11846" s="17">
        <v>8094</v>
      </c>
      <c r="B11846" s="17"/>
      <c r="C11846" s="17"/>
      <c r="D11846" s="18" t="s">
        <v>5880</v>
      </c>
      <c r="E11846" s="18"/>
      <c r="F11846" s="18"/>
      <c r="G11846" s="18"/>
      <c r="H11846" s="18"/>
      <c r="I11846" s="18"/>
      <c r="J11846" s="18"/>
      <c r="K11846" s="18"/>
      <c r="L11846" s="18"/>
      <c r="M11846" s="18"/>
      <c r="N11846" s="18"/>
      <c r="O11846" s="18"/>
      <c r="P11846" s="19">
        <v>180</v>
      </c>
      <c r="Q11846" s="19"/>
      <c r="R11846" s="19"/>
      <c r="S11846" s="19"/>
      <c r="T11846" s="19">
        <v>80</v>
      </c>
      <c r="U11846" s="19"/>
      <c r="V11846" s="19"/>
      <c r="W11846" s="19"/>
      <c r="X11846" s="19">
        <v>1</v>
      </c>
      <c r="Y11846" s="19"/>
      <c r="Z11846" s="19"/>
      <c r="AA11846" s="19"/>
    </row>
    <row r="11847" spans="1:27" s="1" customFormat="1" ht="11.1" customHeight="1" outlineLevel="3" x14ac:dyDescent="0.2">
      <c r="A11847" s="17"/>
      <c r="B11847" s="17"/>
      <c r="C11847" s="17"/>
      <c r="D11847" s="18"/>
      <c r="E11847" s="18"/>
      <c r="F11847" s="18"/>
      <c r="G11847" s="18"/>
      <c r="H11847" s="18"/>
      <c r="I11847" s="18"/>
      <c r="J11847" s="18"/>
      <c r="K11847" s="18"/>
      <c r="L11847" s="18"/>
      <c r="M11847" s="18"/>
      <c r="N11847" s="18"/>
      <c r="O11847" s="18"/>
      <c r="P11847" s="19"/>
      <c r="Q11847" s="19"/>
      <c r="R11847" s="19"/>
      <c r="S11847" s="19"/>
      <c r="T11847" s="19"/>
      <c r="U11847" s="19"/>
      <c r="V11847" s="19"/>
      <c r="W11847" s="19"/>
      <c r="X11847" s="19"/>
      <c r="Y11847" s="19"/>
      <c r="Z11847" s="19"/>
      <c r="AA11847" s="19"/>
    </row>
    <row r="11848" spans="1:27" s="1" customFormat="1" ht="11.1" customHeight="1" outlineLevel="3" x14ac:dyDescent="0.2">
      <c r="A11848" s="17">
        <v>8095</v>
      </c>
      <c r="B11848" s="17"/>
      <c r="C11848" s="17"/>
      <c r="D11848" s="18" t="s">
        <v>5881</v>
      </c>
      <c r="E11848" s="18"/>
      <c r="F11848" s="18"/>
      <c r="G11848" s="18"/>
      <c r="H11848" s="18"/>
      <c r="I11848" s="18"/>
      <c r="J11848" s="18"/>
      <c r="K11848" s="18"/>
      <c r="L11848" s="18"/>
      <c r="M11848" s="18"/>
      <c r="N11848" s="18"/>
      <c r="O11848" s="18"/>
      <c r="P11848" s="19">
        <v>180</v>
      </c>
      <c r="Q11848" s="19"/>
      <c r="R11848" s="19"/>
      <c r="S11848" s="19"/>
      <c r="T11848" s="19">
        <v>80</v>
      </c>
      <c r="U11848" s="19"/>
      <c r="V11848" s="19"/>
      <c r="W11848" s="19"/>
      <c r="X11848" s="19">
        <v>1</v>
      </c>
      <c r="Y11848" s="19"/>
      <c r="Z11848" s="19"/>
      <c r="AA11848" s="19"/>
    </row>
    <row r="11849" spans="1:27" s="1" customFormat="1" ht="11.1" customHeight="1" outlineLevel="3" x14ac:dyDescent="0.2">
      <c r="A11849" s="17"/>
      <c r="B11849" s="17"/>
      <c r="C11849" s="17"/>
      <c r="D11849" s="18"/>
      <c r="E11849" s="18"/>
      <c r="F11849" s="18"/>
      <c r="G11849" s="18"/>
      <c r="H11849" s="18"/>
      <c r="I11849" s="18"/>
      <c r="J11849" s="18"/>
      <c r="K11849" s="18"/>
      <c r="L11849" s="18"/>
      <c r="M11849" s="18"/>
      <c r="N11849" s="18"/>
      <c r="O11849" s="18"/>
      <c r="P11849" s="19"/>
      <c r="Q11849" s="19"/>
      <c r="R11849" s="19"/>
      <c r="S11849" s="19"/>
      <c r="T11849" s="19"/>
      <c r="U11849" s="19"/>
      <c r="V11849" s="19"/>
      <c r="W11849" s="19"/>
      <c r="X11849" s="19"/>
      <c r="Y11849" s="19"/>
      <c r="Z11849" s="19"/>
      <c r="AA11849" s="19"/>
    </row>
    <row r="11850" spans="1:27" s="1" customFormat="1" ht="14.1" customHeight="1" outlineLevel="3" x14ac:dyDescent="0.2">
      <c r="A11850" s="17">
        <v>8097</v>
      </c>
      <c r="B11850" s="17"/>
      <c r="C11850" s="17"/>
      <c r="D11850" s="18" t="s">
        <v>5882</v>
      </c>
      <c r="E11850" s="18"/>
      <c r="F11850" s="18"/>
      <c r="G11850" s="18"/>
      <c r="H11850" s="18"/>
      <c r="I11850" s="18"/>
      <c r="J11850" s="18"/>
      <c r="K11850" s="18"/>
      <c r="L11850" s="18"/>
      <c r="M11850" s="18"/>
      <c r="N11850" s="18"/>
      <c r="O11850" s="18"/>
      <c r="P11850" s="19">
        <v>180</v>
      </c>
      <c r="Q11850" s="19"/>
      <c r="R11850" s="19"/>
      <c r="S11850" s="19"/>
      <c r="T11850" s="19">
        <v>80</v>
      </c>
      <c r="U11850" s="19"/>
      <c r="V11850" s="19"/>
      <c r="W11850" s="19"/>
      <c r="X11850" s="19">
        <v>1</v>
      </c>
      <c r="Y11850" s="19"/>
      <c r="Z11850" s="19"/>
      <c r="AA11850" s="19"/>
    </row>
    <row r="11851" spans="1:27" s="1" customFormat="1" ht="14.1" customHeight="1" outlineLevel="3" x14ac:dyDescent="0.2">
      <c r="A11851" s="17"/>
      <c r="B11851" s="17"/>
      <c r="C11851" s="17"/>
      <c r="D11851" s="18"/>
      <c r="E11851" s="18"/>
      <c r="F11851" s="18"/>
      <c r="G11851" s="18"/>
      <c r="H11851" s="18"/>
      <c r="I11851" s="18"/>
      <c r="J11851" s="18"/>
      <c r="K11851" s="18"/>
      <c r="L11851" s="18"/>
      <c r="M11851" s="18"/>
      <c r="N11851" s="18"/>
      <c r="O11851" s="18"/>
      <c r="P11851" s="19"/>
      <c r="Q11851" s="19"/>
      <c r="R11851" s="19"/>
      <c r="S11851" s="19"/>
      <c r="T11851" s="19"/>
      <c r="U11851" s="19"/>
      <c r="V11851" s="19"/>
      <c r="W11851" s="19"/>
      <c r="X11851" s="19"/>
      <c r="Y11851" s="19"/>
      <c r="Z11851" s="19"/>
      <c r="AA11851" s="19"/>
    </row>
    <row r="11852" spans="1:27" s="1" customFormat="1" ht="11.1" customHeight="1" outlineLevel="3" x14ac:dyDescent="0.2">
      <c r="A11852" s="17">
        <v>8096</v>
      </c>
      <c r="B11852" s="17"/>
      <c r="C11852" s="17"/>
      <c r="D11852" s="18" t="s">
        <v>5883</v>
      </c>
      <c r="E11852" s="18"/>
      <c r="F11852" s="18"/>
      <c r="G11852" s="18"/>
      <c r="H11852" s="18"/>
      <c r="I11852" s="18"/>
      <c r="J11852" s="18"/>
      <c r="K11852" s="18"/>
      <c r="L11852" s="18"/>
      <c r="M11852" s="18"/>
      <c r="N11852" s="18"/>
      <c r="O11852" s="18"/>
      <c r="P11852" s="19">
        <v>180</v>
      </c>
      <c r="Q11852" s="19"/>
      <c r="R11852" s="19"/>
      <c r="S11852" s="19"/>
      <c r="T11852" s="19">
        <v>80</v>
      </c>
      <c r="U11852" s="19"/>
      <c r="V11852" s="19"/>
      <c r="W11852" s="19"/>
      <c r="X11852" s="19">
        <v>1</v>
      </c>
      <c r="Y11852" s="19"/>
      <c r="Z11852" s="19"/>
      <c r="AA11852" s="19"/>
    </row>
    <row r="11853" spans="1:27" s="1" customFormat="1" ht="11.1" customHeight="1" outlineLevel="3" x14ac:dyDescent="0.2">
      <c r="A11853" s="17"/>
      <c r="B11853" s="17"/>
      <c r="C11853" s="17"/>
      <c r="D11853" s="18"/>
      <c r="E11853" s="18"/>
      <c r="F11853" s="18"/>
      <c r="G11853" s="18"/>
      <c r="H11853" s="18"/>
      <c r="I11853" s="18"/>
      <c r="J11853" s="18"/>
      <c r="K11853" s="18"/>
      <c r="L11853" s="18"/>
      <c r="M11853" s="18"/>
      <c r="N11853" s="18"/>
      <c r="O11853" s="18"/>
      <c r="P11853" s="19"/>
      <c r="Q11853" s="19"/>
      <c r="R11853" s="19"/>
      <c r="S11853" s="19"/>
      <c r="T11853" s="19"/>
      <c r="U11853" s="19"/>
      <c r="V11853" s="19"/>
      <c r="W11853" s="19"/>
      <c r="X11853" s="19"/>
      <c r="Y11853" s="19"/>
      <c r="Z11853" s="19"/>
      <c r="AA11853" s="19"/>
    </row>
    <row r="11854" spans="1:27" s="1" customFormat="1" ht="14.1" customHeight="1" outlineLevel="3" x14ac:dyDescent="0.2">
      <c r="A11854" s="17">
        <v>8104</v>
      </c>
      <c r="B11854" s="17"/>
      <c r="C11854" s="17"/>
      <c r="D11854" s="18" t="s">
        <v>5884</v>
      </c>
      <c r="E11854" s="18"/>
      <c r="F11854" s="18"/>
      <c r="G11854" s="18"/>
      <c r="H11854" s="18"/>
      <c r="I11854" s="18"/>
      <c r="J11854" s="18"/>
      <c r="K11854" s="18"/>
      <c r="L11854" s="18"/>
      <c r="M11854" s="18"/>
      <c r="N11854" s="18"/>
      <c r="O11854" s="18"/>
      <c r="P11854" s="19">
        <v>180</v>
      </c>
      <c r="Q11854" s="19"/>
      <c r="R11854" s="19"/>
      <c r="S11854" s="19"/>
      <c r="T11854" s="19">
        <v>80</v>
      </c>
      <c r="U11854" s="19"/>
      <c r="V11854" s="19"/>
      <c r="W11854" s="19"/>
      <c r="X11854" s="19">
        <v>1</v>
      </c>
      <c r="Y11854" s="19"/>
      <c r="Z11854" s="19"/>
      <c r="AA11854" s="19"/>
    </row>
    <row r="11855" spans="1:27" s="1" customFormat="1" ht="14.1" customHeight="1" outlineLevel="3" x14ac:dyDescent="0.2">
      <c r="A11855" s="17"/>
      <c r="B11855" s="17"/>
      <c r="C11855" s="17"/>
      <c r="D11855" s="18"/>
      <c r="E11855" s="18"/>
      <c r="F11855" s="18"/>
      <c r="G11855" s="18"/>
      <c r="H11855" s="18"/>
      <c r="I11855" s="18"/>
      <c r="J11855" s="18"/>
      <c r="K11855" s="18"/>
      <c r="L11855" s="18"/>
      <c r="M11855" s="18"/>
      <c r="N11855" s="18"/>
      <c r="O11855" s="18"/>
      <c r="P11855" s="19"/>
      <c r="Q11855" s="19"/>
      <c r="R11855" s="19"/>
      <c r="S11855" s="19"/>
      <c r="T11855" s="19"/>
      <c r="U11855" s="19"/>
      <c r="V11855" s="19"/>
      <c r="W11855" s="19"/>
      <c r="X11855" s="19"/>
      <c r="Y11855" s="19"/>
      <c r="Z11855" s="19"/>
      <c r="AA11855" s="19"/>
    </row>
    <row r="11856" spans="1:27" s="1" customFormat="1" ht="14.1" customHeight="1" outlineLevel="3" x14ac:dyDescent="0.2">
      <c r="A11856" s="17">
        <v>8101</v>
      </c>
      <c r="B11856" s="17"/>
      <c r="C11856" s="17"/>
      <c r="D11856" s="18" t="s">
        <v>5885</v>
      </c>
      <c r="E11856" s="18"/>
      <c r="F11856" s="18"/>
      <c r="G11856" s="18"/>
      <c r="H11856" s="18"/>
      <c r="I11856" s="18"/>
      <c r="J11856" s="18"/>
      <c r="K11856" s="18"/>
      <c r="L11856" s="18"/>
      <c r="M11856" s="18"/>
      <c r="N11856" s="18"/>
      <c r="O11856" s="18"/>
      <c r="P11856" s="19">
        <v>180</v>
      </c>
      <c r="Q11856" s="19"/>
      <c r="R11856" s="19"/>
      <c r="S11856" s="19"/>
      <c r="T11856" s="19">
        <v>80</v>
      </c>
      <c r="U11856" s="19"/>
      <c r="V11856" s="19"/>
      <c r="W11856" s="19"/>
      <c r="X11856" s="19">
        <v>1</v>
      </c>
      <c r="Y11856" s="19"/>
      <c r="Z11856" s="19"/>
      <c r="AA11856" s="19"/>
    </row>
    <row r="11857" spans="1:27" s="1" customFormat="1" ht="14.1" customHeight="1" outlineLevel="3" x14ac:dyDescent="0.2">
      <c r="A11857" s="17"/>
      <c r="B11857" s="17"/>
      <c r="C11857" s="17"/>
      <c r="D11857" s="18"/>
      <c r="E11857" s="18"/>
      <c r="F11857" s="18"/>
      <c r="G11857" s="18"/>
      <c r="H11857" s="18"/>
      <c r="I11857" s="18"/>
      <c r="J11857" s="18"/>
      <c r="K11857" s="18"/>
      <c r="L11857" s="18"/>
      <c r="M11857" s="18"/>
      <c r="N11857" s="18"/>
      <c r="O11857" s="18"/>
      <c r="P11857" s="19"/>
      <c r="Q11857" s="19"/>
      <c r="R11857" s="19"/>
      <c r="S11857" s="19"/>
      <c r="T11857" s="19"/>
      <c r="U11857" s="19"/>
      <c r="V11857" s="19"/>
      <c r="W11857" s="19"/>
      <c r="X11857" s="19"/>
      <c r="Y11857" s="19"/>
      <c r="Z11857" s="19"/>
      <c r="AA11857" s="19"/>
    </row>
    <row r="11858" spans="1:27" s="1" customFormat="1" ht="11.1" customHeight="1" outlineLevel="3" x14ac:dyDescent="0.2">
      <c r="A11858" s="17">
        <v>8083</v>
      </c>
      <c r="B11858" s="17"/>
      <c r="C11858" s="17"/>
      <c r="D11858" s="18" t="s">
        <v>5886</v>
      </c>
      <c r="E11858" s="18"/>
      <c r="F11858" s="18"/>
      <c r="G11858" s="18"/>
      <c r="H11858" s="18"/>
      <c r="I11858" s="18"/>
      <c r="J11858" s="18"/>
      <c r="K11858" s="18"/>
      <c r="L11858" s="18"/>
      <c r="M11858" s="18"/>
      <c r="N11858" s="18"/>
      <c r="O11858" s="18"/>
      <c r="P11858" s="19">
        <v>180</v>
      </c>
      <c r="Q11858" s="19"/>
      <c r="R11858" s="19"/>
      <c r="S11858" s="19"/>
      <c r="T11858" s="19">
        <v>80</v>
      </c>
      <c r="U11858" s="19"/>
      <c r="V11858" s="19"/>
      <c r="W11858" s="19"/>
      <c r="X11858" s="19">
        <v>1</v>
      </c>
      <c r="Y11858" s="19"/>
      <c r="Z11858" s="19"/>
      <c r="AA11858" s="19"/>
    </row>
    <row r="11859" spans="1:27" s="1" customFormat="1" ht="11.1" customHeight="1" outlineLevel="3" x14ac:dyDescent="0.2">
      <c r="A11859" s="17"/>
      <c r="B11859" s="17"/>
      <c r="C11859" s="17"/>
      <c r="D11859" s="18"/>
      <c r="E11859" s="18"/>
      <c r="F11859" s="18"/>
      <c r="G11859" s="18"/>
      <c r="H11859" s="18"/>
      <c r="I11859" s="18"/>
      <c r="J11859" s="18"/>
      <c r="K11859" s="18"/>
      <c r="L11859" s="18"/>
      <c r="M11859" s="18"/>
      <c r="N11859" s="18"/>
      <c r="O11859" s="18"/>
      <c r="P11859" s="19"/>
      <c r="Q11859" s="19"/>
      <c r="R11859" s="19"/>
      <c r="S11859" s="19"/>
      <c r="T11859" s="19"/>
      <c r="U11859" s="19"/>
      <c r="V11859" s="19"/>
      <c r="W11859" s="19"/>
      <c r="X11859" s="19"/>
      <c r="Y11859" s="19"/>
      <c r="Z11859" s="19"/>
      <c r="AA11859" s="19"/>
    </row>
    <row r="11860" spans="1:27" s="1" customFormat="1" ht="11.1" customHeight="1" outlineLevel="3" x14ac:dyDescent="0.2">
      <c r="A11860" s="17">
        <v>8084</v>
      </c>
      <c r="B11860" s="17"/>
      <c r="C11860" s="17"/>
      <c r="D11860" s="18" t="s">
        <v>5887</v>
      </c>
      <c r="E11860" s="18"/>
      <c r="F11860" s="18"/>
      <c r="G11860" s="18"/>
      <c r="H11860" s="18"/>
      <c r="I11860" s="18"/>
      <c r="J11860" s="18"/>
      <c r="K11860" s="18"/>
      <c r="L11860" s="18"/>
      <c r="M11860" s="18"/>
      <c r="N11860" s="18"/>
      <c r="O11860" s="18"/>
      <c r="P11860" s="19">
        <v>180</v>
      </c>
      <c r="Q11860" s="19"/>
      <c r="R11860" s="19"/>
      <c r="S11860" s="19"/>
      <c r="T11860" s="19">
        <v>80</v>
      </c>
      <c r="U11860" s="19"/>
      <c r="V11860" s="19"/>
      <c r="W11860" s="19"/>
      <c r="X11860" s="19">
        <v>1</v>
      </c>
      <c r="Y11860" s="19"/>
      <c r="Z11860" s="19"/>
      <c r="AA11860" s="19"/>
    </row>
    <row r="11861" spans="1:27" s="1" customFormat="1" ht="11.1" customHeight="1" outlineLevel="3" x14ac:dyDescent="0.2">
      <c r="A11861" s="17"/>
      <c r="B11861" s="17"/>
      <c r="C11861" s="17"/>
      <c r="D11861" s="18"/>
      <c r="E11861" s="18"/>
      <c r="F11861" s="18"/>
      <c r="G11861" s="18"/>
      <c r="H11861" s="18"/>
      <c r="I11861" s="18"/>
      <c r="J11861" s="18"/>
      <c r="K11861" s="18"/>
      <c r="L11861" s="18"/>
      <c r="M11861" s="18"/>
      <c r="N11861" s="18"/>
      <c r="O11861" s="18"/>
      <c r="P11861" s="19"/>
      <c r="Q11861" s="19"/>
      <c r="R11861" s="19"/>
      <c r="S11861" s="19"/>
      <c r="T11861" s="19"/>
      <c r="U11861" s="19"/>
      <c r="V11861" s="19"/>
      <c r="W11861" s="19"/>
      <c r="X11861" s="19"/>
      <c r="Y11861" s="19"/>
      <c r="Z11861" s="19"/>
      <c r="AA11861" s="19"/>
    </row>
    <row r="11862" spans="1:27" s="1" customFormat="1" ht="11.1" customHeight="1" outlineLevel="3" x14ac:dyDescent="0.2">
      <c r="A11862" s="17">
        <v>8088</v>
      </c>
      <c r="B11862" s="17"/>
      <c r="C11862" s="17"/>
      <c r="D11862" s="18" t="s">
        <v>5888</v>
      </c>
      <c r="E11862" s="18"/>
      <c r="F11862" s="18"/>
      <c r="G11862" s="18"/>
      <c r="H11862" s="18"/>
      <c r="I11862" s="18"/>
      <c r="J11862" s="18"/>
      <c r="K11862" s="18"/>
      <c r="L11862" s="18"/>
      <c r="M11862" s="18"/>
      <c r="N11862" s="18"/>
      <c r="O11862" s="18"/>
      <c r="P11862" s="19">
        <v>180</v>
      </c>
      <c r="Q11862" s="19"/>
      <c r="R11862" s="19"/>
      <c r="S11862" s="19"/>
      <c r="T11862" s="19">
        <v>80</v>
      </c>
      <c r="U11862" s="19"/>
      <c r="V11862" s="19"/>
      <c r="W11862" s="19"/>
      <c r="X11862" s="19">
        <v>1</v>
      </c>
      <c r="Y11862" s="19"/>
      <c r="Z11862" s="19"/>
      <c r="AA11862" s="19"/>
    </row>
    <row r="11863" spans="1:27" s="1" customFormat="1" ht="11.1" customHeight="1" outlineLevel="3" x14ac:dyDescent="0.2">
      <c r="A11863" s="17"/>
      <c r="B11863" s="17"/>
      <c r="C11863" s="17"/>
      <c r="D11863" s="18"/>
      <c r="E11863" s="18"/>
      <c r="F11863" s="18"/>
      <c r="G11863" s="18"/>
      <c r="H11863" s="18"/>
      <c r="I11863" s="18"/>
      <c r="J11863" s="18"/>
      <c r="K11863" s="18"/>
      <c r="L11863" s="18"/>
      <c r="M11863" s="18"/>
      <c r="N11863" s="18"/>
      <c r="O11863" s="18"/>
      <c r="P11863" s="19"/>
      <c r="Q11863" s="19"/>
      <c r="R11863" s="19"/>
      <c r="S11863" s="19"/>
      <c r="T11863" s="19"/>
      <c r="U11863" s="19"/>
      <c r="V11863" s="19"/>
      <c r="W11863" s="19"/>
      <c r="X11863" s="19"/>
      <c r="Y11863" s="19"/>
      <c r="Z11863" s="19"/>
      <c r="AA11863" s="19"/>
    </row>
    <row r="11864" spans="1:27" s="1" customFormat="1" ht="11.1" customHeight="1" outlineLevel="3" x14ac:dyDescent="0.2">
      <c r="A11864" s="17">
        <v>8090</v>
      </c>
      <c r="B11864" s="17"/>
      <c r="C11864" s="17"/>
      <c r="D11864" s="18" t="s">
        <v>5889</v>
      </c>
      <c r="E11864" s="18"/>
      <c r="F11864" s="18"/>
      <c r="G11864" s="18"/>
      <c r="H11864" s="18"/>
      <c r="I11864" s="18"/>
      <c r="J11864" s="18"/>
      <c r="K11864" s="18"/>
      <c r="L11864" s="18"/>
      <c r="M11864" s="18"/>
      <c r="N11864" s="18"/>
      <c r="O11864" s="18"/>
      <c r="P11864" s="19">
        <v>180</v>
      </c>
      <c r="Q11864" s="19"/>
      <c r="R11864" s="19"/>
      <c r="S11864" s="19"/>
      <c r="T11864" s="19">
        <v>80</v>
      </c>
      <c r="U11864" s="19"/>
      <c r="V11864" s="19"/>
      <c r="W11864" s="19"/>
      <c r="X11864" s="19">
        <v>1</v>
      </c>
      <c r="Y11864" s="19"/>
      <c r="Z11864" s="19"/>
      <c r="AA11864" s="19"/>
    </row>
    <row r="11865" spans="1:27" s="1" customFormat="1" ht="11.1" customHeight="1" outlineLevel="3" x14ac:dyDescent="0.2">
      <c r="A11865" s="17"/>
      <c r="B11865" s="17"/>
      <c r="C11865" s="17"/>
      <c r="D11865" s="18"/>
      <c r="E11865" s="18"/>
      <c r="F11865" s="18"/>
      <c r="G11865" s="18"/>
      <c r="H11865" s="18"/>
      <c r="I11865" s="18"/>
      <c r="J11865" s="18"/>
      <c r="K11865" s="18"/>
      <c r="L11865" s="18"/>
      <c r="M11865" s="18"/>
      <c r="N11865" s="18"/>
      <c r="O11865" s="18"/>
      <c r="P11865" s="19"/>
      <c r="Q11865" s="19"/>
      <c r="R11865" s="19"/>
      <c r="S11865" s="19"/>
      <c r="T11865" s="19"/>
      <c r="U11865" s="19"/>
      <c r="V11865" s="19"/>
      <c r="W11865" s="19"/>
      <c r="X11865" s="19"/>
      <c r="Y11865" s="19"/>
      <c r="Z11865" s="19"/>
      <c r="AA11865" s="19"/>
    </row>
    <row r="11866" spans="1:27" s="1" customFormat="1" ht="11.1" customHeight="1" outlineLevel="3" x14ac:dyDescent="0.2">
      <c r="A11866" s="17">
        <v>8091</v>
      </c>
      <c r="B11866" s="17"/>
      <c r="C11866" s="17"/>
      <c r="D11866" s="18" t="s">
        <v>5890</v>
      </c>
      <c r="E11866" s="18"/>
      <c r="F11866" s="18"/>
      <c r="G11866" s="18"/>
      <c r="H11866" s="18"/>
      <c r="I11866" s="18"/>
      <c r="J11866" s="18"/>
      <c r="K11866" s="18"/>
      <c r="L11866" s="18"/>
      <c r="M11866" s="18"/>
      <c r="N11866" s="18"/>
      <c r="O11866" s="18"/>
      <c r="P11866" s="19">
        <v>180</v>
      </c>
      <c r="Q11866" s="19"/>
      <c r="R11866" s="19"/>
      <c r="S11866" s="19"/>
      <c r="T11866" s="19">
        <v>80</v>
      </c>
      <c r="U11866" s="19"/>
      <c r="V11866" s="19"/>
      <c r="W11866" s="19"/>
      <c r="X11866" s="19">
        <v>1</v>
      </c>
      <c r="Y11866" s="19"/>
      <c r="Z11866" s="19"/>
      <c r="AA11866" s="19"/>
    </row>
    <row r="11867" spans="1:27" s="1" customFormat="1" ht="11.1" customHeight="1" outlineLevel="3" x14ac:dyDescent="0.2">
      <c r="A11867" s="17"/>
      <c r="B11867" s="17"/>
      <c r="C11867" s="17"/>
      <c r="D11867" s="18"/>
      <c r="E11867" s="18"/>
      <c r="F11867" s="18"/>
      <c r="G11867" s="18"/>
      <c r="H11867" s="18"/>
      <c r="I11867" s="18"/>
      <c r="J11867" s="18"/>
      <c r="K11867" s="18"/>
      <c r="L11867" s="18"/>
      <c r="M11867" s="18"/>
      <c r="N11867" s="18"/>
      <c r="O11867" s="18"/>
      <c r="P11867" s="19"/>
      <c r="Q11867" s="19"/>
      <c r="R11867" s="19"/>
      <c r="S11867" s="19"/>
      <c r="T11867" s="19"/>
      <c r="U11867" s="19"/>
      <c r="V11867" s="19"/>
      <c r="W11867" s="19"/>
      <c r="X11867" s="19"/>
      <c r="Y11867" s="19"/>
      <c r="Z11867" s="19"/>
      <c r="AA11867" s="19"/>
    </row>
    <row r="11868" spans="1:27" s="1" customFormat="1" ht="14.1" customHeight="1" outlineLevel="3" x14ac:dyDescent="0.2">
      <c r="A11868" s="17">
        <v>16578</v>
      </c>
      <c r="B11868" s="17"/>
      <c r="C11868" s="17"/>
      <c r="D11868" s="18" t="s">
        <v>5891</v>
      </c>
      <c r="E11868" s="18"/>
      <c r="F11868" s="18"/>
      <c r="G11868" s="18"/>
      <c r="H11868" s="18"/>
      <c r="I11868" s="18"/>
      <c r="J11868" s="18"/>
      <c r="K11868" s="18"/>
      <c r="L11868" s="18"/>
      <c r="M11868" s="18"/>
      <c r="N11868" s="18"/>
      <c r="O11868" s="18"/>
      <c r="P11868" s="19">
        <v>450</v>
      </c>
      <c r="Q11868" s="19"/>
      <c r="R11868" s="19"/>
      <c r="S11868" s="19"/>
      <c r="T11868" s="19">
        <v>210</v>
      </c>
      <c r="U11868" s="19"/>
      <c r="V11868" s="19"/>
      <c r="W11868" s="19"/>
      <c r="X11868" s="19">
        <v>5</v>
      </c>
      <c r="Y11868" s="19"/>
      <c r="Z11868" s="19"/>
      <c r="AA11868" s="19"/>
    </row>
    <row r="11869" spans="1:27" s="1" customFormat="1" ht="14.1" customHeight="1" outlineLevel="3" x14ac:dyDescent="0.2">
      <c r="A11869" s="17"/>
      <c r="B11869" s="17"/>
      <c r="C11869" s="17"/>
      <c r="D11869" s="18"/>
      <c r="E11869" s="18"/>
      <c r="F11869" s="18"/>
      <c r="G11869" s="18"/>
      <c r="H11869" s="18"/>
      <c r="I11869" s="18"/>
      <c r="J11869" s="18"/>
      <c r="K11869" s="18"/>
      <c r="L11869" s="18"/>
      <c r="M11869" s="18"/>
      <c r="N11869" s="18"/>
      <c r="O11869" s="18"/>
      <c r="P11869" s="19"/>
      <c r="Q11869" s="19"/>
      <c r="R11869" s="19"/>
      <c r="S11869" s="19"/>
      <c r="T11869" s="19"/>
      <c r="U11869" s="19"/>
      <c r="V11869" s="19"/>
      <c r="W11869" s="19"/>
      <c r="X11869" s="19"/>
      <c r="Y11869" s="19"/>
      <c r="Z11869" s="19"/>
      <c r="AA11869" s="19"/>
    </row>
    <row r="11870" spans="1:27" s="1" customFormat="1" ht="11.1" customHeight="1" outlineLevel="3" x14ac:dyDescent="0.2">
      <c r="A11870" s="17">
        <v>16550</v>
      </c>
      <c r="B11870" s="17"/>
      <c r="C11870" s="17"/>
      <c r="D11870" s="18" t="s">
        <v>5892</v>
      </c>
      <c r="E11870" s="18"/>
      <c r="F11870" s="18"/>
      <c r="G11870" s="18"/>
      <c r="H11870" s="18"/>
      <c r="I11870" s="18"/>
      <c r="J11870" s="18"/>
      <c r="K11870" s="18"/>
      <c r="L11870" s="18"/>
      <c r="M11870" s="18"/>
      <c r="N11870" s="18"/>
      <c r="O11870" s="18"/>
      <c r="P11870" s="19">
        <v>450</v>
      </c>
      <c r="Q11870" s="19"/>
      <c r="R11870" s="19"/>
      <c r="S11870" s="19"/>
      <c r="T11870" s="19">
        <v>210</v>
      </c>
      <c r="U11870" s="19"/>
      <c r="V11870" s="19"/>
      <c r="W11870" s="19"/>
      <c r="X11870" s="19">
        <v>1</v>
      </c>
      <c r="Y11870" s="19"/>
      <c r="Z11870" s="19"/>
      <c r="AA11870" s="19"/>
    </row>
    <row r="11871" spans="1:27" s="1" customFormat="1" ht="11.1" customHeight="1" outlineLevel="3" x14ac:dyDescent="0.2">
      <c r="A11871" s="17"/>
      <c r="B11871" s="17"/>
      <c r="C11871" s="17"/>
      <c r="D11871" s="18"/>
      <c r="E11871" s="18"/>
      <c r="F11871" s="18"/>
      <c r="G11871" s="18"/>
      <c r="H11871" s="18"/>
      <c r="I11871" s="18"/>
      <c r="J11871" s="18"/>
      <c r="K11871" s="18"/>
      <c r="L11871" s="18"/>
      <c r="M11871" s="18"/>
      <c r="N11871" s="18"/>
      <c r="O11871" s="18"/>
      <c r="P11871" s="19"/>
      <c r="Q11871" s="19"/>
      <c r="R11871" s="19"/>
      <c r="S11871" s="19"/>
      <c r="T11871" s="19"/>
      <c r="U11871" s="19"/>
      <c r="V11871" s="19"/>
      <c r="W11871" s="19"/>
      <c r="X11871" s="19"/>
      <c r="Y11871" s="19"/>
      <c r="Z11871" s="19"/>
      <c r="AA11871" s="19"/>
    </row>
    <row r="11872" spans="1:27" s="1" customFormat="1" ht="11.1" customHeight="1" outlineLevel="3" x14ac:dyDescent="0.2">
      <c r="A11872" s="17">
        <v>16552</v>
      </c>
      <c r="B11872" s="17"/>
      <c r="C11872" s="17"/>
      <c r="D11872" s="18" t="s">
        <v>5893</v>
      </c>
      <c r="E11872" s="18"/>
      <c r="F11872" s="18"/>
      <c r="G11872" s="18"/>
      <c r="H11872" s="18"/>
      <c r="I11872" s="18"/>
      <c r="J11872" s="18"/>
      <c r="K11872" s="18"/>
      <c r="L11872" s="18"/>
      <c r="M11872" s="18"/>
      <c r="N11872" s="18"/>
      <c r="O11872" s="18"/>
      <c r="P11872" s="19">
        <v>450</v>
      </c>
      <c r="Q11872" s="19"/>
      <c r="R11872" s="19"/>
      <c r="S11872" s="19"/>
      <c r="T11872" s="19">
        <v>210</v>
      </c>
      <c r="U11872" s="19"/>
      <c r="V11872" s="19"/>
      <c r="W11872" s="19"/>
      <c r="X11872" s="19">
        <v>1</v>
      </c>
      <c r="Y11872" s="19"/>
      <c r="Z11872" s="19"/>
      <c r="AA11872" s="19"/>
    </row>
    <row r="11873" spans="1:27" s="1" customFormat="1" ht="11.1" customHeight="1" outlineLevel="3" x14ac:dyDescent="0.2">
      <c r="A11873" s="17"/>
      <c r="B11873" s="17"/>
      <c r="C11873" s="17"/>
      <c r="D11873" s="18"/>
      <c r="E11873" s="18"/>
      <c r="F11873" s="18"/>
      <c r="G11873" s="18"/>
      <c r="H11873" s="18"/>
      <c r="I11873" s="18"/>
      <c r="J11873" s="18"/>
      <c r="K11873" s="18"/>
      <c r="L11873" s="18"/>
      <c r="M11873" s="18"/>
      <c r="N11873" s="18"/>
      <c r="O11873" s="18"/>
      <c r="P11873" s="19"/>
      <c r="Q11873" s="19"/>
      <c r="R11873" s="19"/>
      <c r="S11873" s="19"/>
      <c r="T11873" s="19"/>
      <c r="U11873" s="19"/>
      <c r="V11873" s="19"/>
      <c r="W11873" s="19"/>
      <c r="X11873" s="19"/>
      <c r="Y11873" s="19"/>
      <c r="Z11873" s="19"/>
      <c r="AA11873" s="19"/>
    </row>
    <row r="11874" spans="1:27" s="1" customFormat="1" ht="11.1" customHeight="1" outlineLevel="3" x14ac:dyDescent="0.2">
      <c r="A11874" s="17">
        <v>16538</v>
      </c>
      <c r="B11874" s="17"/>
      <c r="C11874" s="17"/>
      <c r="D11874" s="18" t="s">
        <v>5894</v>
      </c>
      <c r="E11874" s="18"/>
      <c r="F11874" s="18"/>
      <c r="G11874" s="18"/>
      <c r="H11874" s="18"/>
      <c r="I11874" s="18"/>
      <c r="J11874" s="18"/>
      <c r="K11874" s="18"/>
      <c r="L11874" s="18"/>
      <c r="M11874" s="18"/>
      <c r="N11874" s="18"/>
      <c r="O11874" s="18"/>
      <c r="P11874" s="19">
        <v>450</v>
      </c>
      <c r="Q11874" s="19"/>
      <c r="R11874" s="19"/>
      <c r="S11874" s="19"/>
      <c r="T11874" s="19">
        <v>210</v>
      </c>
      <c r="U11874" s="19"/>
      <c r="V11874" s="19"/>
      <c r="W11874" s="19"/>
      <c r="X11874" s="19">
        <v>1</v>
      </c>
      <c r="Y11874" s="19"/>
      <c r="Z11874" s="19"/>
      <c r="AA11874" s="19"/>
    </row>
    <row r="11875" spans="1:27" s="1" customFormat="1" ht="11.1" customHeight="1" outlineLevel="3" x14ac:dyDescent="0.2">
      <c r="A11875" s="17"/>
      <c r="B11875" s="17"/>
      <c r="C11875" s="17"/>
      <c r="D11875" s="18"/>
      <c r="E11875" s="18"/>
      <c r="F11875" s="18"/>
      <c r="G11875" s="18"/>
      <c r="H11875" s="18"/>
      <c r="I11875" s="18"/>
      <c r="J11875" s="18"/>
      <c r="K11875" s="18"/>
      <c r="L11875" s="18"/>
      <c r="M11875" s="18"/>
      <c r="N11875" s="18"/>
      <c r="O11875" s="18"/>
      <c r="P11875" s="19"/>
      <c r="Q11875" s="19"/>
      <c r="R11875" s="19"/>
      <c r="S11875" s="19"/>
      <c r="T11875" s="19"/>
      <c r="U11875" s="19"/>
      <c r="V11875" s="19"/>
      <c r="W11875" s="19"/>
      <c r="X11875" s="19"/>
      <c r="Y11875" s="19"/>
      <c r="Z11875" s="19"/>
      <c r="AA11875" s="19"/>
    </row>
    <row r="11876" spans="1:27" s="1" customFormat="1" ht="14.1" customHeight="1" outlineLevel="3" x14ac:dyDescent="0.2">
      <c r="A11876" s="17">
        <v>16540</v>
      </c>
      <c r="B11876" s="17"/>
      <c r="C11876" s="17"/>
      <c r="D11876" s="18" t="s">
        <v>5895</v>
      </c>
      <c r="E11876" s="18"/>
      <c r="F11876" s="18"/>
      <c r="G11876" s="18"/>
      <c r="H11876" s="18"/>
      <c r="I11876" s="18"/>
      <c r="J11876" s="18"/>
      <c r="K11876" s="18"/>
      <c r="L11876" s="18"/>
      <c r="M11876" s="18"/>
      <c r="N11876" s="18"/>
      <c r="O11876" s="18"/>
      <c r="P11876" s="19">
        <v>450</v>
      </c>
      <c r="Q11876" s="19"/>
      <c r="R11876" s="19"/>
      <c r="S11876" s="19"/>
      <c r="T11876" s="19">
        <v>210</v>
      </c>
      <c r="U11876" s="19"/>
      <c r="V11876" s="19"/>
      <c r="W11876" s="19"/>
      <c r="X11876" s="19">
        <v>1</v>
      </c>
      <c r="Y11876" s="19"/>
      <c r="Z11876" s="19"/>
      <c r="AA11876" s="19"/>
    </row>
    <row r="11877" spans="1:27" s="1" customFormat="1" ht="14.1" customHeight="1" outlineLevel="3" x14ac:dyDescent="0.2">
      <c r="A11877" s="17"/>
      <c r="B11877" s="17"/>
      <c r="C11877" s="17"/>
      <c r="D11877" s="18"/>
      <c r="E11877" s="18"/>
      <c r="F11877" s="18"/>
      <c r="G11877" s="18"/>
      <c r="H11877" s="18"/>
      <c r="I11877" s="18"/>
      <c r="J11877" s="18"/>
      <c r="K11877" s="18"/>
      <c r="L11877" s="18"/>
      <c r="M11877" s="18"/>
      <c r="N11877" s="18"/>
      <c r="O11877" s="18"/>
      <c r="P11877" s="19"/>
      <c r="Q11877" s="19"/>
      <c r="R11877" s="19"/>
      <c r="S11877" s="19"/>
      <c r="T11877" s="19"/>
      <c r="U11877" s="19"/>
      <c r="V11877" s="19"/>
      <c r="W11877" s="19"/>
      <c r="X11877" s="19"/>
      <c r="Y11877" s="19"/>
      <c r="Z11877" s="19"/>
      <c r="AA11877" s="19"/>
    </row>
    <row r="11878" spans="1:27" s="1" customFormat="1" ht="11.1" customHeight="1" outlineLevel="3" x14ac:dyDescent="0.2">
      <c r="A11878" s="17">
        <v>16542</v>
      </c>
      <c r="B11878" s="17"/>
      <c r="C11878" s="17"/>
      <c r="D11878" s="18" t="s">
        <v>5896</v>
      </c>
      <c r="E11878" s="18"/>
      <c r="F11878" s="18"/>
      <c r="G11878" s="18"/>
      <c r="H11878" s="18"/>
      <c r="I11878" s="18"/>
      <c r="J11878" s="18"/>
      <c r="K11878" s="18"/>
      <c r="L11878" s="18"/>
      <c r="M11878" s="18"/>
      <c r="N11878" s="18"/>
      <c r="O11878" s="18"/>
      <c r="P11878" s="19">
        <v>450</v>
      </c>
      <c r="Q11878" s="19"/>
      <c r="R11878" s="19"/>
      <c r="S11878" s="19"/>
      <c r="T11878" s="19">
        <v>210</v>
      </c>
      <c r="U11878" s="19"/>
      <c r="V11878" s="19"/>
      <c r="W11878" s="19"/>
      <c r="X11878" s="19">
        <v>1</v>
      </c>
      <c r="Y11878" s="19"/>
      <c r="Z11878" s="19"/>
      <c r="AA11878" s="19"/>
    </row>
    <row r="11879" spans="1:27" s="1" customFormat="1" ht="11.1" customHeight="1" outlineLevel="3" x14ac:dyDescent="0.2">
      <c r="A11879" s="17"/>
      <c r="B11879" s="17"/>
      <c r="C11879" s="17"/>
      <c r="D11879" s="18"/>
      <c r="E11879" s="18"/>
      <c r="F11879" s="18"/>
      <c r="G11879" s="18"/>
      <c r="H11879" s="18"/>
      <c r="I11879" s="18"/>
      <c r="J11879" s="18"/>
      <c r="K11879" s="18"/>
      <c r="L11879" s="18"/>
      <c r="M11879" s="18"/>
      <c r="N11879" s="18"/>
      <c r="O11879" s="18"/>
      <c r="P11879" s="19"/>
      <c r="Q11879" s="19"/>
      <c r="R11879" s="19"/>
      <c r="S11879" s="19"/>
      <c r="T11879" s="19"/>
      <c r="U11879" s="19"/>
      <c r="V11879" s="19"/>
      <c r="W11879" s="19"/>
      <c r="X11879" s="19"/>
      <c r="Y11879" s="19"/>
      <c r="Z11879" s="19"/>
      <c r="AA11879" s="19"/>
    </row>
    <row r="11880" spans="1:27" s="1" customFormat="1" ht="14.1" customHeight="1" outlineLevel="3" x14ac:dyDescent="0.2">
      <c r="A11880" s="17">
        <v>16547</v>
      </c>
      <c r="B11880" s="17"/>
      <c r="C11880" s="17"/>
      <c r="D11880" s="18" t="s">
        <v>5897</v>
      </c>
      <c r="E11880" s="18"/>
      <c r="F11880" s="18"/>
      <c r="G11880" s="18"/>
      <c r="H11880" s="18"/>
      <c r="I11880" s="18"/>
      <c r="J11880" s="18"/>
      <c r="K11880" s="18"/>
      <c r="L11880" s="18"/>
      <c r="M11880" s="18"/>
      <c r="N11880" s="18"/>
      <c r="O11880" s="18"/>
      <c r="P11880" s="19">
        <v>450</v>
      </c>
      <c r="Q11880" s="19"/>
      <c r="R11880" s="19"/>
      <c r="S11880" s="19"/>
      <c r="T11880" s="19">
        <v>210</v>
      </c>
      <c r="U11880" s="19"/>
      <c r="V11880" s="19"/>
      <c r="W11880" s="19"/>
      <c r="X11880" s="19">
        <v>1</v>
      </c>
      <c r="Y11880" s="19"/>
      <c r="Z11880" s="19"/>
      <c r="AA11880" s="19"/>
    </row>
    <row r="11881" spans="1:27" s="1" customFormat="1" ht="14.1" customHeight="1" outlineLevel="3" x14ac:dyDescent="0.2">
      <c r="A11881" s="17"/>
      <c r="B11881" s="17"/>
      <c r="C11881" s="17"/>
      <c r="D11881" s="18"/>
      <c r="E11881" s="18"/>
      <c r="F11881" s="18"/>
      <c r="G11881" s="18"/>
      <c r="H11881" s="18"/>
      <c r="I11881" s="18"/>
      <c r="J11881" s="18"/>
      <c r="K11881" s="18"/>
      <c r="L11881" s="18"/>
      <c r="M11881" s="18"/>
      <c r="N11881" s="18"/>
      <c r="O11881" s="18"/>
      <c r="P11881" s="19"/>
      <c r="Q11881" s="19"/>
      <c r="R11881" s="19"/>
      <c r="S11881" s="19"/>
      <c r="T11881" s="19"/>
      <c r="U11881" s="19"/>
      <c r="V11881" s="19"/>
      <c r="W11881" s="19"/>
      <c r="X11881" s="19"/>
      <c r="Y11881" s="19"/>
      <c r="Z11881" s="19"/>
      <c r="AA11881" s="19"/>
    </row>
    <row r="11882" spans="1:27" s="1" customFormat="1" ht="14.1" customHeight="1" outlineLevel="3" x14ac:dyDescent="0.2">
      <c r="A11882" s="17">
        <v>16546</v>
      </c>
      <c r="B11882" s="17"/>
      <c r="C11882" s="17"/>
      <c r="D11882" s="18" t="s">
        <v>5898</v>
      </c>
      <c r="E11882" s="18"/>
      <c r="F11882" s="18"/>
      <c r="G11882" s="18"/>
      <c r="H11882" s="18"/>
      <c r="I11882" s="18"/>
      <c r="J11882" s="18"/>
      <c r="K11882" s="18"/>
      <c r="L11882" s="18"/>
      <c r="M11882" s="18"/>
      <c r="N11882" s="18"/>
      <c r="O11882" s="18"/>
      <c r="P11882" s="19">
        <v>450</v>
      </c>
      <c r="Q11882" s="19"/>
      <c r="R11882" s="19"/>
      <c r="S11882" s="19"/>
      <c r="T11882" s="19">
        <v>210</v>
      </c>
      <c r="U11882" s="19"/>
      <c r="V11882" s="19"/>
      <c r="W11882" s="19"/>
      <c r="X11882" s="19">
        <v>1</v>
      </c>
      <c r="Y11882" s="19"/>
      <c r="Z11882" s="19"/>
      <c r="AA11882" s="19"/>
    </row>
    <row r="11883" spans="1:27" s="1" customFormat="1" ht="14.1" customHeight="1" outlineLevel="3" x14ac:dyDescent="0.2">
      <c r="A11883" s="17"/>
      <c r="B11883" s="17"/>
      <c r="C11883" s="17"/>
      <c r="D11883" s="18"/>
      <c r="E11883" s="18"/>
      <c r="F11883" s="18"/>
      <c r="G11883" s="18"/>
      <c r="H11883" s="18"/>
      <c r="I11883" s="18"/>
      <c r="J11883" s="18"/>
      <c r="K11883" s="18"/>
      <c r="L11883" s="18"/>
      <c r="M11883" s="18"/>
      <c r="N11883" s="18"/>
      <c r="O11883" s="18"/>
      <c r="P11883" s="19"/>
      <c r="Q11883" s="19"/>
      <c r="R11883" s="19"/>
      <c r="S11883" s="19"/>
      <c r="T11883" s="19"/>
      <c r="U11883" s="19"/>
      <c r="V11883" s="19"/>
      <c r="W11883" s="19"/>
      <c r="X11883" s="19"/>
      <c r="Y11883" s="19"/>
      <c r="Z11883" s="19"/>
      <c r="AA11883" s="19"/>
    </row>
    <row r="11884" spans="1:27" s="1" customFormat="1" ht="14.1" customHeight="1" outlineLevel="3" x14ac:dyDescent="0.2">
      <c r="A11884" s="17">
        <v>16548</v>
      </c>
      <c r="B11884" s="17"/>
      <c r="C11884" s="17"/>
      <c r="D11884" s="18" t="s">
        <v>5899</v>
      </c>
      <c r="E11884" s="18"/>
      <c r="F11884" s="18"/>
      <c r="G11884" s="18"/>
      <c r="H11884" s="18"/>
      <c r="I11884" s="18"/>
      <c r="J11884" s="18"/>
      <c r="K11884" s="18"/>
      <c r="L11884" s="18"/>
      <c r="M11884" s="18"/>
      <c r="N11884" s="18"/>
      <c r="O11884" s="18"/>
      <c r="P11884" s="19">
        <v>450</v>
      </c>
      <c r="Q11884" s="19"/>
      <c r="R11884" s="19"/>
      <c r="S11884" s="19"/>
      <c r="T11884" s="19">
        <v>210</v>
      </c>
      <c r="U11884" s="19"/>
      <c r="V11884" s="19"/>
      <c r="W11884" s="19"/>
      <c r="X11884" s="19">
        <v>1</v>
      </c>
      <c r="Y11884" s="19"/>
      <c r="Z11884" s="19"/>
      <c r="AA11884" s="19"/>
    </row>
    <row r="11885" spans="1:27" s="1" customFormat="1" ht="14.1" customHeight="1" outlineLevel="3" x14ac:dyDescent="0.2">
      <c r="A11885" s="17"/>
      <c r="B11885" s="17"/>
      <c r="C11885" s="17"/>
      <c r="D11885" s="18"/>
      <c r="E11885" s="18"/>
      <c r="F11885" s="18"/>
      <c r="G11885" s="18"/>
      <c r="H11885" s="18"/>
      <c r="I11885" s="18"/>
      <c r="J11885" s="18"/>
      <c r="K11885" s="18"/>
      <c r="L11885" s="18"/>
      <c r="M11885" s="18"/>
      <c r="N11885" s="18"/>
      <c r="O11885" s="18"/>
      <c r="P11885" s="19"/>
      <c r="Q11885" s="19"/>
      <c r="R11885" s="19"/>
      <c r="S11885" s="19"/>
      <c r="T11885" s="19"/>
      <c r="U11885" s="19"/>
      <c r="V11885" s="19"/>
      <c r="W11885" s="19"/>
      <c r="X11885" s="19"/>
      <c r="Y11885" s="19"/>
      <c r="Z11885" s="19"/>
      <c r="AA11885" s="19"/>
    </row>
    <row r="11886" spans="1:27" s="1" customFormat="1" ht="14.1" customHeight="1" outlineLevel="3" x14ac:dyDescent="0.2">
      <c r="A11886" s="17">
        <v>16545</v>
      </c>
      <c r="B11886" s="17"/>
      <c r="C11886" s="17"/>
      <c r="D11886" s="18" t="s">
        <v>5900</v>
      </c>
      <c r="E11886" s="18"/>
      <c r="F11886" s="18"/>
      <c r="G11886" s="18"/>
      <c r="H11886" s="18"/>
      <c r="I11886" s="18"/>
      <c r="J11886" s="18"/>
      <c r="K11886" s="18"/>
      <c r="L11886" s="18"/>
      <c r="M11886" s="18"/>
      <c r="N11886" s="18"/>
      <c r="O11886" s="18"/>
      <c r="P11886" s="19">
        <v>450</v>
      </c>
      <c r="Q11886" s="19"/>
      <c r="R11886" s="19"/>
      <c r="S11886" s="19"/>
      <c r="T11886" s="19">
        <v>210</v>
      </c>
      <c r="U11886" s="19"/>
      <c r="V11886" s="19"/>
      <c r="W11886" s="19"/>
      <c r="X11886" s="19">
        <v>1</v>
      </c>
      <c r="Y11886" s="19"/>
      <c r="Z11886" s="19"/>
      <c r="AA11886" s="19"/>
    </row>
    <row r="11887" spans="1:27" s="1" customFormat="1" ht="14.1" customHeight="1" outlineLevel="3" x14ac:dyDescent="0.2">
      <c r="A11887" s="17"/>
      <c r="B11887" s="17"/>
      <c r="C11887" s="17"/>
      <c r="D11887" s="18"/>
      <c r="E11887" s="18"/>
      <c r="F11887" s="18"/>
      <c r="G11887" s="18"/>
      <c r="H11887" s="18"/>
      <c r="I11887" s="18"/>
      <c r="J11887" s="18"/>
      <c r="K11887" s="18"/>
      <c r="L11887" s="18"/>
      <c r="M11887" s="18"/>
      <c r="N11887" s="18"/>
      <c r="O11887" s="18"/>
      <c r="P11887" s="19"/>
      <c r="Q11887" s="19"/>
      <c r="R11887" s="19"/>
      <c r="S11887" s="19"/>
      <c r="T11887" s="19"/>
      <c r="U11887" s="19"/>
      <c r="V11887" s="19"/>
      <c r="W11887" s="19"/>
      <c r="X11887" s="19"/>
      <c r="Y11887" s="19"/>
      <c r="Z11887" s="19"/>
      <c r="AA11887" s="19"/>
    </row>
    <row r="11888" spans="1:27" s="1" customFormat="1" ht="11.1" customHeight="1" outlineLevel="3" x14ac:dyDescent="0.2">
      <c r="A11888" s="17">
        <v>16529</v>
      </c>
      <c r="B11888" s="17"/>
      <c r="C11888" s="17"/>
      <c r="D11888" s="18" t="s">
        <v>5901</v>
      </c>
      <c r="E11888" s="18"/>
      <c r="F11888" s="18"/>
      <c r="G11888" s="18"/>
      <c r="H11888" s="18"/>
      <c r="I11888" s="18"/>
      <c r="J11888" s="18"/>
      <c r="K11888" s="18"/>
      <c r="L11888" s="18"/>
      <c r="M11888" s="18"/>
      <c r="N11888" s="18"/>
      <c r="O11888" s="18"/>
      <c r="P11888" s="19">
        <v>550</v>
      </c>
      <c r="Q11888" s="19"/>
      <c r="R11888" s="19"/>
      <c r="S11888" s="19"/>
      <c r="T11888" s="19">
        <v>210</v>
      </c>
      <c r="U11888" s="19"/>
      <c r="V11888" s="19"/>
      <c r="W11888" s="19"/>
      <c r="X11888" s="19">
        <v>1</v>
      </c>
      <c r="Y11888" s="19"/>
      <c r="Z11888" s="19"/>
      <c r="AA11888" s="19"/>
    </row>
    <row r="11889" spans="1:27" s="1" customFormat="1" ht="11.1" customHeight="1" outlineLevel="3" x14ac:dyDescent="0.2">
      <c r="A11889" s="17"/>
      <c r="B11889" s="17"/>
      <c r="C11889" s="17"/>
      <c r="D11889" s="18"/>
      <c r="E11889" s="18"/>
      <c r="F11889" s="18"/>
      <c r="G11889" s="18"/>
      <c r="H11889" s="18"/>
      <c r="I11889" s="18"/>
      <c r="J11889" s="18"/>
      <c r="K11889" s="18"/>
      <c r="L11889" s="18"/>
      <c r="M11889" s="18"/>
      <c r="N11889" s="18"/>
      <c r="O11889" s="18"/>
      <c r="P11889" s="19"/>
      <c r="Q11889" s="19"/>
      <c r="R11889" s="19"/>
      <c r="S11889" s="19"/>
      <c r="T11889" s="19"/>
      <c r="U11889" s="19"/>
      <c r="V11889" s="19"/>
      <c r="W11889" s="19"/>
      <c r="X11889" s="19"/>
      <c r="Y11889" s="19"/>
      <c r="Z11889" s="19"/>
      <c r="AA11889" s="19"/>
    </row>
    <row r="11890" spans="1:27" s="1" customFormat="1" ht="11.1" customHeight="1" outlineLevel="3" x14ac:dyDescent="0.2">
      <c r="A11890" s="17">
        <v>16532</v>
      </c>
      <c r="B11890" s="17"/>
      <c r="C11890" s="17"/>
      <c r="D11890" s="18" t="s">
        <v>5902</v>
      </c>
      <c r="E11890" s="18"/>
      <c r="F11890" s="18"/>
      <c r="G11890" s="18"/>
      <c r="H11890" s="18"/>
      <c r="I11890" s="18"/>
      <c r="J11890" s="18"/>
      <c r="K11890" s="18"/>
      <c r="L11890" s="18"/>
      <c r="M11890" s="18"/>
      <c r="N11890" s="18"/>
      <c r="O11890" s="18"/>
      <c r="P11890" s="19">
        <v>550</v>
      </c>
      <c r="Q11890" s="19"/>
      <c r="R11890" s="19"/>
      <c r="S11890" s="19"/>
      <c r="T11890" s="19">
        <v>210</v>
      </c>
      <c r="U11890" s="19"/>
      <c r="V11890" s="19"/>
      <c r="W11890" s="19"/>
      <c r="X11890" s="19">
        <v>1</v>
      </c>
      <c r="Y11890" s="19"/>
      <c r="Z11890" s="19"/>
      <c r="AA11890" s="19"/>
    </row>
    <row r="11891" spans="1:27" s="1" customFormat="1" ht="11.1" customHeight="1" outlineLevel="3" x14ac:dyDescent="0.2">
      <c r="A11891" s="17"/>
      <c r="B11891" s="17"/>
      <c r="C11891" s="17"/>
      <c r="D11891" s="18"/>
      <c r="E11891" s="18"/>
      <c r="F11891" s="18"/>
      <c r="G11891" s="18"/>
      <c r="H11891" s="18"/>
      <c r="I11891" s="18"/>
      <c r="J11891" s="18"/>
      <c r="K11891" s="18"/>
      <c r="L11891" s="18"/>
      <c r="M11891" s="18"/>
      <c r="N11891" s="18"/>
      <c r="O11891" s="18"/>
      <c r="P11891" s="19"/>
      <c r="Q11891" s="19"/>
      <c r="R11891" s="19"/>
      <c r="S11891" s="19"/>
      <c r="T11891" s="19"/>
      <c r="U11891" s="19"/>
      <c r="V11891" s="19"/>
      <c r="W11891" s="19"/>
      <c r="X11891" s="19"/>
      <c r="Y11891" s="19"/>
      <c r="Z11891" s="19"/>
      <c r="AA11891" s="19"/>
    </row>
    <row r="11892" spans="1:27" s="1" customFormat="1" ht="11.1" customHeight="1" outlineLevel="3" x14ac:dyDescent="0.2">
      <c r="A11892" s="17">
        <v>16531</v>
      </c>
      <c r="B11892" s="17"/>
      <c r="C11892" s="17"/>
      <c r="D11892" s="18" t="s">
        <v>5903</v>
      </c>
      <c r="E11892" s="18"/>
      <c r="F11892" s="18"/>
      <c r="G11892" s="18"/>
      <c r="H11892" s="18"/>
      <c r="I11892" s="18"/>
      <c r="J11892" s="18"/>
      <c r="K11892" s="18"/>
      <c r="L11892" s="18"/>
      <c r="M11892" s="18"/>
      <c r="N11892" s="18"/>
      <c r="O11892" s="18"/>
      <c r="P11892" s="19">
        <v>550</v>
      </c>
      <c r="Q11892" s="19"/>
      <c r="R11892" s="19"/>
      <c r="S11892" s="19"/>
      <c r="T11892" s="19">
        <v>210</v>
      </c>
      <c r="U11892" s="19"/>
      <c r="V11892" s="19"/>
      <c r="W11892" s="19"/>
      <c r="X11892" s="19">
        <v>1</v>
      </c>
      <c r="Y11892" s="19"/>
      <c r="Z11892" s="19"/>
      <c r="AA11892" s="19"/>
    </row>
    <row r="11893" spans="1:27" s="1" customFormat="1" ht="11.1" customHeight="1" outlineLevel="3" x14ac:dyDescent="0.2">
      <c r="A11893" s="17"/>
      <c r="B11893" s="17"/>
      <c r="C11893" s="17"/>
      <c r="D11893" s="18"/>
      <c r="E11893" s="18"/>
      <c r="F11893" s="18"/>
      <c r="G11893" s="18"/>
      <c r="H11893" s="18"/>
      <c r="I11893" s="18"/>
      <c r="J11893" s="18"/>
      <c r="K11893" s="18"/>
      <c r="L11893" s="18"/>
      <c r="M11893" s="18"/>
      <c r="N11893" s="18"/>
      <c r="O11893" s="18"/>
      <c r="P11893" s="19"/>
      <c r="Q11893" s="19"/>
      <c r="R11893" s="19"/>
      <c r="S11893" s="19"/>
      <c r="T11893" s="19"/>
      <c r="U11893" s="19"/>
      <c r="V11893" s="19"/>
      <c r="W11893" s="19"/>
      <c r="X11893" s="19"/>
      <c r="Y11893" s="19"/>
      <c r="Z11893" s="19"/>
      <c r="AA11893" s="19"/>
    </row>
    <row r="11894" spans="1:27" s="1" customFormat="1" ht="14.1" customHeight="1" outlineLevel="3" x14ac:dyDescent="0.2">
      <c r="A11894" s="17">
        <v>16534</v>
      </c>
      <c r="B11894" s="17"/>
      <c r="C11894" s="17"/>
      <c r="D11894" s="18" t="s">
        <v>5904</v>
      </c>
      <c r="E11894" s="18"/>
      <c r="F11894" s="18"/>
      <c r="G11894" s="18"/>
      <c r="H11894" s="18"/>
      <c r="I11894" s="18"/>
      <c r="J11894" s="18"/>
      <c r="K11894" s="18"/>
      <c r="L11894" s="18"/>
      <c r="M11894" s="18"/>
      <c r="N11894" s="18"/>
      <c r="O11894" s="18"/>
      <c r="P11894" s="19">
        <v>550</v>
      </c>
      <c r="Q11894" s="19"/>
      <c r="R11894" s="19"/>
      <c r="S11894" s="19"/>
      <c r="T11894" s="19">
        <v>210</v>
      </c>
      <c r="U11894" s="19"/>
      <c r="V11894" s="19"/>
      <c r="W11894" s="19"/>
      <c r="X11894" s="19">
        <v>1</v>
      </c>
      <c r="Y11894" s="19"/>
      <c r="Z11894" s="19"/>
      <c r="AA11894" s="19"/>
    </row>
    <row r="11895" spans="1:27" s="1" customFormat="1" ht="14.1" customHeight="1" outlineLevel="3" x14ac:dyDescent="0.2">
      <c r="A11895" s="17"/>
      <c r="B11895" s="17"/>
      <c r="C11895" s="17"/>
      <c r="D11895" s="18"/>
      <c r="E11895" s="18"/>
      <c r="F11895" s="18"/>
      <c r="G11895" s="18"/>
      <c r="H11895" s="18"/>
      <c r="I11895" s="18"/>
      <c r="J11895" s="18"/>
      <c r="K11895" s="18"/>
      <c r="L11895" s="18"/>
      <c r="M11895" s="18"/>
      <c r="N11895" s="18"/>
      <c r="O11895" s="18"/>
      <c r="P11895" s="19"/>
      <c r="Q11895" s="19"/>
      <c r="R11895" s="19"/>
      <c r="S11895" s="19"/>
      <c r="T11895" s="19"/>
      <c r="U11895" s="19"/>
      <c r="V11895" s="19"/>
      <c r="W11895" s="19"/>
      <c r="X11895" s="19"/>
      <c r="Y11895" s="19"/>
      <c r="Z11895" s="19"/>
      <c r="AA11895" s="19"/>
    </row>
    <row r="11896" spans="1:27" s="1" customFormat="1" ht="14.1" customHeight="1" outlineLevel="3" x14ac:dyDescent="0.2">
      <c r="A11896" s="17">
        <v>16535</v>
      </c>
      <c r="B11896" s="17"/>
      <c r="C11896" s="17"/>
      <c r="D11896" s="18" t="s">
        <v>5905</v>
      </c>
      <c r="E11896" s="18"/>
      <c r="F11896" s="18"/>
      <c r="G11896" s="18"/>
      <c r="H11896" s="18"/>
      <c r="I11896" s="18"/>
      <c r="J11896" s="18"/>
      <c r="K11896" s="18"/>
      <c r="L11896" s="18"/>
      <c r="M11896" s="18"/>
      <c r="N11896" s="18"/>
      <c r="O11896" s="18"/>
      <c r="P11896" s="19">
        <v>550</v>
      </c>
      <c r="Q11896" s="19"/>
      <c r="R11896" s="19"/>
      <c r="S11896" s="19"/>
      <c r="T11896" s="19">
        <v>210</v>
      </c>
      <c r="U11896" s="19"/>
      <c r="V11896" s="19"/>
      <c r="W11896" s="19"/>
      <c r="X11896" s="19">
        <v>1</v>
      </c>
      <c r="Y11896" s="19"/>
      <c r="Z11896" s="19"/>
      <c r="AA11896" s="19"/>
    </row>
    <row r="11897" spans="1:27" s="1" customFormat="1" ht="14.1" customHeight="1" outlineLevel="3" x14ac:dyDescent="0.2">
      <c r="A11897" s="17"/>
      <c r="B11897" s="17"/>
      <c r="C11897" s="17"/>
      <c r="D11897" s="18"/>
      <c r="E11897" s="18"/>
      <c r="F11897" s="18"/>
      <c r="G11897" s="18"/>
      <c r="H11897" s="18"/>
      <c r="I11897" s="18"/>
      <c r="J11897" s="18"/>
      <c r="K11897" s="18"/>
      <c r="L11897" s="18"/>
      <c r="M11897" s="18"/>
      <c r="N11897" s="18"/>
      <c r="O11897" s="18"/>
      <c r="P11897" s="19"/>
      <c r="Q11897" s="19"/>
      <c r="R11897" s="19"/>
      <c r="S11897" s="19"/>
      <c r="T11897" s="19"/>
      <c r="U11897" s="19"/>
      <c r="V11897" s="19"/>
      <c r="W11897" s="19"/>
      <c r="X11897" s="19"/>
      <c r="Y11897" s="19"/>
      <c r="Z11897" s="19"/>
      <c r="AA11897" s="19"/>
    </row>
    <row r="11898" spans="1:27" s="1" customFormat="1" ht="14.1" customHeight="1" outlineLevel="3" x14ac:dyDescent="0.2">
      <c r="A11898" s="17">
        <v>16537</v>
      </c>
      <c r="B11898" s="17"/>
      <c r="C11898" s="17"/>
      <c r="D11898" s="18" t="s">
        <v>5906</v>
      </c>
      <c r="E11898" s="18"/>
      <c r="F11898" s="18"/>
      <c r="G11898" s="18"/>
      <c r="H11898" s="18"/>
      <c r="I11898" s="18"/>
      <c r="J11898" s="18"/>
      <c r="K11898" s="18"/>
      <c r="L11898" s="18"/>
      <c r="M11898" s="18"/>
      <c r="N11898" s="18"/>
      <c r="O11898" s="18"/>
      <c r="P11898" s="19">
        <v>550</v>
      </c>
      <c r="Q11898" s="19"/>
      <c r="R11898" s="19"/>
      <c r="S11898" s="19"/>
      <c r="T11898" s="19">
        <v>210</v>
      </c>
      <c r="U11898" s="19"/>
      <c r="V11898" s="19"/>
      <c r="W11898" s="19"/>
      <c r="X11898" s="19">
        <v>1</v>
      </c>
      <c r="Y11898" s="19"/>
      <c r="Z11898" s="19"/>
      <c r="AA11898" s="19"/>
    </row>
    <row r="11899" spans="1:27" s="1" customFormat="1" ht="14.1" customHeight="1" outlineLevel="3" x14ac:dyDescent="0.2">
      <c r="A11899" s="17"/>
      <c r="B11899" s="17"/>
      <c r="C11899" s="17"/>
      <c r="D11899" s="18"/>
      <c r="E11899" s="18"/>
      <c r="F11899" s="18"/>
      <c r="G11899" s="18"/>
      <c r="H11899" s="18"/>
      <c r="I11899" s="18"/>
      <c r="J11899" s="18"/>
      <c r="K11899" s="18"/>
      <c r="L11899" s="18"/>
      <c r="M11899" s="18"/>
      <c r="N11899" s="18"/>
      <c r="O11899" s="18"/>
      <c r="P11899" s="19"/>
      <c r="Q11899" s="19"/>
      <c r="R11899" s="19"/>
      <c r="S11899" s="19"/>
      <c r="T11899" s="19"/>
      <c r="U11899" s="19"/>
      <c r="V11899" s="19"/>
      <c r="W11899" s="19"/>
      <c r="X11899" s="19"/>
      <c r="Y11899" s="19"/>
      <c r="Z11899" s="19"/>
      <c r="AA11899" s="19"/>
    </row>
    <row r="11900" spans="1:27" s="1" customFormat="1" ht="14.1" customHeight="1" outlineLevel="3" x14ac:dyDescent="0.2">
      <c r="A11900" s="17">
        <v>16524</v>
      </c>
      <c r="B11900" s="17"/>
      <c r="C11900" s="17"/>
      <c r="D11900" s="18" t="s">
        <v>5907</v>
      </c>
      <c r="E11900" s="18"/>
      <c r="F11900" s="18"/>
      <c r="G11900" s="18"/>
      <c r="H11900" s="18"/>
      <c r="I11900" s="18"/>
      <c r="J11900" s="18"/>
      <c r="K11900" s="18"/>
      <c r="L11900" s="18"/>
      <c r="M11900" s="18"/>
      <c r="N11900" s="18"/>
      <c r="O11900" s="18"/>
      <c r="P11900" s="19">
        <v>550</v>
      </c>
      <c r="Q11900" s="19"/>
      <c r="R11900" s="19"/>
      <c r="S11900" s="19"/>
      <c r="T11900" s="19">
        <v>210</v>
      </c>
      <c r="U11900" s="19"/>
      <c r="V11900" s="19"/>
      <c r="W11900" s="19"/>
      <c r="X11900" s="19">
        <v>1</v>
      </c>
      <c r="Y11900" s="19"/>
      <c r="Z11900" s="19"/>
      <c r="AA11900" s="19"/>
    </row>
    <row r="11901" spans="1:27" s="1" customFormat="1" ht="14.1" customHeight="1" outlineLevel="3" x14ac:dyDescent="0.2">
      <c r="A11901" s="17"/>
      <c r="B11901" s="17"/>
      <c r="C11901" s="17"/>
      <c r="D11901" s="18"/>
      <c r="E11901" s="18"/>
      <c r="F11901" s="18"/>
      <c r="G11901" s="18"/>
      <c r="H11901" s="18"/>
      <c r="I11901" s="18"/>
      <c r="J11901" s="18"/>
      <c r="K11901" s="18"/>
      <c r="L11901" s="18"/>
      <c r="M11901" s="18"/>
      <c r="N11901" s="18"/>
      <c r="O11901" s="18"/>
      <c r="P11901" s="19"/>
      <c r="Q11901" s="19"/>
      <c r="R11901" s="19"/>
      <c r="S11901" s="19"/>
      <c r="T11901" s="19"/>
      <c r="U11901" s="19"/>
      <c r="V11901" s="19"/>
      <c r="W11901" s="19"/>
      <c r="X11901" s="19"/>
      <c r="Y11901" s="19"/>
      <c r="Z11901" s="19"/>
      <c r="AA11901" s="19"/>
    </row>
    <row r="11902" spans="1:27" s="1" customFormat="1" ht="14.1" customHeight="1" outlineLevel="3" x14ac:dyDescent="0.2">
      <c r="A11902" s="17">
        <v>16525</v>
      </c>
      <c r="B11902" s="17"/>
      <c r="C11902" s="17"/>
      <c r="D11902" s="18" t="s">
        <v>5908</v>
      </c>
      <c r="E11902" s="18"/>
      <c r="F11902" s="18"/>
      <c r="G11902" s="18"/>
      <c r="H11902" s="18"/>
      <c r="I11902" s="18"/>
      <c r="J11902" s="18"/>
      <c r="K11902" s="18"/>
      <c r="L11902" s="18"/>
      <c r="M11902" s="18"/>
      <c r="N11902" s="18"/>
      <c r="O11902" s="18"/>
      <c r="P11902" s="19">
        <v>550</v>
      </c>
      <c r="Q11902" s="19"/>
      <c r="R11902" s="19"/>
      <c r="S11902" s="19"/>
      <c r="T11902" s="19">
        <v>210</v>
      </c>
      <c r="U11902" s="19"/>
      <c r="V11902" s="19"/>
      <c r="W11902" s="19"/>
      <c r="X11902" s="19">
        <v>1</v>
      </c>
      <c r="Y11902" s="19"/>
      <c r="Z11902" s="19"/>
      <c r="AA11902" s="19"/>
    </row>
    <row r="11903" spans="1:27" s="1" customFormat="1" ht="14.1" customHeight="1" outlineLevel="3" x14ac:dyDescent="0.2">
      <c r="A11903" s="17"/>
      <c r="B11903" s="17"/>
      <c r="C11903" s="17"/>
      <c r="D11903" s="18"/>
      <c r="E11903" s="18"/>
      <c r="F11903" s="18"/>
      <c r="G11903" s="18"/>
      <c r="H11903" s="18"/>
      <c r="I11903" s="18"/>
      <c r="J11903" s="18"/>
      <c r="K11903" s="18"/>
      <c r="L11903" s="18"/>
      <c r="M11903" s="18"/>
      <c r="N11903" s="18"/>
      <c r="O11903" s="18"/>
      <c r="P11903" s="19"/>
      <c r="Q11903" s="19"/>
      <c r="R11903" s="19"/>
      <c r="S11903" s="19"/>
      <c r="T11903" s="19"/>
      <c r="U11903" s="19"/>
      <c r="V11903" s="19"/>
      <c r="W11903" s="19"/>
      <c r="X11903" s="19"/>
      <c r="Y11903" s="19"/>
      <c r="Z11903" s="19"/>
      <c r="AA11903" s="19"/>
    </row>
    <row r="11904" spans="1:27" s="1" customFormat="1" ht="14.1" customHeight="1" outlineLevel="3" x14ac:dyDescent="0.2">
      <c r="A11904" s="17">
        <v>16527</v>
      </c>
      <c r="B11904" s="17"/>
      <c r="C11904" s="17"/>
      <c r="D11904" s="18" t="s">
        <v>5909</v>
      </c>
      <c r="E11904" s="18"/>
      <c r="F11904" s="18"/>
      <c r="G11904" s="18"/>
      <c r="H11904" s="18"/>
      <c r="I11904" s="18"/>
      <c r="J11904" s="18"/>
      <c r="K11904" s="18"/>
      <c r="L11904" s="18"/>
      <c r="M11904" s="18"/>
      <c r="N11904" s="18"/>
      <c r="O11904" s="18"/>
      <c r="P11904" s="19">
        <v>550</v>
      </c>
      <c r="Q11904" s="19"/>
      <c r="R11904" s="19"/>
      <c r="S11904" s="19"/>
      <c r="T11904" s="19">
        <v>210</v>
      </c>
      <c r="U11904" s="19"/>
      <c r="V11904" s="19"/>
      <c r="W11904" s="19"/>
      <c r="X11904" s="19">
        <v>1</v>
      </c>
      <c r="Y11904" s="19"/>
      <c r="Z11904" s="19"/>
      <c r="AA11904" s="19"/>
    </row>
    <row r="11905" spans="1:27" s="1" customFormat="1" ht="14.1" customHeight="1" outlineLevel="3" x14ac:dyDescent="0.2">
      <c r="A11905" s="17"/>
      <c r="B11905" s="17"/>
      <c r="C11905" s="17"/>
      <c r="D11905" s="18"/>
      <c r="E11905" s="18"/>
      <c r="F11905" s="18"/>
      <c r="G11905" s="18"/>
      <c r="H11905" s="18"/>
      <c r="I11905" s="18"/>
      <c r="J11905" s="18"/>
      <c r="K11905" s="18"/>
      <c r="L11905" s="18"/>
      <c r="M11905" s="18"/>
      <c r="N11905" s="18"/>
      <c r="O11905" s="18"/>
      <c r="P11905" s="19"/>
      <c r="Q11905" s="19"/>
      <c r="R11905" s="19"/>
      <c r="S11905" s="19"/>
      <c r="T11905" s="19"/>
      <c r="U11905" s="19"/>
      <c r="V11905" s="19"/>
      <c r="W11905" s="19"/>
      <c r="X11905" s="19"/>
      <c r="Y11905" s="19"/>
      <c r="Z11905" s="19"/>
      <c r="AA11905" s="19"/>
    </row>
    <row r="11906" spans="1:27" s="1" customFormat="1" ht="11.1" customHeight="1" outlineLevel="3" x14ac:dyDescent="0.2">
      <c r="A11906" s="17">
        <v>16559</v>
      </c>
      <c r="B11906" s="17"/>
      <c r="C11906" s="17"/>
      <c r="D11906" s="18" t="s">
        <v>5910</v>
      </c>
      <c r="E11906" s="18"/>
      <c r="F11906" s="18"/>
      <c r="G11906" s="18"/>
      <c r="H11906" s="18"/>
      <c r="I11906" s="18"/>
      <c r="J11906" s="18"/>
      <c r="K11906" s="18"/>
      <c r="L11906" s="18"/>
      <c r="M11906" s="18"/>
      <c r="N11906" s="18"/>
      <c r="O11906" s="18"/>
      <c r="P11906" s="19">
        <v>550</v>
      </c>
      <c r="Q11906" s="19"/>
      <c r="R11906" s="19"/>
      <c r="S11906" s="19"/>
      <c r="T11906" s="19">
        <v>210</v>
      </c>
      <c r="U11906" s="19"/>
      <c r="V11906" s="19"/>
      <c r="W11906" s="19"/>
      <c r="X11906" s="19">
        <v>1</v>
      </c>
      <c r="Y11906" s="19"/>
      <c r="Z11906" s="19"/>
      <c r="AA11906" s="19"/>
    </row>
    <row r="11907" spans="1:27" s="1" customFormat="1" ht="11.1" customHeight="1" outlineLevel="3" x14ac:dyDescent="0.2">
      <c r="A11907" s="17"/>
      <c r="B11907" s="17"/>
      <c r="C11907" s="17"/>
      <c r="D11907" s="18"/>
      <c r="E11907" s="18"/>
      <c r="F11907" s="18"/>
      <c r="G11907" s="18"/>
      <c r="H11907" s="18"/>
      <c r="I11907" s="18"/>
      <c r="J11907" s="18"/>
      <c r="K11907" s="18"/>
      <c r="L11907" s="18"/>
      <c r="M11907" s="18"/>
      <c r="N11907" s="18"/>
      <c r="O11907" s="18"/>
      <c r="P11907" s="19"/>
      <c r="Q11907" s="19"/>
      <c r="R11907" s="19"/>
      <c r="S11907" s="19"/>
      <c r="T11907" s="19"/>
      <c r="U11907" s="19"/>
      <c r="V11907" s="19"/>
      <c r="W11907" s="19"/>
      <c r="X11907" s="19"/>
      <c r="Y11907" s="19"/>
      <c r="Z11907" s="19"/>
      <c r="AA11907" s="19"/>
    </row>
    <row r="11908" spans="1:27" s="1" customFormat="1" ht="11.1" customHeight="1" outlineLevel="3" x14ac:dyDescent="0.2">
      <c r="A11908" s="17">
        <v>16558</v>
      </c>
      <c r="B11908" s="17"/>
      <c r="C11908" s="17"/>
      <c r="D11908" s="18" t="s">
        <v>5911</v>
      </c>
      <c r="E11908" s="18"/>
      <c r="F11908" s="18"/>
      <c r="G11908" s="18"/>
      <c r="H11908" s="18"/>
      <c r="I11908" s="18"/>
      <c r="J11908" s="18"/>
      <c r="K11908" s="18"/>
      <c r="L11908" s="18"/>
      <c r="M11908" s="18"/>
      <c r="N11908" s="18"/>
      <c r="O11908" s="18"/>
      <c r="P11908" s="19">
        <v>550</v>
      </c>
      <c r="Q11908" s="19"/>
      <c r="R11908" s="19"/>
      <c r="S11908" s="19"/>
      <c r="T11908" s="19">
        <v>210</v>
      </c>
      <c r="U11908" s="19"/>
      <c r="V11908" s="19"/>
      <c r="W11908" s="19"/>
      <c r="X11908" s="19">
        <v>1</v>
      </c>
      <c r="Y11908" s="19"/>
      <c r="Z11908" s="19"/>
      <c r="AA11908" s="19"/>
    </row>
    <row r="11909" spans="1:27" s="1" customFormat="1" ht="11.1" customHeight="1" outlineLevel="3" x14ac:dyDescent="0.2">
      <c r="A11909" s="17"/>
      <c r="B11909" s="17"/>
      <c r="C11909" s="17"/>
      <c r="D11909" s="18"/>
      <c r="E11909" s="18"/>
      <c r="F11909" s="18"/>
      <c r="G11909" s="18"/>
      <c r="H11909" s="18"/>
      <c r="I11909" s="18"/>
      <c r="J11909" s="18"/>
      <c r="K11909" s="18"/>
      <c r="L11909" s="18"/>
      <c r="M11909" s="18"/>
      <c r="N11909" s="18"/>
      <c r="O11909" s="18"/>
      <c r="P11909" s="19"/>
      <c r="Q11909" s="19"/>
      <c r="R11909" s="19"/>
      <c r="S11909" s="19"/>
      <c r="T11909" s="19"/>
      <c r="U11909" s="19"/>
      <c r="V11909" s="19"/>
      <c r="W11909" s="19"/>
      <c r="X11909" s="19"/>
      <c r="Y11909" s="19"/>
      <c r="Z11909" s="19"/>
      <c r="AA11909" s="19"/>
    </row>
    <row r="11910" spans="1:27" s="1" customFormat="1" ht="11.1" customHeight="1" outlineLevel="3" x14ac:dyDescent="0.2">
      <c r="A11910" s="17">
        <v>16553</v>
      </c>
      <c r="B11910" s="17"/>
      <c r="C11910" s="17"/>
      <c r="D11910" s="18" t="s">
        <v>5912</v>
      </c>
      <c r="E11910" s="18"/>
      <c r="F11910" s="18"/>
      <c r="G11910" s="18"/>
      <c r="H11910" s="18"/>
      <c r="I11910" s="18"/>
      <c r="J11910" s="18"/>
      <c r="K11910" s="18"/>
      <c r="L11910" s="18"/>
      <c r="M11910" s="18"/>
      <c r="N11910" s="18"/>
      <c r="O11910" s="18"/>
      <c r="P11910" s="19">
        <v>550</v>
      </c>
      <c r="Q11910" s="19"/>
      <c r="R11910" s="19"/>
      <c r="S11910" s="19"/>
      <c r="T11910" s="19">
        <v>210</v>
      </c>
      <c r="U11910" s="19"/>
      <c r="V11910" s="19"/>
      <c r="W11910" s="19"/>
      <c r="X11910" s="19">
        <v>1</v>
      </c>
      <c r="Y11910" s="19"/>
      <c r="Z11910" s="19"/>
      <c r="AA11910" s="19"/>
    </row>
    <row r="11911" spans="1:27" s="1" customFormat="1" ht="11.1" customHeight="1" outlineLevel="3" x14ac:dyDescent="0.2">
      <c r="A11911" s="17"/>
      <c r="B11911" s="17"/>
      <c r="C11911" s="17"/>
      <c r="D11911" s="18"/>
      <c r="E11911" s="18"/>
      <c r="F11911" s="18"/>
      <c r="G11911" s="18"/>
      <c r="H11911" s="18"/>
      <c r="I11911" s="18"/>
      <c r="J11911" s="18"/>
      <c r="K11911" s="18"/>
      <c r="L11911" s="18"/>
      <c r="M11911" s="18"/>
      <c r="N11911" s="18"/>
      <c r="O11911" s="18"/>
      <c r="P11911" s="19"/>
      <c r="Q11911" s="19"/>
      <c r="R11911" s="19"/>
      <c r="S11911" s="19"/>
      <c r="T11911" s="19"/>
      <c r="U11911" s="19"/>
      <c r="V11911" s="19"/>
      <c r="W11911" s="19"/>
      <c r="X11911" s="19"/>
      <c r="Y11911" s="19"/>
      <c r="Z11911" s="19"/>
      <c r="AA11911" s="19"/>
    </row>
    <row r="11912" spans="1:27" s="1" customFormat="1" ht="11.1" customHeight="1" outlineLevel="3" x14ac:dyDescent="0.2">
      <c r="A11912" s="17">
        <v>16554</v>
      </c>
      <c r="B11912" s="17"/>
      <c r="C11912" s="17"/>
      <c r="D11912" s="18" t="s">
        <v>5913</v>
      </c>
      <c r="E11912" s="18"/>
      <c r="F11912" s="18"/>
      <c r="G11912" s="18"/>
      <c r="H11912" s="18"/>
      <c r="I11912" s="18"/>
      <c r="J11912" s="18"/>
      <c r="K11912" s="18"/>
      <c r="L11912" s="18"/>
      <c r="M11912" s="18"/>
      <c r="N11912" s="18"/>
      <c r="O11912" s="18"/>
      <c r="P11912" s="19">
        <v>550</v>
      </c>
      <c r="Q11912" s="19"/>
      <c r="R11912" s="19"/>
      <c r="S11912" s="19"/>
      <c r="T11912" s="19">
        <v>210</v>
      </c>
      <c r="U11912" s="19"/>
      <c r="V11912" s="19"/>
      <c r="W11912" s="19"/>
      <c r="X11912" s="19">
        <v>1</v>
      </c>
      <c r="Y11912" s="19"/>
      <c r="Z11912" s="19"/>
      <c r="AA11912" s="19"/>
    </row>
    <row r="11913" spans="1:27" s="1" customFormat="1" ht="11.1" customHeight="1" outlineLevel="3" x14ac:dyDescent="0.2">
      <c r="A11913" s="17"/>
      <c r="B11913" s="17"/>
      <c r="C11913" s="17"/>
      <c r="D11913" s="18"/>
      <c r="E11913" s="18"/>
      <c r="F11913" s="18"/>
      <c r="G11913" s="18"/>
      <c r="H11913" s="18"/>
      <c r="I11913" s="18"/>
      <c r="J11913" s="18"/>
      <c r="K11913" s="18"/>
      <c r="L11913" s="18"/>
      <c r="M11913" s="18"/>
      <c r="N11913" s="18"/>
      <c r="O11913" s="18"/>
      <c r="P11913" s="19"/>
      <c r="Q11913" s="19"/>
      <c r="R11913" s="19"/>
      <c r="S11913" s="19"/>
      <c r="T11913" s="19"/>
      <c r="U11913" s="19"/>
      <c r="V11913" s="19"/>
      <c r="W11913" s="19"/>
      <c r="X11913" s="19"/>
      <c r="Y11913" s="19"/>
      <c r="Z11913" s="19"/>
      <c r="AA11913" s="19"/>
    </row>
    <row r="11914" spans="1:27" s="1" customFormat="1" ht="11.1" customHeight="1" outlineLevel="3" x14ac:dyDescent="0.2">
      <c r="A11914" s="17">
        <v>16557</v>
      </c>
      <c r="B11914" s="17"/>
      <c r="C11914" s="17"/>
      <c r="D11914" s="18" t="s">
        <v>5914</v>
      </c>
      <c r="E11914" s="18"/>
      <c r="F11914" s="18"/>
      <c r="G11914" s="18"/>
      <c r="H11914" s="18"/>
      <c r="I11914" s="18"/>
      <c r="J11914" s="18"/>
      <c r="K11914" s="18"/>
      <c r="L11914" s="18"/>
      <c r="M11914" s="18"/>
      <c r="N11914" s="18"/>
      <c r="O11914" s="18"/>
      <c r="P11914" s="19">
        <v>550</v>
      </c>
      <c r="Q11914" s="19"/>
      <c r="R11914" s="19"/>
      <c r="S11914" s="19"/>
      <c r="T11914" s="19">
        <v>210</v>
      </c>
      <c r="U11914" s="19"/>
      <c r="V11914" s="19"/>
      <c r="W11914" s="19"/>
      <c r="X11914" s="19">
        <v>1</v>
      </c>
      <c r="Y11914" s="19"/>
      <c r="Z11914" s="19"/>
      <c r="AA11914" s="19"/>
    </row>
    <row r="11915" spans="1:27" s="1" customFormat="1" ht="11.1" customHeight="1" outlineLevel="3" x14ac:dyDescent="0.2">
      <c r="A11915" s="17"/>
      <c r="B11915" s="17"/>
      <c r="C11915" s="17"/>
      <c r="D11915" s="18"/>
      <c r="E11915" s="18"/>
      <c r="F11915" s="18"/>
      <c r="G11915" s="18"/>
      <c r="H11915" s="18"/>
      <c r="I11915" s="18"/>
      <c r="J11915" s="18"/>
      <c r="K11915" s="18"/>
      <c r="L11915" s="18"/>
      <c r="M11915" s="18"/>
      <c r="N11915" s="18"/>
      <c r="O11915" s="18"/>
      <c r="P11915" s="19"/>
      <c r="Q11915" s="19"/>
      <c r="R11915" s="19"/>
      <c r="S11915" s="19"/>
      <c r="T11915" s="19"/>
      <c r="U11915" s="19"/>
      <c r="V11915" s="19"/>
      <c r="W11915" s="19"/>
      <c r="X11915" s="19"/>
      <c r="Y11915" s="19"/>
      <c r="Z11915" s="19"/>
      <c r="AA11915" s="19"/>
    </row>
    <row r="11916" spans="1:27" s="1" customFormat="1" ht="14.1" customHeight="1" outlineLevel="3" x14ac:dyDescent="0.2">
      <c r="A11916" s="17">
        <v>16571</v>
      </c>
      <c r="B11916" s="17"/>
      <c r="C11916" s="17"/>
      <c r="D11916" s="18" t="s">
        <v>5915</v>
      </c>
      <c r="E11916" s="18"/>
      <c r="F11916" s="18"/>
      <c r="G11916" s="18"/>
      <c r="H11916" s="18"/>
      <c r="I11916" s="18"/>
      <c r="J11916" s="18"/>
      <c r="K11916" s="18"/>
      <c r="L11916" s="18"/>
      <c r="M11916" s="18"/>
      <c r="N11916" s="18"/>
      <c r="O11916" s="18"/>
      <c r="P11916" s="19">
        <v>550</v>
      </c>
      <c r="Q11916" s="19"/>
      <c r="R11916" s="19"/>
      <c r="S11916" s="19"/>
      <c r="T11916" s="19">
        <v>210</v>
      </c>
      <c r="U11916" s="19"/>
      <c r="V11916" s="19"/>
      <c r="W11916" s="19"/>
      <c r="X11916" s="19">
        <v>1</v>
      </c>
      <c r="Y11916" s="19"/>
      <c r="Z11916" s="19"/>
      <c r="AA11916" s="19"/>
    </row>
    <row r="11917" spans="1:27" s="1" customFormat="1" ht="14.1" customHeight="1" outlineLevel="3" x14ac:dyDescent="0.2">
      <c r="A11917" s="17"/>
      <c r="B11917" s="17"/>
      <c r="C11917" s="17"/>
      <c r="D11917" s="18"/>
      <c r="E11917" s="18"/>
      <c r="F11917" s="18"/>
      <c r="G11917" s="18"/>
      <c r="H11917" s="18"/>
      <c r="I11917" s="18"/>
      <c r="J11917" s="18"/>
      <c r="K11917" s="18"/>
      <c r="L11917" s="18"/>
      <c r="M11917" s="18"/>
      <c r="N11917" s="18"/>
      <c r="O11917" s="18"/>
      <c r="P11917" s="19"/>
      <c r="Q11917" s="19"/>
      <c r="R11917" s="19"/>
      <c r="S11917" s="19"/>
      <c r="T11917" s="19"/>
      <c r="U11917" s="19"/>
      <c r="V11917" s="19"/>
      <c r="W11917" s="19"/>
      <c r="X11917" s="19"/>
      <c r="Y11917" s="19"/>
      <c r="Z11917" s="19"/>
      <c r="AA11917" s="19"/>
    </row>
    <row r="11918" spans="1:27" s="1" customFormat="1" ht="14.1" customHeight="1" outlineLevel="3" x14ac:dyDescent="0.2">
      <c r="A11918" s="17">
        <v>16573</v>
      </c>
      <c r="B11918" s="17"/>
      <c r="C11918" s="17"/>
      <c r="D11918" s="18" t="s">
        <v>5916</v>
      </c>
      <c r="E11918" s="18"/>
      <c r="F11918" s="18"/>
      <c r="G11918" s="18"/>
      <c r="H11918" s="18"/>
      <c r="I11918" s="18"/>
      <c r="J11918" s="18"/>
      <c r="K11918" s="18"/>
      <c r="L11918" s="18"/>
      <c r="M11918" s="18"/>
      <c r="N11918" s="18"/>
      <c r="O11918" s="18"/>
      <c r="P11918" s="19">
        <v>550</v>
      </c>
      <c r="Q11918" s="19"/>
      <c r="R11918" s="19"/>
      <c r="S11918" s="19"/>
      <c r="T11918" s="19">
        <v>210</v>
      </c>
      <c r="U11918" s="19"/>
      <c r="V11918" s="19"/>
      <c r="W11918" s="19"/>
      <c r="X11918" s="19">
        <v>1</v>
      </c>
      <c r="Y11918" s="19"/>
      <c r="Z11918" s="19"/>
      <c r="AA11918" s="19"/>
    </row>
    <row r="11919" spans="1:27" s="1" customFormat="1" ht="14.1" customHeight="1" outlineLevel="3" x14ac:dyDescent="0.2">
      <c r="A11919" s="17"/>
      <c r="B11919" s="17"/>
      <c r="C11919" s="17"/>
      <c r="D11919" s="18"/>
      <c r="E11919" s="18"/>
      <c r="F11919" s="18"/>
      <c r="G11919" s="18"/>
      <c r="H11919" s="18"/>
      <c r="I11919" s="18"/>
      <c r="J11919" s="18"/>
      <c r="K11919" s="18"/>
      <c r="L11919" s="18"/>
      <c r="M11919" s="18"/>
      <c r="N11919" s="18"/>
      <c r="O11919" s="18"/>
      <c r="P11919" s="19"/>
      <c r="Q11919" s="19"/>
      <c r="R11919" s="19"/>
      <c r="S11919" s="19"/>
      <c r="T11919" s="19"/>
      <c r="U11919" s="19"/>
      <c r="V11919" s="19"/>
      <c r="W11919" s="19"/>
      <c r="X11919" s="19"/>
      <c r="Y11919" s="19"/>
      <c r="Z11919" s="19"/>
      <c r="AA11919" s="19"/>
    </row>
    <row r="11920" spans="1:27" s="1" customFormat="1" ht="14.1" customHeight="1" outlineLevel="3" x14ac:dyDescent="0.2">
      <c r="A11920" s="17">
        <v>16567</v>
      </c>
      <c r="B11920" s="17"/>
      <c r="C11920" s="17"/>
      <c r="D11920" s="18" t="s">
        <v>5917</v>
      </c>
      <c r="E11920" s="18"/>
      <c r="F11920" s="18"/>
      <c r="G11920" s="18"/>
      <c r="H11920" s="18"/>
      <c r="I11920" s="18"/>
      <c r="J11920" s="18"/>
      <c r="K11920" s="18"/>
      <c r="L11920" s="18"/>
      <c r="M11920" s="18"/>
      <c r="N11920" s="18"/>
      <c r="O11920" s="18"/>
      <c r="P11920" s="19">
        <v>550</v>
      </c>
      <c r="Q11920" s="19"/>
      <c r="R11920" s="19"/>
      <c r="S11920" s="19"/>
      <c r="T11920" s="19">
        <v>210</v>
      </c>
      <c r="U11920" s="19"/>
      <c r="V11920" s="19"/>
      <c r="W11920" s="19"/>
      <c r="X11920" s="19">
        <v>1</v>
      </c>
      <c r="Y11920" s="19"/>
      <c r="Z11920" s="19"/>
      <c r="AA11920" s="19"/>
    </row>
    <row r="11921" spans="1:27" s="1" customFormat="1" ht="14.1" customHeight="1" outlineLevel="3" x14ac:dyDescent="0.2">
      <c r="A11921" s="17"/>
      <c r="B11921" s="17"/>
      <c r="C11921" s="17"/>
      <c r="D11921" s="18"/>
      <c r="E11921" s="18"/>
      <c r="F11921" s="18"/>
      <c r="G11921" s="18"/>
      <c r="H11921" s="18"/>
      <c r="I11921" s="18"/>
      <c r="J11921" s="18"/>
      <c r="K11921" s="18"/>
      <c r="L11921" s="18"/>
      <c r="M11921" s="18"/>
      <c r="N11921" s="18"/>
      <c r="O11921" s="18"/>
      <c r="P11921" s="19"/>
      <c r="Q11921" s="19"/>
      <c r="R11921" s="19"/>
      <c r="S11921" s="19"/>
      <c r="T11921" s="19"/>
      <c r="U11921" s="19"/>
      <c r="V11921" s="19"/>
      <c r="W11921" s="19"/>
      <c r="X11921" s="19"/>
      <c r="Y11921" s="19"/>
      <c r="Z11921" s="19"/>
      <c r="AA11921" s="19"/>
    </row>
    <row r="11922" spans="1:27" s="1" customFormat="1" ht="14.1" customHeight="1" outlineLevel="3" x14ac:dyDescent="0.2">
      <c r="A11922" s="17">
        <v>16570</v>
      </c>
      <c r="B11922" s="17"/>
      <c r="C11922" s="17"/>
      <c r="D11922" s="18" t="s">
        <v>5918</v>
      </c>
      <c r="E11922" s="18"/>
      <c r="F11922" s="18"/>
      <c r="G11922" s="18"/>
      <c r="H11922" s="18"/>
      <c r="I11922" s="18"/>
      <c r="J11922" s="18"/>
      <c r="K11922" s="18"/>
      <c r="L11922" s="18"/>
      <c r="M11922" s="18"/>
      <c r="N11922" s="18"/>
      <c r="O11922" s="18"/>
      <c r="P11922" s="19">
        <v>550</v>
      </c>
      <c r="Q11922" s="19"/>
      <c r="R11922" s="19"/>
      <c r="S11922" s="19"/>
      <c r="T11922" s="19">
        <v>210</v>
      </c>
      <c r="U11922" s="19"/>
      <c r="V11922" s="19"/>
      <c r="W11922" s="19"/>
      <c r="X11922" s="19">
        <v>1</v>
      </c>
      <c r="Y11922" s="19"/>
      <c r="Z11922" s="19"/>
      <c r="AA11922" s="19"/>
    </row>
    <row r="11923" spans="1:27" s="1" customFormat="1" ht="14.1" customHeight="1" outlineLevel="3" x14ac:dyDescent="0.2">
      <c r="A11923" s="17"/>
      <c r="B11923" s="17"/>
      <c r="C11923" s="17"/>
      <c r="D11923" s="18"/>
      <c r="E11923" s="18"/>
      <c r="F11923" s="18"/>
      <c r="G11923" s="18"/>
      <c r="H11923" s="18"/>
      <c r="I11923" s="18"/>
      <c r="J11923" s="18"/>
      <c r="K11923" s="18"/>
      <c r="L11923" s="18"/>
      <c r="M11923" s="18"/>
      <c r="N11923" s="18"/>
      <c r="O11923" s="18"/>
      <c r="P11923" s="19"/>
      <c r="Q11923" s="19"/>
      <c r="R11923" s="19"/>
      <c r="S11923" s="19"/>
      <c r="T11923" s="19"/>
      <c r="U11923" s="19"/>
      <c r="V11923" s="19"/>
      <c r="W11923" s="19"/>
      <c r="X11923" s="19"/>
      <c r="Y11923" s="19"/>
      <c r="Z11923" s="19"/>
      <c r="AA11923" s="19"/>
    </row>
    <row r="11924" spans="1:27" s="1" customFormat="1" ht="14.1" customHeight="1" outlineLevel="3" x14ac:dyDescent="0.2">
      <c r="A11924" s="17">
        <v>16560</v>
      </c>
      <c r="B11924" s="17"/>
      <c r="C11924" s="17"/>
      <c r="D11924" s="18" t="s">
        <v>5919</v>
      </c>
      <c r="E11924" s="18"/>
      <c r="F11924" s="18"/>
      <c r="G11924" s="18"/>
      <c r="H11924" s="18"/>
      <c r="I11924" s="18"/>
      <c r="J11924" s="18"/>
      <c r="K11924" s="18"/>
      <c r="L11924" s="18"/>
      <c r="M11924" s="18"/>
      <c r="N11924" s="18"/>
      <c r="O11924" s="18"/>
      <c r="P11924" s="19">
        <v>550</v>
      </c>
      <c r="Q11924" s="19"/>
      <c r="R11924" s="19"/>
      <c r="S11924" s="19"/>
      <c r="T11924" s="19">
        <v>210</v>
      </c>
      <c r="U11924" s="19"/>
      <c r="V11924" s="19"/>
      <c r="W11924" s="19"/>
      <c r="X11924" s="19">
        <v>1</v>
      </c>
      <c r="Y11924" s="19"/>
      <c r="Z11924" s="19"/>
      <c r="AA11924" s="19"/>
    </row>
    <row r="11925" spans="1:27" s="1" customFormat="1" ht="14.1" customHeight="1" outlineLevel="3" x14ac:dyDescent="0.2">
      <c r="A11925" s="17"/>
      <c r="B11925" s="17"/>
      <c r="C11925" s="17"/>
      <c r="D11925" s="18"/>
      <c r="E11925" s="18"/>
      <c r="F11925" s="18"/>
      <c r="G11925" s="18"/>
      <c r="H11925" s="18"/>
      <c r="I11925" s="18"/>
      <c r="J11925" s="18"/>
      <c r="K11925" s="18"/>
      <c r="L11925" s="18"/>
      <c r="M11925" s="18"/>
      <c r="N11925" s="18"/>
      <c r="O11925" s="18"/>
      <c r="P11925" s="19"/>
      <c r="Q11925" s="19"/>
      <c r="R11925" s="19"/>
      <c r="S11925" s="19"/>
      <c r="T11925" s="19"/>
      <c r="U11925" s="19"/>
      <c r="V11925" s="19"/>
      <c r="W11925" s="19"/>
      <c r="X11925" s="19"/>
      <c r="Y11925" s="19"/>
      <c r="Z11925" s="19"/>
      <c r="AA11925" s="19"/>
    </row>
    <row r="11926" spans="1:27" s="1" customFormat="1" ht="14.1" customHeight="1" outlineLevel="3" x14ac:dyDescent="0.2">
      <c r="A11926" s="17">
        <v>16561</v>
      </c>
      <c r="B11926" s="17"/>
      <c r="C11926" s="17"/>
      <c r="D11926" s="18" t="s">
        <v>5920</v>
      </c>
      <c r="E11926" s="18"/>
      <c r="F11926" s="18"/>
      <c r="G11926" s="18"/>
      <c r="H11926" s="18"/>
      <c r="I11926" s="18"/>
      <c r="J11926" s="18"/>
      <c r="K11926" s="18"/>
      <c r="L11926" s="18"/>
      <c r="M11926" s="18"/>
      <c r="N11926" s="18"/>
      <c r="O11926" s="18"/>
      <c r="P11926" s="19">
        <v>550</v>
      </c>
      <c r="Q11926" s="19"/>
      <c r="R11926" s="19"/>
      <c r="S11926" s="19"/>
      <c r="T11926" s="19">
        <v>210</v>
      </c>
      <c r="U11926" s="19"/>
      <c r="V11926" s="19"/>
      <c r="W11926" s="19"/>
      <c r="X11926" s="19">
        <v>1</v>
      </c>
      <c r="Y11926" s="19"/>
      <c r="Z11926" s="19"/>
      <c r="AA11926" s="19"/>
    </row>
    <row r="11927" spans="1:27" s="1" customFormat="1" ht="14.1" customHeight="1" outlineLevel="3" x14ac:dyDescent="0.2">
      <c r="A11927" s="17"/>
      <c r="B11927" s="17"/>
      <c r="C11927" s="17"/>
      <c r="D11927" s="18"/>
      <c r="E11927" s="18"/>
      <c r="F11927" s="18"/>
      <c r="G11927" s="18"/>
      <c r="H11927" s="18"/>
      <c r="I11927" s="18"/>
      <c r="J11927" s="18"/>
      <c r="K11927" s="18"/>
      <c r="L11927" s="18"/>
      <c r="M11927" s="18"/>
      <c r="N11927" s="18"/>
      <c r="O11927" s="18"/>
      <c r="P11927" s="19"/>
      <c r="Q11927" s="19"/>
      <c r="R11927" s="19"/>
      <c r="S11927" s="19"/>
      <c r="T11927" s="19"/>
      <c r="U11927" s="19"/>
      <c r="V11927" s="19"/>
      <c r="W11927" s="19"/>
      <c r="X11927" s="19"/>
      <c r="Y11927" s="19"/>
      <c r="Z11927" s="19"/>
      <c r="AA11927" s="19"/>
    </row>
    <row r="11928" spans="1:27" s="1" customFormat="1" ht="14.1" customHeight="1" outlineLevel="3" x14ac:dyDescent="0.2">
      <c r="A11928" s="17">
        <v>16566</v>
      </c>
      <c r="B11928" s="17"/>
      <c r="C11928" s="17"/>
      <c r="D11928" s="18" t="s">
        <v>5921</v>
      </c>
      <c r="E11928" s="18"/>
      <c r="F11928" s="18"/>
      <c r="G11928" s="18"/>
      <c r="H11928" s="18"/>
      <c r="I11928" s="18"/>
      <c r="J11928" s="18"/>
      <c r="K11928" s="18"/>
      <c r="L11928" s="18"/>
      <c r="M11928" s="18"/>
      <c r="N11928" s="18"/>
      <c r="O11928" s="18"/>
      <c r="P11928" s="19">
        <v>550</v>
      </c>
      <c r="Q11928" s="19"/>
      <c r="R11928" s="19"/>
      <c r="S11928" s="19"/>
      <c r="T11928" s="19">
        <v>210</v>
      </c>
      <c r="U11928" s="19"/>
      <c r="V11928" s="19"/>
      <c r="W11928" s="19"/>
      <c r="X11928" s="19">
        <v>1</v>
      </c>
      <c r="Y11928" s="19"/>
      <c r="Z11928" s="19"/>
      <c r="AA11928" s="19"/>
    </row>
    <row r="11929" spans="1:27" s="1" customFormat="1" ht="14.1" customHeight="1" outlineLevel="3" x14ac:dyDescent="0.2">
      <c r="A11929" s="17"/>
      <c r="B11929" s="17"/>
      <c r="C11929" s="17"/>
      <c r="D11929" s="18"/>
      <c r="E11929" s="18"/>
      <c r="F11929" s="18"/>
      <c r="G11929" s="18"/>
      <c r="H11929" s="18"/>
      <c r="I11929" s="18"/>
      <c r="J11929" s="18"/>
      <c r="K11929" s="18"/>
      <c r="L11929" s="18"/>
      <c r="M11929" s="18"/>
      <c r="N11929" s="18"/>
      <c r="O11929" s="18"/>
      <c r="P11929" s="19"/>
      <c r="Q11929" s="19"/>
      <c r="R11929" s="19"/>
      <c r="S11929" s="19"/>
      <c r="T11929" s="19"/>
      <c r="U11929" s="19"/>
      <c r="V11929" s="19"/>
      <c r="W11929" s="19"/>
      <c r="X11929" s="19"/>
      <c r="Y11929" s="19"/>
      <c r="Z11929" s="19"/>
      <c r="AA11929" s="19"/>
    </row>
    <row r="11930" spans="1:27" s="1" customFormat="1" ht="11.1" customHeight="1" outlineLevel="3" x14ac:dyDescent="0.2">
      <c r="A11930" s="17">
        <v>16389</v>
      </c>
      <c r="B11930" s="17"/>
      <c r="C11930" s="17"/>
      <c r="D11930" s="18" t="s">
        <v>5922</v>
      </c>
      <c r="E11930" s="18"/>
      <c r="F11930" s="18"/>
      <c r="G11930" s="18"/>
      <c r="H11930" s="18"/>
      <c r="I11930" s="18"/>
      <c r="J11930" s="18"/>
      <c r="K11930" s="18"/>
      <c r="L11930" s="18"/>
      <c r="M11930" s="18"/>
      <c r="N11930" s="18"/>
      <c r="O11930" s="18"/>
      <c r="P11930" s="19">
        <v>400</v>
      </c>
      <c r="Q11930" s="19"/>
      <c r="R11930" s="19"/>
      <c r="S11930" s="19"/>
      <c r="T11930" s="19">
        <v>190</v>
      </c>
      <c r="U11930" s="19"/>
      <c r="V11930" s="19"/>
      <c r="W11930" s="19"/>
      <c r="X11930" s="19">
        <v>1</v>
      </c>
      <c r="Y11930" s="19"/>
      <c r="Z11930" s="19"/>
      <c r="AA11930" s="19"/>
    </row>
    <row r="11931" spans="1:27" s="1" customFormat="1" ht="11.1" customHeight="1" outlineLevel="3" x14ac:dyDescent="0.2">
      <c r="A11931" s="17"/>
      <c r="B11931" s="17"/>
      <c r="C11931" s="17"/>
      <c r="D11931" s="18"/>
      <c r="E11931" s="18"/>
      <c r="F11931" s="18"/>
      <c r="G11931" s="18"/>
      <c r="H11931" s="18"/>
      <c r="I11931" s="18"/>
      <c r="J11931" s="18"/>
      <c r="K11931" s="18"/>
      <c r="L11931" s="18"/>
      <c r="M11931" s="18"/>
      <c r="N11931" s="18"/>
      <c r="O11931" s="18"/>
      <c r="P11931" s="19"/>
      <c r="Q11931" s="19"/>
      <c r="R11931" s="19"/>
      <c r="S11931" s="19"/>
      <c r="T11931" s="19"/>
      <c r="U11931" s="19"/>
      <c r="V11931" s="19"/>
      <c r="W11931" s="19"/>
      <c r="X11931" s="19"/>
      <c r="Y11931" s="19"/>
      <c r="Z11931" s="19"/>
      <c r="AA11931" s="19"/>
    </row>
    <row r="11932" spans="1:27" s="1" customFormat="1" ht="11.1" customHeight="1" outlineLevel="3" x14ac:dyDescent="0.2">
      <c r="A11932" s="17">
        <v>15909</v>
      </c>
      <c r="B11932" s="17"/>
      <c r="C11932" s="17"/>
      <c r="D11932" s="18" t="s">
        <v>5923</v>
      </c>
      <c r="E11932" s="18"/>
      <c r="F11932" s="18"/>
      <c r="G11932" s="18"/>
      <c r="H11932" s="18"/>
      <c r="I11932" s="18"/>
      <c r="J11932" s="18"/>
      <c r="K11932" s="18"/>
      <c r="L11932" s="18"/>
      <c r="M11932" s="18"/>
      <c r="N11932" s="18"/>
      <c r="O11932" s="18"/>
      <c r="P11932" s="19">
        <v>400</v>
      </c>
      <c r="Q11932" s="19"/>
      <c r="R11932" s="19"/>
      <c r="S11932" s="19"/>
      <c r="T11932" s="19">
        <v>190</v>
      </c>
      <c r="U11932" s="19"/>
      <c r="V11932" s="19"/>
      <c r="W11932" s="19"/>
      <c r="X11932" s="19">
        <v>1</v>
      </c>
      <c r="Y11932" s="19"/>
      <c r="Z11932" s="19"/>
      <c r="AA11932" s="19"/>
    </row>
    <row r="11933" spans="1:27" s="1" customFormat="1" ht="11.1" customHeight="1" outlineLevel="3" x14ac:dyDescent="0.2">
      <c r="A11933" s="17"/>
      <c r="B11933" s="17"/>
      <c r="C11933" s="17"/>
      <c r="D11933" s="18"/>
      <c r="E11933" s="18"/>
      <c r="F11933" s="18"/>
      <c r="G11933" s="18"/>
      <c r="H11933" s="18"/>
      <c r="I11933" s="18"/>
      <c r="J11933" s="18"/>
      <c r="K11933" s="18"/>
      <c r="L11933" s="18"/>
      <c r="M11933" s="18"/>
      <c r="N11933" s="18"/>
      <c r="O11933" s="18"/>
      <c r="P11933" s="19"/>
      <c r="Q11933" s="19"/>
      <c r="R11933" s="19"/>
      <c r="S11933" s="19"/>
      <c r="T11933" s="19"/>
      <c r="U11933" s="19"/>
      <c r="V11933" s="19"/>
      <c r="W11933" s="19"/>
      <c r="X11933" s="19"/>
      <c r="Y11933" s="19"/>
      <c r="Z11933" s="19"/>
      <c r="AA11933" s="19"/>
    </row>
    <row r="11934" spans="1:27" s="1" customFormat="1" ht="14.1" customHeight="1" outlineLevel="3" x14ac:dyDescent="0.2">
      <c r="A11934" s="17">
        <v>15911</v>
      </c>
      <c r="B11934" s="17"/>
      <c r="C11934" s="17"/>
      <c r="D11934" s="18" t="s">
        <v>5924</v>
      </c>
      <c r="E11934" s="18"/>
      <c r="F11934" s="18"/>
      <c r="G11934" s="18"/>
      <c r="H11934" s="18"/>
      <c r="I11934" s="18"/>
      <c r="J11934" s="18"/>
      <c r="K11934" s="18"/>
      <c r="L11934" s="18"/>
      <c r="M11934" s="18"/>
      <c r="N11934" s="18"/>
      <c r="O11934" s="18"/>
      <c r="P11934" s="19">
        <v>400</v>
      </c>
      <c r="Q11934" s="19"/>
      <c r="R11934" s="19"/>
      <c r="S11934" s="19"/>
      <c r="T11934" s="19">
        <v>150</v>
      </c>
      <c r="U11934" s="19"/>
      <c r="V11934" s="19"/>
      <c r="W11934" s="19"/>
      <c r="X11934" s="19">
        <v>1</v>
      </c>
      <c r="Y11934" s="19"/>
      <c r="Z11934" s="19"/>
      <c r="AA11934" s="19"/>
    </row>
    <row r="11935" spans="1:27" s="1" customFormat="1" ht="14.1" customHeight="1" outlineLevel="3" x14ac:dyDescent="0.2">
      <c r="A11935" s="17"/>
      <c r="B11935" s="17"/>
      <c r="C11935" s="17"/>
      <c r="D11935" s="18"/>
      <c r="E11935" s="18"/>
      <c r="F11935" s="18"/>
      <c r="G11935" s="18"/>
      <c r="H11935" s="18"/>
      <c r="I11935" s="18"/>
      <c r="J11935" s="18"/>
      <c r="K11935" s="18"/>
      <c r="L11935" s="18"/>
      <c r="M11935" s="18"/>
      <c r="N11935" s="18"/>
      <c r="O11935" s="18"/>
      <c r="P11935" s="19"/>
      <c r="Q11935" s="19"/>
      <c r="R11935" s="19"/>
      <c r="S11935" s="19"/>
      <c r="T11935" s="19"/>
      <c r="U11935" s="19"/>
      <c r="V11935" s="19"/>
      <c r="W11935" s="19"/>
      <c r="X11935" s="19"/>
      <c r="Y11935" s="19"/>
      <c r="Z11935" s="19"/>
      <c r="AA11935" s="19"/>
    </row>
    <row r="11936" spans="1:27" s="1" customFormat="1" ht="11.1" customHeight="1" outlineLevel="3" x14ac:dyDescent="0.2">
      <c r="A11936" s="17">
        <v>16493</v>
      </c>
      <c r="B11936" s="17"/>
      <c r="C11936" s="17"/>
      <c r="D11936" s="18" t="s">
        <v>5925</v>
      </c>
      <c r="E11936" s="18"/>
      <c r="F11936" s="18"/>
      <c r="G11936" s="18"/>
      <c r="H11936" s="18"/>
      <c r="I11936" s="18"/>
      <c r="J11936" s="18"/>
      <c r="K11936" s="18"/>
      <c r="L11936" s="18"/>
      <c r="M11936" s="18"/>
      <c r="N11936" s="18"/>
      <c r="O11936" s="18"/>
      <c r="P11936" s="19">
        <v>450</v>
      </c>
      <c r="Q11936" s="19"/>
      <c r="R11936" s="19"/>
      <c r="S11936" s="19"/>
      <c r="T11936" s="19">
        <v>150</v>
      </c>
      <c r="U11936" s="19"/>
      <c r="V11936" s="19"/>
      <c r="W11936" s="19"/>
      <c r="X11936" s="19">
        <v>1</v>
      </c>
      <c r="Y11936" s="19"/>
      <c r="Z11936" s="19"/>
      <c r="AA11936" s="19"/>
    </row>
    <row r="11937" spans="1:27" s="1" customFormat="1" ht="11.1" customHeight="1" outlineLevel="3" x14ac:dyDescent="0.2">
      <c r="A11937" s="17"/>
      <c r="B11937" s="17"/>
      <c r="C11937" s="17"/>
      <c r="D11937" s="18"/>
      <c r="E11937" s="18"/>
      <c r="F11937" s="18"/>
      <c r="G11937" s="18"/>
      <c r="H11937" s="18"/>
      <c r="I11937" s="18"/>
      <c r="J11937" s="18"/>
      <c r="K11937" s="18"/>
      <c r="L11937" s="18"/>
      <c r="M11937" s="18"/>
      <c r="N11937" s="18"/>
      <c r="O11937" s="18"/>
      <c r="P11937" s="19"/>
      <c r="Q11937" s="19"/>
      <c r="R11937" s="19"/>
      <c r="S11937" s="19"/>
      <c r="T11937" s="19"/>
      <c r="U11937" s="19"/>
      <c r="V11937" s="19"/>
      <c r="W11937" s="19"/>
      <c r="X11937" s="19"/>
      <c r="Y11937" s="19"/>
      <c r="Z11937" s="19"/>
      <c r="AA11937" s="19"/>
    </row>
    <row r="11938" spans="1:27" s="1" customFormat="1" ht="11.1" customHeight="1" outlineLevel="3" x14ac:dyDescent="0.2">
      <c r="A11938" s="17">
        <v>16211</v>
      </c>
      <c r="B11938" s="17"/>
      <c r="C11938" s="17"/>
      <c r="D11938" s="18" t="s">
        <v>5926</v>
      </c>
      <c r="E11938" s="18"/>
      <c r="F11938" s="18"/>
      <c r="G11938" s="18"/>
      <c r="H11938" s="18"/>
      <c r="I11938" s="18"/>
      <c r="J11938" s="18"/>
      <c r="K11938" s="18"/>
      <c r="L11938" s="18"/>
      <c r="M11938" s="18"/>
      <c r="N11938" s="18"/>
      <c r="O11938" s="18"/>
      <c r="P11938" s="19">
        <v>450</v>
      </c>
      <c r="Q11938" s="19"/>
      <c r="R11938" s="19"/>
      <c r="S11938" s="19"/>
      <c r="T11938" s="19">
        <v>150</v>
      </c>
      <c r="U11938" s="19"/>
      <c r="V11938" s="19"/>
      <c r="W11938" s="19"/>
      <c r="X11938" s="19">
        <v>1</v>
      </c>
      <c r="Y11938" s="19"/>
      <c r="Z11938" s="19"/>
      <c r="AA11938" s="19"/>
    </row>
    <row r="11939" spans="1:27" s="1" customFormat="1" ht="11.1" customHeight="1" outlineLevel="3" x14ac:dyDescent="0.2">
      <c r="A11939" s="17"/>
      <c r="B11939" s="17"/>
      <c r="C11939" s="17"/>
      <c r="D11939" s="18"/>
      <c r="E11939" s="18"/>
      <c r="F11939" s="18"/>
      <c r="G11939" s="18"/>
      <c r="H11939" s="18"/>
      <c r="I11939" s="18"/>
      <c r="J11939" s="18"/>
      <c r="K11939" s="18"/>
      <c r="L11939" s="18"/>
      <c r="M11939" s="18"/>
      <c r="N11939" s="18"/>
      <c r="O11939" s="18"/>
      <c r="P11939" s="19"/>
      <c r="Q11939" s="19"/>
      <c r="R11939" s="19"/>
      <c r="S11939" s="19"/>
      <c r="T11939" s="19"/>
      <c r="U11939" s="19"/>
      <c r="V11939" s="19"/>
      <c r="W11939" s="19"/>
      <c r="X11939" s="19"/>
      <c r="Y11939" s="19"/>
      <c r="Z11939" s="19"/>
      <c r="AA11939" s="19"/>
    </row>
    <row r="11940" spans="1:27" s="1" customFormat="1" ht="11.1" customHeight="1" outlineLevel="3" x14ac:dyDescent="0.2">
      <c r="A11940" s="17">
        <v>16216</v>
      </c>
      <c r="B11940" s="17"/>
      <c r="C11940" s="17"/>
      <c r="D11940" s="18" t="s">
        <v>5927</v>
      </c>
      <c r="E11940" s="18"/>
      <c r="F11940" s="18"/>
      <c r="G11940" s="18"/>
      <c r="H11940" s="18"/>
      <c r="I11940" s="18"/>
      <c r="J11940" s="18"/>
      <c r="K11940" s="18"/>
      <c r="L11940" s="18"/>
      <c r="M11940" s="18"/>
      <c r="N11940" s="18"/>
      <c r="O11940" s="18"/>
      <c r="P11940" s="19">
        <v>450</v>
      </c>
      <c r="Q11940" s="19"/>
      <c r="R11940" s="19"/>
      <c r="S11940" s="19"/>
      <c r="T11940" s="19">
        <v>150</v>
      </c>
      <c r="U11940" s="19"/>
      <c r="V11940" s="19"/>
      <c r="W11940" s="19"/>
      <c r="X11940" s="19">
        <v>1</v>
      </c>
      <c r="Y11940" s="19"/>
      <c r="Z11940" s="19"/>
      <c r="AA11940" s="19"/>
    </row>
    <row r="11941" spans="1:27" s="1" customFormat="1" ht="11.1" customHeight="1" outlineLevel="3" x14ac:dyDescent="0.2">
      <c r="A11941" s="17"/>
      <c r="B11941" s="17"/>
      <c r="C11941" s="17"/>
      <c r="D11941" s="18"/>
      <c r="E11941" s="18"/>
      <c r="F11941" s="18"/>
      <c r="G11941" s="18"/>
      <c r="H11941" s="18"/>
      <c r="I11941" s="18"/>
      <c r="J11941" s="18"/>
      <c r="K11941" s="18"/>
      <c r="L11941" s="18"/>
      <c r="M11941" s="18"/>
      <c r="N11941" s="18"/>
      <c r="O11941" s="18"/>
      <c r="P11941" s="19"/>
      <c r="Q11941" s="19"/>
      <c r="R11941" s="19"/>
      <c r="S11941" s="19"/>
      <c r="T11941" s="19"/>
      <c r="U11941" s="19"/>
      <c r="V11941" s="19"/>
      <c r="W11941" s="19"/>
      <c r="X11941" s="19"/>
      <c r="Y11941" s="19"/>
      <c r="Z11941" s="19"/>
      <c r="AA11941" s="19"/>
    </row>
    <row r="11942" spans="1:27" s="1" customFormat="1" ht="11.1" customHeight="1" outlineLevel="3" x14ac:dyDescent="0.2">
      <c r="A11942" s="17">
        <v>16492</v>
      </c>
      <c r="B11942" s="17"/>
      <c r="C11942" s="17"/>
      <c r="D11942" s="18" t="s">
        <v>5928</v>
      </c>
      <c r="E11942" s="18"/>
      <c r="F11942" s="18"/>
      <c r="G11942" s="18"/>
      <c r="H11942" s="18"/>
      <c r="I11942" s="18"/>
      <c r="J11942" s="18"/>
      <c r="K11942" s="18"/>
      <c r="L11942" s="18"/>
      <c r="M11942" s="18"/>
      <c r="N11942" s="18"/>
      <c r="O11942" s="18"/>
      <c r="P11942" s="19">
        <v>450</v>
      </c>
      <c r="Q11942" s="19"/>
      <c r="R11942" s="19"/>
      <c r="S11942" s="19"/>
      <c r="T11942" s="19">
        <v>150</v>
      </c>
      <c r="U11942" s="19"/>
      <c r="V11942" s="19"/>
      <c r="W11942" s="19"/>
      <c r="X11942" s="19">
        <v>1</v>
      </c>
      <c r="Y11942" s="19"/>
      <c r="Z11942" s="19"/>
      <c r="AA11942" s="19"/>
    </row>
    <row r="11943" spans="1:27" s="1" customFormat="1" ht="11.1" customHeight="1" outlineLevel="3" x14ac:dyDescent="0.2">
      <c r="A11943" s="17"/>
      <c r="B11943" s="17"/>
      <c r="C11943" s="17"/>
      <c r="D11943" s="18"/>
      <c r="E11943" s="18"/>
      <c r="F11943" s="18"/>
      <c r="G11943" s="18"/>
      <c r="H11943" s="18"/>
      <c r="I11943" s="18"/>
      <c r="J11943" s="18"/>
      <c r="K11943" s="18"/>
      <c r="L11943" s="18"/>
      <c r="M11943" s="18"/>
      <c r="N11943" s="18"/>
      <c r="O11943" s="18"/>
      <c r="P11943" s="19"/>
      <c r="Q11943" s="19"/>
      <c r="R11943" s="19"/>
      <c r="S11943" s="19"/>
      <c r="T11943" s="19"/>
      <c r="U11943" s="19"/>
      <c r="V11943" s="19"/>
      <c r="W11943" s="19"/>
      <c r="X11943" s="19"/>
      <c r="Y11943" s="19"/>
      <c r="Z11943" s="19"/>
      <c r="AA11943" s="19"/>
    </row>
    <row r="11944" spans="1:27" s="1" customFormat="1" ht="11.1" customHeight="1" outlineLevel="3" x14ac:dyDescent="0.2">
      <c r="A11944" s="17">
        <v>16208</v>
      </c>
      <c r="B11944" s="17"/>
      <c r="C11944" s="17"/>
      <c r="D11944" s="18" t="s">
        <v>5929</v>
      </c>
      <c r="E11944" s="18"/>
      <c r="F11944" s="18"/>
      <c r="G11944" s="18"/>
      <c r="H11944" s="18"/>
      <c r="I11944" s="18"/>
      <c r="J11944" s="18"/>
      <c r="K11944" s="18"/>
      <c r="L11944" s="18"/>
      <c r="M11944" s="18"/>
      <c r="N11944" s="18"/>
      <c r="O11944" s="18"/>
      <c r="P11944" s="19">
        <v>450</v>
      </c>
      <c r="Q11944" s="19"/>
      <c r="R11944" s="19"/>
      <c r="S11944" s="19"/>
      <c r="T11944" s="19">
        <v>150</v>
      </c>
      <c r="U11944" s="19"/>
      <c r="V11944" s="19"/>
      <c r="W11944" s="19"/>
      <c r="X11944" s="19">
        <v>1</v>
      </c>
      <c r="Y11944" s="19"/>
      <c r="Z11944" s="19"/>
      <c r="AA11944" s="19"/>
    </row>
    <row r="11945" spans="1:27" s="1" customFormat="1" ht="11.1" customHeight="1" outlineLevel="3" x14ac:dyDescent="0.2">
      <c r="A11945" s="17"/>
      <c r="B11945" s="17"/>
      <c r="C11945" s="17"/>
      <c r="D11945" s="18"/>
      <c r="E11945" s="18"/>
      <c r="F11945" s="18"/>
      <c r="G11945" s="18"/>
      <c r="H11945" s="18"/>
      <c r="I11945" s="18"/>
      <c r="J11945" s="18"/>
      <c r="K11945" s="18"/>
      <c r="L11945" s="18"/>
      <c r="M11945" s="18"/>
      <c r="N11945" s="18"/>
      <c r="O11945" s="18"/>
      <c r="P11945" s="19"/>
      <c r="Q11945" s="19"/>
      <c r="R11945" s="19"/>
      <c r="S11945" s="19"/>
      <c r="T11945" s="19"/>
      <c r="U11945" s="19"/>
      <c r="V11945" s="19"/>
      <c r="W11945" s="19"/>
      <c r="X11945" s="19"/>
      <c r="Y11945" s="19"/>
      <c r="Z11945" s="19"/>
      <c r="AA11945" s="19"/>
    </row>
    <row r="11946" spans="1:27" s="1" customFormat="1" ht="11.1" customHeight="1" outlineLevel="3" x14ac:dyDescent="0.2">
      <c r="A11946" s="17">
        <v>18216</v>
      </c>
      <c r="B11946" s="17"/>
      <c r="C11946" s="17"/>
      <c r="D11946" s="18" t="s">
        <v>5930</v>
      </c>
      <c r="E11946" s="18"/>
      <c r="F11946" s="18"/>
      <c r="G11946" s="18"/>
      <c r="H11946" s="18"/>
      <c r="I11946" s="18"/>
      <c r="J11946" s="18"/>
      <c r="K11946" s="18"/>
      <c r="L11946" s="18"/>
      <c r="M11946" s="18"/>
      <c r="N11946" s="18"/>
      <c r="O11946" s="18"/>
      <c r="P11946" s="19">
        <v>450</v>
      </c>
      <c r="Q11946" s="19"/>
      <c r="R11946" s="19"/>
      <c r="S11946" s="19"/>
      <c r="T11946" s="19">
        <v>150</v>
      </c>
      <c r="U11946" s="19"/>
      <c r="V11946" s="19"/>
      <c r="W11946" s="19"/>
      <c r="X11946" s="19">
        <v>3</v>
      </c>
      <c r="Y11946" s="19"/>
      <c r="Z11946" s="19"/>
      <c r="AA11946" s="19"/>
    </row>
    <row r="11947" spans="1:27" s="1" customFormat="1" ht="11.1" customHeight="1" outlineLevel="3" x14ac:dyDescent="0.2">
      <c r="A11947" s="17"/>
      <c r="B11947" s="17"/>
      <c r="C11947" s="17"/>
      <c r="D11947" s="18"/>
      <c r="E11947" s="18"/>
      <c r="F11947" s="18"/>
      <c r="G11947" s="18"/>
      <c r="H11947" s="18"/>
      <c r="I11947" s="18"/>
      <c r="J11947" s="18"/>
      <c r="K11947" s="18"/>
      <c r="L11947" s="18"/>
      <c r="M11947" s="18"/>
      <c r="N11947" s="18"/>
      <c r="O11947" s="18"/>
      <c r="P11947" s="19"/>
      <c r="Q11947" s="19"/>
      <c r="R11947" s="19"/>
      <c r="S11947" s="19"/>
      <c r="T11947" s="19"/>
      <c r="U11947" s="19"/>
      <c r="V11947" s="19"/>
      <c r="W11947" s="19"/>
      <c r="X11947" s="19"/>
      <c r="Y11947" s="19"/>
      <c r="Z11947" s="19"/>
      <c r="AA11947" s="19"/>
    </row>
    <row r="11948" spans="1:27" s="1" customFormat="1" ht="11.1" customHeight="1" outlineLevel="3" x14ac:dyDescent="0.2">
      <c r="A11948" s="17">
        <v>16210</v>
      </c>
      <c r="B11948" s="17"/>
      <c r="C11948" s="17"/>
      <c r="D11948" s="18" t="s">
        <v>5931</v>
      </c>
      <c r="E11948" s="18"/>
      <c r="F11948" s="18"/>
      <c r="G11948" s="18"/>
      <c r="H11948" s="18"/>
      <c r="I11948" s="18"/>
      <c r="J11948" s="18"/>
      <c r="K11948" s="18"/>
      <c r="L11948" s="18"/>
      <c r="M11948" s="18"/>
      <c r="N11948" s="18"/>
      <c r="O11948" s="18"/>
      <c r="P11948" s="19">
        <v>450</v>
      </c>
      <c r="Q11948" s="19"/>
      <c r="R11948" s="19"/>
      <c r="S11948" s="19"/>
      <c r="T11948" s="19">
        <v>150</v>
      </c>
      <c r="U11948" s="19"/>
      <c r="V11948" s="19"/>
      <c r="W11948" s="19"/>
      <c r="X11948" s="19">
        <v>1</v>
      </c>
      <c r="Y11948" s="19"/>
      <c r="Z11948" s="19"/>
      <c r="AA11948" s="19"/>
    </row>
    <row r="11949" spans="1:27" s="1" customFormat="1" ht="11.1" customHeight="1" outlineLevel="3" x14ac:dyDescent="0.2">
      <c r="A11949" s="17"/>
      <c r="B11949" s="17"/>
      <c r="C11949" s="17"/>
      <c r="D11949" s="18"/>
      <c r="E11949" s="18"/>
      <c r="F11949" s="18"/>
      <c r="G11949" s="18"/>
      <c r="H11949" s="18"/>
      <c r="I11949" s="18"/>
      <c r="J11949" s="18"/>
      <c r="K11949" s="18"/>
      <c r="L11949" s="18"/>
      <c r="M11949" s="18"/>
      <c r="N11949" s="18"/>
      <c r="O11949" s="18"/>
      <c r="P11949" s="19"/>
      <c r="Q11949" s="19"/>
      <c r="R11949" s="19"/>
      <c r="S11949" s="19"/>
      <c r="T11949" s="19"/>
      <c r="U11949" s="19"/>
      <c r="V11949" s="19"/>
      <c r="W11949" s="19"/>
      <c r="X11949" s="19"/>
      <c r="Y11949" s="19"/>
      <c r="Z11949" s="19"/>
      <c r="AA11949" s="19"/>
    </row>
    <row r="11950" spans="1:27" s="1" customFormat="1" ht="11.1" customHeight="1" outlineLevel="3" x14ac:dyDescent="0.2">
      <c r="A11950" s="17">
        <v>16220</v>
      </c>
      <c r="B11950" s="17"/>
      <c r="C11950" s="17"/>
      <c r="D11950" s="18" t="s">
        <v>5932</v>
      </c>
      <c r="E11950" s="18"/>
      <c r="F11950" s="18"/>
      <c r="G11950" s="18"/>
      <c r="H11950" s="18"/>
      <c r="I11950" s="18"/>
      <c r="J11950" s="18"/>
      <c r="K11950" s="18"/>
      <c r="L11950" s="18"/>
      <c r="M11950" s="18"/>
      <c r="N11950" s="18"/>
      <c r="O11950" s="18"/>
      <c r="P11950" s="19">
        <v>450</v>
      </c>
      <c r="Q11950" s="19"/>
      <c r="R11950" s="19"/>
      <c r="S11950" s="19"/>
      <c r="T11950" s="19">
        <v>150</v>
      </c>
      <c r="U11950" s="19"/>
      <c r="V11950" s="19"/>
      <c r="W11950" s="19"/>
      <c r="X11950" s="19">
        <v>1</v>
      </c>
      <c r="Y11950" s="19"/>
      <c r="Z11950" s="19"/>
      <c r="AA11950" s="19"/>
    </row>
    <row r="11951" spans="1:27" s="1" customFormat="1" ht="11.1" customHeight="1" outlineLevel="3" x14ac:dyDescent="0.2">
      <c r="A11951" s="17"/>
      <c r="B11951" s="17"/>
      <c r="C11951" s="17"/>
      <c r="D11951" s="18"/>
      <c r="E11951" s="18"/>
      <c r="F11951" s="18"/>
      <c r="G11951" s="18"/>
      <c r="H11951" s="18"/>
      <c r="I11951" s="18"/>
      <c r="J11951" s="18"/>
      <c r="K11951" s="18"/>
      <c r="L11951" s="18"/>
      <c r="M11951" s="18"/>
      <c r="N11951" s="18"/>
      <c r="O11951" s="18"/>
      <c r="P11951" s="19"/>
      <c r="Q11951" s="19"/>
      <c r="R11951" s="19"/>
      <c r="S11951" s="19"/>
      <c r="T11951" s="19"/>
      <c r="U11951" s="19"/>
      <c r="V11951" s="19"/>
      <c r="W11951" s="19"/>
      <c r="X11951" s="19"/>
      <c r="Y11951" s="19"/>
      <c r="Z11951" s="19"/>
      <c r="AA11951" s="19"/>
    </row>
    <row r="11952" spans="1:27" s="1" customFormat="1" ht="11.1" customHeight="1" outlineLevel="3" x14ac:dyDescent="0.2">
      <c r="A11952" s="17">
        <v>16514</v>
      </c>
      <c r="B11952" s="17"/>
      <c r="C11952" s="17"/>
      <c r="D11952" s="18" t="s">
        <v>5933</v>
      </c>
      <c r="E11952" s="18"/>
      <c r="F11952" s="18"/>
      <c r="G11952" s="18"/>
      <c r="H11952" s="18"/>
      <c r="I11952" s="18"/>
      <c r="J11952" s="18"/>
      <c r="K11952" s="18"/>
      <c r="L11952" s="18"/>
      <c r="M11952" s="18"/>
      <c r="N11952" s="18"/>
      <c r="O11952" s="18"/>
      <c r="P11952" s="19">
        <v>450</v>
      </c>
      <c r="Q11952" s="19"/>
      <c r="R11952" s="19"/>
      <c r="S11952" s="19"/>
      <c r="T11952" s="19">
        <v>150</v>
      </c>
      <c r="U11952" s="19"/>
      <c r="V11952" s="19"/>
      <c r="W11952" s="19"/>
      <c r="X11952" s="19">
        <v>1</v>
      </c>
      <c r="Y11952" s="19"/>
      <c r="Z11952" s="19"/>
      <c r="AA11952" s="19"/>
    </row>
    <row r="11953" spans="1:27" s="1" customFormat="1" ht="11.1" customHeight="1" outlineLevel="3" x14ac:dyDescent="0.2">
      <c r="A11953" s="17"/>
      <c r="B11953" s="17"/>
      <c r="C11953" s="17"/>
      <c r="D11953" s="18"/>
      <c r="E11953" s="18"/>
      <c r="F11953" s="18"/>
      <c r="G11953" s="18"/>
      <c r="H11953" s="18"/>
      <c r="I11953" s="18"/>
      <c r="J11953" s="18"/>
      <c r="K11953" s="18"/>
      <c r="L11953" s="18"/>
      <c r="M11953" s="18"/>
      <c r="N11953" s="18"/>
      <c r="O11953" s="18"/>
      <c r="P11953" s="19"/>
      <c r="Q11953" s="19"/>
      <c r="R11953" s="19"/>
      <c r="S11953" s="19"/>
      <c r="T11953" s="19"/>
      <c r="U11953" s="19"/>
      <c r="V11953" s="19"/>
      <c r="W11953" s="19"/>
      <c r="X11953" s="19"/>
      <c r="Y11953" s="19"/>
      <c r="Z11953" s="19"/>
      <c r="AA11953" s="19"/>
    </row>
    <row r="11954" spans="1:27" s="1" customFormat="1" ht="11.1" customHeight="1" outlineLevel="3" x14ac:dyDescent="0.2">
      <c r="A11954" s="17">
        <v>16519</v>
      </c>
      <c r="B11954" s="17"/>
      <c r="C11954" s="17"/>
      <c r="D11954" s="18" t="s">
        <v>5934</v>
      </c>
      <c r="E11954" s="18"/>
      <c r="F11954" s="18"/>
      <c r="G11954" s="18"/>
      <c r="H11954" s="18"/>
      <c r="I11954" s="18"/>
      <c r="J11954" s="18"/>
      <c r="K11954" s="18"/>
      <c r="L11954" s="18"/>
      <c r="M11954" s="18"/>
      <c r="N11954" s="18"/>
      <c r="O11954" s="18"/>
      <c r="P11954" s="19">
        <v>450</v>
      </c>
      <c r="Q11954" s="19"/>
      <c r="R11954" s="19"/>
      <c r="S11954" s="19"/>
      <c r="T11954" s="19">
        <v>150</v>
      </c>
      <c r="U11954" s="19"/>
      <c r="V11954" s="19"/>
      <c r="W11954" s="19"/>
      <c r="X11954" s="19">
        <v>1</v>
      </c>
      <c r="Y11954" s="19"/>
      <c r="Z11954" s="19"/>
      <c r="AA11954" s="19"/>
    </row>
    <row r="11955" spans="1:27" s="1" customFormat="1" ht="11.1" customHeight="1" outlineLevel="3" x14ac:dyDescent="0.2">
      <c r="A11955" s="17"/>
      <c r="B11955" s="17"/>
      <c r="C11955" s="17"/>
      <c r="D11955" s="18"/>
      <c r="E11955" s="18"/>
      <c r="F11955" s="18"/>
      <c r="G11955" s="18"/>
      <c r="H11955" s="18"/>
      <c r="I11955" s="18"/>
      <c r="J11955" s="18"/>
      <c r="K11955" s="18"/>
      <c r="L11955" s="18"/>
      <c r="M11955" s="18"/>
      <c r="N11955" s="18"/>
      <c r="O11955" s="18"/>
      <c r="P11955" s="19"/>
      <c r="Q11955" s="19"/>
      <c r="R11955" s="19"/>
      <c r="S11955" s="19"/>
      <c r="T11955" s="19"/>
      <c r="U11955" s="19"/>
      <c r="V11955" s="19"/>
      <c r="W11955" s="19"/>
      <c r="X11955" s="19"/>
      <c r="Y11955" s="19"/>
      <c r="Z11955" s="19"/>
      <c r="AA11955" s="19"/>
    </row>
    <row r="11956" spans="1:27" s="1" customFormat="1" ht="11.1" customHeight="1" outlineLevel="3" x14ac:dyDescent="0.2">
      <c r="A11956" s="17">
        <v>16217</v>
      </c>
      <c r="B11956" s="17"/>
      <c r="C11956" s="17"/>
      <c r="D11956" s="18" t="s">
        <v>5935</v>
      </c>
      <c r="E11956" s="18"/>
      <c r="F11956" s="18"/>
      <c r="G11956" s="18"/>
      <c r="H11956" s="18"/>
      <c r="I11956" s="18"/>
      <c r="J11956" s="18"/>
      <c r="K11956" s="18"/>
      <c r="L11956" s="18"/>
      <c r="M11956" s="18"/>
      <c r="N11956" s="18"/>
      <c r="O11956" s="18"/>
      <c r="P11956" s="19">
        <v>450</v>
      </c>
      <c r="Q11956" s="19"/>
      <c r="R11956" s="19"/>
      <c r="S11956" s="19"/>
      <c r="T11956" s="19">
        <v>150</v>
      </c>
      <c r="U11956" s="19"/>
      <c r="V11956" s="19"/>
      <c r="W11956" s="19"/>
      <c r="X11956" s="19">
        <v>1</v>
      </c>
      <c r="Y11956" s="19"/>
      <c r="Z11956" s="19"/>
      <c r="AA11956" s="19"/>
    </row>
    <row r="11957" spans="1:27" s="1" customFormat="1" ht="11.1" customHeight="1" outlineLevel="3" x14ac:dyDescent="0.2">
      <c r="A11957" s="17"/>
      <c r="B11957" s="17"/>
      <c r="C11957" s="17"/>
      <c r="D11957" s="18"/>
      <c r="E11957" s="18"/>
      <c r="F11957" s="18"/>
      <c r="G11957" s="18"/>
      <c r="H11957" s="18"/>
      <c r="I11957" s="18"/>
      <c r="J11957" s="18"/>
      <c r="K11957" s="18"/>
      <c r="L11957" s="18"/>
      <c r="M11957" s="18"/>
      <c r="N11957" s="18"/>
      <c r="O11957" s="18"/>
      <c r="P11957" s="19"/>
      <c r="Q11957" s="19"/>
      <c r="R11957" s="19"/>
      <c r="S11957" s="19"/>
      <c r="T11957" s="19"/>
      <c r="U11957" s="19"/>
      <c r="V11957" s="19"/>
      <c r="W11957" s="19"/>
      <c r="X11957" s="19"/>
      <c r="Y11957" s="19"/>
      <c r="Z11957" s="19"/>
      <c r="AA11957" s="19"/>
    </row>
    <row r="11958" spans="1:27" s="1" customFormat="1" ht="11.1" customHeight="1" outlineLevel="3" x14ac:dyDescent="0.2">
      <c r="A11958" s="17">
        <v>16515</v>
      </c>
      <c r="B11958" s="17"/>
      <c r="C11958" s="17"/>
      <c r="D11958" s="18" t="s">
        <v>5936</v>
      </c>
      <c r="E11958" s="18"/>
      <c r="F11958" s="18"/>
      <c r="G11958" s="18"/>
      <c r="H11958" s="18"/>
      <c r="I11958" s="18"/>
      <c r="J11958" s="18"/>
      <c r="K11958" s="18"/>
      <c r="L11958" s="18"/>
      <c r="M11958" s="18"/>
      <c r="N11958" s="18"/>
      <c r="O11958" s="18"/>
      <c r="P11958" s="19">
        <v>450</v>
      </c>
      <c r="Q11958" s="19"/>
      <c r="R11958" s="19"/>
      <c r="S11958" s="19"/>
      <c r="T11958" s="19">
        <v>150</v>
      </c>
      <c r="U11958" s="19"/>
      <c r="V11958" s="19"/>
      <c r="W11958" s="19"/>
      <c r="X11958" s="19">
        <v>1</v>
      </c>
      <c r="Y11958" s="19"/>
      <c r="Z11958" s="19"/>
      <c r="AA11958" s="19"/>
    </row>
    <row r="11959" spans="1:27" s="1" customFormat="1" ht="11.1" customHeight="1" outlineLevel="3" x14ac:dyDescent="0.2">
      <c r="A11959" s="17"/>
      <c r="B11959" s="17"/>
      <c r="C11959" s="17"/>
      <c r="D11959" s="18"/>
      <c r="E11959" s="18"/>
      <c r="F11959" s="18"/>
      <c r="G11959" s="18"/>
      <c r="H11959" s="18"/>
      <c r="I11959" s="18"/>
      <c r="J11959" s="18"/>
      <c r="K11959" s="18"/>
      <c r="L11959" s="18"/>
      <c r="M11959" s="18"/>
      <c r="N11959" s="18"/>
      <c r="O11959" s="18"/>
      <c r="P11959" s="19"/>
      <c r="Q11959" s="19"/>
      <c r="R11959" s="19"/>
      <c r="S11959" s="19"/>
      <c r="T11959" s="19"/>
      <c r="U11959" s="19"/>
      <c r="V11959" s="19"/>
      <c r="W11959" s="19"/>
      <c r="X11959" s="19"/>
      <c r="Y11959" s="19"/>
      <c r="Z11959" s="19"/>
      <c r="AA11959" s="19"/>
    </row>
    <row r="11960" spans="1:27" s="1" customFormat="1" ht="11.1" customHeight="1" outlineLevel="3" x14ac:dyDescent="0.2">
      <c r="A11960" s="17">
        <v>16221</v>
      </c>
      <c r="B11960" s="17"/>
      <c r="C11960" s="17"/>
      <c r="D11960" s="18" t="s">
        <v>5937</v>
      </c>
      <c r="E11960" s="18"/>
      <c r="F11960" s="18"/>
      <c r="G11960" s="18"/>
      <c r="H11960" s="18"/>
      <c r="I11960" s="18"/>
      <c r="J11960" s="18"/>
      <c r="K11960" s="18"/>
      <c r="L11960" s="18"/>
      <c r="M11960" s="18"/>
      <c r="N11960" s="18"/>
      <c r="O11960" s="18"/>
      <c r="P11960" s="19">
        <v>450</v>
      </c>
      <c r="Q11960" s="19"/>
      <c r="R11960" s="19"/>
      <c r="S11960" s="19"/>
      <c r="T11960" s="19">
        <v>150</v>
      </c>
      <c r="U11960" s="19"/>
      <c r="V11960" s="19"/>
      <c r="W11960" s="19"/>
      <c r="X11960" s="19">
        <v>1</v>
      </c>
      <c r="Y11960" s="19"/>
      <c r="Z11960" s="19"/>
      <c r="AA11960" s="19"/>
    </row>
    <row r="11961" spans="1:27" s="1" customFormat="1" ht="11.1" customHeight="1" outlineLevel="3" x14ac:dyDescent="0.2">
      <c r="A11961" s="17"/>
      <c r="B11961" s="17"/>
      <c r="C11961" s="17"/>
      <c r="D11961" s="18"/>
      <c r="E11961" s="18"/>
      <c r="F11961" s="18"/>
      <c r="G11961" s="18"/>
      <c r="H11961" s="18"/>
      <c r="I11961" s="18"/>
      <c r="J11961" s="18"/>
      <c r="K11961" s="18"/>
      <c r="L11961" s="18"/>
      <c r="M11961" s="18"/>
      <c r="N11961" s="18"/>
      <c r="O11961" s="18"/>
      <c r="P11961" s="19"/>
      <c r="Q11961" s="19"/>
      <c r="R11961" s="19"/>
      <c r="S11961" s="19"/>
      <c r="T11961" s="19"/>
      <c r="U11961" s="19"/>
      <c r="V11961" s="19"/>
      <c r="W11961" s="19"/>
      <c r="X11961" s="19"/>
      <c r="Y11961" s="19"/>
      <c r="Z11961" s="19"/>
      <c r="AA11961" s="19"/>
    </row>
    <row r="11962" spans="1:27" s="1" customFormat="1" ht="11.1" customHeight="1" outlineLevel="3" x14ac:dyDescent="0.2">
      <c r="A11962" s="17">
        <v>16518</v>
      </c>
      <c r="B11962" s="17"/>
      <c r="C11962" s="17"/>
      <c r="D11962" s="18" t="s">
        <v>5938</v>
      </c>
      <c r="E11962" s="18"/>
      <c r="F11962" s="18"/>
      <c r="G11962" s="18"/>
      <c r="H11962" s="18"/>
      <c r="I11962" s="18"/>
      <c r="J11962" s="18"/>
      <c r="K11962" s="18"/>
      <c r="L11962" s="18"/>
      <c r="M11962" s="18"/>
      <c r="N11962" s="18"/>
      <c r="O11962" s="18"/>
      <c r="P11962" s="19">
        <v>450</v>
      </c>
      <c r="Q11962" s="19"/>
      <c r="R11962" s="19"/>
      <c r="S11962" s="19"/>
      <c r="T11962" s="19">
        <v>150</v>
      </c>
      <c r="U11962" s="19"/>
      <c r="V11962" s="19"/>
      <c r="W11962" s="19"/>
      <c r="X11962" s="19">
        <v>1</v>
      </c>
      <c r="Y11962" s="19"/>
      <c r="Z11962" s="19"/>
      <c r="AA11962" s="19"/>
    </row>
    <row r="11963" spans="1:27" s="1" customFormat="1" ht="11.1" customHeight="1" outlineLevel="3" x14ac:dyDescent="0.2">
      <c r="A11963" s="17"/>
      <c r="B11963" s="17"/>
      <c r="C11963" s="17"/>
      <c r="D11963" s="18"/>
      <c r="E11963" s="18"/>
      <c r="F11963" s="18"/>
      <c r="G11963" s="18"/>
      <c r="H11963" s="18"/>
      <c r="I11963" s="18"/>
      <c r="J11963" s="18"/>
      <c r="K11963" s="18"/>
      <c r="L11963" s="18"/>
      <c r="M11963" s="18"/>
      <c r="N11963" s="18"/>
      <c r="O11963" s="18"/>
      <c r="P11963" s="19"/>
      <c r="Q11963" s="19"/>
      <c r="R11963" s="19"/>
      <c r="S11963" s="19"/>
      <c r="T11963" s="19"/>
      <c r="U11963" s="19"/>
      <c r="V11963" s="19"/>
      <c r="W11963" s="19"/>
      <c r="X11963" s="19"/>
      <c r="Y11963" s="19"/>
      <c r="Z11963" s="19"/>
      <c r="AA11963" s="19"/>
    </row>
    <row r="11964" spans="1:27" s="1" customFormat="1" ht="14.1" customHeight="1" outlineLevel="3" x14ac:dyDescent="0.2">
      <c r="A11964" s="17">
        <v>16222</v>
      </c>
      <c r="B11964" s="17"/>
      <c r="C11964" s="17"/>
      <c r="D11964" s="18" t="s">
        <v>5939</v>
      </c>
      <c r="E11964" s="18"/>
      <c r="F11964" s="18"/>
      <c r="G11964" s="18"/>
      <c r="H11964" s="18"/>
      <c r="I11964" s="18"/>
      <c r="J11964" s="18"/>
      <c r="K11964" s="18"/>
      <c r="L11964" s="18"/>
      <c r="M11964" s="18"/>
      <c r="N11964" s="18"/>
      <c r="O11964" s="18"/>
      <c r="P11964" s="19">
        <v>450</v>
      </c>
      <c r="Q11964" s="19"/>
      <c r="R11964" s="19"/>
      <c r="S11964" s="19"/>
      <c r="T11964" s="19">
        <v>150</v>
      </c>
      <c r="U11964" s="19"/>
      <c r="V11964" s="19"/>
      <c r="W11964" s="19"/>
      <c r="X11964" s="19">
        <v>1</v>
      </c>
      <c r="Y11964" s="19"/>
      <c r="Z11964" s="19"/>
      <c r="AA11964" s="19"/>
    </row>
    <row r="11965" spans="1:27" s="1" customFormat="1" ht="14.1" customHeight="1" outlineLevel="3" x14ac:dyDescent="0.2">
      <c r="A11965" s="17"/>
      <c r="B11965" s="17"/>
      <c r="C11965" s="17"/>
      <c r="D11965" s="18"/>
      <c r="E11965" s="18"/>
      <c r="F11965" s="18"/>
      <c r="G11965" s="18"/>
      <c r="H11965" s="18"/>
      <c r="I11965" s="18"/>
      <c r="J11965" s="18"/>
      <c r="K11965" s="18"/>
      <c r="L11965" s="18"/>
      <c r="M11965" s="18"/>
      <c r="N11965" s="18"/>
      <c r="O11965" s="18"/>
      <c r="P11965" s="19"/>
      <c r="Q11965" s="19"/>
      <c r="R11965" s="19"/>
      <c r="S11965" s="19"/>
      <c r="T11965" s="19"/>
      <c r="U11965" s="19"/>
      <c r="V11965" s="19"/>
      <c r="W11965" s="19"/>
      <c r="X11965" s="19"/>
      <c r="Y11965" s="19"/>
      <c r="Z11965" s="19"/>
      <c r="AA11965" s="19"/>
    </row>
    <row r="11966" spans="1:27" s="1" customFormat="1" ht="11.1" customHeight="1" outlineLevel="3" x14ac:dyDescent="0.2">
      <c r="A11966" s="17">
        <v>16516</v>
      </c>
      <c r="B11966" s="17"/>
      <c r="C11966" s="17"/>
      <c r="D11966" s="18" t="s">
        <v>5940</v>
      </c>
      <c r="E11966" s="18"/>
      <c r="F11966" s="18"/>
      <c r="G11966" s="18"/>
      <c r="H11966" s="18"/>
      <c r="I11966" s="18"/>
      <c r="J11966" s="18"/>
      <c r="K11966" s="18"/>
      <c r="L11966" s="18"/>
      <c r="M11966" s="18"/>
      <c r="N11966" s="18"/>
      <c r="O11966" s="18"/>
      <c r="P11966" s="19">
        <v>450</v>
      </c>
      <c r="Q11966" s="19"/>
      <c r="R11966" s="19"/>
      <c r="S11966" s="19"/>
      <c r="T11966" s="19">
        <v>150</v>
      </c>
      <c r="U11966" s="19"/>
      <c r="V11966" s="19"/>
      <c r="W11966" s="19"/>
      <c r="X11966" s="19">
        <v>1</v>
      </c>
      <c r="Y11966" s="19"/>
      <c r="Z11966" s="19"/>
      <c r="AA11966" s="19"/>
    </row>
    <row r="11967" spans="1:27" s="1" customFormat="1" ht="11.1" customHeight="1" outlineLevel="3" x14ac:dyDescent="0.2">
      <c r="A11967" s="17"/>
      <c r="B11967" s="17"/>
      <c r="C11967" s="17"/>
      <c r="D11967" s="18"/>
      <c r="E11967" s="18"/>
      <c r="F11967" s="18"/>
      <c r="G11967" s="18"/>
      <c r="H11967" s="18"/>
      <c r="I11967" s="18"/>
      <c r="J11967" s="18"/>
      <c r="K11967" s="18"/>
      <c r="L11967" s="18"/>
      <c r="M11967" s="18"/>
      <c r="N11967" s="18"/>
      <c r="O11967" s="18"/>
      <c r="P11967" s="19"/>
      <c r="Q11967" s="19"/>
      <c r="R11967" s="19"/>
      <c r="S11967" s="19"/>
      <c r="T11967" s="19"/>
      <c r="U11967" s="19"/>
      <c r="V11967" s="19"/>
      <c r="W11967" s="19"/>
      <c r="X11967" s="19"/>
      <c r="Y11967" s="19"/>
      <c r="Z11967" s="19"/>
      <c r="AA11967" s="19"/>
    </row>
    <row r="11968" spans="1:27" s="1" customFormat="1" ht="11.1" customHeight="1" outlineLevel="3" x14ac:dyDescent="0.2">
      <c r="A11968" s="17">
        <v>16517</v>
      </c>
      <c r="B11968" s="17"/>
      <c r="C11968" s="17"/>
      <c r="D11968" s="18" t="s">
        <v>5941</v>
      </c>
      <c r="E11968" s="18"/>
      <c r="F11968" s="18"/>
      <c r="G11968" s="18"/>
      <c r="H11968" s="18"/>
      <c r="I11968" s="18"/>
      <c r="J11968" s="18"/>
      <c r="K11968" s="18"/>
      <c r="L11968" s="18"/>
      <c r="M11968" s="18"/>
      <c r="N11968" s="18"/>
      <c r="O11968" s="18"/>
      <c r="P11968" s="19">
        <v>450</v>
      </c>
      <c r="Q11968" s="19"/>
      <c r="R11968" s="19"/>
      <c r="S11968" s="19"/>
      <c r="T11968" s="19">
        <v>150</v>
      </c>
      <c r="U11968" s="19"/>
      <c r="V11968" s="19"/>
      <c r="W11968" s="19"/>
      <c r="X11968" s="19">
        <v>1</v>
      </c>
      <c r="Y11968" s="19"/>
      <c r="Z11968" s="19"/>
      <c r="AA11968" s="19"/>
    </row>
    <row r="11969" spans="1:27" s="1" customFormat="1" ht="11.1" customHeight="1" outlineLevel="3" x14ac:dyDescent="0.2">
      <c r="A11969" s="17"/>
      <c r="B11969" s="17"/>
      <c r="C11969" s="17"/>
      <c r="D11969" s="18"/>
      <c r="E11969" s="18"/>
      <c r="F11969" s="18"/>
      <c r="G11969" s="18"/>
      <c r="H11969" s="18"/>
      <c r="I11969" s="18"/>
      <c r="J11969" s="18"/>
      <c r="K11969" s="18"/>
      <c r="L11969" s="18"/>
      <c r="M11969" s="18"/>
      <c r="N11969" s="18"/>
      <c r="O11969" s="18"/>
      <c r="P11969" s="19"/>
      <c r="Q11969" s="19"/>
      <c r="R11969" s="19"/>
      <c r="S11969" s="19"/>
      <c r="T11969" s="19"/>
      <c r="U11969" s="19"/>
      <c r="V11969" s="19"/>
      <c r="W11969" s="19"/>
      <c r="X11969" s="19"/>
      <c r="Y11969" s="19"/>
      <c r="Z11969" s="19"/>
      <c r="AA11969" s="19"/>
    </row>
    <row r="11970" spans="1:27" s="1" customFormat="1" ht="11.1" customHeight="1" outlineLevel="3" x14ac:dyDescent="0.2">
      <c r="A11970" s="17">
        <v>16219</v>
      </c>
      <c r="B11970" s="17"/>
      <c r="C11970" s="17"/>
      <c r="D11970" s="18" t="s">
        <v>5942</v>
      </c>
      <c r="E11970" s="18"/>
      <c r="F11970" s="18"/>
      <c r="G11970" s="18"/>
      <c r="H11970" s="18"/>
      <c r="I11970" s="18"/>
      <c r="J11970" s="18"/>
      <c r="K11970" s="18"/>
      <c r="L11970" s="18"/>
      <c r="M11970" s="18"/>
      <c r="N11970" s="18"/>
      <c r="O11970" s="18"/>
      <c r="P11970" s="19">
        <v>450</v>
      </c>
      <c r="Q11970" s="19"/>
      <c r="R11970" s="19"/>
      <c r="S11970" s="19"/>
      <c r="T11970" s="19">
        <v>150</v>
      </c>
      <c r="U11970" s="19"/>
      <c r="V11970" s="19"/>
      <c r="W11970" s="19"/>
      <c r="X11970" s="19">
        <v>1</v>
      </c>
      <c r="Y11970" s="19"/>
      <c r="Z11970" s="19"/>
      <c r="AA11970" s="19"/>
    </row>
    <row r="11971" spans="1:27" s="1" customFormat="1" ht="11.1" customHeight="1" outlineLevel="3" x14ac:dyDescent="0.2">
      <c r="A11971" s="17"/>
      <c r="B11971" s="17"/>
      <c r="C11971" s="17"/>
      <c r="D11971" s="18"/>
      <c r="E11971" s="18"/>
      <c r="F11971" s="18"/>
      <c r="G11971" s="18"/>
      <c r="H11971" s="18"/>
      <c r="I11971" s="18"/>
      <c r="J11971" s="18"/>
      <c r="K11971" s="18"/>
      <c r="L11971" s="18"/>
      <c r="M11971" s="18"/>
      <c r="N11971" s="18"/>
      <c r="O11971" s="18"/>
      <c r="P11971" s="19"/>
      <c r="Q11971" s="19"/>
      <c r="R11971" s="19"/>
      <c r="S11971" s="19"/>
      <c r="T11971" s="19"/>
      <c r="U11971" s="19"/>
      <c r="V11971" s="19"/>
      <c r="W11971" s="19"/>
      <c r="X11971" s="19"/>
      <c r="Y11971" s="19"/>
      <c r="Z11971" s="19"/>
      <c r="AA11971" s="19"/>
    </row>
    <row r="11972" spans="1:27" s="1" customFormat="1" ht="11.1" customHeight="1" outlineLevel="3" x14ac:dyDescent="0.2">
      <c r="A11972" s="17">
        <v>16231</v>
      </c>
      <c r="B11972" s="17"/>
      <c r="C11972" s="17"/>
      <c r="D11972" s="18" t="s">
        <v>5943</v>
      </c>
      <c r="E11972" s="18"/>
      <c r="F11972" s="18"/>
      <c r="G11972" s="18"/>
      <c r="H11972" s="18"/>
      <c r="I11972" s="18"/>
      <c r="J11972" s="18"/>
      <c r="K11972" s="18"/>
      <c r="L11972" s="18"/>
      <c r="M11972" s="18"/>
      <c r="N11972" s="18"/>
      <c r="O11972" s="18"/>
      <c r="P11972" s="19">
        <v>450</v>
      </c>
      <c r="Q11972" s="19"/>
      <c r="R11972" s="19"/>
      <c r="S11972" s="19"/>
      <c r="T11972" s="19">
        <v>150</v>
      </c>
      <c r="U11972" s="19"/>
      <c r="V11972" s="19"/>
      <c r="W11972" s="19"/>
      <c r="X11972" s="19">
        <v>1</v>
      </c>
      <c r="Y11972" s="19"/>
      <c r="Z11972" s="19"/>
      <c r="AA11972" s="19"/>
    </row>
    <row r="11973" spans="1:27" s="1" customFormat="1" ht="11.1" customHeight="1" outlineLevel="3" x14ac:dyDescent="0.2">
      <c r="A11973" s="17"/>
      <c r="B11973" s="17"/>
      <c r="C11973" s="17"/>
      <c r="D11973" s="18"/>
      <c r="E11973" s="18"/>
      <c r="F11973" s="18"/>
      <c r="G11973" s="18"/>
      <c r="H11973" s="18"/>
      <c r="I11973" s="18"/>
      <c r="J11973" s="18"/>
      <c r="K11973" s="18"/>
      <c r="L11973" s="18"/>
      <c r="M11973" s="18"/>
      <c r="N11973" s="18"/>
      <c r="O11973" s="18"/>
      <c r="P11973" s="19"/>
      <c r="Q11973" s="19"/>
      <c r="R11973" s="19"/>
      <c r="S11973" s="19"/>
      <c r="T11973" s="19"/>
      <c r="U11973" s="19"/>
      <c r="V11973" s="19"/>
      <c r="W11973" s="19"/>
      <c r="X11973" s="19"/>
      <c r="Y11973" s="19"/>
      <c r="Z11973" s="19"/>
      <c r="AA11973" s="19"/>
    </row>
    <row r="11974" spans="1:27" s="1" customFormat="1" ht="11.1" customHeight="1" outlineLevel="3" x14ac:dyDescent="0.2">
      <c r="A11974" s="17">
        <v>16497</v>
      </c>
      <c r="B11974" s="17"/>
      <c r="C11974" s="17"/>
      <c r="D11974" s="18" t="s">
        <v>5944</v>
      </c>
      <c r="E11974" s="18"/>
      <c r="F11974" s="18"/>
      <c r="G11974" s="18"/>
      <c r="H11974" s="18"/>
      <c r="I11974" s="18"/>
      <c r="J11974" s="18"/>
      <c r="K11974" s="18"/>
      <c r="L11974" s="18"/>
      <c r="M11974" s="18"/>
      <c r="N11974" s="18"/>
      <c r="O11974" s="18"/>
      <c r="P11974" s="19">
        <v>450</v>
      </c>
      <c r="Q11974" s="19"/>
      <c r="R11974" s="19"/>
      <c r="S11974" s="19"/>
      <c r="T11974" s="19">
        <v>150</v>
      </c>
      <c r="U11974" s="19"/>
      <c r="V11974" s="19"/>
      <c r="W11974" s="19"/>
      <c r="X11974" s="19">
        <v>1</v>
      </c>
      <c r="Y11974" s="19"/>
      <c r="Z11974" s="19"/>
      <c r="AA11974" s="19"/>
    </row>
    <row r="11975" spans="1:27" s="1" customFormat="1" ht="11.1" customHeight="1" outlineLevel="3" x14ac:dyDescent="0.2">
      <c r="A11975" s="17"/>
      <c r="B11975" s="17"/>
      <c r="C11975" s="17"/>
      <c r="D11975" s="18"/>
      <c r="E11975" s="18"/>
      <c r="F11975" s="18"/>
      <c r="G11975" s="18"/>
      <c r="H11975" s="18"/>
      <c r="I11975" s="18"/>
      <c r="J11975" s="18"/>
      <c r="K11975" s="18"/>
      <c r="L11975" s="18"/>
      <c r="M11975" s="18"/>
      <c r="N11975" s="18"/>
      <c r="O11975" s="18"/>
      <c r="P11975" s="19"/>
      <c r="Q11975" s="19"/>
      <c r="R11975" s="19"/>
      <c r="S11975" s="19"/>
      <c r="T11975" s="19"/>
      <c r="U11975" s="19"/>
      <c r="V11975" s="19"/>
      <c r="W11975" s="19"/>
      <c r="X11975" s="19"/>
      <c r="Y11975" s="19"/>
      <c r="Z11975" s="19"/>
      <c r="AA11975" s="19"/>
    </row>
    <row r="11976" spans="1:27" s="1" customFormat="1" ht="11.1" customHeight="1" outlineLevel="3" x14ac:dyDescent="0.2">
      <c r="A11976" s="17">
        <v>16228</v>
      </c>
      <c r="B11976" s="17"/>
      <c r="C11976" s="17"/>
      <c r="D11976" s="18" t="s">
        <v>5945</v>
      </c>
      <c r="E11976" s="18"/>
      <c r="F11976" s="18"/>
      <c r="G11976" s="18"/>
      <c r="H11976" s="18"/>
      <c r="I11976" s="18"/>
      <c r="J11976" s="18"/>
      <c r="K11976" s="18"/>
      <c r="L11976" s="18"/>
      <c r="M11976" s="18"/>
      <c r="N11976" s="18"/>
      <c r="O11976" s="18"/>
      <c r="P11976" s="19">
        <v>450</v>
      </c>
      <c r="Q11976" s="19"/>
      <c r="R11976" s="19"/>
      <c r="S11976" s="19"/>
      <c r="T11976" s="19">
        <v>150</v>
      </c>
      <c r="U11976" s="19"/>
      <c r="V11976" s="19"/>
      <c r="W11976" s="19"/>
      <c r="X11976" s="19">
        <v>1</v>
      </c>
      <c r="Y11976" s="19"/>
      <c r="Z11976" s="19"/>
      <c r="AA11976" s="19"/>
    </row>
    <row r="11977" spans="1:27" s="1" customFormat="1" ht="11.1" customHeight="1" outlineLevel="3" x14ac:dyDescent="0.2">
      <c r="A11977" s="17"/>
      <c r="B11977" s="17"/>
      <c r="C11977" s="17"/>
      <c r="D11977" s="18"/>
      <c r="E11977" s="18"/>
      <c r="F11977" s="18"/>
      <c r="G11977" s="18"/>
      <c r="H11977" s="18"/>
      <c r="I11977" s="18"/>
      <c r="J11977" s="18"/>
      <c r="K11977" s="18"/>
      <c r="L11977" s="18"/>
      <c r="M11977" s="18"/>
      <c r="N11977" s="18"/>
      <c r="O11977" s="18"/>
      <c r="P11977" s="19"/>
      <c r="Q11977" s="19"/>
      <c r="R11977" s="19"/>
      <c r="S11977" s="19"/>
      <c r="T11977" s="19"/>
      <c r="U11977" s="19"/>
      <c r="V11977" s="19"/>
      <c r="W11977" s="19"/>
      <c r="X11977" s="19"/>
      <c r="Y11977" s="19"/>
      <c r="Z11977" s="19"/>
      <c r="AA11977" s="19"/>
    </row>
    <row r="11978" spans="1:27" s="1" customFormat="1" ht="11.1" customHeight="1" outlineLevel="3" x14ac:dyDescent="0.2">
      <c r="A11978" s="17">
        <v>16495</v>
      </c>
      <c r="B11978" s="17"/>
      <c r="C11978" s="17"/>
      <c r="D11978" s="18" t="s">
        <v>5946</v>
      </c>
      <c r="E11978" s="18"/>
      <c r="F11978" s="18"/>
      <c r="G11978" s="18"/>
      <c r="H11978" s="18"/>
      <c r="I11978" s="18"/>
      <c r="J11978" s="18"/>
      <c r="K11978" s="18"/>
      <c r="L11978" s="18"/>
      <c r="M11978" s="18"/>
      <c r="N11978" s="18"/>
      <c r="O11978" s="18"/>
      <c r="P11978" s="19">
        <v>450</v>
      </c>
      <c r="Q11978" s="19"/>
      <c r="R11978" s="19"/>
      <c r="S11978" s="19"/>
      <c r="T11978" s="19">
        <v>150</v>
      </c>
      <c r="U11978" s="19"/>
      <c r="V11978" s="19"/>
      <c r="W11978" s="19"/>
      <c r="X11978" s="19">
        <v>1</v>
      </c>
      <c r="Y11978" s="19"/>
      <c r="Z11978" s="19"/>
      <c r="AA11978" s="19"/>
    </row>
    <row r="11979" spans="1:27" s="1" customFormat="1" ht="11.1" customHeight="1" outlineLevel="3" x14ac:dyDescent="0.2">
      <c r="A11979" s="17"/>
      <c r="B11979" s="17"/>
      <c r="C11979" s="17"/>
      <c r="D11979" s="18"/>
      <c r="E11979" s="18"/>
      <c r="F11979" s="18"/>
      <c r="G11979" s="18"/>
      <c r="H11979" s="18"/>
      <c r="I11979" s="18"/>
      <c r="J11979" s="18"/>
      <c r="K11979" s="18"/>
      <c r="L11979" s="18"/>
      <c r="M11979" s="18"/>
      <c r="N11979" s="18"/>
      <c r="O11979" s="18"/>
      <c r="P11979" s="19"/>
      <c r="Q11979" s="19"/>
      <c r="R11979" s="19"/>
      <c r="S11979" s="19"/>
      <c r="T11979" s="19"/>
      <c r="U11979" s="19"/>
      <c r="V11979" s="19"/>
      <c r="W11979" s="19"/>
      <c r="X11979" s="19"/>
      <c r="Y11979" s="19"/>
      <c r="Z11979" s="19"/>
      <c r="AA11979" s="19"/>
    </row>
    <row r="11980" spans="1:27" s="1" customFormat="1" ht="11.1" customHeight="1" outlineLevel="3" x14ac:dyDescent="0.2">
      <c r="A11980" s="17">
        <v>16498</v>
      </c>
      <c r="B11980" s="17"/>
      <c r="C11980" s="17"/>
      <c r="D11980" s="18" t="s">
        <v>5947</v>
      </c>
      <c r="E11980" s="18"/>
      <c r="F11980" s="18"/>
      <c r="G11980" s="18"/>
      <c r="H11980" s="18"/>
      <c r="I11980" s="18"/>
      <c r="J11980" s="18"/>
      <c r="K11980" s="18"/>
      <c r="L11980" s="18"/>
      <c r="M11980" s="18"/>
      <c r="N11980" s="18"/>
      <c r="O11980" s="18"/>
      <c r="P11980" s="19">
        <v>450</v>
      </c>
      <c r="Q11980" s="19"/>
      <c r="R11980" s="19"/>
      <c r="S11980" s="19"/>
      <c r="T11980" s="19">
        <v>150</v>
      </c>
      <c r="U11980" s="19"/>
      <c r="V11980" s="19"/>
      <c r="W11980" s="19"/>
      <c r="X11980" s="19">
        <v>1</v>
      </c>
      <c r="Y11980" s="19"/>
      <c r="Z11980" s="19"/>
      <c r="AA11980" s="19"/>
    </row>
    <row r="11981" spans="1:27" s="1" customFormat="1" ht="11.1" customHeight="1" outlineLevel="3" x14ac:dyDescent="0.2">
      <c r="A11981" s="17"/>
      <c r="B11981" s="17"/>
      <c r="C11981" s="17"/>
      <c r="D11981" s="18"/>
      <c r="E11981" s="18"/>
      <c r="F11981" s="18"/>
      <c r="G11981" s="18"/>
      <c r="H11981" s="18"/>
      <c r="I11981" s="18"/>
      <c r="J11981" s="18"/>
      <c r="K11981" s="18"/>
      <c r="L11981" s="18"/>
      <c r="M11981" s="18"/>
      <c r="N11981" s="18"/>
      <c r="O11981" s="18"/>
      <c r="P11981" s="19"/>
      <c r="Q11981" s="19"/>
      <c r="R11981" s="19"/>
      <c r="S11981" s="19"/>
      <c r="T11981" s="19"/>
      <c r="U11981" s="19"/>
      <c r="V11981" s="19"/>
      <c r="W11981" s="19"/>
      <c r="X11981" s="19"/>
      <c r="Y11981" s="19"/>
      <c r="Z11981" s="19"/>
      <c r="AA11981" s="19"/>
    </row>
    <row r="11982" spans="1:27" s="1" customFormat="1" ht="11.1" customHeight="1" outlineLevel="3" x14ac:dyDescent="0.2">
      <c r="A11982" s="17">
        <v>16224</v>
      </c>
      <c r="B11982" s="17"/>
      <c r="C11982" s="17"/>
      <c r="D11982" s="18" t="s">
        <v>5948</v>
      </c>
      <c r="E11982" s="18"/>
      <c r="F11982" s="18"/>
      <c r="G11982" s="18"/>
      <c r="H11982" s="18"/>
      <c r="I11982" s="18"/>
      <c r="J11982" s="18"/>
      <c r="K11982" s="18"/>
      <c r="L11982" s="18"/>
      <c r="M11982" s="18"/>
      <c r="N11982" s="18"/>
      <c r="O11982" s="18"/>
      <c r="P11982" s="19">
        <v>450</v>
      </c>
      <c r="Q11982" s="19"/>
      <c r="R11982" s="19"/>
      <c r="S11982" s="19"/>
      <c r="T11982" s="19">
        <v>150</v>
      </c>
      <c r="U11982" s="19"/>
      <c r="V11982" s="19"/>
      <c r="W11982" s="19"/>
      <c r="X11982" s="19">
        <v>1</v>
      </c>
      <c r="Y11982" s="19"/>
      <c r="Z11982" s="19"/>
      <c r="AA11982" s="19"/>
    </row>
    <row r="11983" spans="1:27" s="1" customFormat="1" ht="11.1" customHeight="1" outlineLevel="3" x14ac:dyDescent="0.2">
      <c r="A11983" s="17"/>
      <c r="B11983" s="17"/>
      <c r="C11983" s="17"/>
      <c r="D11983" s="18"/>
      <c r="E11983" s="18"/>
      <c r="F11983" s="18"/>
      <c r="G11983" s="18"/>
      <c r="H11983" s="18"/>
      <c r="I11983" s="18"/>
      <c r="J11983" s="18"/>
      <c r="K11983" s="18"/>
      <c r="L11983" s="18"/>
      <c r="M11983" s="18"/>
      <c r="N11983" s="18"/>
      <c r="O11983" s="18"/>
      <c r="P11983" s="19"/>
      <c r="Q11983" s="19"/>
      <c r="R11983" s="19"/>
      <c r="S11983" s="19"/>
      <c r="T11983" s="19"/>
      <c r="U11983" s="19"/>
      <c r="V11983" s="19"/>
      <c r="W11983" s="19"/>
      <c r="X11983" s="19"/>
      <c r="Y11983" s="19"/>
      <c r="Z11983" s="19"/>
      <c r="AA11983" s="19"/>
    </row>
    <row r="11984" spans="1:27" s="1" customFormat="1" ht="11.1" customHeight="1" outlineLevel="3" x14ac:dyDescent="0.2">
      <c r="A11984" s="17">
        <v>16226</v>
      </c>
      <c r="B11984" s="17"/>
      <c r="C11984" s="17"/>
      <c r="D11984" s="18" t="s">
        <v>5949</v>
      </c>
      <c r="E11984" s="18"/>
      <c r="F11984" s="18"/>
      <c r="G11984" s="18"/>
      <c r="H11984" s="18"/>
      <c r="I11984" s="18"/>
      <c r="J11984" s="18"/>
      <c r="K11984" s="18"/>
      <c r="L11984" s="18"/>
      <c r="M11984" s="18"/>
      <c r="N11984" s="18"/>
      <c r="O11984" s="18"/>
      <c r="P11984" s="19">
        <v>450</v>
      </c>
      <c r="Q11984" s="19"/>
      <c r="R11984" s="19"/>
      <c r="S11984" s="19"/>
      <c r="T11984" s="19">
        <v>150</v>
      </c>
      <c r="U11984" s="19"/>
      <c r="V11984" s="19"/>
      <c r="W11984" s="19"/>
      <c r="X11984" s="19">
        <v>3</v>
      </c>
      <c r="Y11984" s="19"/>
      <c r="Z11984" s="19"/>
      <c r="AA11984" s="19"/>
    </row>
    <row r="11985" spans="1:27" s="1" customFormat="1" ht="11.1" customHeight="1" outlineLevel="3" x14ac:dyDescent="0.2">
      <c r="A11985" s="17"/>
      <c r="B11985" s="17"/>
      <c r="C11985" s="17"/>
      <c r="D11985" s="18"/>
      <c r="E11985" s="18"/>
      <c r="F11985" s="18"/>
      <c r="G11985" s="18"/>
      <c r="H11985" s="18"/>
      <c r="I11985" s="18"/>
      <c r="J11985" s="18"/>
      <c r="K11985" s="18"/>
      <c r="L11985" s="18"/>
      <c r="M11985" s="18"/>
      <c r="N11985" s="18"/>
      <c r="O11985" s="18"/>
      <c r="P11985" s="19"/>
      <c r="Q11985" s="19"/>
      <c r="R11985" s="19"/>
      <c r="S11985" s="19"/>
      <c r="T11985" s="19"/>
      <c r="U11985" s="19"/>
      <c r="V11985" s="19"/>
      <c r="W11985" s="19"/>
      <c r="X11985" s="19"/>
      <c r="Y11985" s="19"/>
      <c r="Z11985" s="19"/>
      <c r="AA11985" s="19"/>
    </row>
    <row r="11986" spans="1:27" s="1" customFormat="1" ht="11.1" customHeight="1" outlineLevel="3" x14ac:dyDescent="0.2">
      <c r="A11986" s="17">
        <v>16227</v>
      </c>
      <c r="B11986" s="17"/>
      <c r="C11986" s="17"/>
      <c r="D11986" s="18" t="s">
        <v>5950</v>
      </c>
      <c r="E11986" s="18"/>
      <c r="F11986" s="18"/>
      <c r="G11986" s="18"/>
      <c r="H11986" s="18"/>
      <c r="I11986" s="18"/>
      <c r="J11986" s="18"/>
      <c r="K11986" s="18"/>
      <c r="L11986" s="18"/>
      <c r="M11986" s="18"/>
      <c r="N11986" s="18"/>
      <c r="O11986" s="18"/>
      <c r="P11986" s="19">
        <v>450</v>
      </c>
      <c r="Q11986" s="19"/>
      <c r="R11986" s="19"/>
      <c r="S11986" s="19"/>
      <c r="T11986" s="19">
        <v>150</v>
      </c>
      <c r="U11986" s="19"/>
      <c r="V11986" s="19"/>
      <c r="W11986" s="19"/>
      <c r="X11986" s="19">
        <v>1</v>
      </c>
      <c r="Y11986" s="19"/>
      <c r="Z11986" s="19"/>
      <c r="AA11986" s="19"/>
    </row>
    <row r="11987" spans="1:27" s="1" customFormat="1" ht="11.1" customHeight="1" outlineLevel="3" x14ac:dyDescent="0.2">
      <c r="A11987" s="17"/>
      <c r="B11987" s="17"/>
      <c r="C11987" s="17"/>
      <c r="D11987" s="18"/>
      <c r="E11987" s="18"/>
      <c r="F11987" s="18"/>
      <c r="G11987" s="18"/>
      <c r="H11987" s="18"/>
      <c r="I11987" s="18"/>
      <c r="J11987" s="18"/>
      <c r="K11987" s="18"/>
      <c r="L11987" s="18"/>
      <c r="M11987" s="18"/>
      <c r="N11987" s="18"/>
      <c r="O11987" s="18"/>
      <c r="P11987" s="19"/>
      <c r="Q11987" s="19"/>
      <c r="R11987" s="19"/>
      <c r="S11987" s="19"/>
      <c r="T11987" s="19"/>
      <c r="U11987" s="19"/>
      <c r="V11987" s="19"/>
      <c r="W11987" s="19"/>
      <c r="X11987" s="19"/>
      <c r="Y11987" s="19"/>
      <c r="Z11987" s="19"/>
      <c r="AA11987" s="19"/>
    </row>
    <row r="11988" spans="1:27" s="1" customFormat="1" ht="11.1" customHeight="1" outlineLevel="3" x14ac:dyDescent="0.2">
      <c r="A11988" s="17">
        <v>16223</v>
      </c>
      <c r="B11988" s="17"/>
      <c r="C11988" s="17"/>
      <c r="D11988" s="18" t="s">
        <v>5951</v>
      </c>
      <c r="E11988" s="18"/>
      <c r="F11988" s="18"/>
      <c r="G11988" s="18"/>
      <c r="H11988" s="18"/>
      <c r="I11988" s="18"/>
      <c r="J11988" s="18"/>
      <c r="K11988" s="18"/>
      <c r="L11988" s="18"/>
      <c r="M11988" s="18"/>
      <c r="N11988" s="18"/>
      <c r="O11988" s="18"/>
      <c r="P11988" s="19">
        <v>450</v>
      </c>
      <c r="Q11988" s="19"/>
      <c r="R11988" s="19"/>
      <c r="S11988" s="19"/>
      <c r="T11988" s="19">
        <v>150</v>
      </c>
      <c r="U11988" s="19"/>
      <c r="V11988" s="19"/>
      <c r="W11988" s="19"/>
      <c r="X11988" s="19">
        <v>1</v>
      </c>
      <c r="Y11988" s="19"/>
      <c r="Z11988" s="19"/>
      <c r="AA11988" s="19"/>
    </row>
    <row r="11989" spans="1:27" s="1" customFormat="1" ht="11.1" customHeight="1" outlineLevel="3" x14ac:dyDescent="0.2">
      <c r="A11989" s="17"/>
      <c r="B11989" s="17"/>
      <c r="C11989" s="17"/>
      <c r="D11989" s="18"/>
      <c r="E11989" s="18"/>
      <c r="F11989" s="18"/>
      <c r="G11989" s="18"/>
      <c r="H11989" s="18"/>
      <c r="I11989" s="18"/>
      <c r="J11989" s="18"/>
      <c r="K11989" s="18"/>
      <c r="L11989" s="18"/>
      <c r="M11989" s="18"/>
      <c r="N11989" s="18"/>
      <c r="O11989" s="18"/>
      <c r="P11989" s="19"/>
      <c r="Q11989" s="19"/>
      <c r="R11989" s="19"/>
      <c r="S11989" s="19"/>
      <c r="T11989" s="19"/>
      <c r="U11989" s="19"/>
      <c r="V11989" s="19"/>
      <c r="W11989" s="19"/>
      <c r="X11989" s="19"/>
      <c r="Y11989" s="19"/>
      <c r="Z11989" s="19"/>
      <c r="AA11989" s="19"/>
    </row>
    <row r="11990" spans="1:27" s="1" customFormat="1" ht="11.1" customHeight="1" outlineLevel="3" x14ac:dyDescent="0.2">
      <c r="A11990" s="17">
        <v>16237</v>
      </c>
      <c r="B11990" s="17"/>
      <c r="C11990" s="17"/>
      <c r="D11990" s="18" t="s">
        <v>5952</v>
      </c>
      <c r="E11990" s="18"/>
      <c r="F11990" s="18"/>
      <c r="G11990" s="18"/>
      <c r="H11990" s="18"/>
      <c r="I11990" s="18"/>
      <c r="J11990" s="18"/>
      <c r="K11990" s="18"/>
      <c r="L11990" s="18"/>
      <c r="M11990" s="18"/>
      <c r="N11990" s="18"/>
      <c r="O11990" s="18"/>
      <c r="P11990" s="19">
        <v>450</v>
      </c>
      <c r="Q11990" s="19"/>
      <c r="R11990" s="19"/>
      <c r="S11990" s="19"/>
      <c r="T11990" s="19">
        <v>150</v>
      </c>
      <c r="U11990" s="19"/>
      <c r="V11990" s="19"/>
      <c r="W11990" s="19"/>
      <c r="X11990" s="19">
        <v>2</v>
      </c>
      <c r="Y11990" s="19"/>
      <c r="Z11990" s="19"/>
      <c r="AA11990" s="19"/>
    </row>
    <row r="11991" spans="1:27" s="1" customFormat="1" ht="11.1" customHeight="1" outlineLevel="3" x14ac:dyDescent="0.2">
      <c r="A11991" s="17"/>
      <c r="B11991" s="17"/>
      <c r="C11991" s="17"/>
      <c r="D11991" s="18"/>
      <c r="E11991" s="18"/>
      <c r="F11991" s="18"/>
      <c r="G11991" s="18"/>
      <c r="H11991" s="18"/>
      <c r="I11991" s="18"/>
      <c r="J11991" s="18"/>
      <c r="K11991" s="18"/>
      <c r="L11991" s="18"/>
      <c r="M11991" s="18"/>
      <c r="N11991" s="18"/>
      <c r="O11991" s="18"/>
      <c r="P11991" s="19"/>
      <c r="Q11991" s="19"/>
      <c r="R11991" s="19"/>
      <c r="S11991" s="19"/>
      <c r="T11991" s="19"/>
      <c r="U11991" s="19"/>
      <c r="V11991" s="19"/>
      <c r="W11991" s="19"/>
      <c r="X11991" s="19"/>
      <c r="Y11991" s="19"/>
      <c r="Z11991" s="19"/>
      <c r="AA11991" s="19"/>
    </row>
    <row r="11992" spans="1:27" s="1" customFormat="1" ht="11.1" customHeight="1" outlineLevel="3" x14ac:dyDescent="0.2">
      <c r="A11992" s="17">
        <v>16234</v>
      </c>
      <c r="B11992" s="17"/>
      <c r="C11992" s="17"/>
      <c r="D11992" s="18" t="s">
        <v>5953</v>
      </c>
      <c r="E11992" s="18"/>
      <c r="F11992" s="18"/>
      <c r="G11992" s="18"/>
      <c r="H11992" s="18"/>
      <c r="I11992" s="18"/>
      <c r="J11992" s="18"/>
      <c r="K11992" s="18"/>
      <c r="L11992" s="18"/>
      <c r="M11992" s="18"/>
      <c r="N11992" s="18"/>
      <c r="O11992" s="18"/>
      <c r="P11992" s="19">
        <v>450</v>
      </c>
      <c r="Q11992" s="19"/>
      <c r="R11992" s="19"/>
      <c r="S11992" s="19"/>
      <c r="T11992" s="19">
        <v>150</v>
      </c>
      <c r="U11992" s="19"/>
      <c r="V11992" s="19"/>
      <c r="W11992" s="19"/>
      <c r="X11992" s="19">
        <v>1</v>
      </c>
      <c r="Y11992" s="19"/>
      <c r="Z11992" s="19"/>
      <c r="AA11992" s="19"/>
    </row>
    <row r="11993" spans="1:27" s="1" customFormat="1" ht="11.1" customHeight="1" outlineLevel="3" x14ac:dyDescent="0.2">
      <c r="A11993" s="17"/>
      <c r="B11993" s="17"/>
      <c r="C11993" s="17"/>
      <c r="D11993" s="18"/>
      <c r="E11993" s="18"/>
      <c r="F11993" s="18"/>
      <c r="G11993" s="18"/>
      <c r="H11993" s="18"/>
      <c r="I11993" s="18"/>
      <c r="J11993" s="18"/>
      <c r="K11993" s="18"/>
      <c r="L11993" s="18"/>
      <c r="M11993" s="18"/>
      <c r="N11993" s="18"/>
      <c r="O11993" s="18"/>
      <c r="P11993" s="19"/>
      <c r="Q11993" s="19"/>
      <c r="R11993" s="19"/>
      <c r="S11993" s="19"/>
      <c r="T11993" s="19"/>
      <c r="U11993" s="19"/>
      <c r="V11993" s="19"/>
      <c r="W11993" s="19"/>
      <c r="X11993" s="19"/>
      <c r="Y11993" s="19"/>
      <c r="Z11993" s="19"/>
      <c r="AA11993" s="19"/>
    </row>
    <row r="11994" spans="1:27" s="1" customFormat="1" ht="11.1" customHeight="1" outlineLevel="3" x14ac:dyDescent="0.2">
      <c r="A11994" s="17">
        <v>16240</v>
      </c>
      <c r="B11994" s="17"/>
      <c r="C11994" s="17"/>
      <c r="D11994" s="18" t="s">
        <v>5954</v>
      </c>
      <c r="E11994" s="18"/>
      <c r="F11994" s="18"/>
      <c r="G11994" s="18"/>
      <c r="H11994" s="18"/>
      <c r="I11994" s="18"/>
      <c r="J11994" s="18"/>
      <c r="K11994" s="18"/>
      <c r="L11994" s="18"/>
      <c r="M11994" s="18"/>
      <c r="N11994" s="18"/>
      <c r="O11994" s="18"/>
      <c r="P11994" s="19">
        <v>450</v>
      </c>
      <c r="Q11994" s="19"/>
      <c r="R11994" s="19"/>
      <c r="S11994" s="19"/>
      <c r="T11994" s="19">
        <v>150</v>
      </c>
      <c r="U11994" s="19"/>
      <c r="V11994" s="19"/>
      <c r="W11994" s="19"/>
      <c r="X11994" s="19">
        <v>1</v>
      </c>
      <c r="Y11994" s="19"/>
      <c r="Z11994" s="19"/>
      <c r="AA11994" s="19"/>
    </row>
    <row r="11995" spans="1:27" s="1" customFormat="1" ht="11.1" customHeight="1" outlineLevel="3" x14ac:dyDescent="0.2">
      <c r="A11995" s="17"/>
      <c r="B11995" s="17"/>
      <c r="C11995" s="17"/>
      <c r="D11995" s="18"/>
      <c r="E11995" s="18"/>
      <c r="F11995" s="18"/>
      <c r="G11995" s="18"/>
      <c r="H11995" s="18"/>
      <c r="I11995" s="18"/>
      <c r="J11995" s="18"/>
      <c r="K11995" s="18"/>
      <c r="L11995" s="18"/>
      <c r="M11995" s="18"/>
      <c r="N11995" s="18"/>
      <c r="O11995" s="18"/>
      <c r="P11995" s="19"/>
      <c r="Q11995" s="19"/>
      <c r="R11995" s="19"/>
      <c r="S11995" s="19"/>
      <c r="T11995" s="19"/>
      <c r="U11995" s="19"/>
      <c r="V11995" s="19"/>
      <c r="W11995" s="19"/>
      <c r="X11995" s="19"/>
      <c r="Y11995" s="19"/>
      <c r="Z11995" s="19"/>
      <c r="AA11995" s="19"/>
    </row>
    <row r="11996" spans="1:27" s="1" customFormat="1" ht="11.1" customHeight="1" outlineLevel="3" x14ac:dyDescent="0.2">
      <c r="A11996" s="17">
        <v>16512</v>
      </c>
      <c r="B11996" s="17"/>
      <c r="C11996" s="17"/>
      <c r="D11996" s="18" t="s">
        <v>5955</v>
      </c>
      <c r="E11996" s="18"/>
      <c r="F11996" s="18"/>
      <c r="G11996" s="18"/>
      <c r="H11996" s="18"/>
      <c r="I11996" s="18"/>
      <c r="J11996" s="18"/>
      <c r="K11996" s="18"/>
      <c r="L11996" s="18"/>
      <c r="M11996" s="18"/>
      <c r="N11996" s="18"/>
      <c r="O11996" s="18"/>
      <c r="P11996" s="19">
        <v>450</v>
      </c>
      <c r="Q11996" s="19"/>
      <c r="R11996" s="19"/>
      <c r="S11996" s="19"/>
      <c r="T11996" s="19">
        <v>150</v>
      </c>
      <c r="U11996" s="19"/>
      <c r="V11996" s="19"/>
      <c r="W11996" s="19"/>
      <c r="X11996" s="19">
        <v>1</v>
      </c>
      <c r="Y11996" s="19"/>
      <c r="Z11996" s="19"/>
      <c r="AA11996" s="19"/>
    </row>
    <row r="11997" spans="1:27" s="1" customFormat="1" ht="11.1" customHeight="1" outlineLevel="3" x14ac:dyDescent="0.2">
      <c r="A11997" s="17"/>
      <c r="B11997" s="17"/>
      <c r="C11997" s="17"/>
      <c r="D11997" s="18"/>
      <c r="E11997" s="18"/>
      <c r="F11997" s="18"/>
      <c r="G11997" s="18"/>
      <c r="H11997" s="18"/>
      <c r="I11997" s="18"/>
      <c r="J11997" s="18"/>
      <c r="K11997" s="18"/>
      <c r="L11997" s="18"/>
      <c r="M11997" s="18"/>
      <c r="N11997" s="18"/>
      <c r="O11997" s="18"/>
      <c r="P11997" s="19"/>
      <c r="Q11997" s="19"/>
      <c r="R11997" s="19"/>
      <c r="S11997" s="19"/>
      <c r="T11997" s="19"/>
      <c r="U11997" s="19"/>
      <c r="V11997" s="19"/>
      <c r="W11997" s="19"/>
      <c r="X11997" s="19"/>
      <c r="Y11997" s="19"/>
      <c r="Z11997" s="19"/>
      <c r="AA11997" s="19"/>
    </row>
    <row r="11998" spans="1:27" s="1" customFormat="1" ht="11.1" customHeight="1" outlineLevel="3" x14ac:dyDescent="0.2">
      <c r="A11998" s="17">
        <v>16510</v>
      </c>
      <c r="B11998" s="17"/>
      <c r="C11998" s="17"/>
      <c r="D11998" s="18" t="s">
        <v>5956</v>
      </c>
      <c r="E11998" s="18"/>
      <c r="F11998" s="18"/>
      <c r="G11998" s="18"/>
      <c r="H11998" s="18"/>
      <c r="I11998" s="18"/>
      <c r="J11998" s="18"/>
      <c r="K11998" s="18"/>
      <c r="L11998" s="18"/>
      <c r="M11998" s="18"/>
      <c r="N11998" s="18"/>
      <c r="O11998" s="18"/>
      <c r="P11998" s="19">
        <v>450</v>
      </c>
      <c r="Q11998" s="19"/>
      <c r="R11998" s="19"/>
      <c r="S11998" s="19"/>
      <c r="T11998" s="19">
        <v>150</v>
      </c>
      <c r="U11998" s="19"/>
      <c r="V11998" s="19"/>
      <c r="W11998" s="19"/>
      <c r="X11998" s="19">
        <v>1</v>
      </c>
      <c r="Y11998" s="19"/>
      <c r="Z11998" s="19"/>
      <c r="AA11998" s="19"/>
    </row>
    <row r="11999" spans="1:27" s="1" customFormat="1" ht="11.1" customHeight="1" outlineLevel="3" x14ac:dyDescent="0.2">
      <c r="A11999" s="17"/>
      <c r="B11999" s="17"/>
      <c r="C11999" s="17"/>
      <c r="D11999" s="18"/>
      <c r="E11999" s="18"/>
      <c r="F11999" s="18"/>
      <c r="G11999" s="18"/>
      <c r="H11999" s="18"/>
      <c r="I11999" s="18"/>
      <c r="J11999" s="18"/>
      <c r="K11999" s="18"/>
      <c r="L11999" s="18"/>
      <c r="M11999" s="18"/>
      <c r="N11999" s="18"/>
      <c r="O11999" s="18"/>
      <c r="P11999" s="19"/>
      <c r="Q11999" s="19"/>
      <c r="R11999" s="19"/>
      <c r="S11999" s="19"/>
      <c r="T11999" s="19"/>
      <c r="U11999" s="19"/>
      <c r="V11999" s="19"/>
      <c r="W11999" s="19"/>
      <c r="X11999" s="19"/>
      <c r="Y11999" s="19"/>
      <c r="Z11999" s="19"/>
      <c r="AA11999" s="19"/>
    </row>
    <row r="12000" spans="1:27" s="1" customFormat="1" ht="11.1" customHeight="1" outlineLevel="3" x14ac:dyDescent="0.2">
      <c r="A12000" s="17">
        <v>16511</v>
      </c>
      <c r="B12000" s="17"/>
      <c r="C12000" s="17"/>
      <c r="D12000" s="18" t="s">
        <v>5957</v>
      </c>
      <c r="E12000" s="18"/>
      <c r="F12000" s="18"/>
      <c r="G12000" s="18"/>
      <c r="H12000" s="18"/>
      <c r="I12000" s="18"/>
      <c r="J12000" s="18"/>
      <c r="K12000" s="18"/>
      <c r="L12000" s="18"/>
      <c r="M12000" s="18"/>
      <c r="N12000" s="18"/>
      <c r="O12000" s="18"/>
      <c r="P12000" s="19">
        <v>450</v>
      </c>
      <c r="Q12000" s="19"/>
      <c r="R12000" s="19"/>
      <c r="S12000" s="19"/>
      <c r="T12000" s="19">
        <v>150</v>
      </c>
      <c r="U12000" s="19"/>
      <c r="V12000" s="19"/>
      <c r="W12000" s="19"/>
      <c r="X12000" s="19">
        <v>1</v>
      </c>
      <c r="Y12000" s="19"/>
      <c r="Z12000" s="19"/>
      <c r="AA12000" s="19"/>
    </row>
    <row r="12001" spans="1:27" s="1" customFormat="1" ht="11.1" customHeight="1" outlineLevel="3" x14ac:dyDescent="0.2">
      <c r="A12001" s="17"/>
      <c r="B12001" s="17"/>
      <c r="C12001" s="17"/>
      <c r="D12001" s="18"/>
      <c r="E12001" s="18"/>
      <c r="F12001" s="18"/>
      <c r="G12001" s="18"/>
      <c r="H12001" s="18"/>
      <c r="I12001" s="18"/>
      <c r="J12001" s="18"/>
      <c r="K12001" s="18"/>
      <c r="L12001" s="18"/>
      <c r="M12001" s="18"/>
      <c r="N12001" s="18"/>
      <c r="O12001" s="18"/>
      <c r="P12001" s="19"/>
      <c r="Q12001" s="19"/>
      <c r="R12001" s="19"/>
      <c r="S12001" s="19"/>
      <c r="T12001" s="19"/>
      <c r="U12001" s="19"/>
      <c r="V12001" s="19"/>
      <c r="W12001" s="19"/>
      <c r="X12001" s="19"/>
      <c r="Y12001" s="19"/>
      <c r="Z12001" s="19"/>
      <c r="AA12001" s="19"/>
    </row>
    <row r="12002" spans="1:27" s="1" customFormat="1" ht="11.1" customHeight="1" outlineLevel="3" x14ac:dyDescent="0.2">
      <c r="A12002" s="17">
        <v>16507</v>
      </c>
      <c r="B12002" s="17"/>
      <c r="C12002" s="17"/>
      <c r="D12002" s="18" t="s">
        <v>5958</v>
      </c>
      <c r="E12002" s="18"/>
      <c r="F12002" s="18"/>
      <c r="G12002" s="18"/>
      <c r="H12002" s="18"/>
      <c r="I12002" s="18"/>
      <c r="J12002" s="18"/>
      <c r="K12002" s="18"/>
      <c r="L12002" s="18"/>
      <c r="M12002" s="18"/>
      <c r="N12002" s="18"/>
      <c r="O12002" s="18"/>
      <c r="P12002" s="19">
        <v>450</v>
      </c>
      <c r="Q12002" s="19"/>
      <c r="R12002" s="19"/>
      <c r="S12002" s="19"/>
      <c r="T12002" s="19">
        <v>150</v>
      </c>
      <c r="U12002" s="19"/>
      <c r="V12002" s="19"/>
      <c r="W12002" s="19"/>
      <c r="X12002" s="19">
        <v>3</v>
      </c>
      <c r="Y12002" s="19"/>
      <c r="Z12002" s="19"/>
      <c r="AA12002" s="19"/>
    </row>
    <row r="12003" spans="1:27" s="1" customFormat="1" ht="11.1" customHeight="1" outlineLevel="3" x14ac:dyDescent="0.2">
      <c r="A12003" s="17"/>
      <c r="B12003" s="17"/>
      <c r="C12003" s="17"/>
      <c r="D12003" s="18"/>
      <c r="E12003" s="18"/>
      <c r="F12003" s="18"/>
      <c r="G12003" s="18"/>
      <c r="H12003" s="18"/>
      <c r="I12003" s="18"/>
      <c r="J12003" s="18"/>
      <c r="K12003" s="18"/>
      <c r="L12003" s="18"/>
      <c r="M12003" s="18"/>
      <c r="N12003" s="18"/>
      <c r="O12003" s="18"/>
      <c r="P12003" s="19"/>
      <c r="Q12003" s="19"/>
      <c r="R12003" s="19"/>
      <c r="S12003" s="19"/>
      <c r="T12003" s="19"/>
      <c r="U12003" s="19"/>
      <c r="V12003" s="19"/>
      <c r="W12003" s="19"/>
      <c r="X12003" s="19"/>
      <c r="Y12003" s="19"/>
      <c r="Z12003" s="19"/>
      <c r="AA12003" s="19"/>
    </row>
    <row r="12004" spans="1:27" s="1" customFormat="1" ht="14.1" customHeight="1" outlineLevel="3" x14ac:dyDescent="0.2">
      <c r="A12004" s="17">
        <v>16232</v>
      </c>
      <c r="B12004" s="17"/>
      <c r="C12004" s="17"/>
      <c r="D12004" s="18" t="s">
        <v>5959</v>
      </c>
      <c r="E12004" s="18"/>
      <c r="F12004" s="18"/>
      <c r="G12004" s="18"/>
      <c r="H12004" s="18"/>
      <c r="I12004" s="18"/>
      <c r="J12004" s="18"/>
      <c r="K12004" s="18"/>
      <c r="L12004" s="18"/>
      <c r="M12004" s="18"/>
      <c r="N12004" s="18"/>
      <c r="O12004" s="18"/>
      <c r="P12004" s="19">
        <v>450</v>
      </c>
      <c r="Q12004" s="19"/>
      <c r="R12004" s="19"/>
      <c r="S12004" s="19"/>
      <c r="T12004" s="19">
        <v>150</v>
      </c>
      <c r="U12004" s="19"/>
      <c r="V12004" s="19"/>
      <c r="W12004" s="19"/>
      <c r="X12004" s="19">
        <v>1</v>
      </c>
      <c r="Y12004" s="19"/>
      <c r="Z12004" s="19"/>
      <c r="AA12004" s="19"/>
    </row>
    <row r="12005" spans="1:27" s="1" customFormat="1" ht="14.1" customHeight="1" outlineLevel="3" x14ac:dyDescent="0.2">
      <c r="A12005" s="17"/>
      <c r="B12005" s="17"/>
      <c r="C12005" s="17"/>
      <c r="D12005" s="18"/>
      <c r="E12005" s="18"/>
      <c r="F12005" s="18"/>
      <c r="G12005" s="18"/>
      <c r="H12005" s="18"/>
      <c r="I12005" s="18"/>
      <c r="J12005" s="18"/>
      <c r="K12005" s="18"/>
      <c r="L12005" s="18"/>
      <c r="M12005" s="18"/>
      <c r="N12005" s="18"/>
      <c r="O12005" s="18"/>
      <c r="P12005" s="19"/>
      <c r="Q12005" s="19"/>
      <c r="R12005" s="19"/>
      <c r="S12005" s="19"/>
      <c r="T12005" s="19"/>
      <c r="U12005" s="19"/>
      <c r="V12005" s="19"/>
      <c r="W12005" s="19"/>
      <c r="X12005" s="19"/>
      <c r="Y12005" s="19"/>
      <c r="Z12005" s="19"/>
      <c r="AA12005" s="19"/>
    </row>
    <row r="12006" spans="1:27" s="1" customFormat="1" ht="14.1" customHeight="1" outlineLevel="3" x14ac:dyDescent="0.2">
      <c r="A12006" s="17">
        <v>16235</v>
      </c>
      <c r="B12006" s="17"/>
      <c r="C12006" s="17"/>
      <c r="D12006" s="18" t="s">
        <v>5960</v>
      </c>
      <c r="E12006" s="18"/>
      <c r="F12006" s="18"/>
      <c r="G12006" s="18"/>
      <c r="H12006" s="18"/>
      <c r="I12006" s="18"/>
      <c r="J12006" s="18"/>
      <c r="K12006" s="18"/>
      <c r="L12006" s="18"/>
      <c r="M12006" s="18"/>
      <c r="N12006" s="18"/>
      <c r="O12006" s="18"/>
      <c r="P12006" s="19">
        <v>450</v>
      </c>
      <c r="Q12006" s="19"/>
      <c r="R12006" s="19"/>
      <c r="S12006" s="19"/>
      <c r="T12006" s="19">
        <v>150</v>
      </c>
      <c r="U12006" s="19"/>
      <c r="V12006" s="19"/>
      <c r="W12006" s="19"/>
      <c r="X12006" s="19">
        <v>1</v>
      </c>
      <c r="Y12006" s="19"/>
      <c r="Z12006" s="19"/>
      <c r="AA12006" s="19"/>
    </row>
    <row r="12007" spans="1:27" s="1" customFormat="1" ht="14.1" customHeight="1" outlineLevel="3" x14ac:dyDescent="0.2">
      <c r="A12007" s="17"/>
      <c r="B12007" s="17"/>
      <c r="C12007" s="17"/>
      <c r="D12007" s="18"/>
      <c r="E12007" s="18"/>
      <c r="F12007" s="18"/>
      <c r="G12007" s="18"/>
      <c r="H12007" s="18"/>
      <c r="I12007" s="18"/>
      <c r="J12007" s="18"/>
      <c r="K12007" s="18"/>
      <c r="L12007" s="18"/>
      <c r="M12007" s="18"/>
      <c r="N12007" s="18"/>
      <c r="O12007" s="18"/>
      <c r="P12007" s="19"/>
      <c r="Q12007" s="19"/>
      <c r="R12007" s="19"/>
      <c r="S12007" s="19"/>
      <c r="T12007" s="19"/>
      <c r="U12007" s="19"/>
      <c r="V12007" s="19"/>
      <c r="W12007" s="19"/>
      <c r="X12007" s="19"/>
      <c r="Y12007" s="19"/>
      <c r="Z12007" s="19"/>
      <c r="AA12007" s="19"/>
    </row>
    <row r="12008" spans="1:27" s="1" customFormat="1" ht="11.1" customHeight="1" outlineLevel="3" x14ac:dyDescent="0.2">
      <c r="A12008" s="17">
        <v>6690</v>
      </c>
      <c r="B12008" s="17"/>
      <c r="C12008" s="17"/>
      <c r="D12008" s="18" t="s">
        <v>5961</v>
      </c>
      <c r="E12008" s="18"/>
      <c r="F12008" s="18"/>
      <c r="G12008" s="18"/>
      <c r="H12008" s="18"/>
      <c r="I12008" s="18"/>
      <c r="J12008" s="18"/>
      <c r="K12008" s="18"/>
      <c r="L12008" s="18"/>
      <c r="M12008" s="18"/>
      <c r="N12008" s="18"/>
      <c r="O12008" s="18"/>
      <c r="P12008" s="19">
        <v>240</v>
      </c>
      <c r="Q12008" s="19"/>
      <c r="R12008" s="19"/>
      <c r="S12008" s="19"/>
      <c r="T12008" s="19">
        <v>140</v>
      </c>
      <c r="U12008" s="19"/>
      <c r="V12008" s="19"/>
      <c r="W12008" s="19"/>
      <c r="X12008" s="19">
        <v>2</v>
      </c>
      <c r="Y12008" s="19"/>
      <c r="Z12008" s="19"/>
      <c r="AA12008" s="19"/>
    </row>
    <row r="12009" spans="1:27" s="1" customFormat="1" ht="11.1" customHeight="1" outlineLevel="3" x14ac:dyDescent="0.2">
      <c r="A12009" s="17"/>
      <c r="B12009" s="17"/>
      <c r="C12009" s="17"/>
      <c r="D12009" s="18"/>
      <c r="E12009" s="18"/>
      <c r="F12009" s="18"/>
      <c r="G12009" s="18"/>
      <c r="H12009" s="18"/>
      <c r="I12009" s="18"/>
      <c r="J12009" s="18"/>
      <c r="K12009" s="18"/>
      <c r="L12009" s="18"/>
      <c r="M12009" s="18"/>
      <c r="N12009" s="18"/>
      <c r="O12009" s="18"/>
      <c r="P12009" s="19"/>
      <c r="Q12009" s="19"/>
      <c r="R12009" s="19"/>
      <c r="S12009" s="19"/>
      <c r="T12009" s="19"/>
      <c r="U12009" s="19"/>
      <c r="V12009" s="19"/>
      <c r="W12009" s="19"/>
      <c r="X12009" s="19"/>
      <c r="Y12009" s="19"/>
      <c r="Z12009" s="19"/>
      <c r="AA12009" s="19"/>
    </row>
    <row r="12010" spans="1:27" s="1" customFormat="1" ht="11.1" customHeight="1" outlineLevel="3" x14ac:dyDescent="0.2">
      <c r="A12010" s="17">
        <v>14520</v>
      </c>
      <c r="B12010" s="17"/>
      <c r="C12010" s="17"/>
      <c r="D12010" s="18" t="s">
        <v>5962</v>
      </c>
      <c r="E12010" s="18"/>
      <c r="F12010" s="18"/>
      <c r="G12010" s="18"/>
      <c r="H12010" s="18"/>
      <c r="I12010" s="18"/>
      <c r="J12010" s="18"/>
      <c r="K12010" s="18"/>
      <c r="L12010" s="18"/>
      <c r="M12010" s="18"/>
      <c r="N12010" s="18"/>
      <c r="O12010" s="18"/>
      <c r="P12010" s="19">
        <v>450</v>
      </c>
      <c r="Q12010" s="19"/>
      <c r="R12010" s="19"/>
      <c r="S12010" s="19"/>
      <c r="T12010" s="19">
        <v>250</v>
      </c>
      <c r="U12010" s="19"/>
      <c r="V12010" s="19"/>
      <c r="W12010" s="19"/>
      <c r="X12010" s="19">
        <v>1</v>
      </c>
      <c r="Y12010" s="19"/>
      <c r="Z12010" s="19"/>
      <c r="AA12010" s="19"/>
    </row>
    <row r="12011" spans="1:27" s="1" customFormat="1" ht="11.1" customHeight="1" outlineLevel="3" x14ac:dyDescent="0.2">
      <c r="A12011" s="17"/>
      <c r="B12011" s="17"/>
      <c r="C12011" s="17"/>
      <c r="D12011" s="18"/>
      <c r="E12011" s="18"/>
      <c r="F12011" s="18"/>
      <c r="G12011" s="18"/>
      <c r="H12011" s="18"/>
      <c r="I12011" s="18"/>
      <c r="J12011" s="18"/>
      <c r="K12011" s="18"/>
      <c r="L12011" s="18"/>
      <c r="M12011" s="18"/>
      <c r="N12011" s="18"/>
      <c r="O12011" s="18"/>
      <c r="P12011" s="19"/>
      <c r="Q12011" s="19"/>
      <c r="R12011" s="19"/>
      <c r="S12011" s="19"/>
      <c r="T12011" s="19"/>
      <c r="U12011" s="19"/>
      <c r="V12011" s="19"/>
      <c r="W12011" s="19"/>
      <c r="X12011" s="19"/>
      <c r="Y12011" s="19"/>
      <c r="Z12011" s="19"/>
      <c r="AA12011" s="19"/>
    </row>
    <row r="12012" spans="1:27" s="1" customFormat="1" ht="11.1" customHeight="1" outlineLevel="3" x14ac:dyDescent="0.2">
      <c r="A12012" s="17">
        <v>14521</v>
      </c>
      <c r="B12012" s="17"/>
      <c r="C12012" s="17"/>
      <c r="D12012" s="18" t="s">
        <v>5963</v>
      </c>
      <c r="E12012" s="18"/>
      <c r="F12012" s="18"/>
      <c r="G12012" s="18"/>
      <c r="H12012" s="18"/>
      <c r="I12012" s="18"/>
      <c r="J12012" s="18"/>
      <c r="K12012" s="18"/>
      <c r="L12012" s="18"/>
      <c r="M12012" s="18"/>
      <c r="N12012" s="18"/>
      <c r="O12012" s="18"/>
      <c r="P12012" s="19">
        <v>450</v>
      </c>
      <c r="Q12012" s="19"/>
      <c r="R12012" s="19"/>
      <c r="S12012" s="19"/>
      <c r="T12012" s="19">
        <v>250</v>
      </c>
      <c r="U12012" s="19"/>
      <c r="V12012" s="19"/>
      <c r="W12012" s="19"/>
      <c r="X12012" s="19">
        <v>1</v>
      </c>
      <c r="Y12012" s="19"/>
      <c r="Z12012" s="19"/>
      <c r="AA12012" s="19"/>
    </row>
    <row r="12013" spans="1:27" s="1" customFormat="1" ht="11.1" customHeight="1" outlineLevel="3" x14ac:dyDescent="0.2">
      <c r="A12013" s="17"/>
      <c r="B12013" s="17"/>
      <c r="C12013" s="17"/>
      <c r="D12013" s="18"/>
      <c r="E12013" s="18"/>
      <c r="F12013" s="18"/>
      <c r="G12013" s="18"/>
      <c r="H12013" s="18"/>
      <c r="I12013" s="18"/>
      <c r="J12013" s="18"/>
      <c r="K12013" s="18"/>
      <c r="L12013" s="18"/>
      <c r="M12013" s="18"/>
      <c r="N12013" s="18"/>
      <c r="O12013" s="18"/>
      <c r="P12013" s="19"/>
      <c r="Q12013" s="19"/>
      <c r="R12013" s="19"/>
      <c r="S12013" s="19"/>
      <c r="T12013" s="19"/>
      <c r="U12013" s="19"/>
      <c r="V12013" s="19"/>
      <c r="W12013" s="19"/>
      <c r="X12013" s="19"/>
      <c r="Y12013" s="19"/>
      <c r="Z12013" s="19"/>
      <c r="AA12013" s="19"/>
    </row>
    <row r="12014" spans="1:27" s="1" customFormat="1" ht="11.1" customHeight="1" outlineLevel="3" x14ac:dyDescent="0.2">
      <c r="A12014" s="17">
        <v>14522</v>
      </c>
      <c r="B12014" s="17"/>
      <c r="C12014" s="17"/>
      <c r="D12014" s="18" t="s">
        <v>5964</v>
      </c>
      <c r="E12014" s="18"/>
      <c r="F12014" s="18"/>
      <c r="G12014" s="18"/>
      <c r="H12014" s="18"/>
      <c r="I12014" s="18"/>
      <c r="J12014" s="18"/>
      <c r="K12014" s="18"/>
      <c r="L12014" s="18"/>
      <c r="M12014" s="18"/>
      <c r="N12014" s="18"/>
      <c r="O12014" s="18"/>
      <c r="P12014" s="19">
        <v>450</v>
      </c>
      <c r="Q12014" s="19"/>
      <c r="R12014" s="19"/>
      <c r="S12014" s="19"/>
      <c r="T12014" s="19">
        <v>250</v>
      </c>
      <c r="U12014" s="19"/>
      <c r="V12014" s="19"/>
      <c r="W12014" s="19"/>
      <c r="X12014" s="19">
        <v>1</v>
      </c>
      <c r="Y12014" s="19"/>
      <c r="Z12014" s="19"/>
      <c r="AA12014" s="19"/>
    </row>
    <row r="12015" spans="1:27" s="1" customFormat="1" ht="11.1" customHeight="1" outlineLevel="3" x14ac:dyDescent="0.2">
      <c r="A12015" s="17"/>
      <c r="B12015" s="17"/>
      <c r="C12015" s="17"/>
      <c r="D12015" s="18"/>
      <c r="E12015" s="18"/>
      <c r="F12015" s="18"/>
      <c r="G12015" s="18"/>
      <c r="H12015" s="18"/>
      <c r="I12015" s="18"/>
      <c r="J12015" s="18"/>
      <c r="K12015" s="18"/>
      <c r="L12015" s="18"/>
      <c r="M12015" s="18"/>
      <c r="N12015" s="18"/>
      <c r="O12015" s="18"/>
      <c r="P12015" s="19"/>
      <c r="Q12015" s="19"/>
      <c r="R12015" s="19"/>
      <c r="S12015" s="19"/>
      <c r="T12015" s="19"/>
      <c r="U12015" s="19"/>
      <c r="V12015" s="19"/>
      <c r="W12015" s="19"/>
      <c r="X12015" s="19"/>
      <c r="Y12015" s="19"/>
      <c r="Z12015" s="19"/>
      <c r="AA12015" s="19"/>
    </row>
    <row r="12016" spans="1:27" s="1" customFormat="1" ht="11.1" customHeight="1" outlineLevel="3" x14ac:dyDescent="0.2">
      <c r="A12016" s="17">
        <v>14526</v>
      </c>
      <c r="B12016" s="17"/>
      <c r="C12016" s="17"/>
      <c r="D12016" s="18" t="s">
        <v>5965</v>
      </c>
      <c r="E12016" s="18"/>
      <c r="F12016" s="18"/>
      <c r="G12016" s="18"/>
      <c r="H12016" s="18"/>
      <c r="I12016" s="18"/>
      <c r="J12016" s="18"/>
      <c r="K12016" s="18"/>
      <c r="L12016" s="18"/>
      <c r="M12016" s="18"/>
      <c r="N12016" s="18"/>
      <c r="O12016" s="18"/>
      <c r="P12016" s="19">
        <v>450</v>
      </c>
      <c r="Q12016" s="19"/>
      <c r="R12016" s="19"/>
      <c r="S12016" s="19"/>
      <c r="T12016" s="19">
        <v>250</v>
      </c>
      <c r="U12016" s="19"/>
      <c r="V12016" s="19"/>
      <c r="W12016" s="19"/>
      <c r="X12016" s="19">
        <v>1</v>
      </c>
      <c r="Y12016" s="19"/>
      <c r="Z12016" s="19"/>
      <c r="AA12016" s="19"/>
    </row>
    <row r="12017" spans="1:27" s="1" customFormat="1" ht="11.1" customHeight="1" outlineLevel="3" x14ac:dyDescent="0.2">
      <c r="A12017" s="17"/>
      <c r="B12017" s="17"/>
      <c r="C12017" s="17"/>
      <c r="D12017" s="18"/>
      <c r="E12017" s="18"/>
      <c r="F12017" s="18"/>
      <c r="G12017" s="18"/>
      <c r="H12017" s="18"/>
      <c r="I12017" s="18"/>
      <c r="J12017" s="18"/>
      <c r="K12017" s="18"/>
      <c r="L12017" s="18"/>
      <c r="M12017" s="18"/>
      <c r="N12017" s="18"/>
      <c r="O12017" s="18"/>
      <c r="P12017" s="19"/>
      <c r="Q12017" s="19"/>
      <c r="R12017" s="19"/>
      <c r="S12017" s="19"/>
      <c r="T12017" s="19"/>
      <c r="U12017" s="19"/>
      <c r="V12017" s="19"/>
      <c r="W12017" s="19"/>
      <c r="X12017" s="19"/>
      <c r="Y12017" s="19"/>
      <c r="Z12017" s="19"/>
      <c r="AA12017" s="19"/>
    </row>
    <row r="12018" spans="1:27" s="1" customFormat="1" ht="11.1" customHeight="1" outlineLevel="3" x14ac:dyDescent="0.2">
      <c r="A12018" s="17">
        <v>14525</v>
      </c>
      <c r="B12018" s="17"/>
      <c r="C12018" s="17"/>
      <c r="D12018" s="18" t="s">
        <v>5966</v>
      </c>
      <c r="E12018" s="18"/>
      <c r="F12018" s="18"/>
      <c r="G12018" s="18"/>
      <c r="H12018" s="18"/>
      <c r="I12018" s="18"/>
      <c r="J12018" s="18"/>
      <c r="K12018" s="18"/>
      <c r="L12018" s="18"/>
      <c r="M12018" s="18"/>
      <c r="N12018" s="18"/>
      <c r="O12018" s="18"/>
      <c r="P12018" s="19">
        <v>450</v>
      </c>
      <c r="Q12018" s="19"/>
      <c r="R12018" s="19"/>
      <c r="S12018" s="19"/>
      <c r="T12018" s="19">
        <v>250</v>
      </c>
      <c r="U12018" s="19"/>
      <c r="V12018" s="19"/>
      <c r="W12018" s="19"/>
      <c r="X12018" s="19">
        <v>1</v>
      </c>
      <c r="Y12018" s="19"/>
      <c r="Z12018" s="19"/>
      <c r="AA12018" s="19"/>
    </row>
    <row r="12019" spans="1:27" s="1" customFormat="1" ht="11.1" customHeight="1" outlineLevel="3" x14ac:dyDescent="0.2">
      <c r="A12019" s="17"/>
      <c r="B12019" s="17"/>
      <c r="C12019" s="17"/>
      <c r="D12019" s="18"/>
      <c r="E12019" s="18"/>
      <c r="F12019" s="18"/>
      <c r="G12019" s="18"/>
      <c r="H12019" s="18"/>
      <c r="I12019" s="18"/>
      <c r="J12019" s="18"/>
      <c r="K12019" s="18"/>
      <c r="L12019" s="18"/>
      <c r="M12019" s="18"/>
      <c r="N12019" s="18"/>
      <c r="O12019" s="18"/>
      <c r="P12019" s="19"/>
      <c r="Q12019" s="19"/>
      <c r="R12019" s="19"/>
      <c r="S12019" s="19"/>
      <c r="T12019" s="19"/>
      <c r="U12019" s="19"/>
      <c r="V12019" s="19"/>
      <c r="W12019" s="19"/>
      <c r="X12019" s="19"/>
      <c r="Y12019" s="19"/>
      <c r="Z12019" s="19"/>
      <c r="AA12019" s="19"/>
    </row>
    <row r="12020" spans="1:27" s="1" customFormat="1" ht="11.1" customHeight="1" outlineLevel="3" x14ac:dyDescent="0.2">
      <c r="A12020" s="17">
        <v>16584</v>
      </c>
      <c r="B12020" s="17"/>
      <c r="C12020" s="17"/>
      <c r="D12020" s="18" t="s">
        <v>5967</v>
      </c>
      <c r="E12020" s="18"/>
      <c r="F12020" s="18"/>
      <c r="G12020" s="18"/>
      <c r="H12020" s="18"/>
      <c r="I12020" s="18"/>
      <c r="J12020" s="18"/>
      <c r="K12020" s="18"/>
      <c r="L12020" s="18"/>
      <c r="M12020" s="18"/>
      <c r="N12020" s="18"/>
      <c r="O12020" s="18"/>
      <c r="P12020" s="19">
        <v>450</v>
      </c>
      <c r="Q12020" s="19"/>
      <c r="R12020" s="19"/>
      <c r="S12020" s="19"/>
      <c r="T12020" s="19">
        <v>250</v>
      </c>
      <c r="U12020" s="19"/>
      <c r="V12020" s="19"/>
      <c r="W12020" s="19"/>
      <c r="X12020" s="19">
        <v>2</v>
      </c>
      <c r="Y12020" s="19"/>
      <c r="Z12020" s="19"/>
      <c r="AA12020" s="19"/>
    </row>
    <row r="12021" spans="1:27" s="1" customFormat="1" ht="11.1" customHeight="1" outlineLevel="3" x14ac:dyDescent="0.2">
      <c r="A12021" s="17"/>
      <c r="B12021" s="17"/>
      <c r="C12021" s="17"/>
      <c r="D12021" s="18"/>
      <c r="E12021" s="18"/>
      <c r="F12021" s="18"/>
      <c r="G12021" s="18"/>
      <c r="H12021" s="18"/>
      <c r="I12021" s="18"/>
      <c r="J12021" s="18"/>
      <c r="K12021" s="18"/>
      <c r="L12021" s="18"/>
      <c r="M12021" s="18"/>
      <c r="N12021" s="18"/>
      <c r="O12021" s="18"/>
      <c r="P12021" s="19"/>
      <c r="Q12021" s="19"/>
      <c r="R12021" s="19"/>
      <c r="S12021" s="19"/>
      <c r="T12021" s="19"/>
      <c r="U12021" s="19"/>
      <c r="V12021" s="19"/>
      <c r="W12021" s="19"/>
      <c r="X12021" s="19"/>
      <c r="Y12021" s="19"/>
      <c r="Z12021" s="19"/>
      <c r="AA12021" s="19"/>
    </row>
    <row r="12022" spans="1:27" s="1" customFormat="1" ht="11.1" customHeight="1" outlineLevel="3" x14ac:dyDescent="0.2">
      <c r="A12022" s="17">
        <v>16587</v>
      </c>
      <c r="B12022" s="17"/>
      <c r="C12022" s="17"/>
      <c r="D12022" s="18" t="s">
        <v>5968</v>
      </c>
      <c r="E12022" s="18"/>
      <c r="F12022" s="18"/>
      <c r="G12022" s="18"/>
      <c r="H12022" s="18"/>
      <c r="I12022" s="18"/>
      <c r="J12022" s="18"/>
      <c r="K12022" s="18"/>
      <c r="L12022" s="18"/>
      <c r="M12022" s="18"/>
      <c r="N12022" s="18"/>
      <c r="O12022" s="18"/>
      <c r="P12022" s="19">
        <v>450</v>
      </c>
      <c r="Q12022" s="19"/>
      <c r="R12022" s="19"/>
      <c r="S12022" s="19"/>
      <c r="T12022" s="19">
        <v>250</v>
      </c>
      <c r="U12022" s="19"/>
      <c r="V12022" s="19"/>
      <c r="W12022" s="19"/>
      <c r="X12022" s="19">
        <v>2</v>
      </c>
      <c r="Y12022" s="19"/>
      <c r="Z12022" s="19"/>
      <c r="AA12022" s="19"/>
    </row>
    <row r="12023" spans="1:27" s="1" customFormat="1" ht="11.1" customHeight="1" outlineLevel="3" x14ac:dyDescent="0.2">
      <c r="A12023" s="17"/>
      <c r="B12023" s="17"/>
      <c r="C12023" s="17"/>
      <c r="D12023" s="18"/>
      <c r="E12023" s="18"/>
      <c r="F12023" s="18"/>
      <c r="G12023" s="18"/>
      <c r="H12023" s="18"/>
      <c r="I12023" s="18"/>
      <c r="J12023" s="18"/>
      <c r="K12023" s="18"/>
      <c r="L12023" s="18"/>
      <c r="M12023" s="18"/>
      <c r="N12023" s="18"/>
      <c r="O12023" s="18"/>
      <c r="P12023" s="19"/>
      <c r="Q12023" s="19"/>
      <c r="R12023" s="19"/>
      <c r="S12023" s="19"/>
      <c r="T12023" s="19"/>
      <c r="U12023" s="19"/>
      <c r="V12023" s="19"/>
      <c r="W12023" s="19"/>
      <c r="X12023" s="19"/>
      <c r="Y12023" s="19"/>
      <c r="Z12023" s="19"/>
      <c r="AA12023" s="19"/>
    </row>
    <row r="12024" spans="1:27" s="1" customFormat="1" ht="11.1" customHeight="1" outlineLevel="3" x14ac:dyDescent="0.2">
      <c r="A12024" s="17">
        <v>16585</v>
      </c>
      <c r="B12024" s="17"/>
      <c r="C12024" s="17"/>
      <c r="D12024" s="18" t="s">
        <v>5969</v>
      </c>
      <c r="E12024" s="18"/>
      <c r="F12024" s="18"/>
      <c r="G12024" s="18"/>
      <c r="H12024" s="18"/>
      <c r="I12024" s="18"/>
      <c r="J12024" s="18"/>
      <c r="K12024" s="18"/>
      <c r="L12024" s="18"/>
      <c r="M12024" s="18"/>
      <c r="N12024" s="18"/>
      <c r="O12024" s="18"/>
      <c r="P12024" s="19">
        <v>450</v>
      </c>
      <c r="Q12024" s="19"/>
      <c r="R12024" s="19"/>
      <c r="S12024" s="19"/>
      <c r="T12024" s="19">
        <v>250</v>
      </c>
      <c r="U12024" s="19"/>
      <c r="V12024" s="19"/>
      <c r="W12024" s="19"/>
      <c r="X12024" s="19">
        <v>2</v>
      </c>
      <c r="Y12024" s="19"/>
      <c r="Z12024" s="19"/>
      <c r="AA12024" s="19"/>
    </row>
    <row r="12025" spans="1:27" s="1" customFormat="1" ht="11.1" customHeight="1" outlineLevel="3" x14ac:dyDescent="0.2">
      <c r="A12025" s="17"/>
      <c r="B12025" s="17"/>
      <c r="C12025" s="17"/>
      <c r="D12025" s="18"/>
      <c r="E12025" s="18"/>
      <c r="F12025" s="18"/>
      <c r="G12025" s="18"/>
      <c r="H12025" s="18"/>
      <c r="I12025" s="18"/>
      <c r="J12025" s="18"/>
      <c r="K12025" s="18"/>
      <c r="L12025" s="18"/>
      <c r="M12025" s="18"/>
      <c r="N12025" s="18"/>
      <c r="O12025" s="18"/>
      <c r="P12025" s="19"/>
      <c r="Q12025" s="19"/>
      <c r="R12025" s="19"/>
      <c r="S12025" s="19"/>
      <c r="T12025" s="19"/>
      <c r="U12025" s="19"/>
      <c r="V12025" s="19"/>
      <c r="W12025" s="19"/>
      <c r="X12025" s="19"/>
      <c r="Y12025" s="19"/>
      <c r="Z12025" s="19"/>
      <c r="AA12025" s="19"/>
    </row>
    <row r="12026" spans="1:27" s="1" customFormat="1" ht="11.1" customHeight="1" outlineLevel="3" x14ac:dyDescent="0.2">
      <c r="A12026" s="17">
        <v>16586</v>
      </c>
      <c r="B12026" s="17"/>
      <c r="C12026" s="17"/>
      <c r="D12026" s="18" t="s">
        <v>5970</v>
      </c>
      <c r="E12026" s="18"/>
      <c r="F12026" s="18"/>
      <c r="G12026" s="18"/>
      <c r="H12026" s="18"/>
      <c r="I12026" s="18"/>
      <c r="J12026" s="18"/>
      <c r="K12026" s="18"/>
      <c r="L12026" s="18"/>
      <c r="M12026" s="18"/>
      <c r="N12026" s="18"/>
      <c r="O12026" s="18"/>
      <c r="P12026" s="19">
        <v>450</v>
      </c>
      <c r="Q12026" s="19"/>
      <c r="R12026" s="19"/>
      <c r="S12026" s="19"/>
      <c r="T12026" s="19">
        <v>250</v>
      </c>
      <c r="U12026" s="19"/>
      <c r="V12026" s="19"/>
      <c r="W12026" s="19"/>
      <c r="X12026" s="19">
        <v>2</v>
      </c>
      <c r="Y12026" s="19"/>
      <c r="Z12026" s="19"/>
      <c r="AA12026" s="19"/>
    </row>
    <row r="12027" spans="1:27" s="1" customFormat="1" ht="11.1" customHeight="1" outlineLevel="3" x14ac:dyDescent="0.2">
      <c r="A12027" s="17"/>
      <c r="B12027" s="17"/>
      <c r="C12027" s="17"/>
      <c r="D12027" s="18"/>
      <c r="E12027" s="18"/>
      <c r="F12027" s="18"/>
      <c r="G12027" s="18"/>
      <c r="H12027" s="18"/>
      <c r="I12027" s="18"/>
      <c r="J12027" s="18"/>
      <c r="K12027" s="18"/>
      <c r="L12027" s="18"/>
      <c r="M12027" s="18"/>
      <c r="N12027" s="18"/>
      <c r="O12027" s="18"/>
      <c r="P12027" s="19"/>
      <c r="Q12027" s="19"/>
      <c r="R12027" s="19"/>
      <c r="S12027" s="19"/>
      <c r="T12027" s="19"/>
      <c r="U12027" s="19"/>
      <c r="V12027" s="19"/>
      <c r="W12027" s="19"/>
      <c r="X12027" s="19"/>
      <c r="Y12027" s="19"/>
      <c r="Z12027" s="19"/>
      <c r="AA12027" s="19"/>
    </row>
    <row r="12028" spans="1:27" s="1" customFormat="1" ht="11.1" customHeight="1" outlineLevel="3" x14ac:dyDescent="0.2">
      <c r="A12028" s="17">
        <v>8548</v>
      </c>
      <c r="B12028" s="17"/>
      <c r="C12028" s="17"/>
      <c r="D12028" s="18" t="s">
        <v>5971</v>
      </c>
      <c r="E12028" s="18"/>
      <c r="F12028" s="18"/>
      <c r="G12028" s="18"/>
      <c r="H12028" s="18"/>
      <c r="I12028" s="18"/>
      <c r="J12028" s="18"/>
      <c r="K12028" s="18"/>
      <c r="L12028" s="18"/>
      <c r="M12028" s="18"/>
      <c r="N12028" s="18"/>
      <c r="O12028" s="18"/>
      <c r="P12028" s="19">
        <v>120</v>
      </c>
      <c r="Q12028" s="19"/>
      <c r="R12028" s="19"/>
      <c r="S12028" s="19"/>
      <c r="T12028" s="19">
        <v>35</v>
      </c>
      <c r="U12028" s="19"/>
      <c r="V12028" s="19"/>
      <c r="W12028" s="19"/>
      <c r="X12028" s="19">
        <v>15</v>
      </c>
      <c r="Y12028" s="19"/>
      <c r="Z12028" s="19"/>
      <c r="AA12028" s="19"/>
    </row>
    <row r="12029" spans="1:27" s="1" customFormat="1" ht="11.1" customHeight="1" outlineLevel="3" x14ac:dyDescent="0.2">
      <c r="A12029" s="17"/>
      <c r="B12029" s="17"/>
      <c r="C12029" s="17"/>
      <c r="D12029" s="18"/>
      <c r="E12029" s="18"/>
      <c r="F12029" s="18"/>
      <c r="G12029" s="18"/>
      <c r="H12029" s="18"/>
      <c r="I12029" s="18"/>
      <c r="J12029" s="18"/>
      <c r="K12029" s="18"/>
      <c r="L12029" s="18"/>
      <c r="M12029" s="18"/>
      <c r="N12029" s="18"/>
      <c r="O12029" s="18"/>
      <c r="P12029" s="19"/>
      <c r="Q12029" s="19"/>
      <c r="R12029" s="19"/>
      <c r="S12029" s="19"/>
      <c r="T12029" s="19"/>
      <c r="U12029" s="19"/>
      <c r="V12029" s="19"/>
      <c r="W12029" s="19"/>
      <c r="X12029" s="19"/>
      <c r="Y12029" s="19"/>
      <c r="Z12029" s="19"/>
      <c r="AA12029" s="19"/>
    </row>
    <row r="12030" spans="1:27" s="1" customFormat="1" ht="14.1" customHeight="1" outlineLevel="3" x14ac:dyDescent="0.2">
      <c r="A12030" s="17">
        <v>8486</v>
      </c>
      <c r="B12030" s="17"/>
      <c r="C12030" s="17"/>
      <c r="D12030" s="18" t="s">
        <v>5972</v>
      </c>
      <c r="E12030" s="18"/>
      <c r="F12030" s="18"/>
      <c r="G12030" s="18"/>
      <c r="H12030" s="18"/>
      <c r="I12030" s="18"/>
      <c r="J12030" s="18"/>
      <c r="K12030" s="18"/>
      <c r="L12030" s="18"/>
      <c r="M12030" s="18"/>
      <c r="N12030" s="18"/>
      <c r="O12030" s="18"/>
      <c r="P12030" s="19">
        <v>120</v>
      </c>
      <c r="Q12030" s="19"/>
      <c r="R12030" s="19"/>
      <c r="S12030" s="19"/>
      <c r="T12030" s="19">
        <v>55</v>
      </c>
      <c r="U12030" s="19"/>
      <c r="V12030" s="19"/>
      <c r="W12030" s="19"/>
      <c r="X12030" s="19">
        <v>17</v>
      </c>
      <c r="Y12030" s="19"/>
      <c r="Z12030" s="19"/>
      <c r="AA12030" s="19"/>
    </row>
    <row r="12031" spans="1:27" s="1" customFormat="1" ht="14.1" customHeight="1" outlineLevel="3" x14ac:dyDescent="0.2">
      <c r="A12031" s="17"/>
      <c r="B12031" s="17"/>
      <c r="C12031" s="17"/>
      <c r="D12031" s="18"/>
      <c r="E12031" s="18"/>
      <c r="F12031" s="18"/>
      <c r="G12031" s="18"/>
      <c r="H12031" s="18"/>
      <c r="I12031" s="18"/>
      <c r="J12031" s="18"/>
      <c r="K12031" s="18"/>
      <c r="L12031" s="18"/>
      <c r="M12031" s="18"/>
      <c r="N12031" s="18"/>
      <c r="O12031" s="18"/>
      <c r="P12031" s="19"/>
      <c r="Q12031" s="19"/>
      <c r="R12031" s="19"/>
      <c r="S12031" s="19"/>
      <c r="T12031" s="19"/>
      <c r="U12031" s="19"/>
      <c r="V12031" s="19"/>
      <c r="W12031" s="19"/>
      <c r="X12031" s="19"/>
      <c r="Y12031" s="19"/>
      <c r="Z12031" s="19"/>
      <c r="AA12031" s="19"/>
    </row>
    <row r="12032" spans="1:27" s="1" customFormat="1" ht="11.1" customHeight="1" outlineLevel="3" x14ac:dyDescent="0.2">
      <c r="A12032" s="17">
        <v>11661</v>
      </c>
      <c r="B12032" s="17"/>
      <c r="C12032" s="17"/>
      <c r="D12032" s="18" t="s">
        <v>5973</v>
      </c>
      <c r="E12032" s="18"/>
      <c r="F12032" s="18"/>
      <c r="G12032" s="18"/>
      <c r="H12032" s="18"/>
      <c r="I12032" s="18"/>
      <c r="J12032" s="18"/>
      <c r="K12032" s="18"/>
      <c r="L12032" s="18"/>
      <c r="M12032" s="18"/>
      <c r="N12032" s="18"/>
      <c r="O12032" s="18"/>
      <c r="P12032" s="19">
        <v>990</v>
      </c>
      <c r="Q12032" s="19"/>
      <c r="R12032" s="19"/>
      <c r="S12032" s="19"/>
      <c r="T12032" s="19">
        <v>750</v>
      </c>
      <c r="U12032" s="19"/>
      <c r="V12032" s="19"/>
      <c r="W12032" s="19"/>
      <c r="X12032" s="19">
        <v>1</v>
      </c>
      <c r="Y12032" s="19"/>
      <c r="Z12032" s="19"/>
      <c r="AA12032" s="19"/>
    </row>
    <row r="12033" spans="1:27" s="1" customFormat="1" ht="11.1" customHeight="1" outlineLevel="3" x14ac:dyDescent="0.2">
      <c r="A12033" s="17"/>
      <c r="B12033" s="17"/>
      <c r="C12033" s="17"/>
      <c r="D12033" s="18"/>
      <c r="E12033" s="18"/>
      <c r="F12033" s="18"/>
      <c r="G12033" s="18"/>
      <c r="H12033" s="18"/>
      <c r="I12033" s="18"/>
      <c r="J12033" s="18"/>
      <c r="K12033" s="18"/>
      <c r="L12033" s="18"/>
      <c r="M12033" s="18"/>
      <c r="N12033" s="18"/>
      <c r="O12033" s="18"/>
      <c r="P12033" s="19"/>
      <c r="Q12033" s="19"/>
      <c r="R12033" s="19"/>
      <c r="S12033" s="19"/>
      <c r="T12033" s="19"/>
      <c r="U12033" s="19"/>
      <c r="V12033" s="19"/>
      <c r="W12033" s="19"/>
      <c r="X12033" s="19"/>
      <c r="Y12033" s="19"/>
      <c r="Z12033" s="19"/>
      <c r="AA12033" s="19"/>
    </row>
    <row r="12034" spans="1:27" s="1" customFormat="1" ht="14.1" customHeight="1" outlineLevel="3" x14ac:dyDescent="0.2">
      <c r="A12034" s="17">
        <v>11660</v>
      </c>
      <c r="B12034" s="17"/>
      <c r="C12034" s="17"/>
      <c r="D12034" s="18" t="s">
        <v>5974</v>
      </c>
      <c r="E12034" s="18"/>
      <c r="F12034" s="18"/>
      <c r="G12034" s="18"/>
      <c r="H12034" s="18"/>
      <c r="I12034" s="18"/>
      <c r="J12034" s="18"/>
      <c r="K12034" s="18"/>
      <c r="L12034" s="18"/>
      <c r="M12034" s="18"/>
      <c r="N12034" s="18"/>
      <c r="O12034" s="18"/>
      <c r="P12034" s="19">
        <v>990</v>
      </c>
      <c r="Q12034" s="19"/>
      <c r="R12034" s="19"/>
      <c r="S12034" s="19"/>
      <c r="T12034" s="19">
        <v>750</v>
      </c>
      <c r="U12034" s="19"/>
      <c r="V12034" s="19"/>
      <c r="W12034" s="19"/>
      <c r="X12034" s="19">
        <v>1</v>
      </c>
      <c r="Y12034" s="19"/>
      <c r="Z12034" s="19"/>
      <c r="AA12034" s="19"/>
    </row>
    <row r="12035" spans="1:27" s="1" customFormat="1" ht="14.1" customHeight="1" outlineLevel="3" x14ac:dyDescent="0.2">
      <c r="A12035" s="17"/>
      <c r="B12035" s="17"/>
      <c r="C12035" s="17"/>
      <c r="D12035" s="18"/>
      <c r="E12035" s="18"/>
      <c r="F12035" s="18"/>
      <c r="G12035" s="18"/>
      <c r="H12035" s="18"/>
      <c r="I12035" s="18"/>
      <c r="J12035" s="18"/>
      <c r="K12035" s="18"/>
      <c r="L12035" s="18"/>
      <c r="M12035" s="18"/>
      <c r="N12035" s="18"/>
      <c r="O12035" s="18"/>
      <c r="P12035" s="19"/>
      <c r="Q12035" s="19"/>
      <c r="R12035" s="19"/>
      <c r="S12035" s="19"/>
      <c r="T12035" s="19"/>
      <c r="U12035" s="19"/>
      <c r="V12035" s="19"/>
      <c r="W12035" s="19"/>
      <c r="X12035" s="19"/>
      <c r="Y12035" s="19"/>
      <c r="Z12035" s="19"/>
      <c r="AA12035" s="19"/>
    </row>
    <row r="12036" spans="1:27" s="1" customFormat="1" ht="11.1" customHeight="1" outlineLevel="3" x14ac:dyDescent="0.2">
      <c r="A12036" s="17">
        <v>11324</v>
      </c>
      <c r="B12036" s="17"/>
      <c r="C12036" s="17"/>
      <c r="D12036" s="18" t="s">
        <v>5975</v>
      </c>
      <c r="E12036" s="18"/>
      <c r="F12036" s="18"/>
      <c r="G12036" s="18"/>
      <c r="H12036" s="18"/>
      <c r="I12036" s="18"/>
      <c r="J12036" s="18"/>
      <c r="K12036" s="18"/>
      <c r="L12036" s="18"/>
      <c r="M12036" s="18"/>
      <c r="N12036" s="18"/>
      <c r="O12036" s="18"/>
      <c r="P12036" s="19">
        <v>990</v>
      </c>
      <c r="Q12036" s="19"/>
      <c r="R12036" s="19"/>
      <c r="S12036" s="19"/>
      <c r="T12036" s="19">
        <v>750</v>
      </c>
      <c r="U12036" s="19"/>
      <c r="V12036" s="19"/>
      <c r="W12036" s="19"/>
      <c r="X12036" s="19">
        <v>1</v>
      </c>
      <c r="Y12036" s="19"/>
      <c r="Z12036" s="19"/>
      <c r="AA12036" s="19"/>
    </row>
    <row r="12037" spans="1:27" s="1" customFormat="1" ht="11.1" customHeight="1" outlineLevel="3" x14ac:dyDescent="0.2">
      <c r="A12037" s="17"/>
      <c r="B12037" s="17"/>
      <c r="C12037" s="17"/>
      <c r="D12037" s="18"/>
      <c r="E12037" s="18"/>
      <c r="F12037" s="18"/>
      <c r="G12037" s="18"/>
      <c r="H12037" s="18"/>
      <c r="I12037" s="18"/>
      <c r="J12037" s="18"/>
      <c r="K12037" s="18"/>
      <c r="L12037" s="18"/>
      <c r="M12037" s="18"/>
      <c r="N12037" s="18"/>
      <c r="O12037" s="18"/>
      <c r="P12037" s="19"/>
      <c r="Q12037" s="19"/>
      <c r="R12037" s="19"/>
      <c r="S12037" s="19"/>
      <c r="T12037" s="19"/>
      <c r="U12037" s="19"/>
      <c r="V12037" s="19"/>
      <c r="W12037" s="19"/>
      <c r="X12037" s="19"/>
      <c r="Y12037" s="19"/>
      <c r="Z12037" s="19"/>
      <c r="AA12037" s="19"/>
    </row>
    <row r="12038" spans="1:27" s="1" customFormat="1" ht="11.1" customHeight="1" outlineLevel="3" x14ac:dyDescent="0.2">
      <c r="A12038" s="17">
        <v>15189</v>
      </c>
      <c r="B12038" s="17"/>
      <c r="C12038" s="17"/>
      <c r="D12038" s="18" t="s">
        <v>5976</v>
      </c>
      <c r="E12038" s="18"/>
      <c r="F12038" s="18"/>
      <c r="G12038" s="18"/>
      <c r="H12038" s="18"/>
      <c r="I12038" s="18"/>
      <c r="J12038" s="18"/>
      <c r="K12038" s="18"/>
      <c r="L12038" s="18"/>
      <c r="M12038" s="18"/>
      <c r="N12038" s="18"/>
      <c r="O12038" s="18"/>
      <c r="P12038" s="19">
        <v>200</v>
      </c>
      <c r="Q12038" s="19"/>
      <c r="R12038" s="19"/>
      <c r="S12038" s="19"/>
      <c r="T12038" s="19">
        <v>80</v>
      </c>
      <c r="U12038" s="19"/>
      <c r="V12038" s="19"/>
      <c r="W12038" s="19"/>
      <c r="X12038" s="19">
        <v>2</v>
      </c>
      <c r="Y12038" s="19"/>
      <c r="Z12038" s="19"/>
      <c r="AA12038" s="19"/>
    </row>
    <row r="12039" spans="1:27" s="1" customFormat="1" ht="11.1" customHeight="1" outlineLevel="3" x14ac:dyDescent="0.2">
      <c r="A12039" s="17"/>
      <c r="B12039" s="17"/>
      <c r="C12039" s="17"/>
      <c r="D12039" s="18"/>
      <c r="E12039" s="18"/>
      <c r="F12039" s="18"/>
      <c r="G12039" s="18"/>
      <c r="H12039" s="18"/>
      <c r="I12039" s="18"/>
      <c r="J12039" s="18"/>
      <c r="K12039" s="18"/>
      <c r="L12039" s="18"/>
      <c r="M12039" s="18"/>
      <c r="N12039" s="18"/>
      <c r="O12039" s="18"/>
      <c r="P12039" s="19"/>
      <c r="Q12039" s="19"/>
      <c r="R12039" s="19"/>
      <c r="S12039" s="19"/>
      <c r="T12039" s="19"/>
      <c r="U12039" s="19"/>
      <c r="V12039" s="19"/>
      <c r="W12039" s="19"/>
      <c r="X12039" s="19"/>
      <c r="Y12039" s="19"/>
      <c r="Z12039" s="19"/>
      <c r="AA12039" s="19"/>
    </row>
    <row r="12040" spans="1:27" s="1" customFormat="1" ht="11.1" customHeight="1" outlineLevel="3" x14ac:dyDescent="0.2">
      <c r="A12040" s="17">
        <v>16583</v>
      </c>
      <c r="B12040" s="17"/>
      <c r="C12040" s="17"/>
      <c r="D12040" s="18" t="s">
        <v>5977</v>
      </c>
      <c r="E12040" s="18"/>
      <c r="F12040" s="18"/>
      <c r="G12040" s="18"/>
      <c r="H12040" s="18"/>
      <c r="I12040" s="18"/>
      <c r="J12040" s="18"/>
      <c r="K12040" s="18"/>
      <c r="L12040" s="18"/>
      <c r="M12040" s="18"/>
      <c r="N12040" s="18"/>
      <c r="O12040" s="18"/>
      <c r="P12040" s="19">
        <v>280</v>
      </c>
      <c r="Q12040" s="19"/>
      <c r="R12040" s="19"/>
      <c r="S12040" s="19"/>
      <c r="T12040" s="19">
        <v>90</v>
      </c>
      <c r="U12040" s="19"/>
      <c r="V12040" s="19"/>
      <c r="W12040" s="19"/>
      <c r="X12040" s="19">
        <v>2</v>
      </c>
      <c r="Y12040" s="19"/>
      <c r="Z12040" s="19"/>
      <c r="AA12040" s="19"/>
    </row>
    <row r="12041" spans="1:27" s="1" customFormat="1" ht="11.1" customHeight="1" outlineLevel="3" x14ac:dyDescent="0.2">
      <c r="A12041" s="17"/>
      <c r="B12041" s="17"/>
      <c r="C12041" s="17"/>
      <c r="D12041" s="18"/>
      <c r="E12041" s="18"/>
      <c r="F12041" s="18"/>
      <c r="G12041" s="18"/>
      <c r="H12041" s="18"/>
      <c r="I12041" s="18"/>
      <c r="J12041" s="18"/>
      <c r="K12041" s="18"/>
      <c r="L12041" s="18"/>
      <c r="M12041" s="18"/>
      <c r="N12041" s="18"/>
      <c r="O12041" s="18"/>
      <c r="P12041" s="19"/>
      <c r="Q12041" s="19"/>
      <c r="R12041" s="19"/>
      <c r="S12041" s="19"/>
      <c r="T12041" s="19"/>
      <c r="U12041" s="19"/>
      <c r="V12041" s="19"/>
      <c r="W12041" s="19"/>
      <c r="X12041" s="19"/>
      <c r="Y12041" s="19"/>
      <c r="Z12041" s="19"/>
      <c r="AA12041" s="19"/>
    </row>
    <row r="12042" spans="1:27" s="1" customFormat="1" ht="14.1" customHeight="1" outlineLevel="3" x14ac:dyDescent="0.2">
      <c r="A12042" s="17">
        <v>16522</v>
      </c>
      <c r="B12042" s="17"/>
      <c r="C12042" s="17"/>
      <c r="D12042" s="18" t="s">
        <v>5978</v>
      </c>
      <c r="E12042" s="18"/>
      <c r="F12042" s="18"/>
      <c r="G12042" s="18"/>
      <c r="H12042" s="18"/>
      <c r="I12042" s="18"/>
      <c r="J12042" s="18"/>
      <c r="K12042" s="18"/>
      <c r="L12042" s="18"/>
      <c r="M12042" s="18"/>
      <c r="N12042" s="18"/>
      <c r="O12042" s="18"/>
      <c r="P12042" s="19">
        <v>200</v>
      </c>
      <c r="Q12042" s="19"/>
      <c r="R12042" s="19"/>
      <c r="S12042" s="19"/>
      <c r="T12042" s="19">
        <v>90</v>
      </c>
      <c r="U12042" s="19"/>
      <c r="V12042" s="19"/>
      <c r="W12042" s="19"/>
      <c r="X12042" s="19">
        <v>1</v>
      </c>
      <c r="Y12042" s="19"/>
      <c r="Z12042" s="19"/>
      <c r="AA12042" s="19"/>
    </row>
    <row r="12043" spans="1:27" s="1" customFormat="1" ht="14.1" customHeight="1" outlineLevel="3" x14ac:dyDescent="0.2">
      <c r="A12043" s="17"/>
      <c r="B12043" s="17"/>
      <c r="C12043" s="17"/>
      <c r="D12043" s="18"/>
      <c r="E12043" s="18"/>
      <c r="F12043" s="18"/>
      <c r="G12043" s="18"/>
      <c r="H12043" s="18"/>
      <c r="I12043" s="18"/>
      <c r="J12043" s="18"/>
      <c r="K12043" s="18"/>
      <c r="L12043" s="18"/>
      <c r="M12043" s="18"/>
      <c r="N12043" s="18"/>
      <c r="O12043" s="18"/>
      <c r="P12043" s="19"/>
      <c r="Q12043" s="19"/>
      <c r="R12043" s="19"/>
      <c r="S12043" s="19"/>
      <c r="T12043" s="19"/>
      <c r="U12043" s="19"/>
      <c r="V12043" s="19"/>
      <c r="W12043" s="19"/>
      <c r="X12043" s="19"/>
      <c r="Y12043" s="19"/>
      <c r="Z12043" s="19"/>
      <c r="AA12043" s="19"/>
    </row>
    <row r="12044" spans="1:27" s="1" customFormat="1" ht="14.1" customHeight="1" outlineLevel="3" x14ac:dyDescent="0.2">
      <c r="A12044" s="17">
        <v>16582</v>
      </c>
      <c r="B12044" s="17"/>
      <c r="C12044" s="17"/>
      <c r="D12044" s="18" t="s">
        <v>5979</v>
      </c>
      <c r="E12044" s="18"/>
      <c r="F12044" s="18"/>
      <c r="G12044" s="18"/>
      <c r="H12044" s="18"/>
      <c r="I12044" s="18"/>
      <c r="J12044" s="18"/>
      <c r="K12044" s="18"/>
      <c r="L12044" s="18"/>
      <c r="M12044" s="18"/>
      <c r="N12044" s="18"/>
      <c r="O12044" s="18"/>
      <c r="P12044" s="19">
        <v>280</v>
      </c>
      <c r="Q12044" s="19"/>
      <c r="R12044" s="19"/>
      <c r="S12044" s="19"/>
      <c r="T12044" s="19">
        <v>90</v>
      </c>
      <c r="U12044" s="19"/>
      <c r="V12044" s="19"/>
      <c r="W12044" s="19"/>
      <c r="X12044" s="19">
        <v>1</v>
      </c>
      <c r="Y12044" s="19"/>
      <c r="Z12044" s="19"/>
      <c r="AA12044" s="19"/>
    </row>
    <row r="12045" spans="1:27" s="1" customFormat="1" ht="14.1" customHeight="1" outlineLevel="3" x14ac:dyDescent="0.2">
      <c r="A12045" s="17"/>
      <c r="B12045" s="17"/>
      <c r="C12045" s="17"/>
      <c r="D12045" s="18"/>
      <c r="E12045" s="18"/>
      <c r="F12045" s="18"/>
      <c r="G12045" s="18"/>
      <c r="H12045" s="18"/>
      <c r="I12045" s="18"/>
      <c r="J12045" s="18"/>
      <c r="K12045" s="18"/>
      <c r="L12045" s="18"/>
      <c r="M12045" s="18"/>
      <c r="N12045" s="18"/>
      <c r="O12045" s="18"/>
      <c r="P12045" s="19"/>
      <c r="Q12045" s="19"/>
      <c r="R12045" s="19"/>
      <c r="S12045" s="19"/>
      <c r="T12045" s="19"/>
      <c r="U12045" s="19"/>
      <c r="V12045" s="19"/>
      <c r="W12045" s="19"/>
      <c r="X12045" s="19"/>
      <c r="Y12045" s="19"/>
      <c r="Z12045" s="19"/>
      <c r="AA12045" s="19"/>
    </row>
    <row r="12046" spans="1:27" s="1" customFormat="1" ht="14.1" customHeight="1" outlineLevel="3" x14ac:dyDescent="0.2">
      <c r="A12046" s="17">
        <v>16523</v>
      </c>
      <c r="B12046" s="17"/>
      <c r="C12046" s="17"/>
      <c r="D12046" s="18" t="s">
        <v>5980</v>
      </c>
      <c r="E12046" s="18"/>
      <c r="F12046" s="18"/>
      <c r="G12046" s="18"/>
      <c r="H12046" s="18"/>
      <c r="I12046" s="18"/>
      <c r="J12046" s="18"/>
      <c r="K12046" s="18"/>
      <c r="L12046" s="18"/>
      <c r="M12046" s="18"/>
      <c r="N12046" s="18"/>
      <c r="O12046" s="18"/>
      <c r="P12046" s="19">
        <v>200</v>
      </c>
      <c r="Q12046" s="19"/>
      <c r="R12046" s="19"/>
      <c r="S12046" s="19"/>
      <c r="T12046" s="19">
        <v>90</v>
      </c>
      <c r="U12046" s="19"/>
      <c r="V12046" s="19"/>
      <c r="W12046" s="19"/>
      <c r="X12046" s="19">
        <v>1</v>
      </c>
      <c r="Y12046" s="19"/>
      <c r="Z12046" s="19"/>
      <c r="AA12046" s="19"/>
    </row>
    <row r="12047" spans="1:27" s="1" customFormat="1" ht="14.1" customHeight="1" outlineLevel="3" x14ac:dyDescent="0.2">
      <c r="A12047" s="17"/>
      <c r="B12047" s="17"/>
      <c r="C12047" s="17"/>
      <c r="D12047" s="18"/>
      <c r="E12047" s="18"/>
      <c r="F12047" s="18"/>
      <c r="G12047" s="18"/>
      <c r="H12047" s="18"/>
      <c r="I12047" s="18"/>
      <c r="J12047" s="18"/>
      <c r="K12047" s="18"/>
      <c r="L12047" s="18"/>
      <c r="M12047" s="18"/>
      <c r="N12047" s="18"/>
      <c r="O12047" s="18"/>
      <c r="P12047" s="19"/>
      <c r="Q12047" s="19"/>
      <c r="R12047" s="19"/>
      <c r="S12047" s="19"/>
      <c r="T12047" s="19"/>
      <c r="U12047" s="19"/>
      <c r="V12047" s="19"/>
      <c r="W12047" s="19"/>
      <c r="X12047" s="19"/>
      <c r="Y12047" s="19"/>
      <c r="Z12047" s="19"/>
      <c r="AA12047" s="19"/>
    </row>
    <row r="12048" spans="1:27" s="1" customFormat="1" ht="11.1" customHeight="1" outlineLevel="3" x14ac:dyDescent="0.2">
      <c r="A12048" s="17">
        <v>16521</v>
      </c>
      <c r="B12048" s="17"/>
      <c r="C12048" s="17"/>
      <c r="D12048" s="18" t="s">
        <v>5981</v>
      </c>
      <c r="E12048" s="18"/>
      <c r="F12048" s="18"/>
      <c r="G12048" s="18"/>
      <c r="H12048" s="18"/>
      <c r="I12048" s="18"/>
      <c r="J12048" s="18"/>
      <c r="K12048" s="18"/>
      <c r="L12048" s="18"/>
      <c r="M12048" s="18"/>
      <c r="N12048" s="18"/>
      <c r="O12048" s="18"/>
      <c r="P12048" s="19">
        <v>200</v>
      </c>
      <c r="Q12048" s="19"/>
      <c r="R12048" s="19"/>
      <c r="S12048" s="19"/>
      <c r="T12048" s="19">
        <v>90</v>
      </c>
      <c r="U12048" s="19"/>
      <c r="V12048" s="19"/>
      <c r="W12048" s="19"/>
      <c r="X12048" s="19">
        <v>1</v>
      </c>
      <c r="Y12048" s="19"/>
      <c r="Z12048" s="19"/>
      <c r="AA12048" s="19"/>
    </row>
    <row r="12049" spans="1:27" s="1" customFormat="1" ht="11.1" customHeight="1" outlineLevel="3" x14ac:dyDescent="0.2">
      <c r="A12049" s="17"/>
      <c r="B12049" s="17"/>
      <c r="C12049" s="17"/>
      <c r="D12049" s="18"/>
      <c r="E12049" s="18"/>
      <c r="F12049" s="18"/>
      <c r="G12049" s="18"/>
      <c r="H12049" s="18"/>
      <c r="I12049" s="18"/>
      <c r="J12049" s="18"/>
      <c r="K12049" s="18"/>
      <c r="L12049" s="18"/>
      <c r="M12049" s="18"/>
      <c r="N12049" s="18"/>
      <c r="O12049" s="18"/>
      <c r="P12049" s="19"/>
      <c r="Q12049" s="19"/>
      <c r="R12049" s="19"/>
      <c r="S12049" s="19"/>
      <c r="T12049" s="19"/>
      <c r="U12049" s="19"/>
      <c r="V12049" s="19"/>
      <c r="W12049" s="19"/>
      <c r="X12049" s="19"/>
      <c r="Y12049" s="19"/>
      <c r="Z12049" s="19"/>
      <c r="AA12049" s="19"/>
    </row>
    <row r="12050" spans="1:27" s="1" customFormat="1" ht="11.1" customHeight="1" outlineLevel="3" x14ac:dyDescent="0.2">
      <c r="A12050" s="17">
        <v>16520</v>
      </c>
      <c r="B12050" s="17"/>
      <c r="C12050" s="17"/>
      <c r="D12050" s="18" t="s">
        <v>5982</v>
      </c>
      <c r="E12050" s="18"/>
      <c r="F12050" s="18"/>
      <c r="G12050" s="18"/>
      <c r="H12050" s="18"/>
      <c r="I12050" s="18"/>
      <c r="J12050" s="18"/>
      <c r="K12050" s="18"/>
      <c r="L12050" s="18"/>
      <c r="M12050" s="18"/>
      <c r="N12050" s="18"/>
      <c r="O12050" s="18"/>
      <c r="P12050" s="19">
        <v>200</v>
      </c>
      <c r="Q12050" s="19"/>
      <c r="R12050" s="19"/>
      <c r="S12050" s="19"/>
      <c r="T12050" s="19">
        <v>90</v>
      </c>
      <c r="U12050" s="19"/>
      <c r="V12050" s="19"/>
      <c r="W12050" s="19"/>
      <c r="X12050" s="19">
        <v>1</v>
      </c>
      <c r="Y12050" s="19"/>
      <c r="Z12050" s="19"/>
      <c r="AA12050" s="19"/>
    </row>
    <row r="12051" spans="1:27" s="1" customFormat="1" ht="11.1" customHeight="1" outlineLevel="3" x14ac:dyDescent="0.2">
      <c r="A12051" s="17"/>
      <c r="B12051" s="17"/>
      <c r="C12051" s="17"/>
      <c r="D12051" s="18"/>
      <c r="E12051" s="18"/>
      <c r="F12051" s="18"/>
      <c r="G12051" s="18"/>
      <c r="H12051" s="18"/>
      <c r="I12051" s="18"/>
      <c r="J12051" s="18"/>
      <c r="K12051" s="18"/>
      <c r="L12051" s="18"/>
      <c r="M12051" s="18"/>
      <c r="N12051" s="18"/>
      <c r="O12051" s="18"/>
      <c r="P12051" s="19"/>
      <c r="Q12051" s="19"/>
      <c r="R12051" s="19"/>
      <c r="S12051" s="19"/>
      <c r="T12051" s="19"/>
      <c r="U12051" s="19"/>
      <c r="V12051" s="19"/>
      <c r="W12051" s="19"/>
      <c r="X12051" s="19"/>
      <c r="Y12051" s="19"/>
      <c r="Z12051" s="19"/>
      <c r="AA12051" s="19"/>
    </row>
    <row r="12052" spans="1:27" s="1" customFormat="1" ht="14.1" customHeight="1" outlineLevel="3" x14ac:dyDescent="0.2">
      <c r="A12052" s="17">
        <v>16176</v>
      </c>
      <c r="B12052" s="17"/>
      <c r="C12052" s="17"/>
      <c r="D12052" s="18" t="s">
        <v>5983</v>
      </c>
      <c r="E12052" s="18"/>
      <c r="F12052" s="18"/>
      <c r="G12052" s="18"/>
      <c r="H12052" s="18"/>
      <c r="I12052" s="18"/>
      <c r="J12052" s="18"/>
      <c r="K12052" s="18"/>
      <c r="L12052" s="18"/>
      <c r="M12052" s="18"/>
      <c r="N12052" s="18"/>
      <c r="O12052" s="18"/>
      <c r="P12052" s="19">
        <v>350</v>
      </c>
      <c r="Q12052" s="19"/>
      <c r="R12052" s="19"/>
      <c r="S12052" s="19"/>
      <c r="T12052" s="19">
        <v>165</v>
      </c>
      <c r="U12052" s="19"/>
      <c r="V12052" s="19"/>
      <c r="W12052" s="19"/>
      <c r="X12052" s="19">
        <v>1</v>
      </c>
      <c r="Y12052" s="19"/>
      <c r="Z12052" s="19"/>
      <c r="AA12052" s="19"/>
    </row>
    <row r="12053" spans="1:27" s="1" customFormat="1" ht="14.1" customHeight="1" outlineLevel="3" x14ac:dyDescent="0.2">
      <c r="A12053" s="17"/>
      <c r="B12053" s="17"/>
      <c r="C12053" s="17"/>
      <c r="D12053" s="18"/>
      <c r="E12053" s="18"/>
      <c r="F12053" s="18"/>
      <c r="G12053" s="18"/>
      <c r="H12053" s="18"/>
      <c r="I12053" s="18"/>
      <c r="J12053" s="18"/>
      <c r="K12053" s="18"/>
      <c r="L12053" s="18"/>
      <c r="M12053" s="18"/>
      <c r="N12053" s="18"/>
      <c r="O12053" s="18"/>
      <c r="P12053" s="19"/>
      <c r="Q12053" s="19"/>
      <c r="R12053" s="19"/>
      <c r="S12053" s="19"/>
      <c r="T12053" s="19"/>
      <c r="U12053" s="19"/>
      <c r="V12053" s="19"/>
      <c r="W12053" s="19"/>
      <c r="X12053" s="19"/>
      <c r="Y12053" s="19"/>
      <c r="Z12053" s="19"/>
      <c r="AA12053" s="19"/>
    </row>
    <row r="12054" spans="1:27" s="1" customFormat="1" ht="14.1" customHeight="1" outlineLevel="3" x14ac:dyDescent="0.2">
      <c r="A12054" s="17">
        <v>16177</v>
      </c>
      <c r="B12054" s="17"/>
      <c r="C12054" s="17"/>
      <c r="D12054" s="18" t="s">
        <v>5984</v>
      </c>
      <c r="E12054" s="18"/>
      <c r="F12054" s="18"/>
      <c r="G12054" s="18"/>
      <c r="H12054" s="18"/>
      <c r="I12054" s="18"/>
      <c r="J12054" s="18"/>
      <c r="K12054" s="18"/>
      <c r="L12054" s="18"/>
      <c r="M12054" s="18"/>
      <c r="N12054" s="18"/>
      <c r="O12054" s="18"/>
      <c r="P12054" s="19">
        <v>350</v>
      </c>
      <c r="Q12054" s="19"/>
      <c r="R12054" s="19"/>
      <c r="S12054" s="19"/>
      <c r="T12054" s="19">
        <v>165</v>
      </c>
      <c r="U12054" s="19"/>
      <c r="V12054" s="19"/>
      <c r="W12054" s="19"/>
      <c r="X12054" s="19">
        <v>1</v>
      </c>
      <c r="Y12054" s="19"/>
      <c r="Z12054" s="19"/>
      <c r="AA12054" s="19"/>
    </row>
    <row r="12055" spans="1:27" s="1" customFormat="1" ht="14.1" customHeight="1" outlineLevel="3" x14ac:dyDescent="0.2">
      <c r="A12055" s="17"/>
      <c r="B12055" s="17"/>
      <c r="C12055" s="17"/>
      <c r="D12055" s="18"/>
      <c r="E12055" s="18"/>
      <c r="F12055" s="18"/>
      <c r="G12055" s="18"/>
      <c r="H12055" s="18"/>
      <c r="I12055" s="18"/>
      <c r="J12055" s="18"/>
      <c r="K12055" s="18"/>
      <c r="L12055" s="18"/>
      <c r="M12055" s="18"/>
      <c r="N12055" s="18"/>
      <c r="O12055" s="18"/>
      <c r="P12055" s="19"/>
      <c r="Q12055" s="19"/>
      <c r="R12055" s="19"/>
      <c r="S12055" s="19"/>
      <c r="T12055" s="19"/>
      <c r="U12055" s="19"/>
      <c r="V12055" s="19"/>
      <c r="W12055" s="19"/>
      <c r="X12055" s="19"/>
      <c r="Y12055" s="19"/>
      <c r="Z12055" s="19"/>
      <c r="AA12055" s="19"/>
    </row>
    <row r="12056" spans="1:27" s="1" customFormat="1" ht="14.1" customHeight="1" outlineLevel="3" x14ac:dyDescent="0.2">
      <c r="A12056" s="17">
        <v>16175</v>
      </c>
      <c r="B12056" s="17"/>
      <c r="C12056" s="17"/>
      <c r="D12056" s="18" t="s">
        <v>5985</v>
      </c>
      <c r="E12056" s="18"/>
      <c r="F12056" s="18"/>
      <c r="G12056" s="18"/>
      <c r="H12056" s="18"/>
      <c r="I12056" s="18"/>
      <c r="J12056" s="18"/>
      <c r="K12056" s="18"/>
      <c r="L12056" s="18"/>
      <c r="M12056" s="18"/>
      <c r="N12056" s="18"/>
      <c r="O12056" s="18"/>
      <c r="P12056" s="19">
        <v>350</v>
      </c>
      <c r="Q12056" s="19"/>
      <c r="R12056" s="19"/>
      <c r="S12056" s="19"/>
      <c r="T12056" s="19">
        <v>165</v>
      </c>
      <c r="U12056" s="19"/>
      <c r="V12056" s="19"/>
      <c r="W12056" s="19"/>
      <c r="X12056" s="19">
        <v>1</v>
      </c>
      <c r="Y12056" s="19"/>
      <c r="Z12056" s="19"/>
      <c r="AA12056" s="19"/>
    </row>
    <row r="12057" spans="1:27" s="1" customFormat="1" ht="14.1" customHeight="1" outlineLevel="3" x14ac:dyDescent="0.2">
      <c r="A12057" s="17"/>
      <c r="B12057" s="17"/>
      <c r="C12057" s="17"/>
      <c r="D12057" s="18"/>
      <c r="E12057" s="18"/>
      <c r="F12057" s="18"/>
      <c r="G12057" s="18"/>
      <c r="H12057" s="18"/>
      <c r="I12057" s="18"/>
      <c r="J12057" s="18"/>
      <c r="K12057" s="18"/>
      <c r="L12057" s="18"/>
      <c r="M12057" s="18"/>
      <c r="N12057" s="18"/>
      <c r="O12057" s="18"/>
      <c r="P12057" s="19"/>
      <c r="Q12057" s="19"/>
      <c r="R12057" s="19"/>
      <c r="S12057" s="19"/>
      <c r="T12057" s="19"/>
      <c r="U12057" s="19"/>
      <c r="V12057" s="19"/>
      <c r="W12057" s="19"/>
      <c r="X12057" s="19"/>
      <c r="Y12057" s="19"/>
      <c r="Z12057" s="19"/>
      <c r="AA12057" s="19"/>
    </row>
    <row r="12058" spans="1:27" s="1" customFormat="1" ht="11.1" customHeight="1" outlineLevel="3" x14ac:dyDescent="0.2">
      <c r="A12058" s="17">
        <v>16174</v>
      </c>
      <c r="B12058" s="17"/>
      <c r="C12058" s="17"/>
      <c r="D12058" s="18" t="s">
        <v>5986</v>
      </c>
      <c r="E12058" s="18"/>
      <c r="F12058" s="18"/>
      <c r="G12058" s="18"/>
      <c r="H12058" s="18"/>
      <c r="I12058" s="18"/>
      <c r="J12058" s="18"/>
      <c r="K12058" s="18"/>
      <c r="L12058" s="18"/>
      <c r="M12058" s="18"/>
      <c r="N12058" s="18"/>
      <c r="O12058" s="18"/>
      <c r="P12058" s="19">
        <v>350</v>
      </c>
      <c r="Q12058" s="19"/>
      <c r="R12058" s="19"/>
      <c r="S12058" s="19"/>
      <c r="T12058" s="19">
        <v>165</v>
      </c>
      <c r="U12058" s="19"/>
      <c r="V12058" s="19"/>
      <c r="W12058" s="19"/>
      <c r="X12058" s="19">
        <v>2</v>
      </c>
      <c r="Y12058" s="19"/>
      <c r="Z12058" s="19"/>
      <c r="AA12058" s="19"/>
    </row>
    <row r="12059" spans="1:27" s="1" customFormat="1" ht="11.1" customHeight="1" outlineLevel="3" x14ac:dyDescent="0.2">
      <c r="A12059" s="17"/>
      <c r="B12059" s="17"/>
      <c r="C12059" s="17"/>
      <c r="D12059" s="18"/>
      <c r="E12059" s="18"/>
      <c r="F12059" s="18"/>
      <c r="G12059" s="18"/>
      <c r="H12059" s="18"/>
      <c r="I12059" s="18"/>
      <c r="J12059" s="18"/>
      <c r="K12059" s="18"/>
      <c r="L12059" s="18"/>
      <c r="M12059" s="18"/>
      <c r="N12059" s="18"/>
      <c r="O12059" s="18"/>
      <c r="P12059" s="19"/>
      <c r="Q12059" s="19"/>
      <c r="R12059" s="19"/>
      <c r="S12059" s="19"/>
      <c r="T12059" s="19"/>
      <c r="U12059" s="19"/>
      <c r="V12059" s="19"/>
      <c r="W12059" s="19"/>
      <c r="X12059" s="19"/>
      <c r="Y12059" s="19"/>
      <c r="Z12059" s="19"/>
      <c r="AA12059" s="19"/>
    </row>
    <row r="12060" spans="1:27" s="1" customFormat="1" ht="14.1" customHeight="1" outlineLevel="3" x14ac:dyDescent="0.2">
      <c r="A12060" s="17">
        <v>16180</v>
      </c>
      <c r="B12060" s="17"/>
      <c r="C12060" s="17"/>
      <c r="D12060" s="18" t="s">
        <v>5987</v>
      </c>
      <c r="E12060" s="18"/>
      <c r="F12060" s="18"/>
      <c r="G12060" s="18"/>
      <c r="H12060" s="18"/>
      <c r="I12060" s="18"/>
      <c r="J12060" s="18"/>
      <c r="K12060" s="18"/>
      <c r="L12060" s="18"/>
      <c r="M12060" s="18"/>
      <c r="N12060" s="18"/>
      <c r="O12060" s="18"/>
      <c r="P12060" s="19">
        <v>350</v>
      </c>
      <c r="Q12060" s="19"/>
      <c r="R12060" s="19"/>
      <c r="S12060" s="19"/>
      <c r="T12060" s="19">
        <v>165</v>
      </c>
      <c r="U12060" s="19"/>
      <c r="V12060" s="19"/>
      <c r="W12060" s="19"/>
      <c r="X12060" s="19">
        <v>1</v>
      </c>
      <c r="Y12060" s="19"/>
      <c r="Z12060" s="19"/>
      <c r="AA12060" s="19"/>
    </row>
    <row r="12061" spans="1:27" s="1" customFormat="1" ht="14.1" customHeight="1" outlineLevel="3" x14ac:dyDescent="0.2">
      <c r="A12061" s="17"/>
      <c r="B12061" s="17"/>
      <c r="C12061" s="17"/>
      <c r="D12061" s="18"/>
      <c r="E12061" s="18"/>
      <c r="F12061" s="18"/>
      <c r="G12061" s="18"/>
      <c r="H12061" s="18"/>
      <c r="I12061" s="18"/>
      <c r="J12061" s="18"/>
      <c r="K12061" s="18"/>
      <c r="L12061" s="18"/>
      <c r="M12061" s="18"/>
      <c r="N12061" s="18"/>
      <c r="O12061" s="18"/>
      <c r="P12061" s="19"/>
      <c r="Q12061" s="19"/>
      <c r="R12061" s="19"/>
      <c r="S12061" s="19"/>
      <c r="T12061" s="19"/>
      <c r="U12061" s="19"/>
      <c r="V12061" s="19"/>
      <c r="W12061" s="19"/>
      <c r="X12061" s="19"/>
      <c r="Y12061" s="19"/>
      <c r="Z12061" s="19"/>
      <c r="AA12061" s="19"/>
    </row>
    <row r="12062" spans="1:27" s="1" customFormat="1" ht="14.1" customHeight="1" outlineLevel="3" x14ac:dyDescent="0.2">
      <c r="A12062" s="17">
        <v>16179</v>
      </c>
      <c r="B12062" s="17"/>
      <c r="C12062" s="17"/>
      <c r="D12062" s="18" t="s">
        <v>5988</v>
      </c>
      <c r="E12062" s="18"/>
      <c r="F12062" s="18"/>
      <c r="G12062" s="18"/>
      <c r="H12062" s="18"/>
      <c r="I12062" s="18"/>
      <c r="J12062" s="18"/>
      <c r="K12062" s="18"/>
      <c r="L12062" s="18"/>
      <c r="M12062" s="18"/>
      <c r="N12062" s="18"/>
      <c r="O12062" s="18"/>
      <c r="P12062" s="19">
        <v>350</v>
      </c>
      <c r="Q12062" s="19"/>
      <c r="R12062" s="19"/>
      <c r="S12062" s="19"/>
      <c r="T12062" s="19">
        <v>165</v>
      </c>
      <c r="U12062" s="19"/>
      <c r="V12062" s="19"/>
      <c r="W12062" s="19"/>
      <c r="X12062" s="19">
        <v>1</v>
      </c>
      <c r="Y12062" s="19"/>
      <c r="Z12062" s="19"/>
      <c r="AA12062" s="19"/>
    </row>
    <row r="12063" spans="1:27" s="1" customFormat="1" ht="14.1" customHeight="1" outlineLevel="3" x14ac:dyDescent="0.2">
      <c r="A12063" s="17"/>
      <c r="B12063" s="17"/>
      <c r="C12063" s="17"/>
      <c r="D12063" s="18"/>
      <c r="E12063" s="18"/>
      <c r="F12063" s="18"/>
      <c r="G12063" s="18"/>
      <c r="H12063" s="18"/>
      <c r="I12063" s="18"/>
      <c r="J12063" s="18"/>
      <c r="K12063" s="18"/>
      <c r="L12063" s="18"/>
      <c r="M12063" s="18"/>
      <c r="N12063" s="18"/>
      <c r="O12063" s="18"/>
      <c r="P12063" s="19"/>
      <c r="Q12063" s="19"/>
      <c r="R12063" s="19"/>
      <c r="S12063" s="19"/>
      <c r="T12063" s="19"/>
      <c r="U12063" s="19"/>
      <c r="V12063" s="19"/>
      <c r="W12063" s="19"/>
      <c r="X12063" s="19"/>
      <c r="Y12063" s="19"/>
      <c r="Z12063" s="19"/>
      <c r="AA12063" s="19"/>
    </row>
    <row r="12064" spans="1:27" s="1" customFormat="1" ht="14.1" customHeight="1" outlineLevel="3" x14ac:dyDescent="0.2">
      <c r="A12064" s="17">
        <v>16178</v>
      </c>
      <c r="B12064" s="17"/>
      <c r="C12064" s="17"/>
      <c r="D12064" s="18" t="s">
        <v>5989</v>
      </c>
      <c r="E12064" s="18"/>
      <c r="F12064" s="18"/>
      <c r="G12064" s="18"/>
      <c r="H12064" s="18"/>
      <c r="I12064" s="18"/>
      <c r="J12064" s="18"/>
      <c r="K12064" s="18"/>
      <c r="L12064" s="18"/>
      <c r="M12064" s="18"/>
      <c r="N12064" s="18"/>
      <c r="O12064" s="18"/>
      <c r="P12064" s="19">
        <v>350</v>
      </c>
      <c r="Q12064" s="19"/>
      <c r="R12064" s="19"/>
      <c r="S12064" s="19"/>
      <c r="T12064" s="19">
        <v>165</v>
      </c>
      <c r="U12064" s="19"/>
      <c r="V12064" s="19"/>
      <c r="W12064" s="19"/>
      <c r="X12064" s="19">
        <v>1</v>
      </c>
      <c r="Y12064" s="19"/>
      <c r="Z12064" s="19"/>
      <c r="AA12064" s="19"/>
    </row>
    <row r="12065" spans="1:27" s="1" customFormat="1" ht="14.1" customHeight="1" outlineLevel="3" x14ac:dyDescent="0.2">
      <c r="A12065" s="17"/>
      <c r="B12065" s="17"/>
      <c r="C12065" s="17"/>
      <c r="D12065" s="18"/>
      <c r="E12065" s="18"/>
      <c r="F12065" s="18"/>
      <c r="G12065" s="18"/>
      <c r="H12065" s="18"/>
      <c r="I12065" s="18"/>
      <c r="J12065" s="18"/>
      <c r="K12065" s="18"/>
      <c r="L12065" s="18"/>
      <c r="M12065" s="18"/>
      <c r="N12065" s="18"/>
      <c r="O12065" s="18"/>
      <c r="P12065" s="19"/>
      <c r="Q12065" s="19"/>
      <c r="R12065" s="19"/>
      <c r="S12065" s="19"/>
      <c r="T12065" s="19"/>
      <c r="U12065" s="19"/>
      <c r="V12065" s="19"/>
      <c r="W12065" s="19"/>
      <c r="X12065" s="19"/>
      <c r="Y12065" s="19"/>
      <c r="Z12065" s="19"/>
      <c r="AA12065" s="19"/>
    </row>
    <row r="12066" spans="1:27" s="1" customFormat="1" ht="14.1" customHeight="1" outlineLevel="3" x14ac:dyDescent="0.2">
      <c r="A12066" s="17">
        <v>16184</v>
      </c>
      <c r="B12066" s="17"/>
      <c r="C12066" s="17"/>
      <c r="D12066" s="18" t="s">
        <v>5990</v>
      </c>
      <c r="E12066" s="18"/>
      <c r="F12066" s="18"/>
      <c r="G12066" s="18"/>
      <c r="H12066" s="18"/>
      <c r="I12066" s="18"/>
      <c r="J12066" s="18"/>
      <c r="K12066" s="18"/>
      <c r="L12066" s="18"/>
      <c r="M12066" s="18"/>
      <c r="N12066" s="18"/>
      <c r="O12066" s="18"/>
      <c r="P12066" s="19">
        <v>350</v>
      </c>
      <c r="Q12066" s="19"/>
      <c r="R12066" s="19"/>
      <c r="S12066" s="19"/>
      <c r="T12066" s="19">
        <v>165</v>
      </c>
      <c r="U12066" s="19"/>
      <c r="V12066" s="19"/>
      <c r="W12066" s="19"/>
      <c r="X12066" s="19">
        <v>1</v>
      </c>
      <c r="Y12066" s="19"/>
      <c r="Z12066" s="19"/>
      <c r="AA12066" s="19"/>
    </row>
    <row r="12067" spans="1:27" s="1" customFormat="1" ht="14.1" customHeight="1" outlineLevel="3" x14ac:dyDescent="0.2">
      <c r="A12067" s="17"/>
      <c r="B12067" s="17"/>
      <c r="C12067" s="17"/>
      <c r="D12067" s="18"/>
      <c r="E12067" s="18"/>
      <c r="F12067" s="18"/>
      <c r="G12067" s="18"/>
      <c r="H12067" s="18"/>
      <c r="I12067" s="18"/>
      <c r="J12067" s="18"/>
      <c r="K12067" s="18"/>
      <c r="L12067" s="18"/>
      <c r="M12067" s="18"/>
      <c r="N12067" s="18"/>
      <c r="O12067" s="18"/>
      <c r="P12067" s="19"/>
      <c r="Q12067" s="19"/>
      <c r="R12067" s="19"/>
      <c r="S12067" s="19"/>
      <c r="T12067" s="19"/>
      <c r="U12067" s="19"/>
      <c r="V12067" s="19"/>
      <c r="W12067" s="19"/>
      <c r="X12067" s="19"/>
      <c r="Y12067" s="19"/>
      <c r="Z12067" s="19"/>
      <c r="AA12067" s="19"/>
    </row>
    <row r="12068" spans="1:27" s="1" customFormat="1" ht="14.1" customHeight="1" outlineLevel="3" x14ac:dyDescent="0.2">
      <c r="A12068" s="17">
        <v>16183</v>
      </c>
      <c r="B12068" s="17"/>
      <c r="C12068" s="17"/>
      <c r="D12068" s="18" t="s">
        <v>5991</v>
      </c>
      <c r="E12068" s="18"/>
      <c r="F12068" s="18"/>
      <c r="G12068" s="18"/>
      <c r="H12068" s="18"/>
      <c r="I12068" s="18"/>
      <c r="J12068" s="18"/>
      <c r="K12068" s="18"/>
      <c r="L12068" s="18"/>
      <c r="M12068" s="18"/>
      <c r="N12068" s="18"/>
      <c r="O12068" s="18"/>
      <c r="P12068" s="19">
        <v>350</v>
      </c>
      <c r="Q12068" s="19"/>
      <c r="R12068" s="19"/>
      <c r="S12068" s="19"/>
      <c r="T12068" s="19">
        <v>165</v>
      </c>
      <c r="U12068" s="19"/>
      <c r="V12068" s="19"/>
      <c r="W12068" s="19"/>
      <c r="X12068" s="19">
        <v>1</v>
      </c>
      <c r="Y12068" s="19"/>
      <c r="Z12068" s="19"/>
      <c r="AA12068" s="19"/>
    </row>
    <row r="12069" spans="1:27" s="1" customFormat="1" ht="14.1" customHeight="1" outlineLevel="3" x14ac:dyDescent="0.2">
      <c r="A12069" s="17"/>
      <c r="B12069" s="17"/>
      <c r="C12069" s="17"/>
      <c r="D12069" s="18"/>
      <c r="E12069" s="18"/>
      <c r="F12069" s="18"/>
      <c r="G12069" s="18"/>
      <c r="H12069" s="18"/>
      <c r="I12069" s="18"/>
      <c r="J12069" s="18"/>
      <c r="K12069" s="18"/>
      <c r="L12069" s="18"/>
      <c r="M12069" s="18"/>
      <c r="N12069" s="18"/>
      <c r="O12069" s="18"/>
      <c r="P12069" s="19"/>
      <c r="Q12069" s="19"/>
      <c r="R12069" s="19"/>
      <c r="S12069" s="19"/>
      <c r="T12069" s="19"/>
      <c r="U12069" s="19"/>
      <c r="V12069" s="19"/>
      <c r="W12069" s="19"/>
      <c r="X12069" s="19"/>
      <c r="Y12069" s="19"/>
      <c r="Z12069" s="19"/>
      <c r="AA12069" s="19"/>
    </row>
    <row r="12070" spans="1:27" s="1" customFormat="1" ht="14.1" customHeight="1" outlineLevel="3" x14ac:dyDescent="0.2">
      <c r="A12070" s="17">
        <v>16182</v>
      </c>
      <c r="B12070" s="17"/>
      <c r="C12070" s="17"/>
      <c r="D12070" s="18" t="s">
        <v>5992</v>
      </c>
      <c r="E12070" s="18"/>
      <c r="F12070" s="18"/>
      <c r="G12070" s="18"/>
      <c r="H12070" s="18"/>
      <c r="I12070" s="18"/>
      <c r="J12070" s="18"/>
      <c r="K12070" s="18"/>
      <c r="L12070" s="18"/>
      <c r="M12070" s="18"/>
      <c r="N12070" s="18"/>
      <c r="O12070" s="18"/>
      <c r="P12070" s="19">
        <v>350</v>
      </c>
      <c r="Q12070" s="19"/>
      <c r="R12070" s="19"/>
      <c r="S12070" s="19"/>
      <c r="T12070" s="19">
        <v>165</v>
      </c>
      <c r="U12070" s="19"/>
      <c r="V12070" s="19"/>
      <c r="W12070" s="19"/>
      <c r="X12070" s="19">
        <v>1</v>
      </c>
      <c r="Y12070" s="19"/>
      <c r="Z12070" s="19"/>
      <c r="AA12070" s="19"/>
    </row>
    <row r="12071" spans="1:27" s="1" customFormat="1" ht="14.1" customHeight="1" outlineLevel="3" x14ac:dyDescent="0.2">
      <c r="A12071" s="17"/>
      <c r="B12071" s="17"/>
      <c r="C12071" s="17"/>
      <c r="D12071" s="18"/>
      <c r="E12071" s="18"/>
      <c r="F12071" s="18"/>
      <c r="G12071" s="18"/>
      <c r="H12071" s="18"/>
      <c r="I12071" s="18"/>
      <c r="J12071" s="18"/>
      <c r="K12071" s="18"/>
      <c r="L12071" s="18"/>
      <c r="M12071" s="18"/>
      <c r="N12071" s="18"/>
      <c r="O12071" s="18"/>
      <c r="P12071" s="19"/>
      <c r="Q12071" s="19"/>
      <c r="R12071" s="19"/>
      <c r="S12071" s="19"/>
      <c r="T12071" s="19"/>
      <c r="U12071" s="19"/>
      <c r="V12071" s="19"/>
      <c r="W12071" s="19"/>
      <c r="X12071" s="19"/>
      <c r="Y12071" s="19"/>
      <c r="Z12071" s="19"/>
      <c r="AA12071" s="19"/>
    </row>
    <row r="12072" spans="1:27" s="1" customFormat="1" ht="14.1" customHeight="1" outlineLevel="3" x14ac:dyDescent="0.2">
      <c r="A12072" s="17">
        <v>16181</v>
      </c>
      <c r="B12072" s="17"/>
      <c r="C12072" s="17"/>
      <c r="D12072" s="18" t="s">
        <v>5993</v>
      </c>
      <c r="E12072" s="18"/>
      <c r="F12072" s="18"/>
      <c r="G12072" s="18"/>
      <c r="H12072" s="18"/>
      <c r="I12072" s="18"/>
      <c r="J12072" s="18"/>
      <c r="K12072" s="18"/>
      <c r="L12072" s="18"/>
      <c r="M12072" s="18"/>
      <c r="N12072" s="18"/>
      <c r="O12072" s="18"/>
      <c r="P12072" s="19">
        <v>350</v>
      </c>
      <c r="Q12072" s="19"/>
      <c r="R12072" s="19"/>
      <c r="S12072" s="19"/>
      <c r="T12072" s="19">
        <v>165</v>
      </c>
      <c r="U12072" s="19"/>
      <c r="V12072" s="19"/>
      <c r="W12072" s="19"/>
      <c r="X12072" s="19">
        <v>2</v>
      </c>
      <c r="Y12072" s="19"/>
      <c r="Z12072" s="19"/>
      <c r="AA12072" s="19"/>
    </row>
    <row r="12073" spans="1:27" s="1" customFormat="1" ht="14.1" customHeight="1" outlineLevel="3" x14ac:dyDescent="0.2">
      <c r="A12073" s="17"/>
      <c r="B12073" s="17"/>
      <c r="C12073" s="17"/>
      <c r="D12073" s="18"/>
      <c r="E12073" s="18"/>
      <c r="F12073" s="18"/>
      <c r="G12073" s="18"/>
      <c r="H12073" s="18"/>
      <c r="I12073" s="18"/>
      <c r="J12073" s="18"/>
      <c r="K12073" s="18"/>
      <c r="L12073" s="18"/>
      <c r="M12073" s="18"/>
      <c r="N12073" s="18"/>
      <c r="O12073" s="18"/>
      <c r="P12073" s="19"/>
      <c r="Q12073" s="19"/>
      <c r="R12073" s="19"/>
      <c r="S12073" s="19"/>
      <c r="T12073" s="19"/>
      <c r="U12073" s="19"/>
      <c r="V12073" s="19"/>
      <c r="W12073" s="19"/>
      <c r="X12073" s="19"/>
      <c r="Y12073" s="19"/>
      <c r="Z12073" s="19"/>
      <c r="AA12073" s="19"/>
    </row>
    <row r="12074" spans="1:27" s="1" customFormat="1" ht="11.1" customHeight="1" outlineLevel="3" x14ac:dyDescent="0.2">
      <c r="A12074" s="17">
        <v>15625</v>
      </c>
      <c r="B12074" s="17"/>
      <c r="C12074" s="17"/>
      <c r="D12074" s="18" t="s">
        <v>5994</v>
      </c>
      <c r="E12074" s="18"/>
      <c r="F12074" s="18"/>
      <c r="G12074" s="18"/>
      <c r="H12074" s="18"/>
      <c r="I12074" s="18"/>
      <c r="J12074" s="18"/>
      <c r="K12074" s="18"/>
      <c r="L12074" s="18"/>
      <c r="M12074" s="18"/>
      <c r="N12074" s="18"/>
      <c r="O12074" s="18"/>
      <c r="P12074" s="19">
        <v>280</v>
      </c>
      <c r="Q12074" s="19"/>
      <c r="R12074" s="19"/>
      <c r="S12074" s="19"/>
      <c r="T12074" s="19">
        <v>160</v>
      </c>
      <c r="U12074" s="19"/>
      <c r="V12074" s="19"/>
      <c r="W12074" s="19"/>
      <c r="X12074" s="19">
        <v>1</v>
      </c>
      <c r="Y12074" s="19"/>
      <c r="Z12074" s="19"/>
      <c r="AA12074" s="19"/>
    </row>
    <row r="12075" spans="1:27" s="1" customFormat="1" ht="11.1" customHeight="1" outlineLevel="3" x14ac:dyDescent="0.2">
      <c r="A12075" s="17"/>
      <c r="B12075" s="17"/>
      <c r="C12075" s="17"/>
      <c r="D12075" s="18"/>
      <c r="E12075" s="18"/>
      <c r="F12075" s="18"/>
      <c r="G12075" s="18"/>
      <c r="H12075" s="18"/>
      <c r="I12075" s="18"/>
      <c r="J12075" s="18"/>
      <c r="K12075" s="18"/>
      <c r="L12075" s="18"/>
      <c r="M12075" s="18"/>
      <c r="N12075" s="18"/>
      <c r="O12075" s="18"/>
      <c r="P12075" s="19"/>
      <c r="Q12075" s="19"/>
      <c r="R12075" s="19"/>
      <c r="S12075" s="19"/>
      <c r="T12075" s="19"/>
      <c r="U12075" s="19"/>
      <c r="V12075" s="19"/>
      <c r="W12075" s="19"/>
      <c r="X12075" s="19"/>
      <c r="Y12075" s="19"/>
      <c r="Z12075" s="19"/>
      <c r="AA12075" s="19"/>
    </row>
    <row r="12076" spans="1:27" s="1" customFormat="1" ht="14.1" customHeight="1" outlineLevel="3" x14ac:dyDescent="0.2">
      <c r="A12076" s="17">
        <v>15735</v>
      </c>
      <c r="B12076" s="17"/>
      <c r="C12076" s="17"/>
      <c r="D12076" s="18" t="s">
        <v>5995</v>
      </c>
      <c r="E12076" s="18"/>
      <c r="F12076" s="18"/>
      <c r="G12076" s="18"/>
      <c r="H12076" s="18"/>
      <c r="I12076" s="18"/>
      <c r="J12076" s="18"/>
      <c r="K12076" s="18"/>
      <c r="L12076" s="18"/>
      <c r="M12076" s="18"/>
      <c r="N12076" s="18"/>
      <c r="O12076" s="18"/>
      <c r="P12076" s="19">
        <v>350</v>
      </c>
      <c r="Q12076" s="19"/>
      <c r="R12076" s="19"/>
      <c r="S12076" s="19"/>
      <c r="T12076" s="19">
        <v>165</v>
      </c>
      <c r="U12076" s="19"/>
      <c r="V12076" s="19"/>
      <c r="W12076" s="19"/>
      <c r="X12076" s="19">
        <v>4</v>
      </c>
      <c r="Y12076" s="19"/>
      <c r="Z12076" s="19"/>
      <c r="AA12076" s="19"/>
    </row>
    <row r="12077" spans="1:27" s="1" customFormat="1" ht="14.1" customHeight="1" outlineLevel="3" x14ac:dyDescent="0.2">
      <c r="A12077" s="17"/>
      <c r="B12077" s="17"/>
      <c r="C12077" s="17"/>
      <c r="D12077" s="18"/>
      <c r="E12077" s="18"/>
      <c r="F12077" s="18"/>
      <c r="G12077" s="18"/>
      <c r="H12077" s="18"/>
      <c r="I12077" s="18"/>
      <c r="J12077" s="18"/>
      <c r="K12077" s="18"/>
      <c r="L12077" s="18"/>
      <c r="M12077" s="18"/>
      <c r="N12077" s="18"/>
      <c r="O12077" s="18"/>
      <c r="P12077" s="19"/>
      <c r="Q12077" s="19"/>
      <c r="R12077" s="19"/>
      <c r="S12077" s="19"/>
      <c r="T12077" s="19"/>
      <c r="U12077" s="19"/>
      <c r="V12077" s="19"/>
      <c r="W12077" s="19"/>
      <c r="X12077" s="19"/>
      <c r="Y12077" s="19"/>
      <c r="Z12077" s="19"/>
      <c r="AA12077" s="19"/>
    </row>
    <row r="12078" spans="1:27" s="1" customFormat="1" ht="14.1" customHeight="1" outlineLevel="3" x14ac:dyDescent="0.2">
      <c r="A12078" s="17">
        <v>16084</v>
      </c>
      <c r="B12078" s="17"/>
      <c r="C12078" s="17"/>
      <c r="D12078" s="18" t="s">
        <v>5996</v>
      </c>
      <c r="E12078" s="18"/>
      <c r="F12078" s="18"/>
      <c r="G12078" s="18"/>
      <c r="H12078" s="18"/>
      <c r="I12078" s="18"/>
      <c r="J12078" s="18"/>
      <c r="K12078" s="18"/>
      <c r="L12078" s="18"/>
      <c r="M12078" s="18"/>
      <c r="N12078" s="18"/>
      <c r="O12078" s="18"/>
      <c r="P12078" s="19">
        <v>350</v>
      </c>
      <c r="Q12078" s="19"/>
      <c r="R12078" s="19"/>
      <c r="S12078" s="19"/>
      <c r="T12078" s="19">
        <v>165</v>
      </c>
      <c r="U12078" s="19"/>
      <c r="V12078" s="19"/>
      <c r="W12078" s="19"/>
      <c r="X12078" s="19">
        <v>1</v>
      </c>
      <c r="Y12078" s="19"/>
      <c r="Z12078" s="19"/>
      <c r="AA12078" s="19"/>
    </row>
    <row r="12079" spans="1:27" s="1" customFormat="1" ht="14.1" customHeight="1" outlineLevel="3" x14ac:dyDescent="0.2">
      <c r="A12079" s="17"/>
      <c r="B12079" s="17"/>
      <c r="C12079" s="17"/>
      <c r="D12079" s="18"/>
      <c r="E12079" s="18"/>
      <c r="F12079" s="18"/>
      <c r="G12079" s="18"/>
      <c r="H12079" s="18"/>
      <c r="I12079" s="18"/>
      <c r="J12079" s="18"/>
      <c r="K12079" s="18"/>
      <c r="L12079" s="18"/>
      <c r="M12079" s="18"/>
      <c r="N12079" s="18"/>
      <c r="O12079" s="18"/>
      <c r="P12079" s="19"/>
      <c r="Q12079" s="19"/>
      <c r="R12079" s="19"/>
      <c r="S12079" s="19"/>
      <c r="T12079" s="19"/>
      <c r="U12079" s="19"/>
      <c r="V12079" s="19"/>
      <c r="W12079" s="19"/>
      <c r="X12079" s="19"/>
      <c r="Y12079" s="19"/>
      <c r="Z12079" s="19"/>
      <c r="AA12079" s="19"/>
    </row>
    <row r="12080" spans="1:27" s="1" customFormat="1" ht="14.1" customHeight="1" outlineLevel="3" x14ac:dyDescent="0.2">
      <c r="A12080" s="17">
        <v>15380</v>
      </c>
      <c r="B12080" s="17"/>
      <c r="C12080" s="17"/>
      <c r="D12080" s="18" t="s">
        <v>5997</v>
      </c>
      <c r="E12080" s="18"/>
      <c r="F12080" s="18"/>
      <c r="G12080" s="18"/>
      <c r="H12080" s="18"/>
      <c r="I12080" s="18"/>
      <c r="J12080" s="18"/>
      <c r="K12080" s="18"/>
      <c r="L12080" s="18"/>
      <c r="M12080" s="18"/>
      <c r="N12080" s="18"/>
      <c r="O12080" s="18"/>
      <c r="P12080" s="19">
        <v>350</v>
      </c>
      <c r="Q12080" s="19"/>
      <c r="R12080" s="19"/>
      <c r="S12080" s="19"/>
      <c r="T12080" s="19">
        <v>165</v>
      </c>
      <c r="U12080" s="19"/>
      <c r="V12080" s="19"/>
      <c r="W12080" s="19"/>
      <c r="X12080" s="19">
        <v>2</v>
      </c>
      <c r="Y12080" s="19"/>
      <c r="Z12080" s="19"/>
      <c r="AA12080" s="19"/>
    </row>
    <row r="12081" spans="1:27" s="1" customFormat="1" ht="14.1" customHeight="1" outlineLevel="3" x14ac:dyDescent="0.2">
      <c r="A12081" s="17"/>
      <c r="B12081" s="17"/>
      <c r="C12081" s="17"/>
      <c r="D12081" s="18"/>
      <c r="E12081" s="18"/>
      <c r="F12081" s="18"/>
      <c r="G12081" s="18"/>
      <c r="H12081" s="18"/>
      <c r="I12081" s="18"/>
      <c r="J12081" s="18"/>
      <c r="K12081" s="18"/>
      <c r="L12081" s="18"/>
      <c r="M12081" s="18"/>
      <c r="N12081" s="18"/>
      <c r="O12081" s="18"/>
      <c r="P12081" s="19"/>
      <c r="Q12081" s="19"/>
      <c r="R12081" s="19"/>
      <c r="S12081" s="19"/>
      <c r="T12081" s="19"/>
      <c r="U12081" s="19"/>
      <c r="V12081" s="19"/>
      <c r="W12081" s="19"/>
      <c r="X12081" s="19"/>
      <c r="Y12081" s="19"/>
      <c r="Z12081" s="19"/>
      <c r="AA12081" s="19"/>
    </row>
    <row r="12082" spans="1:27" s="1" customFormat="1" ht="14.1" customHeight="1" outlineLevel="3" x14ac:dyDescent="0.2">
      <c r="A12082" s="17">
        <v>15383</v>
      </c>
      <c r="B12082" s="17"/>
      <c r="C12082" s="17"/>
      <c r="D12082" s="18" t="s">
        <v>5998</v>
      </c>
      <c r="E12082" s="18"/>
      <c r="F12082" s="18"/>
      <c r="G12082" s="18"/>
      <c r="H12082" s="18"/>
      <c r="I12082" s="18"/>
      <c r="J12082" s="18"/>
      <c r="K12082" s="18"/>
      <c r="L12082" s="18"/>
      <c r="M12082" s="18"/>
      <c r="N12082" s="18"/>
      <c r="O12082" s="18"/>
      <c r="P12082" s="19">
        <v>350</v>
      </c>
      <c r="Q12082" s="19"/>
      <c r="R12082" s="19"/>
      <c r="S12082" s="19"/>
      <c r="T12082" s="19">
        <v>165</v>
      </c>
      <c r="U12082" s="19"/>
      <c r="V12082" s="19"/>
      <c r="W12082" s="19"/>
      <c r="X12082" s="19">
        <v>2</v>
      </c>
      <c r="Y12082" s="19"/>
      <c r="Z12082" s="19"/>
      <c r="AA12082" s="19"/>
    </row>
    <row r="12083" spans="1:27" s="1" customFormat="1" ht="14.1" customHeight="1" outlineLevel="3" x14ac:dyDescent="0.2">
      <c r="A12083" s="17"/>
      <c r="B12083" s="17"/>
      <c r="C12083" s="17"/>
      <c r="D12083" s="18"/>
      <c r="E12083" s="18"/>
      <c r="F12083" s="18"/>
      <c r="G12083" s="18"/>
      <c r="H12083" s="18"/>
      <c r="I12083" s="18"/>
      <c r="J12083" s="18"/>
      <c r="K12083" s="18"/>
      <c r="L12083" s="18"/>
      <c r="M12083" s="18"/>
      <c r="N12083" s="18"/>
      <c r="O12083" s="18"/>
      <c r="P12083" s="19"/>
      <c r="Q12083" s="19"/>
      <c r="R12083" s="19"/>
      <c r="S12083" s="19"/>
      <c r="T12083" s="19"/>
      <c r="U12083" s="19"/>
      <c r="V12083" s="19"/>
      <c r="W12083" s="19"/>
      <c r="X12083" s="19"/>
      <c r="Y12083" s="19"/>
      <c r="Z12083" s="19"/>
      <c r="AA12083" s="19"/>
    </row>
    <row r="12084" spans="1:27" s="1" customFormat="1" ht="14.1" customHeight="1" outlineLevel="3" x14ac:dyDescent="0.2">
      <c r="A12084" s="17">
        <v>15385</v>
      </c>
      <c r="B12084" s="17"/>
      <c r="C12084" s="17"/>
      <c r="D12084" s="18" t="s">
        <v>5999</v>
      </c>
      <c r="E12084" s="18"/>
      <c r="F12084" s="18"/>
      <c r="G12084" s="18"/>
      <c r="H12084" s="18"/>
      <c r="I12084" s="18"/>
      <c r="J12084" s="18"/>
      <c r="K12084" s="18"/>
      <c r="L12084" s="18"/>
      <c r="M12084" s="18"/>
      <c r="N12084" s="18"/>
      <c r="O12084" s="18"/>
      <c r="P12084" s="19">
        <v>350</v>
      </c>
      <c r="Q12084" s="19"/>
      <c r="R12084" s="19"/>
      <c r="S12084" s="19"/>
      <c r="T12084" s="19">
        <v>165</v>
      </c>
      <c r="U12084" s="19"/>
      <c r="V12084" s="19"/>
      <c r="W12084" s="19"/>
      <c r="X12084" s="19">
        <v>1</v>
      </c>
      <c r="Y12084" s="19"/>
      <c r="Z12084" s="19"/>
      <c r="AA12084" s="19"/>
    </row>
    <row r="12085" spans="1:27" s="1" customFormat="1" ht="14.1" customHeight="1" outlineLevel="3" x14ac:dyDescent="0.2">
      <c r="A12085" s="17"/>
      <c r="B12085" s="17"/>
      <c r="C12085" s="17"/>
      <c r="D12085" s="18"/>
      <c r="E12085" s="18"/>
      <c r="F12085" s="18"/>
      <c r="G12085" s="18"/>
      <c r="H12085" s="18"/>
      <c r="I12085" s="18"/>
      <c r="J12085" s="18"/>
      <c r="K12085" s="18"/>
      <c r="L12085" s="18"/>
      <c r="M12085" s="18"/>
      <c r="N12085" s="18"/>
      <c r="O12085" s="18"/>
      <c r="P12085" s="19"/>
      <c r="Q12085" s="19"/>
      <c r="R12085" s="19"/>
      <c r="S12085" s="19"/>
      <c r="T12085" s="19"/>
      <c r="U12085" s="19"/>
      <c r="V12085" s="19"/>
      <c r="W12085" s="19"/>
      <c r="X12085" s="19"/>
      <c r="Y12085" s="19"/>
      <c r="Z12085" s="19"/>
      <c r="AA12085" s="19"/>
    </row>
    <row r="12086" spans="1:27" s="1" customFormat="1" ht="14.1" customHeight="1" outlineLevel="3" x14ac:dyDescent="0.2">
      <c r="A12086" s="17">
        <v>15396</v>
      </c>
      <c r="B12086" s="17"/>
      <c r="C12086" s="17"/>
      <c r="D12086" s="18" t="s">
        <v>6000</v>
      </c>
      <c r="E12086" s="18"/>
      <c r="F12086" s="18"/>
      <c r="G12086" s="18"/>
      <c r="H12086" s="18"/>
      <c r="I12086" s="18"/>
      <c r="J12086" s="18"/>
      <c r="K12086" s="18"/>
      <c r="L12086" s="18"/>
      <c r="M12086" s="18"/>
      <c r="N12086" s="18"/>
      <c r="O12086" s="18"/>
      <c r="P12086" s="19">
        <v>350</v>
      </c>
      <c r="Q12086" s="19"/>
      <c r="R12086" s="19"/>
      <c r="S12086" s="19"/>
      <c r="T12086" s="19">
        <v>165</v>
      </c>
      <c r="U12086" s="19"/>
      <c r="V12086" s="19"/>
      <c r="W12086" s="19"/>
      <c r="X12086" s="19">
        <v>1</v>
      </c>
      <c r="Y12086" s="19"/>
      <c r="Z12086" s="19"/>
      <c r="AA12086" s="19"/>
    </row>
    <row r="12087" spans="1:27" s="1" customFormat="1" ht="14.1" customHeight="1" outlineLevel="3" x14ac:dyDescent="0.2">
      <c r="A12087" s="17"/>
      <c r="B12087" s="17"/>
      <c r="C12087" s="17"/>
      <c r="D12087" s="18"/>
      <c r="E12087" s="18"/>
      <c r="F12087" s="18"/>
      <c r="G12087" s="18"/>
      <c r="H12087" s="18"/>
      <c r="I12087" s="18"/>
      <c r="J12087" s="18"/>
      <c r="K12087" s="18"/>
      <c r="L12087" s="18"/>
      <c r="M12087" s="18"/>
      <c r="N12087" s="18"/>
      <c r="O12087" s="18"/>
      <c r="P12087" s="19"/>
      <c r="Q12087" s="19"/>
      <c r="R12087" s="19"/>
      <c r="S12087" s="19"/>
      <c r="T12087" s="19"/>
      <c r="U12087" s="19"/>
      <c r="V12087" s="19"/>
      <c r="W12087" s="19"/>
      <c r="X12087" s="19"/>
      <c r="Y12087" s="19"/>
      <c r="Z12087" s="19"/>
      <c r="AA12087" s="19"/>
    </row>
    <row r="12088" spans="1:27" s="1" customFormat="1" ht="14.1" customHeight="1" outlineLevel="3" x14ac:dyDescent="0.2">
      <c r="A12088" s="17">
        <v>15740</v>
      </c>
      <c r="B12088" s="17"/>
      <c r="C12088" s="17"/>
      <c r="D12088" s="18" t="s">
        <v>6001</v>
      </c>
      <c r="E12088" s="18"/>
      <c r="F12088" s="18"/>
      <c r="G12088" s="18"/>
      <c r="H12088" s="18"/>
      <c r="I12088" s="18"/>
      <c r="J12088" s="18"/>
      <c r="K12088" s="18"/>
      <c r="L12088" s="18"/>
      <c r="M12088" s="18"/>
      <c r="N12088" s="18"/>
      <c r="O12088" s="18"/>
      <c r="P12088" s="19">
        <v>350</v>
      </c>
      <c r="Q12088" s="19"/>
      <c r="R12088" s="19"/>
      <c r="S12088" s="19"/>
      <c r="T12088" s="19">
        <v>165</v>
      </c>
      <c r="U12088" s="19"/>
      <c r="V12088" s="19"/>
      <c r="W12088" s="19"/>
      <c r="X12088" s="19">
        <v>1</v>
      </c>
      <c r="Y12088" s="19"/>
      <c r="Z12088" s="19"/>
      <c r="AA12088" s="19"/>
    </row>
    <row r="12089" spans="1:27" s="1" customFormat="1" ht="14.1" customHeight="1" outlineLevel="3" x14ac:dyDescent="0.2">
      <c r="A12089" s="17"/>
      <c r="B12089" s="17"/>
      <c r="C12089" s="17"/>
      <c r="D12089" s="18"/>
      <c r="E12089" s="18"/>
      <c r="F12089" s="18"/>
      <c r="G12089" s="18"/>
      <c r="H12089" s="18"/>
      <c r="I12089" s="18"/>
      <c r="J12089" s="18"/>
      <c r="K12089" s="18"/>
      <c r="L12089" s="18"/>
      <c r="M12089" s="18"/>
      <c r="N12089" s="18"/>
      <c r="O12089" s="18"/>
      <c r="P12089" s="19"/>
      <c r="Q12089" s="19"/>
      <c r="R12089" s="19"/>
      <c r="S12089" s="19"/>
      <c r="T12089" s="19"/>
      <c r="U12089" s="19"/>
      <c r="V12089" s="19"/>
      <c r="W12089" s="19"/>
      <c r="X12089" s="19"/>
      <c r="Y12089" s="19"/>
      <c r="Z12089" s="19"/>
      <c r="AA12089" s="19"/>
    </row>
    <row r="12090" spans="1:27" s="1" customFormat="1" ht="14.1" customHeight="1" outlineLevel="3" x14ac:dyDescent="0.2">
      <c r="A12090" s="17">
        <v>15395</v>
      </c>
      <c r="B12090" s="17"/>
      <c r="C12090" s="17"/>
      <c r="D12090" s="18" t="s">
        <v>6002</v>
      </c>
      <c r="E12090" s="18"/>
      <c r="F12090" s="18"/>
      <c r="G12090" s="18"/>
      <c r="H12090" s="18"/>
      <c r="I12090" s="18"/>
      <c r="J12090" s="18"/>
      <c r="K12090" s="18"/>
      <c r="L12090" s="18"/>
      <c r="M12090" s="18"/>
      <c r="N12090" s="18"/>
      <c r="O12090" s="18"/>
      <c r="P12090" s="19">
        <v>350</v>
      </c>
      <c r="Q12090" s="19"/>
      <c r="R12090" s="19"/>
      <c r="S12090" s="19"/>
      <c r="T12090" s="19">
        <v>165</v>
      </c>
      <c r="U12090" s="19"/>
      <c r="V12090" s="19"/>
      <c r="W12090" s="19"/>
      <c r="X12090" s="19">
        <v>1</v>
      </c>
      <c r="Y12090" s="19"/>
      <c r="Z12090" s="19"/>
      <c r="AA12090" s="19"/>
    </row>
    <row r="12091" spans="1:27" s="1" customFormat="1" ht="14.1" customHeight="1" outlineLevel="3" x14ac:dyDescent="0.2">
      <c r="A12091" s="17"/>
      <c r="B12091" s="17"/>
      <c r="C12091" s="17"/>
      <c r="D12091" s="18"/>
      <c r="E12091" s="18"/>
      <c r="F12091" s="18"/>
      <c r="G12091" s="18"/>
      <c r="H12091" s="18"/>
      <c r="I12091" s="18"/>
      <c r="J12091" s="18"/>
      <c r="K12091" s="18"/>
      <c r="L12091" s="18"/>
      <c r="M12091" s="18"/>
      <c r="N12091" s="18"/>
      <c r="O12091" s="18"/>
      <c r="P12091" s="19"/>
      <c r="Q12091" s="19"/>
      <c r="R12091" s="19"/>
      <c r="S12091" s="19"/>
      <c r="T12091" s="19"/>
      <c r="U12091" s="19"/>
      <c r="V12091" s="19"/>
      <c r="W12091" s="19"/>
      <c r="X12091" s="19"/>
      <c r="Y12091" s="19"/>
      <c r="Z12091" s="19"/>
      <c r="AA12091" s="19"/>
    </row>
    <row r="12092" spans="1:27" s="1" customFormat="1" ht="14.1" customHeight="1" outlineLevel="3" x14ac:dyDescent="0.2">
      <c r="A12092" s="17">
        <v>15397</v>
      </c>
      <c r="B12092" s="17"/>
      <c r="C12092" s="17"/>
      <c r="D12092" s="18" t="s">
        <v>6003</v>
      </c>
      <c r="E12092" s="18"/>
      <c r="F12092" s="18"/>
      <c r="G12092" s="18"/>
      <c r="H12092" s="18"/>
      <c r="I12092" s="18"/>
      <c r="J12092" s="18"/>
      <c r="K12092" s="18"/>
      <c r="L12092" s="18"/>
      <c r="M12092" s="18"/>
      <c r="N12092" s="18"/>
      <c r="O12092" s="18"/>
      <c r="P12092" s="19">
        <v>350</v>
      </c>
      <c r="Q12092" s="19"/>
      <c r="R12092" s="19"/>
      <c r="S12092" s="19"/>
      <c r="T12092" s="19">
        <v>165</v>
      </c>
      <c r="U12092" s="19"/>
      <c r="V12092" s="19"/>
      <c r="W12092" s="19"/>
      <c r="X12092" s="19">
        <v>1</v>
      </c>
      <c r="Y12092" s="19"/>
      <c r="Z12092" s="19"/>
      <c r="AA12092" s="19"/>
    </row>
    <row r="12093" spans="1:27" s="1" customFormat="1" ht="14.1" customHeight="1" outlineLevel="3" x14ac:dyDescent="0.2">
      <c r="A12093" s="17"/>
      <c r="B12093" s="17"/>
      <c r="C12093" s="17"/>
      <c r="D12093" s="18"/>
      <c r="E12093" s="18"/>
      <c r="F12093" s="18"/>
      <c r="G12093" s="18"/>
      <c r="H12093" s="18"/>
      <c r="I12093" s="18"/>
      <c r="J12093" s="18"/>
      <c r="K12093" s="18"/>
      <c r="L12093" s="18"/>
      <c r="M12093" s="18"/>
      <c r="N12093" s="18"/>
      <c r="O12093" s="18"/>
      <c r="P12093" s="19"/>
      <c r="Q12093" s="19"/>
      <c r="R12093" s="19"/>
      <c r="S12093" s="19"/>
      <c r="T12093" s="19"/>
      <c r="U12093" s="19"/>
      <c r="V12093" s="19"/>
      <c r="W12093" s="19"/>
      <c r="X12093" s="19"/>
      <c r="Y12093" s="19"/>
      <c r="Z12093" s="19"/>
      <c r="AA12093" s="19"/>
    </row>
    <row r="12094" spans="1:27" s="1" customFormat="1" ht="14.1" customHeight="1" outlineLevel="3" x14ac:dyDescent="0.2">
      <c r="A12094" s="17">
        <v>15741</v>
      </c>
      <c r="B12094" s="17"/>
      <c r="C12094" s="17"/>
      <c r="D12094" s="18" t="s">
        <v>6004</v>
      </c>
      <c r="E12094" s="18"/>
      <c r="F12094" s="18"/>
      <c r="G12094" s="18"/>
      <c r="H12094" s="18"/>
      <c r="I12094" s="18"/>
      <c r="J12094" s="18"/>
      <c r="K12094" s="18"/>
      <c r="L12094" s="18"/>
      <c r="M12094" s="18"/>
      <c r="N12094" s="18"/>
      <c r="O12094" s="18"/>
      <c r="P12094" s="19">
        <v>350</v>
      </c>
      <c r="Q12094" s="19"/>
      <c r="R12094" s="19"/>
      <c r="S12094" s="19"/>
      <c r="T12094" s="19">
        <v>165</v>
      </c>
      <c r="U12094" s="19"/>
      <c r="V12094" s="19"/>
      <c r="W12094" s="19"/>
      <c r="X12094" s="19">
        <v>1</v>
      </c>
      <c r="Y12094" s="19"/>
      <c r="Z12094" s="19"/>
      <c r="AA12094" s="19"/>
    </row>
    <row r="12095" spans="1:27" s="1" customFormat="1" ht="14.1" customHeight="1" outlineLevel="3" x14ac:dyDescent="0.2">
      <c r="A12095" s="17"/>
      <c r="B12095" s="17"/>
      <c r="C12095" s="17"/>
      <c r="D12095" s="18"/>
      <c r="E12095" s="18"/>
      <c r="F12095" s="18"/>
      <c r="G12095" s="18"/>
      <c r="H12095" s="18"/>
      <c r="I12095" s="18"/>
      <c r="J12095" s="18"/>
      <c r="K12095" s="18"/>
      <c r="L12095" s="18"/>
      <c r="M12095" s="18"/>
      <c r="N12095" s="18"/>
      <c r="O12095" s="18"/>
      <c r="P12095" s="19"/>
      <c r="Q12095" s="19"/>
      <c r="R12095" s="19"/>
      <c r="S12095" s="19"/>
      <c r="T12095" s="19"/>
      <c r="U12095" s="19"/>
      <c r="V12095" s="19"/>
      <c r="W12095" s="19"/>
      <c r="X12095" s="19"/>
      <c r="Y12095" s="19"/>
      <c r="Z12095" s="19"/>
      <c r="AA12095" s="19"/>
    </row>
    <row r="12096" spans="1:27" s="1" customFormat="1" ht="14.1" customHeight="1" outlineLevel="3" x14ac:dyDescent="0.2">
      <c r="A12096" s="17">
        <v>15394</v>
      </c>
      <c r="B12096" s="17"/>
      <c r="C12096" s="17"/>
      <c r="D12096" s="18" t="s">
        <v>6005</v>
      </c>
      <c r="E12096" s="18"/>
      <c r="F12096" s="18"/>
      <c r="G12096" s="18"/>
      <c r="H12096" s="18"/>
      <c r="I12096" s="18"/>
      <c r="J12096" s="18"/>
      <c r="K12096" s="18"/>
      <c r="L12096" s="18"/>
      <c r="M12096" s="18"/>
      <c r="N12096" s="18"/>
      <c r="O12096" s="18"/>
      <c r="P12096" s="19">
        <v>350</v>
      </c>
      <c r="Q12096" s="19"/>
      <c r="R12096" s="19"/>
      <c r="S12096" s="19"/>
      <c r="T12096" s="19">
        <v>165</v>
      </c>
      <c r="U12096" s="19"/>
      <c r="V12096" s="19"/>
      <c r="W12096" s="19"/>
      <c r="X12096" s="19">
        <v>1</v>
      </c>
      <c r="Y12096" s="19"/>
      <c r="Z12096" s="19"/>
      <c r="AA12096" s="19"/>
    </row>
    <row r="12097" spans="1:27" s="1" customFormat="1" ht="14.1" customHeight="1" outlineLevel="3" x14ac:dyDescent="0.2">
      <c r="A12097" s="17"/>
      <c r="B12097" s="17"/>
      <c r="C12097" s="17"/>
      <c r="D12097" s="18"/>
      <c r="E12097" s="18"/>
      <c r="F12097" s="18"/>
      <c r="G12097" s="18"/>
      <c r="H12097" s="18"/>
      <c r="I12097" s="18"/>
      <c r="J12097" s="18"/>
      <c r="K12097" s="18"/>
      <c r="L12097" s="18"/>
      <c r="M12097" s="18"/>
      <c r="N12097" s="18"/>
      <c r="O12097" s="18"/>
      <c r="P12097" s="19"/>
      <c r="Q12097" s="19"/>
      <c r="R12097" s="19"/>
      <c r="S12097" s="19"/>
      <c r="T12097" s="19"/>
      <c r="U12097" s="19"/>
      <c r="V12097" s="19"/>
      <c r="W12097" s="19"/>
      <c r="X12097" s="19"/>
      <c r="Y12097" s="19"/>
      <c r="Z12097" s="19"/>
      <c r="AA12097" s="19"/>
    </row>
    <row r="12098" spans="1:27" s="1" customFormat="1" ht="14.1" customHeight="1" outlineLevel="3" x14ac:dyDescent="0.2">
      <c r="A12098" s="17">
        <v>15743</v>
      </c>
      <c r="B12098" s="17"/>
      <c r="C12098" s="17"/>
      <c r="D12098" s="18" t="s">
        <v>6006</v>
      </c>
      <c r="E12098" s="18"/>
      <c r="F12098" s="18"/>
      <c r="G12098" s="18"/>
      <c r="H12098" s="18"/>
      <c r="I12098" s="18"/>
      <c r="J12098" s="18"/>
      <c r="K12098" s="18"/>
      <c r="L12098" s="18"/>
      <c r="M12098" s="18"/>
      <c r="N12098" s="18"/>
      <c r="O12098" s="18"/>
      <c r="P12098" s="19">
        <v>350</v>
      </c>
      <c r="Q12098" s="19"/>
      <c r="R12098" s="19"/>
      <c r="S12098" s="19"/>
      <c r="T12098" s="19">
        <v>165</v>
      </c>
      <c r="U12098" s="19"/>
      <c r="V12098" s="19"/>
      <c r="W12098" s="19"/>
      <c r="X12098" s="19">
        <v>1</v>
      </c>
      <c r="Y12098" s="19"/>
      <c r="Z12098" s="19"/>
      <c r="AA12098" s="19"/>
    </row>
    <row r="12099" spans="1:27" s="1" customFormat="1" ht="14.1" customHeight="1" outlineLevel="3" x14ac:dyDescent="0.2">
      <c r="A12099" s="17"/>
      <c r="B12099" s="17"/>
      <c r="C12099" s="17"/>
      <c r="D12099" s="18"/>
      <c r="E12099" s="18"/>
      <c r="F12099" s="18"/>
      <c r="G12099" s="18"/>
      <c r="H12099" s="18"/>
      <c r="I12099" s="18"/>
      <c r="J12099" s="18"/>
      <c r="K12099" s="18"/>
      <c r="L12099" s="18"/>
      <c r="M12099" s="18"/>
      <c r="N12099" s="18"/>
      <c r="O12099" s="18"/>
      <c r="P12099" s="19"/>
      <c r="Q12099" s="19"/>
      <c r="R12099" s="19"/>
      <c r="S12099" s="19"/>
      <c r="T12099" s="19"/>
      <c r="U12099" s="19"/>
      <c r="V12099" s="19"/>
      <c r="W12099" s="19"/>
      <c r="X12099" s="19"/>
      <c r="Y12099" s="19"/>
      <c r="Z12099" s="19"/>
      <c r="AA12099" s="19"/>
    </row>
    <row r="12100" spans="1:27" s="1" customFormat="1" ht="14.1" customHeight="1" outlineLevel="3" x14ac:dyDescent="0.2">
      <c r="A12100" s="17">
        <v>15392</v>
      </c>
      <c r="B12100" s="17"/>
      <c r="C12100" s="17"/>
      <c r="D12100" s="18" t="s">
        <v>6007</v>
      </c>
      <c r="E12100" s="18"/>
      <c r="F12100" s="18"/>
      <c r="G12100" s="18"/>
      <c r="H12100" s="18"/>
      <c r="I12100" s="18"/>
      <c r="J12100" s="18"/>
      <c r="K12100" s="18"/>
      <c r="L12100" s="18"/>
      <c r="M12100" s="18"/>
      <c r="N12100" s="18"/>
      <c r="O12100" s="18"/>
      <c r="P12100" s="19">
        <v>350</v>
      </c>
      <c r="Q12100" s="19"/>
      <c r="R12100" s="19"/>
      <c r="S12100" s="19"/>
      <c r="T12100" s="19">
        <v>165</v>
      </c>
      <c r="U12100" s="19"/>
      <c r="V12100" s="19"/>
      <c r="W12100" s="19"/>
      <c r="X12100" s="19">
        <v>1</v>
      </c>
      <c r="Y12100" s="19"/>
      <c r="Z12100" s="19"/>
      <c r="AA12100" s="19"/>
    </row>
    <row r="12101" spans="1:27" s="1" customFormat="1" ht="14.1" customHeight="1" outlineLevel="3" x14ac:dyDescent="0.2">
      <c r="A12101" s="17"/>
      <c r="B12101" s="17"/>
      <c r="C12101" s="17"/>
      <c r="D12101" s="18"/>
      <c r="E12101" s="18"/>
      <c r="F12101" s="18"/>
      <c r="G12101" s="18"/>
      <c r="H12101" s="18"/>
      <c r="I12101" s="18"/>
      <c r="J12101" s="18"/>
      <c r="K12101" s="18"/>
      <c r="L12101" s="18"/>
      <c r="M12101" s="18"/>
      <c r="N12101" s="18"/>
      <c r="O12101" s="18"/>
      <c r="P12101" s="19"/>
      <c r="Q12101" s="19"/>
      <c r="R12101" s="19"/>
      <c r="S12101" s="19"/>
      <c r="T12101" s="19"/>
      <c r="U12101" s="19"/>
      <c r="V12101" s="19"/>
      <c r="W12101" s="19"/>
      <c r="X12101" s="19"/>
      <c r="Y12101" s="19"/>
      <c r="Z12101" s="19"/>
      <c r="AA12101" s="19"/>
    </row>
    <row r="12102" spans="1:27" s="1" customFormat="1" ht="14.1" customHeight="1" outlineLevel="3" x14ac:dyDescent="0.2">
      <c r="A12102" s="17">
        <v>15391</v>
      </c>
      <c r="B12102" s="17"/>
      <c r="C12102" s="17"/>
      <c r="D12102" s="18" t="s">
        <v>6008</v>
      </c>
      <c r="E12102" s="18"/>
      <c r="F12102" s="18"/>
      <c r="G12102" s="18"/>
      <c r="H12102" s="18"/>
      <c r="I12102" s="18"/>
      <c r="J12102" s="18"/>
      <c r="K12102" s="18"/>
      <c r="L12102" s="18"/>
      <c r="M12102" s="18"/>
      <c r="N12102" s="18"/>
      <c r="O12102" s="18"/>
      <c r="P12102" s="19">
        <v>350</v>
      </c>
      <c r="Q12102" s="19"/>
      <c r="R12102" s="19"/>
      <c r="S12102" s="19"/>
      <c r="T12102" s="19">
        <v>165</v>
      </c>
      <c r="U12102" s="19"/>
      <c r="V12102" s="19"/>
      <c r="W12102" s="19"/>
      <c r="X12102" s="19">
        <v>1</v>
      </c>
      <c r="Y12102" s="19"/>
      <c r="Z12102" s="19"/>
      <c r="AA12102" s="19"/>
    </row>
    <row r="12103" spans="1:27" s="1" customFormat="1" ht="14.1" customHeight="1" outlineLevel="3" x14ac:dyDescent="0.2">
      <c r="A12103" s="17"/>
      <c r="B12103" s="17"/>
      <c r="C12103" s="17"/>
      <c r="D12103" s="18"/>
      <c r="E12103" s="18"/>
      <c r="F12103" s="18"/>
      <c r="G12103" s="18"/>
      <c r="H12103" s="18"/>
      <c r="I12103" s="18"/>
      <c r="J12103" s="18"/>
      <c r="K12103" s="18"/>
      <c r="L12103" s="18"/>
      <c r="M12103" s="18"/>
      <c r="N12103" s="18"/>
      <c r="O12103" s="18"/>
      <c r="P12103" s="19"/>
      <c r="Q12103" s="19"/>
      <c r="R12103" s="19"/>
      <c r="S12103" s="19"/>
      <c r="T12103" s="19"/>
      <c r="U12103" s="19"/>
      <c r="V12103" s="19"/>
      <c r="W12103" s="19"/>
      <c r="X12103" s="19"/>
      <c r="Y12103" s="19"/>
      <c r="Z12103" s="19"/>
      <c r="AA12103" s="19"/>
    </row>
    <row r="12104" spans="1:27" s="1" customFormat="1" ht="14.1" customHeight="1" outlineLevel="3" x14ac:dyDescent="0.2">
      <c r="A12104" s="17">
        <v>15390</v>
      </c>
      <c r="B12104" s="17"/>
      <c r="C12104" s="17"/>
      <c r="D12104" s="18" t="s">
        <v>6009</v>
      </c>
      <c r="E12104" s="18"/>
      <c r="F12104" s="18"/>
      <c r="G12104" s="18"/>
      <c r="H12104" s="18"/>
      <c r="I12104" s="18"/>
      <c r="J12104" s="18"/>
      <c r="K12104" s="18"/>
      <c r="L12104" s="18"/>
      <c r="M12104" s="18"/>
      <c r="N12104" s="18"/>
      <c r="O12104" s="18"/>
      <c r="P12104" s="19">
        <v>350</v>
      </c>
      <c r="Q12104" s="19"/>
      <c r="R12104" s="19"/>
      <c r="S12104" s="19"/>
      <c r="T12104" s="19">
        <v>165</v>
      </c>
      <c r="U12104" s="19"/>
      <c r="V12104" s="19"/>
      <c r="W12104" s="19"/>
      <c r="X12104" s="19">
        <v>1</v>
      </c>
      <c r="Y12104" s="19"/>
      <c r="Z12104" s="19"/>
      <c r="AA12104" s="19"/>
    </row>
    <row r="12105" spans="1:27" s="1" customFormat="1" ht="14.1" customHeight="1" outlineLevel="3" x14ac:dyDescent="0.2">
      <c r="A12105" s="17"/>
      <c r="B12105" s="17"/>
      <c r="C12105" s="17"/>
      <c r="D12105" s="18"/>
      <c r="E12105" s="18"/>
      <c r="F12105" s="18"/>
      <c r="G12105" s="18"/>
      <c r="H12105" s="18"/>
      <c r="I12105" s="18"/>
      <c r="J12105" s="18"/>
      <c r="K12105" s="18"/>
      <c r="L12105" s="18"/>
      <c r="M12105" s="18"/>
      <c r="N12105" s="18"/>
      <c r="O12105" s="18"/>
      <c r="P12105" s="19"/>
      <c r="Q12105" s="19"/>
      <c r="R12105" s="19"/>
      <c r="S12105" s="19"/>
      <c r="T12105" s="19"/>
      <c r="U12105" s="19"/>
      <c r="V12105" s="19"/>
      <c r="W12105" s="19"/>
      <c r="X12105" s="19"/>
      <c r="Y12105" s="19"/>
      <c r="Z12105" s="19"/>
      <c r="AA12105" s="19"/>
    </row>
    <row r="12106" spans="1:27" s="1" customFormat="1" ht="14.1" customHeight="1" outlineLevel="3" x14ac:dyDescent="0.2">
      <c r="A12106" s="17">
        <v>15742</v>
      </c>
      <c r="B12106" s="17"/>
      <c r="C12106" s="17"/>
      <c r="D12106" s="18" t="s">
        <v>6010</v>
      </c>
      <c r="E12106" s="18"/>
      <c r="F12106" s="18"/>
      <c r="G12106" s="18"/>
      <c r="H12106" s="18"/>
      <c r="I12106" s="18"/>
      <c r="J12106" s="18"/>
      <c r="K12106" s="18"/>
      <c r="L12106" s="18"/>
      <c r="M12106" s="18"/>
      <c r="N12106" s="18"/>
      <c r="O12106" s="18"/>
      <c r="P12106" s="19">
        <v>350</v>
      </c>
      <c r="Q12106" s="19"/>
      <c r="R12106" s="19"/>
      <c r="S12106" s="19"/>
      <c r="T12106" s="19">
        <v>165</v>
      </c>
      <c r="U12106" s="19"/>
      <c r="V12106" s="19"/>
      <c r="W12106" s="19"/>
      <c r="X12106" s="19">
        <v>1</v>
      </c>
      <c r="Y12106" s="19"/>
      <c r="Z12106" s="19"/>
      <c r="AA12106" s="19"/>
    </row>
    <row r="12107" spans="1:27" s="1" customFormat="1" ht="14.1" customHeight="1" outlineLevel="3" x14ac:dyDescent="0.2">
      <c r="A12107" s="17"/>
      <c r="B12107" s="17"/>
      <c r="C12107" s="17"/>
      <c r="D12107" s="18"/>
      <c r="E12107" s="18"/>
      <c r="F12107" s="18"/>
      <c r="G12107" s="18"/>
      <c r="H12107" s="18"/>
      <c r="I12107" s="18"/>
      <c r="J12107" s="18"/>
      <c r="K12107" s="18"/>
      <c r="L12107" s="18"/>
      <c r="M12107" s="18"/>
      <c r="N12107" s="18"/>
      <c r="O12107" s="18"/>
      <c r="P12107" s="19"/>
      <c r="Q12107" s="19"/>
      <c r="R12107" s="19"/>
      <c r="S12107" s="19"/>
      <c r="T12107" s="19"/>
      <c r="U12107" s="19"/>
      <c r="V12107" s="19"/>
      <c r="W12107" s="19"/>
      <c r="X12107" s="19"/>
      <c r="Y12107" s="19"/>
      <c r="Z12107" s="19"/>
      <c r="AA12107" s="19"/>
    </row>
    <row r="12108" spans="1:27" s="1" customFormat="1" ht="14.1" customHeight="1" outlineLevel="3" x14ac:dyDescent="0.2">
      <c r="A12108" s="17">
        <v>15748</v>
      </c>
      <c r="B12108" s="17"/>
      <c r="C12108" s="17"/>
      <c r="D12108" s="18" t="s">
        <v>6011</v>
      </c>
      <c r="E12108" s="18"/>
      <c r="F12108" s="18"/>
      <c r="G12108" s="18"/>
      <c r="H12108" s="18"/>
      <c r="I12108" s="18"/>
      <c r="J12108" s="18"/>
      <c r="K12108" s="18"/>
      <c r="L12108" s="18"/>
      <c r="M12108" s="18"/>
      <c r="N12108" s="18"/>
      <c r="O12108" s="18"/>
      <c r="P12108" s="19">
        <v>350</v>
      </c>
      <c r="Q12108" s="19"/>
      <c r="R12108" s="19"/>
      <c r="S12108" s="19"/>
      <c r="T12108" s="19">
        <v>165</v>
      </c>
      <c r="U12108" s="19"/>
      <c r="V12108" s="19"/>
      <c r="W12108" s="19"/>
      <c r="X12108" s="19">
        <v>1</v>
      </c>
      <c r="Y12108" s="19"/>
      <c r="Z12108" s="19"/>
      <c r="AA12108" s="19"/>
    </row>
    <row r="12109" spans="1:27" s="1" customFormat="1" ht="14.1" customHeight="1" outlineLevel="3" x14ac:dyDescent="0.2">
      <c r="A12109" s="17"/>
      <c r="B12109" s="17"/>
      <c r="C12109" s="17"/>
      <c r="D12109" s="18"/>
      <c r="E12109" s="18"/>
      <c r="F12109" s="18"/>
      <c r="G12109" s="18"/>
      <c r="H12109" s="18"/>
      <c r="I12109" s="18"/>
      <c r="J12109" s="18"/>
      <c r="K12109" s="18"/>
      <c r="L12109" s="18"/>
      <c r="M12109" s="18"/>
      <c r="N12109" s="18"/>
      <c r="O12109" s="18"/>
      <c r="P12109" s="19"/>
      <c r="Q12109" s="19"/>
      <c r="R12109" s="19"/>
      <c r="S12109" s="19"/>
      <c r="T12109" s="19"/>
      <c r="U12109" s="19"/>
      <c r="V12109" s="19"/>
      <c r="W12109" s="19"/>
      <c r="X12109" s="19"/>
      <c r="Y12109" s="19"/>
      <c r="Z12109" s="19"/>
      <c r="AA12109" s="19"/>
    </row>
    <row r="12110" spans="1:27" s="1" customFormat="1" ht="14.1" customHeight="1" outlineLevel="3" x14ac:dyDescent="0.2">
      <c r="A12110" s="17">
        <v>15871</v>
      </c>
      <c r="B12110" s="17"/>
      <c r="C12110" s="17"/>
      <c r="D12110" s="18" t="s">
        <v>6012</v>
      </c>
      <c r="E12110" s="18"/>
      <c r="F12110" s="18"/>
      <c r="G12110" s="18"/>
      <c r="H12110" s="18"/>
      <c r="I12110" s="18"/>
      <c r="J12110" s="18"/>
      <c r="K12110" s="18"/>
      <c r="L12110" s="18"/>
      <c r="M12110" s="18"/>
      <c r="N12110" s="18"/>
      <c r="O12110" s="18"/>
      <c r="P12110" s="19">
        <v>350</v>
      </c>
      <c r="Q12110" s="19"/>
      <c r="R12110" s="19"/>
      <c r="S12110" s="19"/>
      <c r="T12110" s="19">
        <v>165</v>
      </c>
      <c r="U12110" s="19"/>
      <c r="V12110" s="19"/>
      <c r="W12110" s="19"/>
      <c r="X12110" s="19">
        <v>1</v>
      </c>
      <c r="Y12110" s="19"/>
      <c r="Z12110" s="19"/>
      <c r="AA12110" s="19"/>
    </row>
    <row r="12111" spans="1:27" s="1" customFormat="1" ht="14.1" customHeight="1" outlineLevel="3" x14ac:dyDescent="0.2">
      <c r="A12111" s="17"/>
      <c r="B12111" s="17"/>
      <c r="C12111" s="17"/>
      <c r="D12111" s="18"/>
      <c r="E12111" s="18"/>
      <c r="F12111" s="18"/>
      <c r="G12111" s="18"/>
      <c r="H12111" s="18"/>
      <c r="I12111" s="18"/>
      <c r="J12111" s="18"/>
      <c r="K12111" s="18"/>
      <c r="L12111" s="18"/>
      <c r="M12111" s="18"/>
      <c r="N12111" s="18"/>
      <c r="O12111" s="18"/>
      <c r="P12111" s="19"/>
      <c r="Q12111" s="19"/>
      <c r="R12111" s="19"/>
      <c r="S12111" s="19"/>
      <c r="T12111" s="19"/>
      <c r="U12111" s="19"/>
      <c r="V12111" s="19"/>
      <c r="W12111" s="19"/>
      <c r="X12111" s="19"/>
      <c r="Y12111" s="19"/>
      <c r="Z12111" s="19"/>
      <c r="AA12111" s="19"/>
    </row>
    <row r="12112" spans="1:27" s="1" customFormat="1" ht="14.1" customHeight="1" outlineLevel="3" x14ac:dyDescent="0.2">
      <c r="A12112" s="17">
        <v>15873</v>
      </c>
      <c r="B12112" s="17"/>
      <c r="C12112" s="17"/>
      <c r="D12112" s="18" t="s">
        <v>6013</v>
      </c>
      <c r="E12112" s="18"/>
      <c r="F12112" s="18"/>
      <c r="G12112" s="18"/>
      <c r="H12112" s="18"/>
      <c r="I12112" s="18"/>
      <c r="J12112" s="18"/>
      <c r="K12112" s="18"/>
      <c r="L12112" s="18"/>
      <c r="M12112" s="18"/>
      <c r="N12112" s="18"/>
      <c r="O12112" s="18"/>
      <c r="P12112" s="19">
        <v>350</v>
      </c>
      <c r="Q12112" s="19"/>
      <c r="R12112" s="19"/>
      <c r="S12112" s="19"/>
      <c r="T12112" s="19">
        <v>165</v>
      </c>
      <c r="U12112" s="19"/>
      <c r="V12112" s="19"/>
      <c r="W12112" s="19"/>
      <c r="X12112" s="19">
        <v>1</v>
      </c>
      <c r="Y12112" s="19"/>
      <c r="Z12112" s="19"/>
      <c r="AA12112" s="19"/>
    </row>
    <row r="12113" spans="1:27" s="1" customFormat="1" ht="14.1" customHeight="1" outlineLevel="3" x14ac:dyDescent="0.2">
      <c r="A12113" s="17"/>
      <c r="B12113" s="17"/>
      <c r="C12113" s="17"/>
      <c r="D12113" s="18"/>
      <c r="E12113" s="18"/>
      <c r="F12113" s="18"/>
      <c r="G12113" s="18"/>
      <c r="H12113" s="18"/>
      <c r="I12113" s="18"/>
      <c r="J12113" s="18"/>
      <c r="K12113" s="18"/>
      <c r="L12113" s="18"/>
      <c r="M12113" s="18"/>
      <c r="N12113" s="18"/>
      <c r="O12113" s="18"/>
      <c r="P12113" s="19"/>
      <c r="Q12113" s="19"/>
      <c r="R12113" s="19"/>
      <c r="S12113" s="19"/>
      <c r="T12113" s="19"/>
      <c r="U12113" s="19"/>
      <c r="V12113" s="19"/>
      <c r="W12113" s="19"/>
      <c r="X12113" s="19"/>
      <c r="Y12113" s="19"/>
      <c r="Z12113" s="19"/>
      <c r="AA12113" s="19"/>
    </row>
    <row r="12114" spans="1:27" s="1" customFormat="1" ht="11.1" customHeight="1" outlineLevel="1" x14ac:dyDescent="0.2">
      <c r="A12114" s="16" t="s">
        <v>6014</v>
      </c>
      <c r="B12114" s="16"/>
      <c r="C12114" s="16"/>
      <c r="D12114" s="16"/>
      <c r="E12114" s="16"/>
      <c r="F12114" s="16"/>
      <c r="G12114" s="16"/>
      <c r="H12114" s="16"/>
      <c r="I12114" s="16"/>
      <c r="J12114" s="16"/>
      <c r="K12114" s="16"/>
      <c r="L12114" s="16"/>
      <c r="M12114" s="16"/>
      <c r="N12114" s="16"/>
      <c r="O12114" s="16"/>
      <c r="P12114" s="16"/>
      <c r="Q12114" s="16"/>
      <c r="R12114" s="16"/>
      <c r="S12114" s="16"/>
      <c r="T12114" s="16"/>
      <c r="U12114" s="16"/>
      <c r="V12114" s="16"/>
      <c r="W12114" s="16"/>
      <c r="X12114" s="16"/>
      <c r="Y12114" s="16"/>
      <c r="Z12114" s="16"/>
      <c r="AA12114" s="16"/>
    </row>
    <row r="12115" spans="1:27" s="1" customFormat="1" ht="11.1" customHeight="1" outlineLevel="1" x14ac:dyDescent="0.2">
      <c r="A12115" s="16"/>
      <c r="B12115" s="16"/>
      <c r="C12115" s="16"/>
      <c r="D12115" s="16"/>
      <c r="E12115" s="16"/>
      <c r="F12115" s="16"/>
      <c r="G12115" s="16"/>
      <c r="H12115" s="16"/>
      <c r="I12115" s="16"/>
      <c r="J12115" s="16"/>
      <c r="K12115" s="16"/>
      <c r="L12115" s="16"/>
      <c r="M12115" s="16"/>
      <c r="N12115" s="16"/>
      <c r="O12115" s="16"/>
      <c r="P12115" s="16"/>
      <c r="Q12115" s="16"/>
      <c r="R12115" s="16"/>
      <c r="S12115" s="16"/>
      <c r="T12115" s="16"/>
      <c r="U12115" s="16"/>
      <c r="V12115" s="16"/>
      <c r="W12115" s="16"/>
      <c r="X12115" s="16"/>
      <c r="Y12115" s="16"/>
      <c r="Z12115" s="16"/>
      <c r="AA12115" s="16"/>
    </row>
    <row r="12116" spans="1:27" s="1" customFormat="1" ht="11.1" customHeight="1" outlineLevel="2" x14ac:dyDescent="0.2">
      <c r="A12116" s="16" t="s">
        <v>6015</v>
      </c>
      <c r="B12116" s="16"/>
      <c r="C12116" s="16"/>
      <c r="D12116" s="16"/>
      <c r="E12116" s="16"/>
      <c r="F12116" s="16"/>
      <c r="G12116" s="16"/>
      <c r="H12116" s="16"/>
      <c r="I12116" s="16"/>
      <c r="J12116" s="16"/>
      <c r="K12116" s="16"/>
      <c r="L12116" s="16"/>
      <c r="M12116" s="16"/>
      <c r="N12116" s="16"/>
      <c r="O12116" s="16"/>
      <c r="P12116" s="16"/>
      <c r="Q12116" s="16"/>
      <c r="R12116" s="16"/>
      <c r="S12116" s="16"/>
      <c r="T12116" s="16"/>
      <c r="U12116" s="16"/>
      <c r="V12116" s="16"/>
      <c r="W12116" s="16"/>
      <c r="X12116" s="16"/>
      <c r="Y12116" s="16"/>
      <c r="Z12116" s="16"/>
      <c r="AA12116" s="16"/>
    </row>
    <row r="12117" spans="1:27" s="1" customFormat="1" ht="11.1" customHeight="1" outlineLevel="2" x14ac:dyDescent="0.2">
      <c r="A12117" s="16"/>
      <c r="B12117" s="16"/>
      <c r="C12117" s="16"/>
      <c r="D12117" s="16"/>
      <c r="E12117" s="16"/>
      <c r="F12117" s="16"/>
      <c r="G12117" s="16"/>
      <c r="H12117" s="16"/>
      <c r="I12117" s="16"/>
      <c r="J12117" s="16"/>
      <c r="K12117" s="16"/>
      <c r="L12117" s="16"/>
      <c r="M12117" s="16"/>
      <c r="N12117" s="16"/>
      <c r="O12117" s="16"/>
      <c r="P12117" s="16"/>
      <c r="Q12117" s="16"/>
      <c r="R12117" s="16"/>
      <c r="S12117" s="16"/>
      <c r="T12117" s="16"/>
      <c r="U12117" s="16"/>
      <c r="V12117" s="16"/>
      <c r="W12117" s="16"/>
      <c r="X12117" s="16"/>
      <c r="Y12117" s="16"/>
      <c r="Z12117" s="16"/>
      <c r="AA12117" s="16"/>
    </row>
    <row r="12118" spans="1:27" s="1" customFormat="1" ht="14.1" customHeight="1" outlineLevel="3" x14ac:dyDescent="0.2">
      <c r="A12118" s="17">
        <v>16448</v>
      </c>
      <c r="B12118" s="17"/>
      <c r="C12118" s="17"/>
      <c r="D12118" s="18" t="s">
        <v>6016</v>
      </c>
      <c r="E12118" s="18"/>
      <c r="F12118" s="18"/>
      <c r="G12118" s="18"/>
      <c r="H12118" s="18"/>
      <c r="I12118" s="18"/>
      <c r="J12118" s="18"/>
      <c r="K12118" s="18"/>
      <c r="L12118" s="18"/>
      <c r="M12118" s="18"/>
      <c r="N12118" s="18"/>
      <c r="O12118" s="18"/>
      <c r="P12118" s="19">
        <v>590</v>
      </c>
      <c r="Q12118" s="19"/>
      <c r="R12118" s="19"/>
      <c r="S12118" s="19"/>
      <c r="T12118" s="19">
        <v>390</v>
      </c>
      <c r="U12118" s="19"/>
      <c r="V12118" s="19"/>
      <c r="W12118" s="19"/>
      <c r="X12118" s="19">
        <v>34</v>
      </c>
      <c r="Y12118" s="19"/>
      <c r="Z12118" s="19"/>
      <c r="AA12118" s="19"/>
    </row>
    <row r="12119" spans="1:27" s="1" customFormat="1" ht="14.1" customHeight="1" outlineLevel="3" x14ac:dyDescent="0.2">
      <c r="A12119" s="17"/>
      <c r="B12119" s="17"/>
      <c r="C12119" s="17"/>
      <c r="D12119" s="18"/>
      <c r="E12119" s="18"/>
      <c r="F12119" s="18"/>
      <c r="G12119" s="18"/>
      <c r="H12119" s="18"/>
      <c r="I12119" s="18"/>
      <c r="J12119" s="18"/>
      <c r="K12119" s="18"/>
      <c r="L12119" s="18"/>
      <c r="M12119" s="18"/>
      <c r="N12119" s="18"/>
      <c r="O12119" s="18"/>
      <c r="P12119" s="19"/>
      <c r="Q12119" s="19"/>
      <c r="R12119" s="19"/>
      <c r="S12119" s="19"/>
      <c r="T12119" s="19"/>
      <c r="U12119" s="19"/>
      <c r="V12119" s="19"/>
      <c r="W12119" s="19"/>
      <c r="X12119" s="19"/>
      <c r="Y12119" s="19"/>
      <c r="Z12119" s="19"/>
      <c r="AA12119" s="19"/>
    </row>
    <row r="12120" spans="1:27" s="1" customFormat="1" ht="14.1" customHeight="1" outlineLevel="3" x14ac:dyDescent="0.2">
      <c r="A12120" s="17">
        <v>16449</v>
      </c>
      <c r="B12120" s="17"/>
      <c r="C12120" s="17"/>
      <c r="D12120" s="18" t="s">
        <v>6017</v>
      </c>
      <c r="E12120" s="18"/>
      <c r="F12120" s="18"/>
      <c r="G12120" s="18"/>
      <c r="H12120" s="18"/>
      <c r="I12120" s="18"/>
      <c r="J12120" s="18"/>
      <c r="K12120" s="18"/>
      <c r="L12120" s="18"/>
      <c r="M12120" s="18"/>
      <c r="N12120" s="18"/>
      <c r="O12120" s="18"/>
      <c r="P12120" s="19">
        <v>490</v>
      </c>
      <c r="Q12120" s="19"/>
      <c r="R12120" s="19"/>
      <c r="S12120" s="19"/>
      <c r="T12120" s="19">
        <v>370</v>
      </c>
      <c r="U12120" s="19"/>
      <c r="V12120" s="19"/>
      <c r="W12120" s="19"/>
      <c r="X12120" s="19">
        <v>27</v>
      </c>
      <c r="Y12120" s="19"/>
      <c r="Z12120" s="19"/>
      <c r="AA12120" s="19"/>
    </row>
    <row r="12121" spans="1:27" s="1" customFormat="1" ht="14.1" customHeight="1" outlineLevel="3" x14ac:dyDescent="0.2">
      <c r="A12121" s="17"/>
      <c r="B12121" s="17"/>
      <c r="C12121" s="17"/>
      <c r="D12121" s="18"/>
      <c r="E12121" s="18"/>
      <c r="F12121" s="18"/>
      <c r="G12121" s="18"/>
      <c r="H12121" s="18"/>
      <c r="I12121" s="18"/>
      <c r="J12121" s="18"/>
      <c r="K12121" s="18"/>
      <c r="L12121" s="18"/>
      <c r="M12121" s="18"/>
      <c r="N12121" s="18"/>
      <c r="O12121" s="18"/>
      <c r="P12121" s="19"/>
      <c r="Q12121" s="19"/>
      <c r="R12121" s="19"/>
      <c r="S12121" s="19"/>
      <c r="T12121" s="19"/>
      <c r="U12121" s="19"/>
      <c r="V12121" s="19"/>
      <c r="W12121" s="19"/>
      <c r="X12121" s="19"/>
      <c r="Y12121" s="19"/>
      <c r="Z12121" s="19"/>
      <c r="AA12121" s="19"/>
    </row>
    <row r="12122" spans="1:27" s="1" customFormat="1" ht="14.1" customHeight="1" outlineLevel="3" x14ac:dyDescent="0.2">
      <c r="A12122" s="17">
        <v>16451</v>
      </c>
      <c r="B12122" s="17"/>
      <c r="C12122" s="17"/>
      <c r="D12122" s="18" t="s">
        <v>6018</v>
      </c>
      <c r="E12122" s="18"/>
      <c r="F12122" s="18"/>
      <c r="G12122" s="18"/>
      <c r="H12122" s="18"/>
      <c r="I12122" s="18"/>
      <c r="J12122" s="18"/>
      <c r="K12122" s="18"/>
      <c r="L12122" s="18"/>
      <c r="M12122" s="18"/>
      <c r="N12122" s="18"/>
      <c r="O12122" s="18"/>
      <c r="P12122" s="19">
        <v>320</v>
      </c>
      <c r="Q12122" s="19"/>
      <c r="R12122" s="19"/>
      <c r="S12122" s="19"/>
      <c r="T12122" s="19">
        <v>230</v>
      </c>
      <c r="U12122" s="19"/>
      <c r="V12122" s="19"/>
      <c r="W12122" s="19"/>
      <c r="X12122" s="19">
        <v>5</v>
      </c>
      <c r="Y12122" s="19"/>
      <c r="Z12122" s="19"/>
      <c r="AA12122" s="19"/>
    </row>
    <row r="12123" spans="1:27" s="1" customFormat="1" ht="14.1" customHeight="1" outlineLevel="3" x14ac:dyDescent="0.2">
      <c r="A12123" s="17"/>
      <c r="B12123" s="17"/>
      <c r="C12123" s="17"/>
      <c r="D12123" s="18"/>
      <c r="E12123" s="18"/>
      <c r="F12123" s="18"/>
      <c r="G12123" s="18"/>
      <c r="H12123" s="18"/>
      <c r="I12123" s="18"/>
      <c r="J12123" s="18"/>
      <c r="K12123" s="18"/>
      <c r="L12123" s="18"/>
      <c r="M12123" s="18"/>
      <c r="N12123" s="18"/>
      <c r="O12123" s="18"/>
      <c r="P12123" s="19"/>
      <c r="Q12123" s="19"/>
      <c r="R12123" s="19"/>
      <c r="S12123" s="19"/>
      <c r="T12123" s="19"/>
      <c r="U12123" s="19"/>
      <c r="V12123" s="19"/>
      <c r="W12123" s="19"/>
      <c r="X12123" s="19"/>
      <c r="Y12123" s="19"/>
      <c r="Z12123" s="19"/>
      <c r="AA12123" s="19"/>
    </row>
    <row r="12124" spans="1:27" s="1" customFormat="1" ht="14.1" customHeight="1" outlineLevel="3" x14ac:dyDescent="0.2">
      <c r="A12124" s="17">
        <v>16450</v>
      </c>
      <c r="B12124" s="17"/>
      <c r="C12124" s="17"/>
      <c r="D12124" s="18" t="s">
        <v>6019</v>
      </c>
      <c r="E12124" s="18"/>
      <c r="F12124" s="18"/>
      <c r="G12124" s="18"/>
      <c r="H12124" s="18"/>
      <c r="I12124" s="18"/>
      <c r="J12124" s="18"/>
      <c r="K12124" s="18"/>
      <c r="L12124" s="18"/>
      <c r="M12124" s="18"/>
      <c r="N12124" s="18"/>
      <c r="O12124" s="18"/>
      <c r="P12124" s="19">
        <v>320</v>
      </c>
      <c r="Q12124" s="19"/>
      <c r="R12124" s="19"/>
      <c r="S12124" s="19"/>
      <c r="T12124" s="19">
        <v>230</v>
      </c>
      <c r="U12124" s="19"/>
      <c r="V12124" s="19"/>
      <c r="W12124" s="19"/>
      <c r="X12124" s="19">
        <v>10</v>
      </c>
      <c r="Y12124" s="19"/>
      <c r="Z12124" s="19"/>
      <c r="AA12124" s="19"/>
    </row>
    <row r="12125" spans="1:27" s="1" customFormat="1" ht="14.1" customHeight="1" outlineLevel="3" x14ac:dyDescent="0.2">
      <c r="A12125" s="17"/>
      <c r="B12125" s="17"/>
      <c r="C12125" s="17"/>
      <c r="D12125" s="18"/>
      <c r="E12125" s="18"/>
      <c r="F12125" s="18"/>
      <c r="G12125" s="18"/>
      <c r="H12125" s="18"/>
      <c r="I12125" s="18"/>
      <c r="J12125" s="18"/>
      <c r="K12125" s="18"/>
      <c r="L12125" s="18"/>
      <c r="M12125" s="18"/>
      <c r="N12125" s="18"/>
      <c r="O12125" s="18"/>
      <c r="P12125" s="19"/>
      <c r="Q12125" s="19"/>
      <c r="R12125" s="19"/>
      <c r="S12125" s="19"/>
      <c r="T12125" s="19"/>
      <c r="U12125" s="19"/>
      <c r="V12125" s="19"/>
      <c r="W12125" s="19"/>
      <c r="X12125" s="19"/>
      <c r="Y12125" s="19"/>
      <c r="Z12125" s="19"/>
      <c r="AA12125" s="19"/>
    </row>
    <row r="12126" spans="1:27" s="1" customFormat="1" ht="11.1" customHeight="1" outlineLevel="2" x14ac:dyDescent="0.2">
      <c r="A12126" s="16" t="s">
        <v>6020</v>
      </c>
      <c r="B12126" s="16"/>
      <c r="C12126" s="16"/>
      <c r="D12126" s="16"/>
      <c r="E12126" s="16"/>
      <c r="F12126" s="16"/>
      <c r="G12126" s="16"/>
      <c r="H12126" s="16"/>
      <c r="I12126" s="16"/>
      <c r="J12126" s="16"/>
      <c r="K12126" s="16"/>
      <c r="L12126" s="16"/>
      <c r="M12126" s="16"/>
      <c r="N12126" s="16"/>
      <c r="O12126" s="16"/>
      <c r="P12126" s="16"/>
      <c r="Q12126" s="16"/>
      <c r="R12126" s="16"/>
      <c r="S12126" s="16"/>
      <c r="T12126" s="16"/>
      <c r="U12126" s="16"/>
      <c r="V12126" s="16"/>
      <c r="W12126" s="16"/>
      <c r="X12126" s="16"/>
      <c r="Y12126" s="16"/>
      <c r="Z12126" s="16"/>
      <c r="AA12126" s="16"/>
    </row>
    <row r="12127" spans="1:27" s="1" customFormat="1" ht="11.1" customHeight="1" outlineLevel="2" x14ac:dyDescent="0.2">
      <c r="A12127" s="16"/>
      <c r="B12127" s="16"/>
      <c r="C12127" s="16"/>
      <c r="D12127" s="16"/>
      <c r="E12127" s="16"/>
      <c r="F12127" s="16"/>
      <c r="G12127" s="16"/>
      <c r="H12127" s="16"/>
      <c r="I12127" s="16"/>
      <c r="J12127" s="16"/>
      <c r="K12127" s="16"/>
      <c r="L12127" s="16"/>
      <c r="M12127" s="16"/>
      <c r="N12127" s="16"/>
      <c r="O12127" s="16"/>
      <c r="P12127" s="16"/>
      <c r="Q12127" s="16"/>
      <c r="R12127" s="16"/>
      <c r="S12127" s="16"/>
      <c r="T12127" s="16"/>
      <c r="U12127" s="16"/>
      <c r="V12127" s="16"/>
      <c r="W12127" s="16"/>
      <c r="X12127" s="16"/>
      <c r="Y12127" s="16"/>
      <c r="Z12127" s="16"/>
      <c r="AA12127" s="16"/>
    </row>
    <row r="12128" spans="1:27" s="1" customFormat="1" ht="11.1" customHeight="1" outlineLevel="3" x14ac:dyDescent="0.2">
      <c r="A12128" s="17">
        <v>11482</v>
      </c>
      <c r="B12128" s="17"/>
      <c r="C12128" s="17"/>
      <c r="D12128" s="18" t="s">
        <v>6021</v>
      </c>
      <c r="E12128" s="18"/>
      <c r="F12128" s="18"/>
      <c r="G12128" s="18"/>
      <c r="H12128" s="18"/>
      <c r="I12128" s="18"/>
      <c r="J12128" s="18"/>
      <c r="K12128" s="18"/>
      <c r="L12128" s="18"/>
      <c r="M12128" s="18"/>
      <c r="N12128" s="18"/>
      <c r="O12128" s="18"/>
      <c r="P12128" s="19">
        <v>270</v>
      </c>
      <c r="Q12128" s="19"/>
      <c r="R12128" s="19"/>
      <c r="S12128" s="19"/>
      <c r="T12128" s="19">
        <v>190</v>
      </c>
      <c r="U12128" s="19"/>
      <c r="V12128" s="19"/>
      <c r="W12128" s="19"/>
      <c r="X12128" s="19">
        <v>4</v>
      </c>
      <c r="Y12128" s="19"/>
      <c r="Z12128" s="19"/>
      <c r="AA12128" s="19"/>
    </row>
    <row r="12129" spans="1:27" s="1" customFormat="1" ht="11.1" customHeight="1" outlineLevel="3" x14ac:dyDescent="0.2">
      <c r="A12129" s="17"/>
      <c r="B12129" s="17"/>
      <c r="C12129" s="17"/>
      <c r="D12129" s="18"/>
      <c r="E12129" s="18"/>
      <c r="F12129" s="18"/>
      <c r="G12129" s="18"/>
      <c r="H12129" s="18"/>
      <c r="I12129" s="18"/>
      <c r="J12129" s="18"/>
      <c r="K12129" s="18"/>
      <c r="L12129" s="18"/>
      <c r="M12129" s="18"/>
      <c r="N12129" s="18"/>
      <c r="O12129" s="18"/>
      <c r="P12129" s="19"/>
      <c r="Q12129" s="19"/>
      <c r="R12129" s="19"/>
      <c r="S12129" s="19"/>
      <c r="T12129" s="19"/>
      <c r="U12129" s="19"/>
      <c r="V12129" s="19"/>
      <c r="W12129" s="19"/>
      <c r="X12129" s="19"/>
      <c r="Y12129" s="19"/>
      <c r="Z12129" s="19"/>
      <c r="AA12129" s="19"/>
    </row>
    <row r="12130" spans="1:27" s="1" customFormat="1" ht="11.1" customHeight="1" outlineLevel="3" x14ac:dyDescent="0.2">
      <c r="A12130" s="17">
        <v>5675</v>
      </c>
      <c r="B12130" s="17"/>
      <c r="C12130" s="17"/>
      <c r="D12130" s="18" t="s">
        <v>6022</v>
      </c>
      <c r="E12130" s="18"/>
      <c r="F12130" s="18"/>
      <c r="G12130" s="18"/>
      <c r="H12130" s="18"/>
      <c r="I12130" s="18"/>
      <c r="J12130" s="18"/>
      <c r="K12130" s="18"/>
      <c r="L12130" s="18"/>
      <c r="M12130" s="18"/>
      <c r="N12130" s="18"/>
      <c r="O12130" s="18"/>
      <c r="P12130" s="19">
        <v>190</v>
      </c>
      <c r="Q12130" s="19"/>
      <c r="R12130" s="19"/>
      <c r="S12130" s="19"/>
      <c r="T12130" s="19">
        <v>160</v>
      </c>
      <c r="U12130" s="19"/>
      <c r="V12130" s="19"/>
      <c r="W12130" s="19"/>
      <c r="X12130" s="19">
        <v>13</v>
      </c>
      <c r="Y12130" s="19"/>
      <c r="Z12130" s="19"/>
      <c r="AA12130" s="19"/>
    </row>
    <row r="12131" spans="1:27" s="1" customFormat="1" ht="11.1" customHeight="1" outlineLevel="3" x14ac:dyDescent="0.2">
      <c r="A12131" s="17"/>
      <c r="B12131" s="17"/>
      <c r="C12131" s="17"/>
      <c r="D12131" s="18"/>
      <c r="E12131" s="18"/>
      <c r="F12131" s="18"/>
      <c r="G12131" s="18"/>
      <c r="H12131" s="18"/>
      <c r="I12131" s="18"/>
      <c r="J12131" s="18"/>
      <c r="K12131" s="18"/>
      <c r="L12131" s="18"/>
      <c r="M12131" s="18"/>
      <c r="N12131" s="18"/>
      <c r="O12131" s="18"/>
      <c r="P12131" s="19"/>
      <c r="Q12131" s="19"/>
      <c r="R12131" s="19"/>
      <c r="S12131" s="19"/>
      <c r="T12131" s="19"/>
      <c r="U12131" s="19"/>
      <c r="V12131" s="19"/>
      <c r="W12131" s="19"/>
      <c r="X12131" s="19"/>
      <c r="Y12131" s="19"/>
      <c r="Z12131" s="19"/>
      <c r="AA12131" s="19"/>
    </row>
    <row r="12132" spans="1:27" s="1" customFormat="1" ht="11.1" customHeight="1" outlineLevel="3" x14ac:dyDescent="0.2">
      <c r="A12132" s="17">
        <v>13793</v>
      </c>
      <c r="B12132" s="17"/>
      <c r="C12132" s="17"/>
      <c r="D12132" s="18" t="s">
        <v>6023</v>
      </c>
      <c r="E12132" s="18"/>
      <c r="F12132" s="18"/>
      <c r="G12132" s="18"/>
      <c r="H12132" s="18"/>
      <c r="I12132" s="18"/>
      <c r="J12132" s="18"/>
      <c r="K12132" s="18"/>
      <c r="L12132" s="18"/>
      <c r="M12132" s="18"/>
      <c r="N12132" s="18"/>
      <c r="O12132" s="18"/>
      <c r="P12132" s="19">
        <v>250</v>
      </c>
      <c r="Q12132" s="19"/>
      <c r="R12132" s="19"/>
      <c r="S12132" s="19"/>
      <c r="T12132" s="19">
        <v>180</v>
      </c>
      <c r="U12132" s="19"/>
      <c r="V12132" s="19"/>
      <c r="W12132" s="19"/>
      <c r="X12132" s="19">
        <v>1</v>
      </c>
      <c r="Y12132" s="19"/>
      <c r="Z12132" s="19"/>
      <c r="AA12132" s="19"/>
    </row>
    <row r="12133" spans="1:27" s="1" customFormat="1" ht="11.1" customHeight="1" outlineLevel="3" x14ac:dyDescent="0.2">
      <c r="A12133" s="17"/>
      <c r="B12133" s="17"/>
      <c r="C12133" s="17"/>
      <c r="D12133" s="18"/>
      <c r="E12133" s="18"/>
      <c r="F12133" s="18"/>
      <c r="G12133" s="18"/>
      <c r="H12133" s="18"/>
      <c r="I12133" s="18"/>
      <c r="J12133" s="18"/>
      <c r="K12133" s="18"/>
      <c r="L12133" s="18"/>
      <c r="M12133" s="18"/>
      <c r="N12133" s="18"/>
      <c r="O12133" s="18"/>
      <c r="P12133" s="19"/>
      <c r="Q12133" s="19"/>
      <c r="R12133" s="19"/>
      <c r="S12133" s="19"/>
      <c r="T12133" s="19"/>
      <c r="U12133" s="19"/>
      <c r="V12133" s="19"/>
      <c r="W12133" s="19"/>
      <c r="X12133" s="19"/>
      <c r="Y12133" s="19"/>
      <c r="Z12133" s="19"/>
      <c r="AA12133" s="19"/>
    </row>
    <row r="12134" spans="1:27" s="1" customFormat="1" ht="14.1" customHeight="1" outlineLevel="3" x14ac:dyDescent="0.2">
      <c r="A12134" s="17">
        <v>6010</v>
      </c>
      <c r="B12134" s="17"/>
      <c r="C12134" s="17"/>
      <c r="D12134" s="18" t="s">
        <v>6024</v>
      </c>
      <c r="E12134" s="18"/>
      <c r="F12134" s="18"/>
      <c r="G12134" s="18"/>
      <c r="H12134" s="18"/>
      <c r="I12134" s="18"/>
      <c r="J12134" s="18"/>
      <c r="K12134" s="18"/>
      <c r="L12134" s="18"/>
      <c r="M12134" s="18"/>
      <c r="N12134" s="18"/>
      <c r="O12134" s="18"/>
      <c r="P12134" s="19">
        <v>490</v>
      </c>
      <c r="Q12134" s="19"/>
      <c r="R12134" s="19"/>
      <c r="S12134" s="19"/>
      <c r="T12134" s="19">
        <v>370</v>
      </c>
      <c r="U12134" s="19"/>
      <c r="V12134" s="19"/>
      <c r="W12134" s="19"/>
      <c r="X12134" s="19">
        <v>15</v>
      </c>
      <c r="Y12134" s="19"/>
      <c r="Z12134" s="19"/>
      <c r="AA12134" s="19"/>
    </row>
    <row r="12135" spans="1:27" s="1" customFormat="1" ht="14.1" customHeight="1" outlineLevel="3" x14ac:dyDescent="0.2">
      <c r="A12135" s="17"/>
      <c r="B12135" s="17"/>
      <c r="C12135" s="17"/>
      <c r="D12135" s="18"/>
      <c r="E12135" s="18"/>
      <c r="F12135" s="18"/>
      <c r="G12135" s="18"/>
      <c r="H12135" s="18"/>
      <c r="I12135" s="18"/>
      <c r="J12135" s="18"/>
      <c r="K12135" s="18"/>
      <c r="L12135" s="18"/>
      <c r="M12135" s="18"/>
      <c r="N12135" s="18"/>
      <c r="O12135" s="18"/>
      <c r="P12135" s="19"/>
      <c r="Q12135" s="19"/>
      <c r="R12135" s="19"/>
      <c r="S12135" s="19"/>
      <c r="T12135" s="19"/>
      <c r="U12135" s="19"/>
      <c r="V12135" s="19"/>
      <c r="W12135" s="19"/>
      <c r="X12135" s="19"/>
      <c r="Y12135" s="19"/>
      <c r="Z12135" s="19"/>
      <c r="AA12135" s="19"/>
    </row>
    <row r="12136" spans="1:27" s="1" customFormat="1" ht="11.1" customHeight="1" outlineLevel="3" x14ac:dyDescent="0.2">
      <c r="A12136" s="17">
        <v>13796</v>
      </c>
      <c r="B12136" s="17"/>
      <c r="C12136" s="17"/>
      <c r="D12136" s="18" t="s">
        <v>6025</v>
      </c>
      <c r="E12136" s="18"/>
      <c r="F12136" s="18"/>
      <c r="G12136" s="18"/>
      <c r="H12136" s="18"/>
      <c r="I12136" s="18"/>
      <c r="J12136" s="18"/>
      <c r="K12136" s="18"/>
      <c r="L12136" s="18"/>
      <c r="M12136" s="18"/>
      <c r="N12136" s="18"/>
      <c r="O12136" s="18"/>
      <c r="P12136" s="20">
        <v>1100</v>
      </c>
      <c r="Q12136" s="20"/>
      <c r="R12136" s="20"/>
      <c r="S12136" s="20"/>
      <c r="T12136" s="19">
        <v>850</v>
      </c>
      <c r="U12136" s="19"/>
      <c r="V12136" s="19"/>
      <c r="W12136" s="19"/>
      <c r="X12136" s="19">
        <v>1</v>
      </c>
      <c r="Y12136" s="19"/>
      <c r="Z12136" s="19"/>
      <c r="AA12136" s="19"/>
    </row>
    <row r="12137" spans="1:27" s="1" customFormat="1" ht="11.1" customHeight="1" outlineLevel="3" x14ac:dyDescent="0.2">
      <c r="A12137" s="17"/>
      <c r="B12137" s="17"/>
      <c r="C12137" s="17"/>
      <c r="D12137" s="18"/>
      <c r="E12137" s="18"/>
      <c r="F12137" s="18"/>
      <c r="G12137" s="18"/>
      <c r="H12137" s="18"/>
      <c r="I12137" s="18"/>
      <c r="J12137" s="18"/>
      <c r="K12137" s="18"/>
      <c r="L12137" s="18"/>
      <c r="M12137" s="18"/>
      <c r="N12137" s="18"/>
      <c r="O12137" s="18"/>
      <c r="P12137" s="20"/>
      <c r="Q12137" s="20"/>
      <c r="R12137" s="20"/>
      <c r="S12137" s="20"/>
      <c r="T12137" s="19"/>
      <c r="U12137" s="19"/>
      <c r="V12137" s="19"/>
      <c r="W12137" s="19"/>
      <c r="X12137" s="19"/>
      <c r="Y12137" s="19"/>
      <c r="Z12137" s="19"/>
      <c r="AA12137" s="19"/>
    </row>
    <row r="12138" spans="1:27" s="1" customFormat="1" ht="14.1" customHeight="1" outlineLevel="3" x14ac:dyDescent="0.2">
      <c r="A12138" s="17">
        <v>11479</v>
      </c>
      <c r="B12138" s="17"/>
      <c r="C12138" s="17"/>
      <c r="D12138" s="18" t="s">
        <v>6026</v>
      </c>
      <c r="E12138" s="18"/>
      <c r="F12138" s="18"/>
      <c r="G12138" s="18"/>
      <c r="H12138" s="18"/>
      <c r="I12138" s="18"/>
      <c r="J12138" s="18"/>
      <c r="K12138" s="18"/>
      <c r="L12138" s="18"/>
      <c r="M12138" s="18"/>
      <c r="N12138" s="18"/>
      <c r="O12138" s="18"/>
      <c r="P12138" s="19">
        <v>620</v>
      </c>
      <c r="Q12138" s="19"/>
      <c r="R12138" s="19"/>
      <c r="S12138" s="19"/>
      <c r="T12138" s="19">
        <v>490</v>
      </c>
      <c r="U12138" s="19"/>
      <c r="V12138" s="19"/>
      <c r="W12138" s="19"/>
      <c r="X12138" s="19">
        <v>2</v>
      </c>
      <c r="Y12138" s="19"/>
      <c r="Z12138" s="19"/>
      <c r="AA12138" s="19"/>
    </row>
    <row r="12139" spans="1:27" s="1" customFormat="1" ht="14.1" customHeight="1" outlineLevel="3" x14ac:dyDescent="0.2">
      <c r="A12139" s="17"/>
      <c r="B12139" s="17"/>
      <c r="C12139" s="17"/>
      <c r="D12139" s="18"/>
      <c r="E12139" s="18"/>
      <c r="F12139" s="18"/>
      <c r="G12139" s="18"/>
      <c r="H12139" s="18"/>
      <c r="I12139" s="18"/>
      <c r="J12139" s="18"/>
      <c r="K12139" s="18"/>
      <c r="L12139" s="18"/>
      <c r="M12139" s="18"/>
      <c r="N12139" s="18"/>
      <c r="O12139" s="18"/>
      <c r="P12139" s="19"/>
      <c r="Q12139" s="19"/>
      <c r="R12139" s="19"/>
      <c r="S12139" s="19"/>
      <c r="T12139" s="19"/>
      <c r="U12139" s="19"/>
      <c r="V12139" s="19"/>
      <c r="W12139" s="19"/>
      <c r="X12139" s="19"/>
      <c r="Y12139" s="19"/>
      <c r="Z12139" s="19"/>
      <c r="AA12139" s="19"/>
    </row>
    <row r="12140" spans="1:27" s="1" customFormat="1" ht="14.1" customHeight="1" outlineLevel="3" x14ac:dyDescent="0.2">
      <c r="A12140" s="17">
        <v>4861</v>
      </c>
      <c r="B12140" s="17"/>
      <c r="C12140" s="17"/>
      <c r="D12140" s="18" t="s">
        <v>6027</v>
      </c>
      <c r="E12140" s="18"/>
      <c r="F12140" s="18"/>
      <c r="G12140" s="18"/>
      <c r="H12140" s="18"/>
      <c r="I12140" s="18"/>
      <c r="J12140" s="18"/>
      <c r="K12140" s="18"/>
      <c r="L12140" s="18"/>
      <c r="M12140" s="18"/>
      <c r="N12140" s="18"/>
      <c r="O12140" s="18"/>
      <c r="P12140" s="19">
        <v>250</v>
      </c>
      <c r="Q12140" s="19"/>
      <c r="R12140" s="19"/>
      <c r="S12140" s="19"/>
      <c r="T12140" s="19">
        <v>190</v>
      </c>
      <c r="U12140" s="19"/>
      <c r="V12140" s="19"/>
      <c r="W12140" s="19"/>
      <c r="X12140" s="19">
        <v>25</v>
      </c>
      <c r="Y12140" s="19"/>
      <c r="Z12140" s="19"/>
      <c r="AA12140" s="19"/>
    </row>
    <row r="12141" spans="1:27" s="1" customFormat="1" ht="14.1" customHeight="1" outlineLevel="3" x14ac:dyDescent="0.2">
      <c r="A12141" s="17"/>
      <c r="B12141" s="17"/>
      <c r="C12141" s="17"/>
      <c r="D12141" s="18"/>
      <c r="E12141" s="18"/>
      <c r="F12141" s="18"/>
      <c r="G12141" s="18"/>
      <c r="H12141" s="18"/>
      <c r="I12141" s="18"/>
      <c r="J12141" s="18"/>
      <c r="K12141" s="18"/>
      <c r="L12141" s="18"/>
      <c r="M12141" s="18"/>
      <c r="N12141" s="18"/>
      <c r="O12141" s="18"/>
      <c r="P12141" s="19"/>
      <c r="Q12141" s="19"/>
      <c r="R12141" s="19"/>
      <c r="S12141" s="19"/>
      <c r="T12141" s="19"/>
      <c r="U12141" s="19"/>
      <c r="V12141" s="19"/>
      <c r="W12141" s="19"/>
      <c r="X12141" s="19"/>
      <c r="Y12141" s="19"/>
      <c r="Z12141" s="19"/>
      <c r="AA12141" s="19"/>
    </row>
    <row r="12142" spans="1:27" s="1" customFormat="1" ht="11.1" customHeight="1" outlineLevel="3" x14ac:dyDescent="0.2">
      <c r="A12142" s="17">
        <v>13794</v>
      </c>
      <c r="B12142" s="17"/>
      <c r="C12142" s="17"/>
      <c r="D12142" s="18" t="s">
        <v>6028</v>
      </c>
      <c r="E12142" s="18"/>
      <c r="F12142" s="18"/>
      <c r="G12142" s="18"/>
      <c r="H12142" s="18"/>
      <c r="I12142" s="18"/>
      <c r="J12142" s="18"/>
      <c r="K12142" s="18"/>
      <c r="L12142" s="18"/>
      <c r="M12142" s="18"/>
      <c r="N12142" s="18"/>
      <c r="O12142" s="18"/>
      <c r="P12142" s="19">
        <v>360</v>
      </c>
      <c r="Q12142" s="19"/>
      <c r="R12142" s="19"/>
      <c r="S12142" s="19"/>
      <c r="T12142" s="19">
        <v>280</v>
      </c>
      <c r="U12142" s="19"/>
      <c r="V12142" s="19"/>
      <c r="W12142" s="19"/>
      <c r="X12142" s="19">
        <v>9</v>
      </c>
      <c r="Y12142" s="19"/>
      <c r="Z12142" s="19"/>
      <c r="AA12142" s="19"/>
    </row>
    <row r="12143" spans="1:27" s="1" customFormat="1" ht="11.1" customHeight="1" outlineLevel="3" x14ac:dyDescent="0.2">
      <c r="A12143" s="17"/>
      <c r="B12143" s="17"/>
      <c r="C12143" s="17"/>
      <c r="D12143" s="18"/>
      <c r="E12143" s="18"/>
      <c r="F12143" s="18"/>
      <c r="G12143" s="18"/>
      <c r="H12143" s="18"/>
      <c r="I12143" s="18"/>
      <c r="J12143" s="18"/>
      <c r="K12143" s="18"/>
      <c r="L12143" s="18"/>
      <c r="M12143" s="18"/>
      <c r="N12143" s="18"/>
      <c r="O12143" s="18"/>
      <c r="P12143" s="19"/>
      <c r="Q12143" s="19"/>
      <c r="R12143" s="19"/>
      <c r="S12143" s="19"/>
      <c r="T12143" s="19"/>
      <c r="U12143" s="19"/>
      <c r="V12143" s="19"/>
      <c r="W12143" s="19"/>
      <c r="X12143" s="19"/>
      <c r="Y12143" s="19"/>
      <c r="Z12143" s="19"/>
      <c r="AA12143" s="19"/>
    </row>
    <row r="12144" spans="1:27" s="1" customFormat="1" ht="14.1" customHeight="1" outlineLevel="3" x14ac:dyDescent="0.2">
      <c r="A12144" s="17">
        <v>5676</v>
      </c>
      <c r="B12144" s="17"/>
      <c r="C12144" s="17"/>
      <c r="D12144" s="18" t="s">
        <v>6029</v>
      </c>
      <c r="E12144" s="18"/>
      <c r="F12144" s="18"/>
      <c r="G12144" s="18"/>
      <c r="H12144" s="18"/>
      <c r="I12144" s="18"/>
      <c r="J12144" s="18"/>
      <c r="K12144" s="18"/>
      <c r="L12144" s="18"/>
      <c r="M12144" s="18"/>
      <c r="N12144" s="18"/>
      <c r="O12144" s="18"/>
      <c r="P12144" s="19">
        <v>290</v>
      </c>
      <c r="Q12144" s="19"/>
      <c r="R12144" s="19"/>
      <c r="S12144" s="19"/>
      <c r="T12144" s="19">
        <v>210</v>
      </c>
      <c r="U12144" s="19"/>
      <c r="V12144" s="19"/>
      <c r="W12144" s="19"/>
      <c r="X12144" s="19">
        <v>6</v>
      </c>
      <c r="Y12144" s="19"/>
      <c r="Z12144" s="19"/>
      <c r="AA12144" s="19"/>
    </row>
    <row r="12145" spans="1:27" s="1" customFormat="1" ht="14.1" customHeight="1" outlineLevel="3" x14ac:dyDescent="0.2">
      <c r="A12145" s="17"/>
      <c r="B12145" s="17"/>
      <c r="C12145" s="17"/>
      <c r="D12145" s="18"/>
      <c r="E12145" s="18"/>
      <c r="F12145" s="18"/>
      <c r="G12145" s="18"/>
      <c r="H12145" s="18"/>
      <c r="I12145" s="18"/>
      <c r="J12145" s="18"/>
      <c r="K12145" s="18"/>
      <c r="L12145" s="18"/>
      <c r="M12145" s="18"/>
      <c r="N12145" s="18"/>
      <c r="O12145" s="18"/>
      <c r="P12145" s="19"/>
      <c r="Q12145" s="19"/>
      <c r="R12145" s="19"/>
      <c r="S12145" s="19"/>
      <c r="T12145" s="19"/>
      <c r="U12145" s="19"/>
      <c r="V12145" s="19"/>
      <c r="W12145" s="19"/>
      <c r="X12145" s="19"/>
      <c r="Y12145" s="19"/>
      <c r="Z12145" s="19"/>
      <c r="AA12145" s="19"/>
    </row>
    <row r="12146" spans="1:27" s="1" customFormat="1" ht="11.1" customHeight="1" outlineLevel="3" x14ac:dyDescent="0.2">
      <c r="A12146" s="17">
        <v>13795</v>
      </c>
      <c r="B12146" s="17"/>
      <c r="C12146" s="17"/>
      <c r="D12146" s="18" t="s">
        <v>6030</v>
      </c>
      <c r="E12146" s="18"/>
      <c r="F12146" s="18"/>
      <c r="G12146" s="18"/>
      <c r="H12146" s="18"/>
      <c r="I12146" s="18"/>
      <c r="J12146" s="18"/>
      <c r="K12146" s="18"/>
      <c r="L12146" s="18"/>
      <c r="M12146" s="18"/>
      <c r="N12146" s="18"/>
      <c r="O12146" s="18"/>
      <c r="P12146" s="19">
        <v>500</v>
      </c>
      <c r="Q12146" s="19"/>
      <c r="R12146" s="19"/>
      <c r="S12146" s="19"/>
      <c r="T12146" s="19">
        <v>390</v>
      </c>
      <c r="U12146" s="19"/>
      <c r="V12146" s="19"/>
      <c r="W12146" s="19"/>
      <c r="X12146" s="19">
        <v>1</v>
      </c>
      <c r="Y12146" s="19"/>
      <c r="Z12146" s="19"/>
      <c r="AA12146" s="19"/>
    </row>
    <row r="12147" spans="1:27" s="1" customFormat="1" ht="11.1" customHeight="1" outlineLevel="3" x14ac:dyDescent="0.2">
      <c r="A12147" s="17"/>
      <c r="B12147" s="17"/>
      <c r="C12147" s="17"/>
      <c r="D12147" s="18"/>
      <c r="E12147" s="18"/>
      <c r="F12147" s="18"/>
      <c r="G12147" s="18"/>
      <c r="H12147" s="18"/>
      <c r="I12147" s="18"/>
      <c r="J12147" s="18"/>
      <c r="K12147" s="18"/>
      <c r="L12147" s="18"/>
      <c r="M12147" s="18"/>
      <c r="N12147" s="18"/>
      <c r="O12147" s="18"/>
      <c r="P12147" s="19"/>
      <c r="Q12147" s="19"/>
      <c r="R12147" s="19"/>
      <c r="S12147" s="19"/>
      <c r="T12147" s="19"/>
      <c r="U12147" s="19"/>
      <c r="V12147" s="19"/>
      <c r="W12147" s="19"/>
      <c r="X12147" s="19"/>
      <c r="Y12147" s="19"/>
      <c r="Z12147" s="19"/>
      <c r="AA12147" s="19"/>
    </row>
    <row r="12148" spans="1:27" s="1" customFormat="1" ht="11.1" customHeight="1" outlineLevel="3" x14ac:dyDescent="0.2">
      <c r="A12148" s="17">
        <v>11496</v>
      </c>
      <c r="B12148" s="17"/>
      <c r="C12148" s="17"/>
      <c r="D12148" s="18" t="s">
        <v>6031</v>
      </c>
      <c r="E12148" s="18"/>
      <c r="F12148" s="18"/>
      <c r="G12148" s="18"/>
      <c r="H12148" s="18"/>
      <c r="I12148" s="18"/>
      <c r="J12148" s="18"/>
      <c r="K12148" s="18"/>
      <c r="L12148" s="18"/>
      <c r="M12148" s="18"/>
      <c r="N12148" s="18"/>
      <c r="O12148" s="18"/>
      <c r="P12148" s="19">
        <v>690</v>
      </c>
      <c r="Q12148" s="19"/>
      <c r="R12148" s="19"/>
      <c r="S12148" s="19"/>
      <c r="T12148" s="19">
        <v>550</v>
      </c>
      <c r="U12148" s="19"/>
      <c r="V12148" s="19"/>
      <c r="W12148" s="19"/>
      <c r="X12148" s="19">
        <v>2</v>
      </c>
      <c r="Y12148" s="19"/>
      <c r="Z12148" s="19"/>
      <c r="AA12148" s="19"/>
    </row>
    <row r="12149" spans="1:27" s="1" customFormat="1" ht="11.1" customHeight="1" outlineLevel="3" x14ac:dyDescent="0.2">
      <c r="A12149" s="17"/>
      <c r="B12149" s="17"/>
      <c r="C12149" s="17"/>
      <c r="D12149" s="18"/>
      <c r="E12149" s="18"/>
      <c r="F12149" s="18"/>
      <c r="G12149" s="18"/>
      <c r="H12149" s="18"/>
      <c r="I12149" s="18"/>
      <c r="J12149" s="18"/>
      <c r="K12149" s="18"/>
      <c r="L12149" s="18"/>
      <c r="M12149" s="18"/>
      <c r="N12149" s="18"/>
      <c r="O12149" s="18"/>
      <c r="P12149" s="19"/>
      <c r="Q12149" s="19"/>
      <c r="R12149" s="19"/>
      <c r="S12149" s="19"/>
      <c r="T12149" s="19"/>
      <c r="U12149" s="19"/>
      <c r="V12149" s="19"/>
      <c r="W12149" s="19"/>
      <c r="X12149" s="19"/>
      <c r="Y12149" s="19"/>
      <c r="Z12149" s="19"/>
      <c r="AA12149" s="19"/>
    </row>
    <row r="12150" spans="1:27" s="1" customFormat="1" ht="11.1" customHeight="1" outlineLevel="2" x14ac:dyDescent="0.2">
      <c r="A12150" s="16" t="s">
        <v>6032</v>
      </c>
      <c r="B12150" s="16"/>
      <c r="C12150" s="16"/>
      <c r="D12150" s="16"/>
      <c r="E12150" s="16"/>
      <c r="F12150" s="16"/>
      <c r="G12150" s="16"/>
      <c r="H12150" s="16"/>
      <c r="I12150" s="16"/>
      <c r="J12150" s="16"/>
      <c r="K12150" s="16"/>
      <c r="L12150" s="16"/>
      <c r="M12150" s="16"/>
      <c r="N12150" s="16"/>
      <c r="O12150" s="16"/>
      <c r="P12150" s="16"/>
      <c r="Q12150" s="16"/>
      <c r="R12150" s="16"/>
      <c r="S12150" s="16"/>
      <c r="T12150" s="16"/>
      <c r="U12150" s="16"/>
      <c r="V12150" s="16"/>
      <c r="W12150" s="16"/>
      <c r="X12150" s="16"/>
      <c r="Y12150" s="16"/>
      <c r="Z12150" s="16"/>
      <c r="AA12150" s="16"/>
    </row>
    <row r="12151" spans="1:27" s="1" customFormat="1" ht="11.1" customHeight="1" outlineLevel="2" x14ac:dyDescent="0.2">
      <c r="A12151" s="16"/>
      <c r="B12151" s="16"/>
      <c r="C12151" s="16"/>
      <c r="D12151" s="16"/>
      <c r="E12151" s="16"/>
      <c r="F12151" s="16"/>
      <c r="G12151" s="16"/>
      <c r="H12151" s="16"/>
      <c r="I12151" s="16"/>
      <c r="J12151" s="16"/>
      <c r="K12151" s="16"/>
      <c r="L12151" s="16"/>
      <c r="M12151" s="16"/>
      <c r="N12151" s="16"/>
      <c r="O12151" s="16"/>
      <c r="P12151" s="16"/>
      <c r="Q12151" s="16"/>
      <c r="R12151" s="16"/>
      <c r="S12151" s="16"/>
      <c r="T12151" s="16"/>
      <c r="U12151" s="16"/>
      <c r="V12151" s="16"/>
      <c r="W12151" s="16"/>
      <c r="X12151" s="16"/>
      <c r="Y12151" s="16"/>
      <c r="Z12151" s="16"/>
      <c r="AA12151" s="16"/>
    </row>
    <row r="12152" spans="1:27" s="1" customFormat="1" ht="11.1" customHeight="1" outlineLevel="3" x14ac:dyDescent="0.2">
      <c r="A12152" s="17">
        <v>6981</v>
      </c>
      <c r="B12152" s="17"/>
      <c r="C12152" s="17"/>
      <c r="D12152" s="18" t="s">
        <v>6033</v>
      </c>
      <c r="E12152" s="18"/>
      <c r="F12152" s="18"/>
      <c r="G12152" s="18"/>
      <c r="H12152" s="18"/>
      <c r="I12152" s="18"/>
      <c r="J12152" s="18"/>
      <c r="K12152" s="18"/>
      <c r="L12152" s="18"/>
      <c r="M12152" s="18"/>
      <c r="N12152" s="18"/>
      <c r="O12152" s="18"/>
      <c r="P12152" s="19">
        <v>390</v>
      </c>
      <c r="Q12152" s="19"/>
      <c r="R12152" s="19"/>
      <c r="S12152" s="19"/>
      <c r="T12152" s="19">
        <v>290</v>
      </c>
      <c r="U12152" s="19"/>
      <c r="V12152" s="19"/>
      <c r="W12152" s="19"/>
      <c r="X12152" s="19">
        <v>1</v>
      </c>
      <c r="Y12152" s="19"/>
      <c r="Z12152" s="19"/>
      <c r="AA12152" s="19"/>
    </row>
    <row r="12153" spans="1:27" s="1" customFormat="1" ht="11.1" customHeight="1" outlineLevel="3" x14ac:dyDescent="0.2">
      <c r="A12153" s="17"/>
      <c r="B12153" s="17"/>
      <c r="C12153" s="17"/>
      <c r="D12153" s="18"/>
      <c r="E12153" s="18"/>
      <c r="F12153" s="18"/>
      <c r="G12153" s="18"/>
      <c r="H12153" s="18"/>
      <c r="I12153" s="18"/>
      <c r="J12153" s="18"/>
      <c r="K12153" s="18"/>
      <c r="L12153" s="18"/>
      <c r="M12153" s="18"/>
      <c r="N12153" s="18"/>
      <c r="O12153" s="18"/>
      <c r="P12153" s="19"/>
      <c r="Q12153" s="19"/>
      <c r="R12153" s="19"/>
      <c r="S12153" s="19"/>
      <c r="T12153" s="19"/>
      <c r="U12153" s="19"/>
      <c r="V12153" s="19"/>
      <c r="W12153" s="19"/>
      <c r="X12153" s="19"/>
      <c r="Y12153" s="19"/>
      <c r="Z12153" s="19"/>
      <c r="AA12153" s="19"/>
    </row>
    <row r="12154" spans="1:27" s="1" customFormat="1" ht="11.1" customHeight="1" outlineLevel="3" x14ac:dyDescent="0.2">
      <c r="A12154" s="17">
        <v>12422</v>
      </c>
      <c r="B12154" s="17"/>
      <c r="C12154" s="17"/>
      <c r="D12154" s="18" t="s">
        <v>6034</v>
      </c>
      <c r="E12154" s="18"/>
      <c r="F12154" s="18"/>
      <c r="G12154" s="18"/>
      <c r="H12154" s="18"/>
      <c r="I12154" s="18"/>
      <c r="J12154" s="18"/>
      <c r="K12154" s="18"/>
      <c r="L12154" s="18"/>
      <c r="M12154" s="18"/>
      <c r="N12154" s="18"/>
      <c r="O12154" s="18"/>
      <c r="P12154" s="19">
        <v>490</v>
      </c>
      <c r="Q12154" s="19"/>
      <c r="R12154" s="19"/>
      <c r="S12154" s="19"/>
      <c r="T12154" s="19">
        <v>330</v>
      </c>
      <c r="U12154" s="19"/>
      <c r="V12154" s="19"/>
      <c r="W12154" s="19"/>
      <c r="X12154" s="19">
        <v>12</v>
      </c>
      <c r="Y12154" s="19"/>
      <c r="Z12154" s="19"/>
      <c r="AA12154" s="19"/>
    </row>
    <row r="12155" spans="1:27" s="1" customFormat="1" ht="11.1" customHeight="1" outlineLevel="3" x14ac:dyDescent="0.2">
      <c r="A12155" s="17"/>
      <c r="B12155" s="17"/>
      <c r="C12155" s="17"/>
      <c r="D12155" s="18"/>
      <c r="E12155" s="18"/>
      <c r="F12155" s="18"/>
      <c r="G12155" s="18"/>
      <c r="H12155" s="18"/>
      <c r="I12155" s="18"/>
      <c r="J12155" s="18"/>
      <c r="K12155" s="18"/>
      <c r="L12155" s="18"/>
      <c r="M12155" s="18"/>
      <c r="N12155" s="18"/>
      <c r="O12155" s="18"/>
      <c r="P12155" s="19"/>
      <c r="Q12155" s="19"/>
      <c r="R12155" s="19"/>
      <c r="S12155" s="19"/>
      <c r="T12155" s="19"/>
      <c r="U12155" s="19"/>
      <c r="V12155" s="19"/>
      <c r="W12155" s="19"/>
      <c r="X12155" s="19"/>
      <c r="Y12155" s="19"/>
      <c r="Z12155" s="19"/>
      <c r="AA12155" s="19"/>
    </row>
    <row r="12156" spans="1:27" s="1" customFormat="1" ht="11.1" customHeight="1" outlineLevel="3" x14ac:dyDescent="0.2">
      <c r="A12156" s="17">
        <v>13854</v>
      </c>
      <c r="B12156" s="17"/>
      <c r="C12156" s="17"/>
      <c r="D12156" s="18" t="s">
        <v>6035</v>
      </c>
      <c r="E12156" s="18"/>
      <c r="F12156" s="18"/>
      <c r="G12156" s="18"/>
      <c r="H12156" s="18"/>
      <c r="I12156" s="18"/>
      <c r="J12156" s="18"/>
      <c r="K12156" s="18"/>
      <c r="L12156" s="18"/>
      <c r="M12156" s="18"/>
      <c r="N12156" s="18"/>
      <c r="O12156" s="18"/>
      <c r="P12156" s="19">
        <v>520</v>
      </c>
      <c r="Q12156" s="19"/>
      <c r="R12156" s="19"/>
      <c r="S12156" s="19"/>
      <c r="T12156" s="19">
        <v>330</v>
      </c>
      <c r="U12156" s="19"/>
      <c r="V12156" s="19"/>
      <c r="W12156" s="19"/>
      <c r="X12156" s="19">
        <v>3</v>
      </c>
      <c r="Y12156" s="19"/>
      <c r="Z12156" s="19"/>
      <c r="AA12156" s="19"/>
    </row>
    <row r="12157" spans="1:27" s="1" customFormat="1" ht="11.1" customHeight="1" outlineLevel="3" x14ac:dyDescent="0.2">
      <c r="A12157" s="17"/>
      <c r="B12157" s="17"/>
      <c r="C12157" s="17"/>
      <c r="D12157" s="18"/>
      <c r="E12157" s="18"/>
      <c r="F12157" s="18"/>
      <c r="G12157" s="18"/>
      <c r="H12157" s="18"/>
      <c r="I12157" s="18"/>
      <c r="J12157" s="18"/>
      <c r="K12157" s="18"/>
      <c r="L12157" s="18"/>
      <c r="M12157" s="18"/>
      <c r="N12157" s="18"/>
      <c r="O12157" s="18"/>
      <c r="P12157" s="19"/>
      <c r="Q12157" s="19"/>
      <c r="R12157" s="19"/>
      <c r="S12157" s="19"/>
      <c r="T12157" s="19"/>
      <c r="U12157" s="19"/>
      <c r="V12157" s="19"/>
      <c r="W12157" s="19"/>
      <c r="X12157" s="19"/>
      <c r="Y12157" s="19"/>
      <c r="Z12157" s="19"/>
      <c r="AA12157" s="19"/>
    </row>
    <row r="12158" spans="1:27" s="1" customFormat="1" ht="11.1" customHeight="1" outlineLevel="3" x14ac:dyDescent="0.2">
      <c r="A12158" s="17">
        <v>13856</v>
      </c>
      <c r="B12158" s="17"/>
      <c r="C12158" s="17"/>
      <c r="D12158" s="18" t="s">
        <v>6036</v>
      </c>
      <c r="E12158" s="18"/>
      <c r="F12158" s="18"/>
      <c r="G12158" s="18"/>
      <c r="H12158" s="18"/>
      <c r="I12158" s="18"/>
      <c r="J12158" s="18"/>
      <c r="K12158" s="18"/>
      <c r="L12158" s="18"/>
      <c r="M12158" s="18"/>
      <c r="N12158" s="18"/>
      <c r="O12158" s="18"/>
      <c r="P12158" s="19">
        <v>590</v>
      </c>
      <c r="Q12158" s="19"/>
      <c r="R12158" s="19"/>
      <c r="S12158" s="19"/>
      <c r="T12158" s="19">
        <v>380</v>
      </c>
      <c r="U12158" s="19"/>
      <c r="V12158" s="19"/>
      <c r="W12158" s="19"/>
      <c r="X12158" s="19">
        <v>11</v>
      </c>
      <c r="Y12158" s="19"/>
      <c r="Z12158" s="19"/>
      <c r="AA12158" s="19"/>
    </row>
    <row r="12159" spans="1:27" s="1" customFormat="1" ht="11.1" customHeight="1" outlineLevel="3" x14ac:dyDescent="0.2">
      <c r="A12159" s="17"/>
      <c r="B12159" s="17"/>
      <c r="C12159" s="17"/>
      <c r="D12159" s="18"/>
      <c r="E12159" s="18"/>
      <c r="F12159" s="18"/>
      <c r="G12159" s="18"/>
      <c r="H12159" s="18"/>
      <c r="I12159" s="18"/>
      <c r="J12159" s="18"/>
      <c r="K12159" s="18"/>
      <c r="L12159" s="18"/>
      <c r="M12159" s="18"/>
      <c r="N12159" s="18"/>
      <c r="O12159" s="18"/>
      <c r="P12159" s="19"/>
      <c r="Q12159" s="19"/>
      <c r="R12159" s="19"/>
      <c r="S12159" s="19"/>
      <c r="T12159" s="19"/>
      <c r="U12159" s="19"/>
      <c r="V12159" s="19"/>
      <c r="W12159" s="19"/>
      <c r="X12159" s="19"/>
      <c r="Y12159" s="19"/>
      <c r="Z12159" s="19"/>
      <c r="AA12159" s="19"/>
    </row>
    <row r="12160" spans="1:27" s="1" customFormat="1" ht="11.1" customHeight="1" outlineLevel="3" x14ac:dyDescent="0.2">
      <c r="A12160" s="17">
        <v>10880</v>
      </c>
      <c r="B12160" s="17"/>
      <c r="C12160" s="17"/>
      <c r="D12160" s="18" t="s">
        <v>6037</v>
      </c>
      <c r="E12160" s="18"/>
      <c r="F12160" s="18"/>
      <c r="G12160" s="18"/>
      <c r="H12160" s="18"/>
      <c r="I12160" s="18"/>
      <c r="J12160" s="18"/>
      <c r="K12160" s="18"/>
      <c r="L12160" s="18"/>
      <c r="M12160" s="18"/>
      <c r="N12160" s="18"/>
      <c r="O12160" s="18"/>
      <c r="P12160" s="19">
        <v>420</v>
      </c>
      <c r="Q12160" s="19"/>
      <c r="R12160" s="19"/>
      <c r="S12160" s="19"/>
      <c r="T12160" s="19">
        <v>310</v>
      </c>
      <c r="U12160" s="19"/>
      <c r="V12160" s="19"/>
      <c r="W12160" s="19"/>
      <c r="X12160" s="19">
        <v>4</v>
      </c>
      <c r="Y12160" s="19"/>
      <c r="Z12160" s="19"/>
      <c r="AA12160" s="19"/>
    </row>
    <row r="12161" spans="1:27" s="1" customFormat="1" ht="11.1" customHeight="1" outlineLevel="3" x14ac:dyDescent="0.2">
      <c r="A12161" s="17"/>
      <c r="B12161" s="17"/>
      <c r="C12161" s="17"/>
      <c r="D12161" s="18"/>
      <c r="E12161" s="18"/>
      <c r="F12161" s="18"/>
      <c r="G12161" s="18"/>
      <c r="H12161" s="18"/>
      <c r="I12161" s="18"/>
      <c r="J12161" s="18"/>
      <c r="K12161" s="18"/>
      <c r="L12161" s="18"/>
      <c r="M12161" s="18"/>
      <c r="N12161" s="18"/>
      <c r="O12161" s="18"/>
      <c r="P12161" s="19"/>
      <c r="Q12161" s="19"/>
      <c r="R12161" s="19"/>
      <c r="S12161" s="19"/>
      <c r="T12161" s="19"/>
      <c r="U12161" s="19"/>
      <c r="V12161" s="19"/>
      <c r="W12161" s="19"/>
      <c r="X12161" s="19"/>
      <c r="Y12161" s="19"/>
      <c r="Z12161" s="19"/>
      <c r="AA12161" s="19"/>
    </row>
    <row r="12162" spans="1:27" s="1" customFormat="1" ht="11.1" customHeight="1" outlineLevel="3" x14ac:dyDescent="0.2">
      <c r="A12162" s="17">
        <v>8426</v>
      </c>
      <c r="B12162" s="17"/>
      <c r="C12162" s="17"/>
      <c r="D12162" s="18" t="s">
        <v>6038</v>
      </c>
      <c r="E12162" s="18"/>
      <c r="F12162" s="18"/>
      <c r="G12162" s="18"/>
      <c r="H12162" s="18"/>
      <c r="I12162" s="18"/>
      <c r="J12162" s="18"/>
      <c r="K12162" s="18"/>
      <c r="L12162" s="18"/>
      <c r="M12162" s="18"/>
      <c r="N12162" s="18"/>
      <c r="O12162" s="18"/>
      <c r="P12162" s="19">
        <v>500</v>
      </c>
      <c r="Q12162" s="19"/>
      <c r="R12162" s="19"/>
      <c r="S12162" s="19"/>
      <c r="T12162" s="19">
        <v>300</v>
      </c>
      <c r="U12162" s="19"/>
      <c r="V12162" s="19"/>
      <c r="W12162" s="19"/>
      <c r="X12162" s="19">
        <v>1</v>
      </c>
      <c r="Y12162" s="19"/>
      <c r="Z12162" s="19"/>
      <c r="AA12162" s="19"/>
    </row>
    <row r="12163" spans="1:27" s="1" customFormat="1" ht="11.1" customHeight="1" outlineLevel="3" x14ac:dyDescent="0.2">
      <c r="A12163" s="17"/>
      <c r="B12163" s="17"/>
      <c r="C12163" s="17"/>
      <c r="D12163" s="18"/>
      <c r="E12163" s="18"/>
      <c r="F12163" s="18"/>
      <c r="G12163" s="18"/>
      <c r="H12163" s="18"/>
      <c r="I12163" s="18"/>
      <c r="J12163" s="18"/>
      <c r="K12163" s="18"/>
      <c r="L12163" s="18"/>
      <c r="M12163" s="18"/>
      <c r="N12163" s="18"/>
      <c r="O12163" s="18"/>
      <c r="P12163" s="19"/>
      <c r="Q12163" s="19"/>
      <c r="R12163" s="19"/>
      <c r="S12163" s="19"/>
      <c r="T12163" s="19"/>
      <c r="U12163" s="19"/>
      <c r="V12163" s="19"/>
      <c r="W12163" s="19"/>
      <c r="X12163" s="19"/>
      <c r="Y12163" s="19"/>
      <c r="Z12163" s="19"/>
      <c r="AA12163" s="19"/>
    </row>
    <row r="12164" spans="1:27" s="1" customFormat="1" ht="11.1" customHeight="1" outlineLevel="3" x14ac:dyDescent="0.2">
      <c r="A12164" s="17">
        <v>13855</v>
      </c>
      <c r="B12164" s="17"/>
      <c r="C12164" s="17"/>
      <c r="D12164" s="18" t="s">
        <v>6039</v>
      </c>
      <c r="E12164" s="18"/>
      <c r="F12164" s="18"/>
      <c r="G12164" s="18"/>
      <c r="H12164" s="18"/>
      <c r="I12164" s="18"/>
      <c r="J12164" s="18"/>
      <c r="K12164" s="18"/>
      <c r="L12164" s="18"/>
      <c r="M12164" s="18"/>
      <c r="N12164" s="18"/>
      <c r="O12164" s="18"/>
      <c r="P12164" s="19">
        <v>520</v>
      </c>
      <c r="Q12164" s="19"/>
      <c r="R12164" s="19"/>
      <c r="S12164" s="19"/>
      <c r="T12164" s="19">
        <v>330</v>
      </c>
      <c r="U12164" s="19"/>
      <c r="V12164" s="19"/>
      <c r="W12164" s="19"/>
      <c r="X12164" s="19">
        <v>1</v>
      </c>
      <c r="Y12164" s="19"/>
      <c r="Z12164" s="19"/>
      <c r="AA12164" s="19"/>
    </row>
    <row r="12165" spans="1:27" s="1" customFormat="1" ht="11.1" customHeight="1" outlineLevel="3" x14ac:dyDescent="0.2">
      <c r="A12165" s="17"/>
      <c r="B12165" s="17"/>
      <c r="C12165" s="17"/>
      <c r="D12165" s="18"/>
      <c r="E12165" s="18"/>
      <c r="F12165" s="18"/>
      <c r="G12165" s="18"/>
      <c r="H12165" s="18"/>
      <c r="I12165" s="18"/>
      <c r="J12165" s="18"/>
      <c r="K12165" s="18"/>
      <c r="L12165" s="18"/>
      <c r="M12165" s="18"/>
      <c r="N12165" s="18"/>
      <c r="O12165" s="18"/>
      <c r="P12165" s="19"/>
      <c r="Q12165" s="19"/>
      <c r="R12165" s="19"/>
      <c r="S12165" s="19"/>
      <c r="T12165" s="19"/>
      <c r="U12165" s="19"/>
      <c r="V12165" s="19"/>
      <c r="W12165" s="19"/>
      <c r="X12165" s="19"/>
      <c r="Y12165" s="19"/>
      <c r="Z12165" s="19"/>
      <c r="AA12165" s="19"/>
    </row>
    <row r="12166" spans="1:27" s="1" customFormat="1" ht="14.1" customHeight="1" outlineLevel="3" x14ac:dyDescent="0.2">
      <c r="A12166" s="17">
        <v>13857</v>
      </c>
      <c r="B12166" s="17"/>
      <c r="C12166" s="17"/>
      <c r="D12166" s="18" t="s">
        <v>6040</v>
      </c>
      <c r="E12166" s="18"/>
      <c r="F12166" s="18"/>
      <c r="G12166" s="18"/>
      <c r="H12166" s="18"/>
      <c r="I12166" s="18"/>
      <c r="J12166" s="18"/>
      <c r="K12166" s="18"/>
      <c r="L12166" s="18"/>
      <c r="M12166" s="18"/>
      <c r="N12166" s="18"/>
      <c r="O12166" s="18"/>
      <c r="P12166" s="19">
        <v>700</v>
      </c>
      <c r="Q12166" s="19"/>
      <c r="R12166" s="19"/>
      <c r="S12166" s="19"/>
      <c r="T12166" s="19">
        <v>490</v>
      </c>
      <c r="U12166" s="19"/>
      <c r="V12166" s="19"/>
      <c r="W12166" s="19"/>
      <c r="X12166" s="19">
        <v>2</v>
      </c>
      <c r="Y12166" s="19"/>
      <c r="Z12166" s="19"/>
      <c r="AA12166" s="19"/>
    </row>
    <row r="12167" spans="1:27" s="1" customFormat="1" ht="14.1" customHeight="1" outlineLevel="3" x14ac:dyDescent="0.2">
      <c r="A12167" s="17"/>
      <c r="B12167" s="17"/>
      <c r="C12167" s="17"/>
      <c r="D12167" s="18"/>
      <c r="E12167" s="18"/>
      <c r="F12167" s="18"/>
      <c r="G12167" s="18"/>
      <c r="H12167" s="18"/>
      <c r="I12167" s="18"/>
      <c r="J12167" s="18"/>
      <c r="K12167" s="18"/>
      <c r="L12167" s="18"/>
      <c r="M12167" s="18"/>
      <c r="N12167" s="18"/>
      <c r="O12167" s="18"/>
      <c r="P12167" s="19"/>
      <c r="Q12167" s="19"/>
      <c r="R12167" s="19"/>
      <c r="S12167" s="19"/>
      <c r="T12167" s="19"/>
      <c r="U12167" s="19"/>
      <c r="V12167" s="19"/>
      <c r="W12167" s="19"/>
      <c r="X12167" s="19"/>
      <c r="Y12167" s="19"/>
      <c r="Z12167" s="19"/>
      <c r="AA12167" s="19"/>
    </row>
    <row r="12168" spans="1:27" s="1" customFormat="1" ht="11.1" customHeight="1" outlineLevel="3" x14ac:dyDescent="0.2">
      <c r="A12168" s="17">
        <v>10258</v>
      </c>
      <c r="B12168" s="17"/>
      <c r="C12168" s="17"/>
      <c r="D12168" s="18" t="s">
        <v>6041</v>
      </c>
      <c r="E12168" s="18"/>
      <c r="F12168" s="18"/>
      <c r="G12168" s="18"/>
      <c r="H12168" s="18"/>
      <c r="I12168" s="18"/>
      <c r="J12168" s="18"/>
      <c r="K12168" s="18"/>
      <c r="L12168" s="18"/>
      <c r="M12168" s="18"/>
      <c r="N12168" s="18"/>
      <c r="O12168" s="18"/>
      <c r="P12168" s="19">
        <v>655</v>
      </c>
      <c r="Q12168" s="19"/>
      <c r="R12168" s="19"/>
      <c r="S12168" s="19"/>
      <c r="T12168" s="19">
        <v>380</v>
      </c>
      <c r="U12168" s="19"/>
      <c r="V12168" s="19"/>
      <c r="W12168" s="19"/>
      <c r="X12168" s="19">
        <v>15</v>
      </c>
      <c r="Y12168" s="19"/>
      <c r="Z12168" s="19"/>
      <c r="AA12168" s="19"/>
    </row>
    <row r="12169" spans="1:27" s="1" customFormat="1" ht="11.1" customHeight="1" outlineLevel="3" x14ac:dyDescent="0.2">
      <c r="A12169" s="17"/>
      <c r="B12169" s="17"/>
      <c r="C12169" s="17"/>
      <c r="D12169" s="18"/>
      <c r="E12169" s="18"/>
      <c r="F12169" s="18"/>
      <c r="G12169" s="18"/>
      <c r="H12169" s="18"/>
      <c r="I12169" s="18"/>
      <c r="J12169" s="18"/>
      <c r="K12169" s="18"/>
      <c r="L12169" s="18"/>
      <c r="M12169" s="18"/>
      <c r="N12169" s="18"/>
      <c r="O12169" s="18"/>
      <c r="P12169" s="19"/>
      <c r="Q12169" s="19"/>
      <c r="R12169" s="19"/>
      <c r="S12169" s="19"/>
      <c r="T12169" s="19"/>
      <c r="U12169" s="19"/>
      <c r="V12169" s="19"/>
      <c r="W12169" s="19"/>
      <c r="X12169" s="19"/>
      <c r="Y12169" s="19"/>
      <c r="Z12169" s="19"/>
      <c r="AA12169" s="19"/>
    </row>
    <row r="12170" spans="1:27" s="1" customFormat="1" ht="11.1" customHeight="1" outlineLevel="3" x14ac:dyDescent="0.2">
      <c r="A12170" s="17">
        <v>10879</v>
      </c>
      <c r="B12170" s="17"/>
      <c r="C12170" s="17"/>
      <c r="D12170" s="18" t="s">
        <v>6042</v>
      </c>
      <c r="E12170" s="18"/>
      <c r="F12170" s="18"/>
      <c r="G12170" s="18"/>
      <c r="H12170" s="18"/>
      <c r="I12170" s="18"/>
      <c r="J12170" s="18"/>
      <c r="K12170" s="18"/>
      <c r="L12170" s="18"/>
      <c r="M12170" s="18"/>
      <c r="N12170" s="18"/>
      <c r="O12170" s="18"/>
      <c r="P12170" s="19">
        <v>500</v>
      </c>
      <c r="Q12170" s="19"/>
      <c r="R12170" s="19"/>
      <c r="S12170" s="19"/>
      <c r="T12170" s="19">
        <v>390</v>
      </c>
      <c r="U12170" s="19"/>
      <c r="V12170" s="19"/>
      <c r="W12170" s="19"/>
      <c r="X12170" s="19">
        <v>2</v>
      </c>
      <c r="Y12170" s="19"/>
      <c r="Z12170" s="19"/>
      <c r="AA12170" s="19"/>
    </row>
    <row r="12171" spans="1:27" s="1" customFormat="1" ht="11.1" customHeight="1" outlineLevel="3" x14ac:dyDescent="0.2">
      <c r="A12171" s="17"/>
      <c r="B12171" s="17"/>
      <c r="C12171" s="17"/>
      <c r="D12171" s="18"/>
      <c r="E12171" s="18"/>
      <c r="F12171" s="18"/>
      <c r="G12171" s="18"/>
      <c r="H12171" s="18"/>
      <c r="I12171" s="18"/>
      <c r="J12171" s="18"/>
      <c r="K12171" s="18"/>
      <c r="L12171" s="18"/>
      <c r="M12171" s="18"/>
      <c r="N12171" s="18"/>
      <c r="O12171" s="18"/>
      <c r="P12171" s="19"/>
      <c r="Q12171" s="19"/>
      <c r="R12171" s="19"/>
      <c r="S12171" s="19"/>
      <c r="T12171" s="19"/>
      <c r="U12171" s="19"/>
      <c r="V12171" s="19"/>
      <c r="W12171" s="19"/>
      <c r="X12171" s="19"/>
      <c r="Y12171" s="19"/>
      <c r="Z12171" s="19"/>
      <c r="AA12171" s="19"/>
    </row>
    <row r="12172" spans="1:27" s="1" customFormat="1" ht="11.1" customHeight="1" outlineLevel="3" x14ac:dyDescent="0.2">
      <c r="A12172" s="17">
        <v>10256</v>
      </c>
      <c r="B12172" s="17"/>
      <c r="C12172" s="17"/>
      <c r="D12172" s="18" t="s">
        <v>6043</v>
      </c>
      <c r="E12172" s="18"/>
      <c r="F12172" s="18"/>
      <c r="G12172" s="18"/>
      <c r="H12172" s="18"/>
      <c r="I12172" s="18"/>
      <c r="J12172" s="18"/>
      <c r="K12172" s="18"/>
      <c r="L12172" s="18"/>
      <c r="M12172" s="18"/>
      <c r="N12172" s="18"/>
      <c r="O12172" s="18"/>
      <c r="P12172" s="19">
        <v>500</v>
      </c>
      <c r="Q12172" s="19"/>
      <c r="R12172" s="19"/>
      <c r="S12172" s="19"/>
      <c r="T12172" s="19">
        <v>390</v>
      </c>
      <c r="U12172" s="19"/>
      <c r="V12172" s="19"/>
      <c r="W12172" s="19"/>
      <c r="X12172" s="19">
        <v>1</v>
      </c>
      <c r="Y12172" s="19"/>
      <c r="Z12172" s="19"/>
      <c r="AA12172" s="19"/>
    </row>
    <row r="12173" spans="1:27" s="1" customFormat="1" ht="11.1" customHeight="1" outlineLevel="3" x14ac:dyDescent="0.2">
      <c r="A12173" s="17"/>
      <c r="B12173" s="17"/>
      <c r="C12173" s="17"/>
      <c r="D12173" s="18"/>
      <c r="E12173" s="18"/>
      <c r="F12173" s="18"/>
      <c r="G12173" s="18"/>
      <c r="H12173" s="18"/>
      <c r="I12173" s="18"/>
      <c r="J12173" s="18"/>
      <c r="K12173" s="18"/>
      <c r="L12173" s="18"/>
      <c r="M12173" s="18"/>
      <c r="N12173" s="18"/>
      <c r="O12173" s="18"/>
      <c r="P12173" s="19"/>
      <c r="Q12173" s="19"/>
      <c r="R12173" s="19"/>
      <c r="S12173" s="19"/>
      <c r="T12173" s="19"/>
      <c r="U12173" s="19"/>
      <c r="V12173" s="19"/>
      <c r="W12173" s="19"/>
      <c r="X12173" s="19"/>
      <c r="Y12173" s="19"/>
      <c r="Z12173" s="19"/>
      <c r="AA12173" s="19"/>
    </row>
    <row r="12174" spans="1:27" s="1" customFormat="1" ht="11.1" customHeight="1" outlineLevel="2" x14ac:dyDescent="0.2">
      <c r="A12174" s="16" t="s">
        <v>6044</v>
      </c>
      <c r="B12174" s="16"/>
      <c r="C12174" s="16"/>
      <c r="D12174" s="16"/>
      <c r="E12174" s="16"/>
      <c r="F12174" s="16"/>
      <c r="G12174" s="16"/>
      <c r="H12174" s="16"/>
      <c r="I12174" s="16"/>
      <c r="J12174" s="16"/>
      <c r="K12174" s="16"/>
      <c r="L12174" s="16"/>
      <c r="M12174" s="16"/>
      <c r="N12174" s="16"/>
      <c r="O12174" s="16"/>
      <c r="P12174" s="16"/>
      <c r="Q12174" s="16"/>
      <c r="R12174" s="16"/>
      <c r="S12174" s="16"/>
      <c r="T12174" s="16"/>
      <c r="U12174" s="16"/>
      <c r="V12174" s="16"/>
      <c r="W12174" s="16"/>
      <c r="X12174" s="16"/>
      <c r="Y12174" s="16"/>
      <c r="Z12174" s="16"/>
      <c r="AA12174" s="16"/>
    </row>
    <row r="12175" spans="1:27" s="1" customFormat="1" ht="11.1" customHeight="1" outlineLevel="2" x14ac:dyDescent="0.2">
      <c r="A12175" s="16"/>
      <c r="B12175" s="16"/>
      <c r="C12175" s="16"/>
      <c r="D12175" s="16"/>
      <c r="E12175" s="16"/>
      <c r="F12175" s="16"/>
      <c r="G12175" s="16"/>
      <c r="H12175" s="16"/>
      <c r="I12175" s="16"/>
      <c r="J12175" s="16"/>
      <c r="K12175" s="16"/>
      <c r="L12175" s="16"/>
      <c r="M12175" s="16"/>
      <c r="N12175" s="16"/>
      <c r="O12175" s="16"/>
      <c r="P12175" s="16"/>
      <c r="Q12175" s="16"/>
      <c r="R12175" s="16"/>
      <c r="S12175" s="16"/>
      <c r="T12175" s="16"/>
      <c r="U12175" s="16"/>
      <c r="V12175" s="16"/>
      <c r="W12175" s="16"/>
      <c r="X12175" s="16"/>
      <c r="Y12175" s="16"/>
      <c r="Z12175" s="16"/>
      <c r="AA12175" s="16"/>
    </row>
    <row r="12176" spans="1:27" s="1" customFormat="1" ht="11.1" customHeight="1" outlineLevel="3" x14ac:dyDescent="0.2">
      <c r="A12176" s="17">
        <v>14382</v>
      </c>
      <c r="B12176" s="17"/>
      <c r="C12176" s="17"/>
      <c r="D12176" s="18" t="s">
        <v>6045</v>
      </c>
      <c r="E12176" s="18"/>
      <c r="F12176" s="18"/>
      <c r="G12176" s="18"/>
      <c r="H12176" s="18"/>
      <c r="I12176" s="18"/>
      <c r="J12176" s="18"/>
      <c r="K12176" s="18"/>
      <c r="L12176" s="18"/>
      <c r="M12176" s="18"/>
      <c r="N12176" s="18"/>
      <c r="O12176" s="18"/>
      <c r="P12176" s="19">
        <v>150</v>
      </c>
      <c r="Q12176" s="19"/>
      <c r="R12176" s="19"/>
      <c r="S12176" s="19"/>
      <c r="T12176" s="19">
        <v>90</v>
      </c>
      <c r="U12176" s="19"/>
      <c r="V12176" s="19"/>
      <c r="W12176" s="19"/>
      <c r="X12176" s="19">
        <v>49</v>
      </c>
      <c r="Y12176" s="19"/>
      <c r="Z12176" s="19"/>
      <c r="AA12176" s="19"/>
    </row>
    <row r="12177" spans="1:27" s="1" customFormat="1" ht="11.1" customHeight="1" outlineLevel="3" x14ac:dyDescent="0.2">
      <c r="A12177" s="17"/>
      <c r="B12177" s="17"/>
      <c r="C12177" s="17"/>
      <c r="D12177" s="18"/>
      <c r="E12177" s="18"/>
      <c r="F12177" s="18"/>
      <c r="G12177" s="18"/>
      <c r="H12177" s="18"/>
      <c r="I12177" s="18"/>
      <c r="J12177" s="18"/>
      <c r="K12177" s="18"/>
      <c r="L12177" s="18"/>
      <c r="M12177" s="18"/>
      <c r="N12177" s="18"/>
      <c r="O12177" s="18"/>
      <c r="P12177" s="19"/>
      <c r="Q12177" s="19"/>
      <c r="R12177" s="19"/>
      <c r="S12177" s="19"/>
      <c r="T12177" s="19"/>
      <c r="U12177" s="19"/>
      <c r="V12177" s="19"/>
      <c r="W12177" s="19"/>
      <c r="X12177" s="19"/>
      <c r="Y12177" s="19"/>
      <c r="Z12177" s="19"/>
      <c r="AA12177" s="19"/>
    </row>
    <row r="12178" spans="1:27" s="1" customFormat="1" ht="11.1" customHeight="1" outlineLevel="2" x14ac:dyDescent="0.2">
      <c r="A12178" s="16" t="s">
        <v>6046</v>
      </c>
      <c r="B12178" s="16"/>
      <c r="C12178" s="16"/>
      <c r="D12178" s="16"/>
      <c r="E12178" s="16"/>
      <c r="F12178" s="16"/>
      <c r="G12178" s="16"/>
      <c r="H12178" s="16"/>
      <c r="I12178" s="16"/>
      <c r="J12178" s="16"/>
      <c r="K12178" s="16"/>
      <c r="L12178" s="16"/>
      <c r="M12178" s="16"/>
      <c r="N12178" s="16"/>
      <c r="O12178" s="16"/>
      <c r="P12178" s="16"/>
      <c r="Q12178" s="16"/>
      <c r="R12178" s="16"/>
      <c r="S12178" s="16"/>
      <c r="T12178" s="16"/>
      <c r="U12178" s="16"/>
      <c r="V12178" s="16"/>
      <c r="W12178" s="16"/>
      <c r="X12178" s="16"/>
      <c r="Y12178" s="16"/>
      <c r="Z12178" s="16"/>
      <c r="AA12178" s="16"/>
    </row>
    <row r="12179" spans="1:27" s="1" customFormat="1" ht="11.1" customHeight="1" outlineLevel="2" x14ac:dyDescent="0.2">
      <c r="A12179" s="16"/>
      <c r="B12179" s="16"/>
      <c r="C12179" s="16"/>
      <c r="D12179" s="16"/>
      <c r="E12179" s="16"/>
      <c r="F12179" s="16"/>
      <c r="G12179" s="16"/>
      <c r="H12179" s="16"/>
      <c r="I12179" s="16"/>
      <c r="J12179" s="16"/>
      <c r="K12179" s="16"/>
      <c r="L12179" s="16"/>
      <c r="M12179" s="16"/>
      <c r="N12179" s="16"/>
      <c r="O12179" s="16"/>
      <c r="P12179" s="16"/>
      <c r="Q12179" s="16"/>
      <c r="R12179" s="16"/>
      <c r="S12179" s="16"/>
      <c r="T12179" s="16"/>
      <c r="U12179" s="16"/>
      <c r="V12179" s="16"/>
      <c r="W12179" s="16"/>
      <c r="X12179" s="16"/>
      <c r="Y12179" s="16"/>
      <c r="Z12179" s="16"/>
      <c r="AA12179" s="16"/>
    </row>
    <row r="12180" spans="1:27" s="1" customFormat="1" ht="14.1" customHeight="1" outlineLevel="3" x14ac:dyDescent="0.2">
      <c r="A12180" s="17">
        <v>10051</v>
      </c>
      <c r="B12180" s="17"/>
      <c r="C12180" s="17"/>
      <c r="D12180" s="18" t="s">
        <v>6047</v>
      </c>
      <c r="E12180" s="18"/>
      <c r="F12180" s="18"/>
      <c r="G12180" s="18"/>
      <c r="H12180" s="18"/>
      <c r="I12180" s="18"/>
      <c r="J12180" s="18"/>
      <c r="K12180" s="18"/>
      <c r="L12180" s="18"/>
      <c r="M12180" s="18"/>
      <c r="N12180" s="18"/>
      <c r="O12180" s="18"/>
      <c r="P12180" s="19">
        <v>780</v>
      </c>
      <c r="Q12180" s="19"/>
      <c r="R12180" s="19"/>
      <c r="S12180" s="19"/>
      <c r="T12180" s="19">
        <v>585</v>
      </c>
      <c r="U12180" s="19"/>
      <c r="V12180" s="19"/>
      <c r="W12180" s="19"/>
      <c r="X12180" s="19">
        <v>1</v>
      </c>
      <c r="Y12180" s="19"/>
      <c r="Z12180" s="19"/>
      <c r="AA12180" s="19"/>
    </row>
    <row r="12181" spans="1:27" s="1" customFormat="1" ht="14.1" customHeight="1" outlineLevel="3" x14ac:dyDescent="0.2">
      <c r="A12181" s="17"/>
      <c r="B12181" s="17"/>
      <c r="C12181" s="17"/>
      <c r="D12181" s="18"/>
      <c r="E12181" s="18"/>
      <c r="F12181" s="18"/>
      <c r="G12181" s="18"/>
      <c r="H12181" s="18"/>
      <c r="I12181" s="18"/>
      <c r="J12181" s="18"/>
      <c r="K12181" s="18"/>
      <c r="L12181" s="18"/>
      <c r="M12181" s="18"/>
      <c r="N12181" s="18"/>
      <c r="O12181" s="18"/>
      <c r="P12181" s="19"/>
      <c r="Q12181" s="19"/>
      <c r="R12181" s="19"/>
      <c r="S12181" s="19"/>
      <c r="T12181" s="19"/>
      <c r="U12181" s="19"/>
      <c r="V12181" s="19"/>
      <c r="W12181" s="19"/>
      <c r="X12181" s="19"/>
      <c r="Y12181" s="19"/>
      <c r="Z12181" s="19"/>
      <c r="AA12181" s="19"/>
    </row>
    <row r="12182" spans="1:27" s="1" customFormat="1" ht="11.1" customHeight="1" outlineLevel="2" x14ac:dyDescent="0.2">
      <c r="A12182" s="16" t="s">
        <v>6048</v>
      </c>
      <c r="B12182" s="16"/>
      <c r="C12182" s="16"/>
      <c r="D12182" s="16"/>
      <c r="E12182" s="16"/>
      <c r="F12182" s="16"/>
      <c r="G12182" s="16"/>
      <c r="H12182" s="16"/>
      <c r="I12182" s="16"/>
      <c r="J12182" s="16"/>
      <c r="K12182" s="16"/>
      <c r="L12182" s="16"/>
      <c r="M12182" s="16"/>
      <c r="N12182" s="16"/>
      <c r="O12182" s="16"/>
      <c r="P12182" s="16"/>
      <c r="Q12182" s="16"/>
      <c r="R12182" s="16"/>
      <c r="S12182" s="16"/>
      <c r="T12182" s="16"/>
      <c r="U12182" s="16"/>
      <c r="V12182" s="16"/>
      <c r="W12182" s="16"/>
      <c r="X12182" s="16"/>
      <c r="Y12182" s="16"/>
      <c r="Z12182" s="16"/>
      <c r="AA12182" s="16"/>
    </row>
    <row r="12183" spans="1:27" s="1" customFormat="1" ht="11.1" customHeight="1" outlineLevel="2" x14ac:dyDescent="0.2">
      <c r="A12183" s="16"/>
      <c r="B12183" s="16"/>
      <c r="C12183" s="16"/>
      <c r="D12183" s="16"/>
      <c r="E12183" s="16"/>
      <c r="F12183" s="16"/>
      <c r="G12183" s="16"/>
      <c r="H12183" s="16"/>
      <c r="I12183" s="16"/>
      <c r="J12183" s="16"/>
      <c r="K12183" s="16"/>
      <c r="L12183" s="16"/>
      <c r="M12183" s="16"/>
      <c r="N12183" s="16"/>
      <c r="O12183" s="16"/>
      <c r="P12183" s="16"/>
      <c r="Q12183" s="16"/>
      <c r="R12183" s="16"/>
      <c r="S12183" s="16"/>
      <c r="T12183" s="16"/>
      <c r="U12183" s="16"/>
      <c r="V12183" s="16"/>
      <c r="W12183" s="16"/>
      <c r="X12183" s="16"/>
      <c r="Y12183" s="16"/>
      <c r="Z12183" s="16"/>
      <c r="AA12183" s="16"/>
    </row>
    <row r="12184" spans="1:27" s="1" customFormat="1" ht="14.1" customHeight="1" outlineLevel="3" x14ac:dyDescent="0.2">
      <c r="A12184" s="17">
        <v>12182</v>
      </c>
      <c r="B12184" s="17"/>
      <c r="C12184" s="17"/>
      <c r="D12184" s="18" t="s">
        <v>6049</v>
      </c>
      <c r="E12184" s="18"/>
      <c r="F12184" s="18"/>
      <c r="G12184" s="18"/>
      <c r="H12184" s="18"/>
      <c r="I12184" s="18"/>
      <c r="J12184" s="18"/>
      <c r="K12184" s="18"/>
      <c r="L12184" s="18"/>
      <c r="M12184" s="18"/>
      <c r="N12184" s="18"/>
      <c r="O12184" s="18"/>
      <c r="P12184" s="20">
        <v>1800</v>
      </c>
      <c r="Q12184" s="20"/>
      <c r="R12184" s="20"/>
      <c r="S12184" s="20"/>
      <c r="T12184" s="20">
        <v>1300</v>
      </c>
      <c r="U12184" s="20"/>
      <c r="V12184" s="20"/>
      <c r="W12184" s="20"/>
      <c r="X12184" s="19">
        <v>9</v>
      </c>
      <c r="Y12184" s="19"/>
      <c r="Z12184" s="19"/>
      <c r="AA12184" s="19"/>
    </row>
    <row r="12185" spans="1:27" s="1" customFormat="1" ht="14.1" customHeight="1" outlineLevel="3" x14ac:dyDescent="0.2">
      <c r="A12185" s="17"/>
      <c r="B12185" s="17"/>
      <c r="C12185" s="17"/>
      <c r="D12185" s="18"/>
      <c r="E12185" s="18"/>
      <c r="F12185" s="18"/>
      <c r="G12185" s="18"/>
      <c r="H12185" s="18"/>
      <c r="I12185" s="18"/>
      <c r="J12185" s="18"/>
      <c r="K12185" s="18"/>
      <c r="L12185" s="18"/>
      <c r="M12185" s="18"/>
      <c r="N12185" s="18"/>
      <c r="O12185" s="18"/>
      <c r="P12185" s="20"/>
      <c r="Q12185" s="20"/>
      <c r="R12185" s="20"/>
      <c r="S12185" s="20"/>
      <c r="T12185" s="20"/>
      <c r="U12185" s="20"/>
      <c r="V12185" s="20"/>
      <c r="W12185" s="20"/>
      <c r="X12185" s="19"/>
      <c r="Y12185" s="19"/>
      <c r="Z12185" s="19"/>
      <c r="AA12185" s="19"/>
    </row>
    <row r="12186" spans="1:27" s="1" customFormat="1" ht="14.1" customHeight="1" outlineLevel="3" x14ac:dyDescent="0.2">
      <c r="A12186" s="17">
        <v>12765</v>
      </c>
      <c r="B12186" s="17"/>
      <c r="C12186" s="17"/>
      <c r="D12186" s="18" t="s">
        <v>6050</v>
      </c>
      <c r="E12186" s="18"/>
      <c r="F12186" s="18"/>
      <c r="G12186" s="18"/>
      <c r="H12186" s="18"/>
      <c r="I12186" s="18"/>
      <c r="J12186" s="18"/>
      <c r="K12186" s="18"/>
      <c r="L12186" s="18"/>
      <c r="M12186" s="18"/>
      <c r="N12186" s="18"/>
      <c r="O12186" s="18"/>
      <c r="P12186" s="20">
        <v>2090</v>
      </c>
      <c r="Q12186" s="20"/>
      <c r="R12186" s="20"/>
      <c r="S12186" s="20"/>
      <c r="T12186" s="20">
        <v>1550</v>
      </c>
      <c r="U12186" s="20"/>
      <c r="V12186" s="20"/>
      <c r="W12186" s="20"/>
      <c r="X12186" s="19">
        <v>3</v>
      </c>
      <c r="Y12186" s="19"/>
      <c r="Z12186" s="19"/>
      <c r="AA12186" s="19"/>
    </row>
    <row r="12187" spans="1:27" s="1" customFormat="1" ht="14.1" customHeight="1" outlineLevel="3" x14ac:dyDescent="0.2">
      <c r="A12187" s="17"/>
      <c r="B12187" s="17"/>
      <c r="C12187" s="17"/>
      <c r="D12187" s="18"/>
      <c r="E12187" s="18"/>
      <c r="F12187" s="18"/>
      <c r="G12187" s="18"/>
      <c r="H12187" s="18"/>
      <c r="I12187" s="18"/>
      <c r="J12187" s="18"/>
      <c r="K12187" s="18"/>
      <c r="L12187" s="18"/>
      <c r="M12187" s="18"/>
      <c r="N12187" s="18"/>
      <c r="O12187" s="18"/>
      <c r="P12187" s="20"/>
      <c r="Q12187" s="20"/>
      <c r="R12187" s="20"/>
      <c r="S12187" s="20"/>
      <c r="T12187" s="20"/>
      <c r="U12187" s="20"/>
      <c r="V12187" s="20"/>
      <c r="W12187" s="20"/>
      <c r="X12187" s="19"/>
      <c r="Y12187" s="19"/>
      <c r="Z12187" s="19"/>
      <c r="AA12187" s="19"/>
    </row>
    <row r="12188" spans="1:27" s="1" customFormat="1" ht="14.1" customHeight="1" outlineLevel="3" x14ac:dyDescent="0.2">
      <c r="A12188" s="17">
        <v>12185</v>
      </c>
      <c r="B12188" s="17"/>
      <c r="C12188" s="17"/>
      <c r="D12188" s="18" t="s">
        <v>6051</v>
      </c>
      <c r="E12188" s="18"/>
      <c r="F12188" s="18"/>
      <c r="G12188" s="18"/>
      <c r="H12188" s="18"/>
      <c r="I12188" s="18"/>
      <c r="J12188" s="18"/>
      <c r="K12188" s="18"/>
      <c r="L12188" s="18"/>
      <c r="M12188" s="18"/>
      <c r="N12188" s="18"/>
      <c r="O12188" s="18"/>
      <c r="P12188" s="20">
        <v>1200</v>
      </c>
      <c r="Q12188" s="20"/>
      <c r="R12188" s="20"/>
      <c r="S12188" s="20"/>
      <c r="T12188" s="19">
        <v>900</v>
      </c>
      <c r="U12188" s="19"/>
      <c r="V12188" s="19"/>
      <c r="W12188" s="19"/>
      <c r="X12188" s="19">
        <v>9</v>
      </c>
      <c r="Y12188" s="19"/>
      <c r="Z12188" s="19"/>
      <c r="AA12188" s="19"/>
    </row>
    <row r="12189" spans="1:27" s="1" customFormat="1" ht="14.1" customHeight="1" outlineLevel="3" x14ac:dyDescent="0.2">
      <c r="A12189" s="17"/>
      <c r="B12189" s="17"/>
      <c r="C12189" s="17"/>
      <c r="D12189" s="18"/>
      <c r="E12189" s="18"/>
      <c r="F12189" s="18"/>
      <c r="G12189" s="18"/>
      <c r="H12189" s="18"/>
      <c r="I12189" s="18"/>
      <c r="J12189" s="18"/>
      <c r="K12189" s="18"/>
      <c r="L12189" s="18"/>
      <c r="M12189" s="18"/>
      <c r="N12189" s="18"/>
      <c r="O12189" s="18"/>
      <c r="P12189" s="20"/>
      <c r="Q12189" s="20"/>
      <c r="R12189" s="20"/>
      <c r="S12189" s="20"/>
      <c r="T12189" s="19"/>
      <c r="U12189" s="19"/>
      <c r="V12189" s="19"/>
      <c r="W12189" s="19"/>
      <c r="X12189" s="19"/>
      <c r="Y12189" s="19"/>
      <c r="Z12189" s="19"/>
      <c r="AA12189" s="19"/>
    </row>
    <row r="12190" spans="1:27" s="1" customFormat="1" ht="11.1" customHeight="1" outlineLevel="3" x14ac:dyDescent="0.2">
      <c r="A12190" s="17">
        <v>12186</v>
      </c>
      <c r="B12190" s="17"/>
      <c r="C12190" s="17"/>
      <c r="D12190" s="18" t="s">
        <v>6052</v>
      </c>
      <c r="E12190" s="18"/>
      <c r="F12190" s="18"/>
      <c r="G12190" s="18"/>
      <c r="H12190" s="18"/>
      <c r="I12190" s="18"/>
      <c r="J12190" s="18"/>
      <c r="K12190" s="18"/>
      <c r="L12190" s="18"/>
      <c r="M12190" s="18"/>
      <c r="N12190" s="18"/>
      <c r="O12190" s="18"/>
      <c r="P12190" s="19">
        <v>890</v>
      </c>
      <c r="Q12190" s="19"/>
      <c r="R12190" s="19"/>
      <c r="S12190" s="19"/>
      <c r="T12190" s="19">
        <v>690</v>
      </c>
      <c r="U12190" s="19"/>
      <c r="V12190" s="19"/>
      <c r="W12190" s="19"/>
      <c r="X12190" s="19">
        <v>3</v>
      </c>
      <c r="Y12190" s="19"/>
      <c r="Z12190" s="19"/>
      <c r="AA12190" s="19"/>
    </row>
    <row r="12191" spans="1:27" s="1" customFormat="1" ht="11.1" customHeight="1" outlineLevel="3" x14ac:dyDescent="0.2">
      <c r="A12191" s="17"/>
      <c r="B12191" s="17"/>
      <c r="C12191" s="17"/>
      <c r="D12191" s="18"/>
      <c r="E12191" s="18"/>
      <c r="F12191" s="18"/>
      <c r="G12191" s="18"/>
      <c r="H12191" s="18"/>
      <c r="I12191" s="18"/>
      <c r="J12191" s="18"/>
      <c r="K12191" s="18"/>
      <c r="L12191" s="18"/>
      <c r="M12191" s="18"/>
      <c r="N12191" s="18"/>
      <c r="O12191" s="18"/>
      <c r="P12191" s="19"/>
      <c r="Q12191" s="19"/>
      <c r="R12191" s="19"/>
      <c r="S12191" s="19"/>
      <c r="T12191" s="19"/>
      <c r="U12191" s="19"/>
      <c r="V12191" s="19"/>
      <c r="W12191" s="19"/>
      <c r="X12191" s="19"/>
      <c r="Y12191" s="19"/>
      <c r="Z12191" s="19"/>
      <c r="AA12191" s="19"/>
    </row>
    <row r="12192" spans="1:27" s="1" customFormat="1" ht="11.1" customHeight="1" outlineLevel="2" x14ac:dyDescent="0.2">
      <c r="A12192" s="16" t="s">
        <v>6053</v>
      </c>
      <c r="B12192" s="16"/>
      <c r="C12192" s="16"/>
      <c r="D12192" s="16"/>
      <c r="E12192" s="16"/>
      <c r="F12192" s="16"/>
      <c r="G12192" s="16"/>
      <c r="H12192" s="16"/>
      <c r="I12192" s="16"/>
      <c r="J12192" s="16"/>
      <c r="K12192" s="16"/>
      <c r="L12192" s="16"/>
      <c r="M12192" s="16"/>
      <c r="N12192" s="16"/>
      <c r="O12192" s="16"/>
      <c r="P12192" s="16"/>
      <c r="Q12192" s="16"/>
      <c r="R12192" s="16"/>
      <c r="S12192" s="16"/>
      <c r="T12192" s="16"/>
      <c r="U12192" s="16"/>
      <c r="V12192" s="16"/>
      <c r="W12192" s="16"/>
      <c r="X12192" s="16"/>
      <c r="Y12192" s="16"/>
      <c r="Z12192" s="16"/>
      <c r="AA12192" s="16"/>
    </row>
    <row r="12193" spans="1:27" s="1" customFormat="1" ht="11.1" customHeight="1" outlineLevel="2" x14ac:dyDescent="0.2">
      <c r="A12193" s="16"/>
      <c r="B12193" s="16"/>
      <c r="C12193" s="16"/>
      <c r="D12193" s="16"/>
      <c r="E12193" s="16"/>
      <c r="F12193" s="16"/>
      <c r="G12193" s="16"/>
      <c r="H12193" s="16"/>
      <c r="I12193" s="16"/>
      <c r="J12193" s="16"/>
      <c r="K12193" s="16"/>
      <c r="L12193" s="16"/>
      <c r="M12193" s="16"/>
      <c r="N12193" s="16"/>
      <c r="O12193" s="16"/>
      <c r="P12193" s="16"/>
      <c r="Q12193" s="16"/>
      <c r="R12193" s="16"/>
      <c r="S12193" s="16"/>
      <c r="T12193" s="16"/>
      <c r="U12193" s="16"/>
      <c r="V12193" s="16"/>
      <c r="W12193" s="16"/>
      <c r="X12193" s="16"/>
      <c r="Y12193" s="16"/>
      <c r="Z12193" s="16"/>
      <c r="AA12193" s="16"/>
    </row>
    <row r="12194" spans="1:27" s="1" customFormat="1" ht="11.1" customHeight="1" outlineLevel="3" x14ac:dyDescent="0.2">
      <c r="A12194" s="17">
        <v>17994</v>
      </c>
      <c r="B12194" s="17"/>
      <c r="C12194" s="17"/>
      <c r="D12194" s="18" t="s">
        <v>6054</v>
      </c>
      <c r="E12194" s="18"/>
      <c r="F12194" s="18"/>
      <c r="G12194" s="18"/>
      <c r="H12194" s="18"/>
      <c r="I12194" s="18"/>
      <c r="J12194" s="18"/>
      <c r="K12194" s="18"/>
      <c r="L12194" s="18"/>
      <c r="M12194" s="18"/>
      <c r="N12194" s="18"/>
      <c r="O12194" s="18"/>
      <c r="P12194" s="19">
        <v>450</v>
      </c>
      <c r="Q12194" s="19"/>
      <c r="R12194" s="19"/>
      <c r="S12194" s="19"/>
      <c r="T12194" s="19">
        <v>270</v>
      </c>
      <c r="U12194" s="19"/>
      <c r="V12194" s="19"/>
      <c r="W12194" s="19"/>
      <c r="X12194" s="19">
        <v>4</v>
      </c>
      <c r="Y12194" s="19"/>
      <c r="Z12194" s="19"/>
      <c r="AA12194" s="19"/>
    </row>
    <row r="12195" spans="1:27" s="1" customFormat="1" ht="11.1" customHeight="1" outlineLevel="3" x14ac:dyDescent="0.2">
      <c r="A12195" s="17"/>
      <c r="B12195" s="17"/>
      <c r="C12195" s="17"/>
      <c r="D12195" s="18"/>
      <c r="E12195" s="18"/>
      <c r="F12195" s="18"/>
      <c r="G12195" s="18"/>
      <c r="H12195" s="18"/>
      <c r="I12195" s="18"/>
      <c r="J12195" s="18"/>
      <c r="K12195" s="18"/>
      <c r="L12195" s="18"/>
      <c r="M12195" s="18"/>
      <c r="N12195" s="18"/>
      <c r="O12195" s="18"/>
      <c r="P12195" s="19"/>
      <c r="Q12195" s="19"/>
      <c r="R12195" s="19"/>
      <c r="S12195" s="19"/>
      <c r="T12195" s="19"/>
      <c r="U12195" s="19"/>
      <c r="V12195" s="19"/>
      <c r="W12195" s="19"/>
      <c r="X12195" s="19"/>
      <c r="Y12195" s="19"/>
      <c r="Z12195" s="19"/>
      <c r="AA12195" s="19"/>
    </row>
    <row r="12196" spans="1:27" s="1" customFormat="1" ht="14.1" customHeight="1" outlineLevel="3" x14ac:dyDescent="0.2">
      <c r="A12196" s="17">
        <v>12233</v>
      </c>
      <c r="B12196" s="17"/>
      <c r="C12196" s="17"/>
      <c r="D12196" s="18" t="s">
        <v>6055</v>
      </c>
      <c r="E12196" s="18"/>
      <c r="F12196" s="18"/>
      <c r="G12196" s="18"/>
      <c r="H12196" s="18"/>
      <c r="I12196" s="18"/>
      <c r="J12196" s="18"/>
      <c r="K12196" s="18"/>
      <c r="L12196" s="18"/>
      <c r="M12196" s="18"/>
      <c r="N12196" s="18"/>
      <c r="O12196" s="18"/>
      <c r="P12196" s="20">
        <v>3700</v>
      </c>
      <c r="Q12196" s="20"/>
      <c r="R12196" s="20"/>
      <c r="S12196" s="20"/>
      <c r="T12196" s="20">
        <v>3500</v>
      </c>
      <c r="U12196" s="20"/>
      <c r="V12196" s="20"/>
      <c r="W12196" s="20"/>
      <c r="X12196" s="19">
        <v>1</v>
      </c>
      <c r="Y12196" s="19"/>
      <c r="Z12196" s="19"/>
      <c r="AA12196" s="19"/>
    </row>
    <row r="12197" spans="1:27" s="1" customFormat="1" ht="14.1" customHeight="1" outlineLevel="3" x14ac:dyDescent="0.2">
      <c r="A12197" s="17"/>
      <c r="B12197" s="17"/>
      <c r="C12197" s="17"/>
      <c r="D12197" s="18"/>
      <c r="E12197" s="18"/>
      <c r="F12197" s="18"/>
      <c r="G12197" s="18"/>
      <c r="H12197" s="18"/>
      <c r="I12197" s="18"/>
      <c r="J12197" s="18"/>
      <c r="K12197" s="18"/>
      <c r="L12197" s="18"/>
      <c r="M12197" s="18"/>
      <c r="N12197" s="18"/>
      <c r="O12197" s="18"/>
      <c r="P12197" s="20"/>
      <c r="Q12197" s="20"/>
      <c r="R12197" s="20"/>
      <c r="S12197" s="20"/>
      <c r="T12197" s="20"/>
      <c r="U12197" s="20"/>
      <c r="V12197" s="20"/>
      <c r="W12197" s="20"/>
      <c r="X12197" s="19"/>
      <c r="Y12197" s="19"/>
      <c r="Z12197" s="19"/>
      <c r="AA12197" s="19"/>
    </row>
    <row r="12198" spans="1:27" s="1" customFormat="1" ht="11.1" customHeight="1" outlineLevel="3" x14ac:dyDescent="0.2">
      <c r="A12198" s="17">
        <v>16320</v>
      </c>
      <c r="B12198" s="17"/>
      <c r="C12198" s="17"/>
      <c r="D12198" s="18" t="s">
        <v>6056</v>
      </c>
      <c r="E12198" s="18"/>
      <c r="F12198" s="18"/>
      <c r="G12198" s="18"/>
      <c r="H12198" s="18"/>
      <c r="I12198" s="18"/>
      <c r="J12198" s="18"/>
      <c r="K12198" s="18"/>
      <c r="L12198" s="18"/>
      <c r="M12198" s="18"/>
      <c r="N12198" s="18"/>
      <c r="O12198" s="18"/>
      <c r="P12198" s="19">
        <v>650</v>
      </c>
      <c r="Q12198" s="19"/>
      <c r="R12198" s="19"/>
      <c r="S12198" s="19"/>
      <c r="T12198" s="19">
        <v>420</v>
      </c>
      <c r="U12198" s="19"/>
      <c r="V12198" s="19"/>
      <c r="W12198" s="19"/>
      <c r="X12198" s="19">
        <v>3</v>
      </c>
      <c r="Y12198" s="19"/>
      <c r="Z12198" s="19"/>
      <c r="AA12198" s="19"/>
    </row>
    <row r="12199" spans="1:27" s="1" customFormat="1" ht="11.1" customHeight="1" outlineLevel="3" x14ac:dyDescent="0.2">
      <c r="A12199" s="17"/>
      <c r="B12199" s="17"/>
      <c r="C12199" s="17"/>
      <c r="D12199" s="18"/>
      <c r="E12199" s="18"/>
      <c r="F12199" s="18"/>
      <c r="G12199" s="18"/>
      <c r="H12199" s="18"/>
      <c r="I12199" s="18"/>
      <c r="J12199" s="18"/>
      <c r="K12199" s="18"/>
      <c r="L12199" s="18"/>
      <c r="M12199" s="18"/>
      <c r="N12199" s="18"/>
      <c r="O12199" s="18"/>
      <c r="P12199" s="19"/>
      <c r="Q12199" s="19"/>
      <c r="R12199" s="19"/>
      <c r="S12199" s="19"/>
      <c r="T12199" s="19"/>
      <c r="U12199" s="19"/>
      <c r="V12199" s="19"/>
      <c r="W12199" s="19"/>
      <c r="X12199" s="19"/>
      <c r="Y12199" s="19"/>
      <c r="Z12199" s="19"/>
      <c r="AA12199" s="19"/>
    </row>
    <row r="12200" spans="1:27" s="1" customFormat="1" ht="11.1" customHeight="1" outlineLevel="3" x14ac:dyDescent="0.2">
      <c r="A12200" s="17">
        <v>15221</v>
      </c>
      <c r="B12200" s="17"/>
      <c r="C12200" s="17"/>
      <c r="D12200" s="18" t="s">
        <v>6057</v>
      </c>
      <c r="E12200" s="18"/>
      <c r="F12200" s="18"/>
      <c r="G12200" s="18"/>
      <c r="H12200" s="18"/>
      <c r="I12200" s="18"/>
      <c r="J12200" s="18"/>
      <c r="K12200" s="18"/>
      <c r="L12200" s="18"/>
      <c r="M12200" s="18"/>
      <c r="N12200" s="18"/>
      <c r="O12200" s="18"/>
      <c r="P12200" s="19">
        <v>250</v>
      </c>
      <c r="Q12200" s="19"/>
      <c r="R12200" s="19"/>
      <c r="S12200" s="19"/>
      <c r="T12200" s="19">
        <v>160</v>
      </c>
      <c r="U12200" s="19"/>
      <c r="V12200" s="19"/>
      <c r="W12200" s="19"/>
      <c r="X12200" s="19">
        <v>14</v>
      </c>
      <c r="Y12200" s="19"/>
      <c r="Z12200" s="19"/>
      <c r="AA12200" s="19"/>
    </row>
    <row r="12201" spans="1:27" s="1" customFormat="1" ht="11.1" customHeight="1" outlineLevel="3" x14ac:dyDescent="0.2">
      <c r="A12201" s="17"/>
      <c r="B12201" s="17"/>
      <c r="C12201" s="17"/>
      <c r="D12201" s="18"/>
      <c r="E12201" s="18"/>
      <c r="F12201" s="18"/>
      <c r="G12201" s="18"/>
      <c r="H12201" s="18"/>
      <c r="I12201" s="18"/>
      <c r="J12201" s="18"/>
      <c r="K12201" s="18"/>
      <c r="L12201" s="18"/>
      <c r="M12201" s="18"/>
      <c r="N12201" s="18"/>
      <c r="O12201" s="18"/>
      <c r="P12201" s="19"/>
      <c r="Q12201" s="19"/>
      <c r="R12201" s="19"/>
      <c r="S12201" s="19"/>
      <c r="T12201" s="19"/>
      <c r="U12201" s="19"/>
      <c r="V12201" s="19"/>
      <c r="W12201" s="19"/>
      <c r="X12201" s="19"/>
      <c r="Y12201" s="19"/>
      <c r="Z12201" s="19"/>
      <c r="AA12201" s="19"/>
    </row>
    <row r="12202" spans="1:27" s="1" customFormat="1" ht="11.1" customHeight="1" outlineLevel="3" x14ac:dyDescent="0.2">
      <c r="A12202" s="17">
        <v>6980</v>
      </c>
      <c r="B12202" s="17"/>
      <c r="C12202" s="17"/>
      <c r="D12202" s="18" t="s">
        <v>6058</v>
      </c>
      <c r="E12202" s="18"/>
      <c r="F12202" s="18"/>
      <c r="G12202" s="18"/>
      <c r="H12202" s="18"/>
      <c r="I12202" s="18"/>
      <c r="J12202" s="18"/>
      <c r="K12202" s="18"/>
      <c r="L12202" s="18"/>
      <c r="M12202" s="18"/>
      <c r="N12202" s="18"/>
      <c r="O12202" s="18"/>
      <c r="P12202" s="19">
        <v>250</v>
      </c>
      <c r="Q12202" s="19"/>
      <c r="R12202" s="19"/>
      <c r="S12202" s="19"/>
      <c r="T12202" s="19">
        <v>160</v>
      </c>
      <c r="U12202" s="19"/>
      <c r="V12202" s="19"/>
      <c r="W12202" s="19"/>
      <c r="X12202" s="19">
        <v>10</v>
      </c>
      <c r="Y12202" s="19"/>
      <c r="Z12202" s="19"/>
      <c r="AA12202" s="19"/>
    </row>
    <row r="12203" spans="1:27" s="1" customFormat="1" ht="11.1" customHeight="1" outlineLevel="3" x14ac:dyDescent="0.2">
      <c r="A12203" s="17"/>
      <c r="B12203" s="17"/>
      <c r="C12203" s="17"/>
      <c r="D12203" s="18"/>
      <c r="E12203" s="18"/>
      <c r="F12203" s="18"/>
      <c r="G12203" s="18"/>
      <c r="H12203" s="18"/>
      <c r="I12203" s="18"/>
      <c r="J12203" s="18"/>
      <c r="K12203" s="18"/>
      <c r="L12203" s="18"/>
      <c r="M12203" s="18"/>
      <c r="N12203" s="18"/>
      <c r="O12203" s="18"/>
      <c r="P12203" s="19"/>
      <c r="Q12203" s="19"/>
      <c r="R12203" s="19"/>
      <c r="S12203" s="19"/>
      <c r="T12203" s="19"/>
      <c r="U12203" s="19"/>
      <c r="V12203" s="19"/>
      <c r="W12203" s="19"/>
      <c r="X12203" s="19"/>
      <c r="Y12203" s="19"/>
      <c r="Z12203" s="19"/>
      <c r="AA12203" s="19"/>
    </row>
    <row r="12204" spans="1:27" s="1" customFormat="1" ht="11.1" customHeight="1" outlineLevel="3" x14ac:dyDescent="0.2">
      <c r="A12204" s="17">
        <v>18231</v>
      </c>
      <c r="B12204" s="17"/>
      <c r="C12204" s="17"/>
      <c r="D12204" s="18" t="s">
        <v>6059</v>
      </c>
      <c r="E12204" s="18"/>
      <c r="F12204" s="18"/>
      <c r="G12204" s="18"/>
      <c r="H12204" s="18"/>
      <c r="I12204" s="18"/>
      <c r="J12204" s="18"/>
      <c r="K12204" s="18"/>
      <c r="L12204" s="18"/>
      <c r="M12204" s="18"/>
      <c r="N12204" s="18"/>
      <c r="O12204" s="18"/>
      <c r="P12204" s="19">
        <v>590</v>
      </c>
      <c r="Q12204" s="19"/>
      <c r="R12204" s="19"/>
      <c r="S12204" s="19"/>
      <c r="T12204" s="19">
        <v>350</v>
      </c>
      <c r="U12204" s="19"/>
      <c r="V12204" s="19"/>
      <c r="W12204" s="19"/>
      <c r="X12204" s="19">
        <v>2</v>
      </c>
      <c r="Y12204" s="19"/>
      <c r="Z12204" s="19"/>
      <c r="AA12204" s="19"/>
    </row>
    <row r="12205" spans="1:27" s="1" customFormat="1" ht="11.1" customHeight="1" outlineLevel="3" x14ac:dyDescent="0.2">
      <c r="A12205" s="17"/>
      <c r="B12205" s="17"/>
      <c r="C12205" s="17"/>
      <c r="D12205" s="18"/>
      <c r="E12205" s="18"/>
      <c r="F12205" s="18"/>
      <c r="G12205" s="18"/>
      <c r="H12205" s="18"/>
      <c r="I12205" s="18"/>
      <c r="J12205" s="18"/>
      <c r="K12205" s="18"/>
      <c r="L12205" s="18"/>
      <c r="M12205" s="18"/>
      <c r="N12205" s="18"/>
      <c r="O12205" s="18"/>
      <c r="P12205" s="19"/>
      <c r="Q12205" s="19"/>
      <c r="R12205" s="19"/>
      <c r="S12205" s="19"/>
      <c r="T12205" s="19"/>
      <c r="U12205" s="19"/>
      <c r="V12205" s="19"/>
      <c r="W12205" s="19"/>
      <c r="X12205" s="19"/>
      <c r="Y12205" s="19"/>
      <c r="Z12205" s="19"/>
      <c r="AA12205" s="19"/>
    </row>
    <row r="12206" spans="1:27" s="1" customFormat="1" ht="11.1" customHeight="1" outlineLevel="3" x14ac:dyDescent="0.2">
      <c r="A12206" s="17">
        <v>16322</v>
      </c>
      <c r="B12206" s="17"/>
      <c r="C12206" s="17"/>
      <c r="D12206" s="18" t="s">
        <v>6060</v>
      </c>
      <c r="E12206" s="18"/>
      <c r="F12206" s="18"/>
      <c r="G12206" s="18"/>
      <c r="H12206" s="18"/>
      <c r="I12206" s="18"/>
      <c r="J12206" s="18"/>
      <c r="K12206" s="18"/>
      <c r="L12206" s="18"/>
      <c r="M12206" s="18"/>
      <c r="N12206" s="18"/>
      <c r="O12206" s="18"/>
      <c r="P12206" s="19">
        <v>750</v>
      </c>
      <c r="Q12206" s="19"/>
      <c r="R12206" s="19"/>
      <c r="S12206" s="19"/>
      <c r="T12206" s="19">
        <v>550</v>
      </c>
      <c r="U12206" s="19"/>
      <c r="V12206" s="19"/>
      <c r="W12206" s="19"/>
      <c r="X12206" s="19">
        <v>4</v>
      </c>
      <c r="Y12206" s="19"/>
      <c r="Z12206" s="19"/>
      <c r="AA12206" s="19"/>
    </row>
    <row r="12207" spans="1:27" s="1" customFormat="1" ht="11.1" customHeight="1" outlineLevel="3" x14ac:dyDescent="0.2">
      <c r="A12207" s="17"/>
      <c r="B12207" s="17"/>
      <c r="C12207" s="17"/>
      <c r="D12207" s="18"/>
      <c r="E12207" s="18"/>
      <c r="F12207" s="18"/>
      <c r="G12207" s="18"/>
      <c r="H12207" s="18"/>
      <c r="I12207" s="18"/>
      <c r="J12207" s="18"/>
      <c r="K12207" s="18"/>
      <c r="L12207" s="18"/>
      <c r="M12207" s="18"/>
      <c r="N12207" s="18"/>
      <c r="O12207" s="18"/>
      <c r="P12207" s="19"/>
      <c r="Q12207" s="19"/>
      <c r="R12207" s="19"/>
      <c r="S12207" s="19"/>
      <c r="T12207" s="19"/>
      <c r="U12207" s="19"/>
      <c r="V12207" s="19"/>
      <c r="W12207" s="19"/>
      <c r="X12207" s="19"/>
      <c r="Y12207" s="19"/>
      <c r="Z12207" s="19"/>
      <c r="AA12207" s="19"/>
    </row>
    <row r="12208" spans="1:27" s="1" customFormat="1" ht="11.1" customHeight="1" outlineLevel="3" x14ac:dyDescent="0.2">
      <c r="A12208" s="17">
        <v>9440</v>
      </c>
      <c r="B12208" s="17"/>
      <c r="C12208" s="17"/>
      <c r="D12208" s="18" t="s">
        <v>6061</v>
      </c>
      <c r="E12208" s="18"/>
      <c r="F12208" s="18"/>
      <c r="G12208" s="18"/>
      <c r="H12208" s="18"/>
      <c r="I12208" s="18"/>
      <c r="J12208" s="18"/>
      <c r="K12208" s="18"/>
      <c r="L12208" s="18"/>
      <c r="M12208" s="18"/>
      <c r="N12208" s="18"/>
      <c r="O12208" s="18"/>
      <c r="P12208" s="19">
        <v>380</v>
      </c>
      <c r="Q12208" s="19"/>
      <c r="R12208" s="19"/>
      <c r="S12208" s="19"/>
      <c r="T12208" s="19">
        <v>240</v>
      </c>
      <c r="U12208" s="19"/>
      <c r="V12208" s="19"/>
      <c r="W12208" s="19"/>
      <c r="X12208" s="19">
        <v>1</v>
      </c>
      <c r="Y12208" s="19"/>
      <c r="Z12208" s="19"/>
      <c r="AA12208" s="19"/>
    </row>
    <row r="12209" spans="1:27" s="1" customFormat="1" ht="11.1" customHeight="1" outlineLevel="3" x14ac:dyDescent="0.2">
      <c r="A12209" s="17"/>
      <c r="B12209" s="17"/>
      <c r="C12209" s="17"/>
      <c r="D12209" s="18"/>
      <c r="E12209" s="18"/>
      <c r="F12209" s="18"/>
      <c r="G12209" s="18"/>
      <c r="H12209" s="18"/>
      <c r="I12209" s="18"/>
      <c r="J12209" s="18"/>
      <c r="K12209" s="18"/>
      <c r="L12209" s="18"/>
      <c r="M12209" s="18"/>
      <c r="N12209" s="18"/>
      <c r="O12209" s="18"/>
      <c r="P12209" s="19"/>
      <c r="Q12209" s="19"/>
      <c r="R12209" s="19"/>
      <c r="S12209" s="19"/>
      <c r="T12209" s="19"/>
      <c r="U12209" s="19"/>
      <c r="V12209" s="19"/>
      <c r="W12209" s="19"/>
      <c r="X12209" s="19"/>
      <c r="Y12209" s="19"/>
      <c r="Z12209" s="19"/>
      <c r="AA12209" s="19"/>
    </row>
    <row r="12210" spans="1:27" s="1" customFormat="1" ht="11.1" customHeight="1" outlineLevel="3" x14ac:dyDescent="0.2">
      <c r="A12210" s="17">
        <v>15217</v>
      </c>
      <c r="B12210" s="17"/>
      <c r="C12210" s="17"/>
      <c r="D12210" s="18" t="s">
        <v>6062</v>
      </c>
      <c r="E12210" s="18"/>
      <c r="F12210" s="18"/>
      <c r="G12210" s="18"/>
      <c r="H12210" s="18"/>
      <c r="I12210" s="18"/>
      <c r="J12210" s="18"/>
      <c r="K12210" s="18"/>
      <c r="L12210" s="18"/>
      <c r="M12210" s="18"/>
      <c r="N12210" s="18"/>
      <c r="O12210" s="18"/>
      <c r="P12210" s="19">
        <v>200</v>
      </c>
      <c r="Q12210" s="19"/>
      <c r="R12210" s="19"/>
      <c r="S12210" s="19"/>
      <c r="T12210" s="19">
        <v>120</v>
      </c>
      <c r="U12210" s="19"/>
      <c r="V12210" s="19"/>
      <c r="W12210" s="19"/>
      <c r="X12210" s="19">
        <v>24</v>
      </c>
      <c r="Y12210" s="19"/>
      <c r="Z12210" s="19"/>
      <c r="AA12210" s="19"/>
    </row>
    <row r="12211" spans="1:27" s="1" customFormat="1" ht="11.1" customHeight="1" outlineLevel="3" x14ac:dyDescent="0.2">
      <c r="A12211" s="17"/>
      <c r="B12211" s="17"/>
      <c r="C12211" s="17"/>
      <c r="D12211" s="18"/>
      <c r="E12211" s="18"/>
      <c r="F12211" s="18"/>
      <c r="G12211" s="18"/>
      <c r="H12211" s="18"/>
      <c r="I12211" s="18"/>
      <c r="J12211" s="18"/>
      <c r="K12211" s="18"/>
      <c r="L12211" s="18"/>
      <c r="M12211" s="18"/>
      <c r="N12211" s="18"/>
      <c r="O12211" s="18"/>
      <c r="P12211" s="19"/>
      <c r="Q12211" s="19"/>
      <c r="R12211" s="19"/>
      <c r="S12211" s="19"/>
      <c r="T12211" s="19"/>
      <c r="U12211" s="19"/>
      <c r="V12211" s="19"/>
      <c r="W12211" s="19"/>
      <c r="X12211" s="19"/>
      <c r="Y12211" s="19"/>
      <c r="Z12211" s="19"/>
      <c r="AA12211" s="19"/>
    </row>
    <row r="12212" spans="1:27" s="1" customFormat="1" ht="11.1" customHeight="1" outlineLevel="3" x14ac:dyDescent="0.2">
      <c r="A12212" s="17">
        <v>15218</v>
      </c>
      <c r="B12212" s="17"/>
      <c r="C12212" s="17"/>
      <c r="D12212" s="18" t="s">
        <v>6063</v>
      </c>
      <c r="E12212" s="18"/>
      <c r="F12212" s="18"/>
      <c r="G12212" s="18"/>
      <c r="H12212" s="18"/>
      <c r="I12212" s="18"/>
      <c r="J12212" s="18"/>
      <c r="K12212" s="18"/>
      <c r="L12212" s="18"/>
      <c r="M12212" s="18"/>
      <c r="N12212" s="18"/>
      <c r="O12212" s="18"/>
      <c r="P12212" s="19">
        <v>200</v>
      </c>
      <c r="Q12212" s="19"/>
      <c r="R12212" s="19"/>
      <c r="S12212" s="19"/>
      <c r="T12212" s="19">
        <v>120</v>
      </c>
      <c r="U12212" s="19"/>
      <c r="V12212" s="19"/>
      <c r="W12212" s="19"/>
      <c r="X12212" s="19">
        <v>5</v>
      </c>
      <c r="Y12212" s="19"/>
      <c r="Z12212" s="19"/>
      <c r="AA12212" s="19"/>
    </row>
    <row r="12213" spans="1:27" s="1" customFormat="1" ht="11.1" customHeight="1" outlineLevel="3" x14ac:dyDescent="0.2">
      <c r="A12213" s="17"/>
      <c r="B12213" s="17"/>
      <c r="C12213" s="17"/>
      <c r="D12213" s="18"/>
      <c r="E12213" s="18"/>
      <c r="F12213" s="18"/>
      <c r="G12213" s="18"/>
      <c r="H12213" s="18"/>
      <c r="I12213" s="18"/>
      <c r="J12213" s="18"/>
      <c r="K12213" s="18"/>
      <c r="L12213" s="18"/>
      <c r="M12213" s="18"/>
      <c r="N12213" s="18"/>
      <c r="O12213" s="18"/>
      <c r="P12213" s="19"/>
      <c r="Q12213" s="19"/>
      <c r="R12213" s="19"/>
      <c r="S12213" s="19"/>
      <c r="T12213" s="19"/>
      <c r="U12213" s="19"/>
      <c r="V12213" s="19"/>
      <c r="W12213" s="19"/>
      <c r="X12213" s="19"/>
      <c r="Y12213" s="19"/>
      <c r="Z12213" s="19"/>
      <c r="AA12213" s="19"/>
    </row>
    <row r="12214" spans="1:27" s="1" customFormat="1" ht="11.1" customHeight="1" outlineLevel="3" x14ac:dyDescent="0.2">
      <c r="A12214" s="17">
        <v>15216</v>
      </c>
      <c r="B12214" s="17"/>
      <c r="C12214" s="17"/>
      <c r="D12214" s="18" t="s">
        <v>6064</v>
      </c>
      <c r="E12214" s="18"/>
      <c r="F12214" s="18"/>
      <c r="G12214" s="18"/>
      <c r="H12214" s="18"/>
      <c r="I12214" s="18"/>
      <c r="J12214" s="18"/>
      <c r="K12214" s="18"/>
      <c r="L12214" s="18"/>
      <c r="M12214" s="18"/>
      <c r="N12214" s="18"/>
      <c r="O12214" s="18"/>
      <c r="P12214" s="19">
        <v>200</v>
      </c>
      <c r="Q12214" s="19"/>
      <c r="R12214" s="19"/>
      <c r="S12214" s="19"/>
      <c r="T12214" s="19">
        <v>120</v>
      </c>
      <c r="U12214" s="19"/>
      <c r="V12214" s="19"/>
      <c r="W12214" s="19"/>
      <c r="X12214" s="19">
        <v>3</v>
      </c>
      <c r="Y12214" s="19"/>
      <c r="Z12214" s="19"/>
      <c r="AA12214" s="19"/>
    </row>
    <row r="12215" spans="1:27" s="1" customFormat="1" ht="11.1" customHeight="1" outlineLevel="3" x14ac:dyDescent="0.2">
      <c r="A12215" s="17"/>
      <c r="B12215" s="17"/>
      <c r="C12215" s="17"/>
      <c r="D12215" s="18"/>
      <c r="E12215" s="18"/>
      <c r="F12215" s="18"/>
      <c r="G12215" s="18"/>
      <c r="H12215" s="18"/>
      <c r="I12215" s="18"/>
      <c r="J12215" s="18"/>
      <c r="K12215" s="18"/>
      <c r="L12215" s="18"/>
      <c r="M12215" s="18"/>
      <c r="N12215" s="18"/>
      <c r="O12215" s="18"/>
      <c r="P12215" s="19"/>
      <c r="Q12215" s="19"/>
      <c r="R12215" s="19"/>
      <c r="S12215" s="19"/>
      <c r="T12215" s="19"/>
      <c r="U12215" s="19"/>
      <c r="V12215" s="19"/>
      <c r="W12215" s="19"/>
      <c r="X12215" s="19"/>
      <c r="Y12215" s="19"/>
      <c r="Z12215" s="19"/>
      <c r="AA12215" s="19"/>
    </row>
    <row r="12216" spans="1:27" s="1" customFormat="1" ht="11.1" customHeight="1" outlineLevel="3" x14ac:dyDescent="0.2">
      <c r="A12216" s="17">
        <v>15219</v>
      </c>
      <c r="B12216" s="17"/>
      <c r="C12216" s="17"/>
      <c r="D12216" s="18" t="s">
        <v>6065</v>
      </c>
      <c r="E12216" s="18"/>
      <c r="F12216" s="18"/>
      <c r="G12216" s="18"/>
      <c r="H12216" s="18"/>
      <c r="I12216" s="18"/>
      <c r="J12216" s="18"/>
      <c r="K12216" s="18"/>
      <c r="L12216" s="18"/>
      <c r="M12216" s="18"/>
      <c r="N12216" s="18"/>
      <c r="O12216" s="18"/>
      <c r="P12216" s="19">
        <v>200</v>
      </c>
      <c r="Q12216" s="19"/>
      <c r="R12216" s="19"/>
      <c r="S12216" s="19"/>
      <c r="T12216" s="19">
        <v>120</v>
      </c>
      <c r="U12216" s="19"/>
      <c r="V12216" s="19"/>
      <c r="W12216" s="19"/>
      <c r="X12216" s="19">
        <v>3</v>
      </c>
      <c r="Y12216" s="19"/>
      <c r="Z12216" s="19"/>
      <c r="AA12216" s="19"/>
    </row>
    <row r="12217" spans="1:27" s="1" customFormat="1" ht="11.1" customHeight="1" outlineLevel="3" x14ac:dyDescent="0.2">
      <c r="A12217" s="17"/>
      <c r="B12217" s="17"/>
      <c r="C12217" s="17"/>
      <c r="D12217" s="18"/>
      <c r="E12217" s="18"/>
      <c r="F12217" s="18"/>
      <c r="G12217" s="18"/>
      <c r="H12217" s="18"/>
      <c r="I12217" s="18"/>
      <c r="J12217" s="18"/>
      <c r="K12217" s="18"/>
      <c r="L12217" s="18"/>
      <c r="M12217" s="18"/>
      <c r="N12217" s="18"/>
      <c r="O12217" s="18"/>
      <c r="P12217" s="19"/>
      <c r="Q12217" s="19"/>
      <c r="R12217" s="19"/>
      <c r="S12217" s="19"/>
      <c r="T12217" s="19"/>
      <c r="U12217" s="19"/>
      <c r="V12217" s="19"/>
      <c r="W12217" s="19"/>
      <c r="X12217" s="19"/>
      <c r="Y12217" s="19"/>
      <c r="Z12217" s="19"/>
      <c r="AA12217" s="19"/>
    </row>
    <row r="12218" spans="1:27" s="1" customFormat="1" ht="11.1" customHeight="1" outlineLevel="3" x14ac:dyDescent="0.2">
      <c r="A12218" s="17">
        <v>15220</v>
      </c>
      <c r="B12218" s="17"/>
      <c r="C12218" s="17"/>
      <c r="D12218" s="18" t="s">
        <v>6066</v>
      </c>
      <c r="E12218" s="18"/>
      <c r="F12218" s="18"/>
      <c r="G12218" s="18"/>
      <c r="H12218" s="18"/>
      <c r="I12218" s="18"/>
      <c r="J12218" s="18"/>
      <c r="K12218" s="18"/>
      <c r="L12218" s="18"/>
      <c r="M12218" s="18"/>
      <c r="N12218" s="18"/>
      <c r="O12218" s="18"/>
      <c r="P12218" s="19">
        <v>200</v>
      </c>
      <c r="Q12218" s="19"/>
      <c r="R12218" s="19"/>
      <c r="S12218" s="19"/>
      <c r="T12218" s="19">
        <v>120</v>
      </c>
      <c r="U12218" s="19"/>
      <c r="V12218" s="19"/>
      <c r="W12218" s="19"/>
      <c r="X12218" s="19">
        <v>6</v>
      </c>
      <c r="Y12218" s="19"/>
      <c r="Z12218" s="19"/>
      <c r="AA12218" s="19"/>
    </row>
    <row r="12219" spans="1:27" s="1" customFormat="1" ht="11.1" customHeight="1" outlineLevel="3" x14ac:dyDescent="0.2">
      <c r="A12219" s="17"/>
      <c r="B12219" s="17"/>
      <c r="C12219" s="17"/>
      <c r="D12219" s="18"/>
      <c r="E12219" s="18"/>
      <c r="F12219" s="18"/>
      <c r="G12219" s="18"/>
      <c r="H12219" s="18"/>
      <c r="I12219" s="18"/>
      <c r="J12219" s="18"/>
      <c r="K12219" s="18"/>
      <c r="L12219" s="18"/>
      <c r="M12219" s="18"/>
      <c r="N12219" s="18"/>
      <c r="O12219" s="18"/>
      <c r="P12219" s="19"/>
      <c r="Q12219" s="19"/>
      <c r="R12219" s="19"/>
      <c r="S12219" s="19"/>
      <c r="T12219" s="19"/>
      <c r="U12219" s="19"/>
      <c r="V12219" s="19"/>
      <c r="W12219" s="19"/>
      <c r="X12219" s="19"/>
      <c r="Y12219" s="19"/>
      <c r="Z12219" s="19"/>
      <c r="AA12219" s="19"/>
    </row>
    <row r="12220" spans="1:27" s="1" customFormat="1" ht="11.1" customHeight="1" outlineLevel="3" x14ac:dyDescent="0.2">
      <c r="A12220" s="17">
        <v>1997</v>
      </c>
      <c r="B12220" s="17"/>
      <c r="C12220" s="17"/>
      <c r="D12220" s="18" t="s">
        <v>6067</v>
      </c>
      <c r="E12220" s="18"/>
      <c r="F12220" s="18"/>
      <c r="G12220" s="18"/>
      <c r="H12220" s="18"/>
      <c r="I12220" s="18"/>
      <c r="J12220" s="18"/>
      <c r="K12220" s="18"/>
      <c r="L12220" s="18"/>
      <c r="M12220" s="18"/>
      <c r="N12220" s="18"/>
      <c r="O12220" s="18"/>
      <c r="P12220" s="19">
        <v>200</v>
      </c>
      <c r="Q12220" s="19"/>
      <c r="R12220" s="19"/>
      <c r="S12220" s="19"/>
      <c r="T12220" s="19">
        <v>120</v>
      </c>
      <c r="U12220" s="19"/>
      <c r="V12220" s="19"/>
      <c r="W12220" s="19"/>
      <c r="X12220" s="19">
        <v>26</v>
      </c>
      <c r="Y12220" s="19"/>
      <c r="Z12220" s="19"/>
      <c r="AA12220" s="19"/>
    </row>
    <row r="12221" spans="1:27" s="1" customFormat="1" ht="11.1" customHeight="1" outlineLevel="3" x14ac:dyDescent="0.2">
      <c r="A12221" s="17"/>
      <c r="B12221" s="17"/>
      <c r="C12221" s="17"/>
      <c r="D12221" s="18"/>
      <c r="E12221" s="18"/>
      <c r="F12221" s="18"/>
      <c r="G12221" s="18"/>
      <c r="H12221" s="18"/>
      <c r="I12221" s="18"/>
      <c r="J12221" s="18"/>
      <c r="K12221" s="18"/>
      <c r="L12221" s="18"/>
      <c r="M12221" s="18"/>
      <c r="N12221" s="18"/>
      <c r="O12221" s="18"/>
      <c r="P12221" s="19"/>
      <c r="Q12221" s="19"/>
      <c r="R12221" s="19"/>
      <c r="S12221" s="19"/>
      <c r="T12221" s="19"/>
      <c r="U12221" s="19"/>
      <c r="V12221" s="19"/>
      <c r="W12221" s="19"/>
      <c r="X12221" s="19"/>
      <c r="Y12221" s="19"/>
      <c r="Z12221" s="19"/>
      <c r="AA12221" s="19"/>
    </row>
    <row r="12222" spans="1:27" s="1" customFormat="1" ht="11.1" customHeight="1" outlineLevel="3" x14ac:dyDescent="0.2">
      <c r="A12222" s="17">
        <v>18232</v>
      </c>
      <c r="B12222" s="17"/>
      <c r="C12222" s="17"/>
      <c r="D12222" s="18" t="s">
        <v>6068</v>
      </c>
      <c r="E12222" s="18"/>
      <c r="F12222" s="18"/>
      <c r="G12222" s="18"/>
      <c r="H12222" s="18"/>
      <c r="I12222" s="18"/>
      <c r="J12222" s="18"/>
      <c r="K12222" s="18"/>
      <c r="L12222" s="18"/>
      <c r="M12222" s="18"/>
      <c r="N12222" s="18"/>
      <c r="O12222" s="18"/>
      <c r="P12222" s="19">
        <v>550</v>
      </c>
      <c r="Q12222" s="19"/>
      <c r="R12222" s="19"/>
      <c r="S12222" s="19"/>
      <c r="T12222" s="19">
        <v>320</v>
      </c>
      <c r="U12222" s="19"/>
      <c r="V12222" s="19"/>
      <c r="W12222" s="19"/>
      <c r="X12222" s="19">
        <v>2</v>
      </c>
      <c r="Y12222" s="19"/>
      <c r="Z12222" s="19"/>
      <c r="AA12222" s="19"/>
    </row>
    <row r="12223" spans="1:27" s="1" customFormat="1" ht="11.1" customHeight="1" outlineLevel="3" x14ac:dyDescent="0.2">
      <c r="A12223" s="17"/>
      <c r="B12223" s="17"/>
      <c r="C12223" s="17"/>
      <c r="D12223" s="18"/>
      <c r="E12223" s="18"/>
      <c r="F12223" s="18"/>
      <c r="G12223" s="18"/>
      <c r="H12223" s="18"/>
      <c r="I12223" s="18"/>
      <c r="J12223" s="18"/>
      <c r="K12223" s="18"/>
      <c r="L12223" s="18"/>
      <c r="M12223" s="18"/>
      <c r="N12223" s="18"/>
      <c r="O12223" s="18"/>
      <c r="P12223" s="19"/>
      <c r="Q12223" s="19"/>
      <c r="R12223" s="19"/>
      <c r="S12223" s="19"/>
      <c r="T12223" s="19"/>
      <c r="U12223" s="19"/>
      <c r="V12223" s="19"/>
      <c r="W12223" s="19"/>
      <c r="X12223" s="19"/>
      <c r="Y12223" s="19"/>
      <c r="Z12223" s="19"/>
      <c r="AA12223" s="19"/>
    </row>
    <row r="12224" spans="1:27" s="1" customFormat="1" ht="14.1" customHeight="1" outlineLevel="3" x14ac:dyDescent="0.2">
      <c r="A12224" s="17">
        <v>10891</v>
      </c>
      <c r="B12224" s="17"/>
      <c r="C12224" s="17"/>
      <c r="D12224" s="18" t="s">
        <v>6069</v>
      </c>
      <c r="E12224" s="18"/>
      <c r="F12224" s="18"/>
      <c r="G12224" s="18"/>
      <c r="H12224" s="18"/>
      <c r="I12224" s="18"/>
      <c r="J12224" s="18"/>
      <c r="K12224" s="18"/>
      <c r="L12224" s="18"/>
      <c r="M12224" s="18"/>
      <c r="N12224" s="18"/>
      <c r="O12224" s="18"/>
      <c r="P12224" s="19">
        <v>900</v>
      </c>
      <c r="Q12224" s="19"/>
      <c r="R12224" s="19"/>
      <c r="S12224" s="19"/>
      <c r="T12224" s="19">
        <v>640</v>
      </c>
      <c r="U12224" s="19"/>
      <c r="V12224" s="19"/>
      <c r="W12224" s="19"/>
      <c r="X12224" s="19">
        <v>3</v>
      </c>
      <c r="Y12224" s="19"/>
      <c r="Z12224" s="19"/>
      <c r="AA12224" s="19"/>
    </row>
    <row r="12225" spans="1:27" s="1" customFormat="1" ht="14.1" customHeight="1" outlineLevel="3" x14ac:dyDescent="0.2">
      <c r="A12225" s="17"/>
      <c r="B12225" s="17"/>
      <c r="C12225" s="17"/>
      <c r="D12225" s="18"/>
      <c r="E12225" s="18"/>
      <c r="F12225" s="18"/>
      <c r="G12225" s="18"/>
      <c r="H12225" s="18"/>
      <c r="I12225" s="18"/>
      <c r="J12225" s="18"/>
      <c r="K12225" s="18"/>
      <c r="L12225" s="18"/>
      <c r="M12225" s="18"/>
      <c r="N12225" s="18"/>
      <c r="O12225" s="18"/>
      <c r="P12225" s="19"/>
      <c r="Q12225" s="19"/>
      <c r="R12225" s="19"/>
      <c r="S12225" s="19"/>
      <c r="T12225" s="19"/>
      <c r="U12225" s="19"/>
      <c r="V12225" s="19"/>
      <c r="W12225" s="19"/>
      <c r="X12225" s="19"/>
      <c r="Y12225" s="19"/>
      <c r="Z12225" s="19"/>
      <c r="AA12225" s="19"/>
    </row>
    <row r="12226" spans="1:27" s="1" customFormat="1" ht="11.1" customHeight="1" outlineLevel="3" x14ac:dyDescent="0.2">
      <c r="A12226" s="17">
        <v>10888</v>
      </c>
      <c r="B12226" s="17"/>
      <c r="C12226" s="17"/>
      <c r="D12226" s="18" t="s">
        <v>6070</v>
      </c>
      <c r="E12226" s="18"/>
      <c r="F12226" s="18"/>
      <c r="G12226" s="18"/>
      <c r="H12226" s="18"/>
      <c r="I12226" s="18"/>
      <c r="J12226" s="18"/>
      <c r="K12226" s="18"/>
      <c r="L12226" s="18"/>
      <c r="M12226" s="18"/>
      <c r="N12226" s="18"/>
      <c r="O12226" s="18"/>
      <c r="P12226" s="19">
        <v>270</v>
      </c>
      <c r="Q12226" s="19"/>
      <c r="R12226" s="19"/>
      <c r="S12226" s="19"/>
      <c r="T12226" s="19">
        <v>205</v>
      </c>
      <c r="U12226" s="19"/>
      <c r="V12226" s="19"/>
      <c r="W12226" s="19"/>
      <c r="X12226" s="19">
        <v>1</v>
      </c>
      <c r="Y12226" s="19"/>
      <c r="Z12226" s="19"/>
      <c r="AA12226" s="19"/>
    </row>
    <row r="12227" spans="1:27" s="1" customFormat="1" ht="11.1" customHeight="1" outlineLevel="3" x14ac:dyDescent="0.2">
      <c r="A12227" s="17"/>
      <c r="B12227" s="17"/>
      <c r="C12227" s="17"/>
      <c r="D12227" s="18"/>
      <c r="E12227" s="18"/>
      <c r="F12227" s="18"/>
      <c r="G12227" s="18"/>
      <c r="H12227" s="18"/>
      <c r="I12227" s="18"/>
      <c r="J12227" s="18"/>
      <c r="K12227" s="18"/>
      <c r="L12227" s="18"/>
      <c r="M12227" s="18"/>
      <c r="N12227" s="18"/>
      <c r="O12227" s="18"/>
      <c r="P12227" s="19"/>
      <c r="Q12227" s="19"/>
      <c r="R12227" s="19"/>
      <c r="S12227" s="19"/>
      <c r="T12227" s="19"/>
      <c r="U12227" s="19"/>
      <c r="V12227" s="19"/>
      <c r="W12227" s="19"/>
      <c r="X12227" s="19"/>
      <c r="Y12227" s="19"/>
      <c r="Z12227" s="19"/>
      <c r="AA12227" s="19"/>
    </row>
    <row r="12228" spans="1:27" s="1" customFormat="1" ht="11.1" customHeight="1" outlineLevel="3" x14ac:dyDescent="0.2">
      <c r="A12228" s="17">
        <v>9415</v>
      </c>
      <c r="B12228" s="17"/>
      <c r="C12228" s="17"/>
      <c r="D12228" s="18" t="s">
        <v>6071</v>
      </c>
      <c r="E12228" s="18"/>
      <c r="F12228" s="18"/>
      <c r="G12228" s="18"/>
      <c r="H12228" s="18"/>
      <c r="I12228" s="18"/>
      <c r="J12228" s="18"/>
      <c r="K12228" s="18"/>
      <c r="L12228" s="18"/>
      <c r="M12228" s="18"/>
      <c r="N12228" s="18"/>
      <c r="O12228" s="18"/>
      <c r="P12228" s="19">
        <v>220</v>
      </c>
      <c r="Q12228" s="19"/>
      <c r="R12228" s="19"/>
      <c r="S12228" s="19"/>
      <c r="T12228" s="19">
        <v>145</v>
      </c>
      <c r="U12228" s="19"/>
      <c r="V12228" s="19"/>
      <c r="W12228" s="19"/>
      <c r="X12228" s="19">
        <v>1</v>
      </c>
      <c r="Y12228" s="19"/>
      <c r="Z12228" s="19"/>
      <c r="AA12228" s="19"/>
    </row>
    <row r="12229" spans="1:27" s="1" customFormat="1" ht="11.1" customHeight="1" outlineLevel="3" x14ac:dyDescent="0.2">
      <c r="A12229" s="17"/>
      <c r="B12229" s="17"/>
      <c r="C12229" s="17"/>
      <c r="D12229" s="18"/>
      <c r="E12229" s="18"/>
      <c r="F12229" s="18"/>
      <c r="G12229" s="18"/>
      <c r="H12229" s="18"/>
      <c r="I12229" s="18"/>
      <c r="J12229" s="18"/>
      <c r="K12229" s="18"/>
      <c r="L12229" s="18"/>
      <c r="M12229" s="18"/>
      <c r="N12229" s="18"/>
      <c r="O12229" s="18"/>
      <c r="P12229" s="19"/>
      <c r="Q12229" s="19"/>
      <c r="R12229" s="19"/>
      <c r="S12229" s="19"/>
      <c r="T12229" s="19"/>
      <c r="U12229" s="19"/>
      <c r="V12229" s="19"/>
      <c r="W12229" s="19"/>
      <c r="X12229" s="19"/>
      <c r="Y12229" s="19"/>
      <c r="Z12229" s="19"/>
      <c r="AA12229" s="19"/>
    </row>
    <row r="12230" spans="1:27" s="1" customFormat="1" ht="11.1" customHeight="1" outlineLevel="3" x14ac:dyDescent="0.2">
      <c r="A12230" s="17">
        <v>18233</v>
      </c>
      <c r="B12230" s="17"/>
      <c r="C12230" s="17"/>
      <c r="D12230" s="18" t="s">
        <v>6072</v>
      </c>
      <c r="E12230" s="18"/>
      <c r="F12230" s="18"/>
      <c r="G12230" s="18"/>
      <c r="H12230" s="18"/>
      <c r="I12230" s="18"/>
      <c r="J12230" s="18"/>
      <c r="K12230" s="18"/>
      <c r="L12230" s="18"/>
      <c r="M12230" s="18"/>
      <c r="N12230" s="18"/>
      <c r="O12230" s="18"/>
      <c r="P12230" s="19">
        <v>490</v>
      </c>
      <c r="Q12230" s="19"/>
      <c r="R12230" s="19"/>
      <c r="S12230" s="19"/>
      <c r="T12230" s="19">
        <v>290</v>
      </c>
      <c r="U12230" s="19"/>
      <c r="V12230" s="19"/>
      <c r="W12230" s="19"/>
      <c r="X12230" s="19">
        <v>2</v>
      </c>
      <c r="Y12230" s="19"/>
      <c r="Z12230" s="19"/>
      <c r="AA12230" s="19"/>
    </row>
    <row r="12231" spans="1:27" s="1" customFormat="1" ht="11.1" customHeight="1" outlineLevel="3" x14ac:dyDescent="0.2">
      <c r="A12231" s="17"/>
      <c r="B12231" s="17"/>
      <c r="C12231" s="17"/>
      <c r="D12231" s="18"/>
      <c r="E12231" s="18"/>
      <c r="F12231" s="18"/>
      <c r="G12231" s="18"/>
      <c r="H12231" s="18"/>
      <c r="I12231" s="18"/>
      <c r="J12231" s="18"/>
      <c r="K12231" s="18"/>
      <c r="L12231" s="18"/>
      <c r="M12231" s="18"/>
      <c r="N12231" s="18"/>
      <c r="O12231" s="18"/>
      <c r="P12231" s="19"/>
      <c r="Q12231" s="19"/>
      <c r="R12231" s="19"/>
      <c r="S12231" s="19"/>
      <c r="T12231" s="19"/>
      <c r="U12231" s="19"/>
      <c r="V12231" s="19"/>
      <c r="W12231" s="19"/>
      <c r="X12231" s="19"/>
      <c r="Y12231" s="19"/>
      <c r="Z12231" s="19"/>
      <c r="AA12231" s="19"/>
    </row>
    <row r="12232" spans="1:27" s="1" customFormat="1" ht="11.1" customHeight="1" outlineLevel="3" x14ac:dyDescent="0.2">
      <c r="A12232" s="17">
        <v>10075</v>
      </c>
      <c r="B12232" s="17"/>
      <c r="C12232" s="17"/>
      <c r="D12232" s="18" t="s">
        <v>6073</v>
      </c>
      <c r="E12232" s="18"/>
      <c r="F12232" s="18"/>
      <c r="G12232" s="18"/>
      <c r="H12232" s="18"/>
      <c r="I12232" s="18"/>
      <c r="J12232" s="18"/>
      <c r="K12232" s="18"/>
      <c r="L12232" s="18"/>
      <c r="M12232" s="18"/>
      <c r="N12232" s="18"/>
      <c r="O12232" s="18"/>
      <c r="P12232" s="19">
        <v>190</v>
      </c>
      <c r="Q12232" s="19"/>
      <c r="R12232" s="19"/>
      <c r="S12232" s="19"/>
      <c r="T12232" s="19">
        <v>115</v>
      </c>
      <c r="U12232" s="19"/>
      <c r="V12232" s="19"/>
      <c r="W12232" s="19"/>
      <c r="X12232" s="19">
        <v>45</v>
      </c>
      <c r="Y12232" s="19"/>
      <c r="Z12232" s="19"/>
      <c r="AA12232" s="19"/>
    </row>
    <row r="12233" spans="1:27" s="1" customFormat="1" ht="11.1" customHeight="1" outlineLevel="3" x14ac:dyDescent="0.2">
      <c r="A12233" s="17"/>
      <c r="B12233" s="17"/>
      <c r="C12233" s="17"/>
      <c r="D12233" s="18"/>
      <c r="E12233" s="18"/>
      <c r="F12233" s="18"/>
      <c r="G12233" s="18"/>
      <c r="H12233" s="18"/>
      <c r="I12233" s="18"/>
      <c r="J12233" s="18"/>
      <c r="K12233" s="18"/>
      <c r="L12233" s="18"/>
      <c r="M12233" s="18"/>
      <c r="N12233" s="18"/>
      <c r="O12233" s="18"/>
      <c r="P12233" s="19"/>
      <c r="Q12233" s="19"/>
      <c r="R12233" s="19"/>
      <c r="S12233" s="19"/>
      <c r="T12233" s="19"/>
      <c r="U12233" s="19"/>
      <c r="V12233" s="19"/>
      <c r="W12233" s="19"/>
      <c r="X12233" s="19"/>
      <c r="Y12233" s="19"/>
      <c r="Z12233" s="19"/>
      <c r="AA12233" s="19"/>
    </row>
    <row r="12234" spans="1:27" s="1" customFormat="1" ht="11.1" customHeight="1" outlineLevel="3" x14ac:dyDescent="0.2">
      <c r="A12234" s="17">
        <v>10053</v>
      </c>
      <c r="B12234" s="17"/>
      <c r="C12234" s="17"/>
      <c r="D12234" s="18" t="s">
        <v>6074</v>
      </c>
      <c r="E12234" s="18"/>
      <c r="F12234" s="18"/>
      <c r="G12234" s="18"/>
      <c r="H12234" s="18"/>
      <c r="I12234" s="18"/>
      <c r="J12234" s="18"/>
      <c r="K12234" s="18"/>
      <c r="L12234" s="18"/>
      <c r="M12234" s="18"/>
      <c r="N12234" s="18"/>
      <c r="O12234" s="18"/>
      <c r="P12234" s="19">
        <v>290</v>
      </c>
      <c r="Q12234" s="19"/>
      <c r="R12234" s="19"/>
      <c r="S12234" s="19"/>
      <c r="T12234" s="19">
        <v>190</v>
      </c>
      <c r="U12234" s="19"/>
      <c r="V12234" s="19"/>
      <c r="W12234" s="19"/>
      <c r="X12234" s="19">
        <v>1</v>
      </c>
      <c r="Y12234" s="19"/>
      <c r="Z12234" s="19"/>
      <c r="AA12234" s="19"/>
    </row>
    <row r="12235" spans="1:27" s="1" customFormat="1" ht="11.1" customHeight="1" outlineLevel="3" x14ac:dyDescent="0.2">
      <c r="A12235" s="17"/>
      <c r="B12235" s="17"/>
      <c r="C12235" s="17"/>
      <c r="D12235" s="18"/>
      <c r="E12235" s="18"/>
      <c r="F12235" s="18"/>
      <c r="G12235" s="18"/>
      <c r="H12235" s="18"/>
      <c r="I12235" s="18"/>
      <c r="J12235" s="18"/>
      <c r="K12235" s="18"/>
      <c r="L12235" s="18"/>
      <c r="M12235" s="18"/>
      <c r="N12235" s="18"/>
      <c r="O12235" s="18"/>
      <c r="P12235" s="19"/>
      <c r="Q12235" s="19"/>
      <c r="R12235" s="19"/>
      <c r="S12235" s="19"/>
      <c r="T12235" s="19"/>
      <c r="U12235" s="19"/>
      <c r="V12235" s="19"/>
      <c r="W12235" s="19"/>
      <c r="X12235" s="19"/>
      <c r="Y12235" s="19"/>
      <c r="Z12235" s="19"/>
      <c r="AA12235" s="19"/>
    </row>
    <row r="12236" spans="1:27" s="1" customFormat="1" ht="11.1" customHeight="1" outlineLevel="3" x14ac:dyDescent="0.2">
      <c r="A12236" s="17">
        <v>11338</v>
      </c>
      <c r="B12236" s="17"/>
      <c r="C12236" s="17"/>
      <c r="D12236" s="18" t="s">
        <v>6075</v>
      </c>
      <c r="E12236" s="18"/>
      <c r="F12236" s="18"/>
      <c r="G12236" s="18"/>
      <c r="H12236" s="18"/>
      <c r="I12236" s="18"/>
      <c r="J12236" s="18"/>
      <c r="K12236" s="18"/>
      <c r="L12236" s="18"/>
      <c r="M12236" s="18"/>
      <c r="N12236" s="18"/>
      <c r="O12236" s="18"/>
      <c r="P12236" s="19">
        <v>200</v>
      </c>
      <c r="Q12236" s="19"/>
      <c r="R12236" s="19"/>
      <c r="S12236" s="19"/>
      <c r="T12236" s="19">
        <v>150</v>
      </c>
      <c r="U12236" s="19"/>
      <c r="V12236" s="19"/>
      <c r="W12236" s="19"/>
      <c r="X12236" s="19">
        <v>3</v>
      </c>
      <c r="Y12236" s="19"/>
      <c r="Z12236" s="19"/>
      <c r="AA12236" s="19"/>
    </row>
    <row r="12237" spans="1:27" s="1" customFormat="1" ht="11.1" customHeight="1" outlineLevel="3" x14ac:dyDescent="0.2">
      <c r="A12237" s="17"/>
      <c r="B12237" s="17"/>
      <c r="C12237" s="17"/>
      <c r="D12237" s="18"/>
      <c r="E12237" s="18"/>
      <c r="F12237" s="18"/>
      <c r="G12237" s="18"/>
      <c r="H12237" s="18"/>
      <c r="I12237" s="18"/>
      <c r="J12237" s="18"/>
      <c r="K12237" s="18"/>
      <c r="L12237" s="18"/>
      <c r="M12237" s="18"/>
      <c r="N12237" s="18"/>
      <c r="O12237" s="18"/>
      <c r="P12237" s="19"/>
      <c r="Q12237" s="19"/>
      <c r="R12237" s="19"/>
      <c r="S12237" s="19"/>
      <c r="T12237" s="19"/>
      <c r="U12237" s="19"/>
      <c r="V12237" s="19"/>
      <c r="W12237" s="19"/>
      <c r="X12237" s="19"/>
      <c r="Y12237" s="19"/>
      <c r="Z12237" s="19"/>
      <c r="AA12237" s="19"/>
    </row>
    <row r="12238" spans="1:27" s="1" customFormat="1" ht="11.1" customHeight="1" outlineLevel="3" x14ac:dyDescent="0.2">
      <c r="A12238" s="17">
        <v>7648</v>
      </c>
      <c r="B12238" s="17"/>
      <c r="C12238" s="17"/>
      <c r="D12238" s="18" t="s">
        <v>6076</v>
      </c>
      <c r="E12238" s="18"/>
      <c r="F12238" s="18"/>
      <c r="G12238" s="18"/>
      <c r="H12238" s="18"/>
      <c r="I12238" s="18"/>
      <c r="J12238" s="18"/>
      <c r="K12238" s="18"/>
      <c r="L12238" s="18"/>
      <c r="M12238" s="18"/>
      <c r="N12238" s="18"/>
      <c r="O12238" s="18"/>
      <c r="P12238" s="19">
        <v>296</v>
      </c>
      <c r="Q12238" s="19"/>
      <c r="R12238" s="19"/>
      <c r="S12238" s="19"/>
      <c r="T12238" s="19">
        <v>196</v>
      </c>
      <c r="U12238" s="19"/>
      <c r="V12238" s="19"/>
      <c r="W12238" s="19"/>
      <c r="X12238" s="19">
        <v>1</v>
      </c>
      <c r="Y12238" s="19"/>
      <c r="Z12238" s="19"/>
      <c r="AA12238" s="19"/>
    </row>
    <row r="12239" spans="1:27" s="1" customFormat="1" ht="11.1" customHeight="1" outlineLevel="3" x14ac:dyDescent="0.2">
      <c r="A12239" s="17"/>
      <c r="B12239" s="17"/>
      <c r="C12239" s="17"/>
      <c r="D12239" s="18"/>
      <c r="E12239" s="18"/>
      <c r="F12239" s="18"/>
      <c r="G12239" s="18"/>
      <c r="H12239" s="18"/>
      <c r="I12239" s="18"/>
      <c r="J12239" s="18"/>
      <c r="K12239" s="18"/>
      <c r="L12239" s="18"/>
      <c r="M12239" s="18"/>
      <c r="N12239" s="18"/>
      <c r="O12239" s="18"/>
      <c r="P12239" s="19"/>
      <c r="Q12239" s="19"/>
      <c r="R12239" s="19"/>
      <c r="S12239" s="19"/>
      <c r="T12239" s="19"/>
      <c r="U12239" s="19"/>
      <c r="V12239" s="19"/>
      <c r="W12239" s="19"/>
      <c r="X12239" s="19"/>
      <c r="Y12239" s="19"/>
      <c r="Z12239" s="19"/>
      <c r="AA12239" s="19"/>
    </row>
    <row r="12240" spans="1:27" s="1" customFormat="1" ht="11.1" customHeight="1" outlineLevel="3" x14ac:dyDescent="0.2">
      <c r="A12240" s="17">
        <v>10843</v>
      </c>
      <c r="B12240" s="17"/>
      <c r="C12240" s="17"/>
      <c r="D12240" s="18" t="s">
        <v>6077</v>
      </c>
      <c r="E12240" s="18"/>
      <c r="F12240" s="18"/>
      <c r="G12240" s="18"/>
      <c r="H12240" s="18"/>
      <c r="I12240" s="18"/>
      <c r="J12240" s="18"/>
      <c r="K12240" s="18"/>
      <c r="L12240" s="18"/>
      <c r="M12240" s="18"/>
      <c r="N12240" s="18"/>
      <c r="O12240" s="18"/>
      <c r="P12240" s="19">
        <v>285</v>
      </c>
      <c r="Q12240" s="19"/>
      <c r="R12240" s="19"/>
      <c r="S12240" s="19"/>
      <c r="T12240" s="19">
        <v>170</v>
      </c>
      <c r="U12240" s="19"/>
      <c r="V12240" s="19"/>
      <c r="W12240" s="19"/>
      <c r="X12240" s="19">
        <v>13</v>
      </c>
      <c r="Y12240" s="19"/>
      <c r="Z12240" s="19"/>
      <c r="AA12240" s="19"/>
    </row>
    <row r="12241" spans="1:27" s="1" customFormat="1" ht="11.1" customHeight="1" outlineLevel="3" x14ac:dyDescent="0.2">
      <c r="A12241" s="17"/>
      <c r="B12241" s="17"/>
      <c r="C12241" s="17"/>
      <c r="D12241" s="18"/>
      <c r="E12241" s="18"/>
      <c r="F12241" s="18"/>
      <c r="G12241" s="18"/>
      <c r="H12241" s="18"/>
      <c r="I12241" s="18"/>
      <c r="J12241" s="18"/>
      <c r="K12241" s="18"/>
      <c r="L12241" s="18"/>
      <c r="M12241" s="18"/>
      <c r="N12241" s="18"/>
      <c r="O12241" s="18"/>
      <c r="P12241" s="19"/>
      <c r="Q12241" s="19"/>
      <c r="R12241" s="19"/>
      <c r="S12241" s="19"/>
      <c r="T12241" s="19"/>
      <c r="U12241" s="19"/>
      <c r="V12241" s="19"/>
      <c r="W12241" s="19"/>
      <c r="X12241" s="19"/>
      <c r="Y12241" s="19"/>
      <c r="Z12241" s="19"/>
      <c r="AA12241" s="19"/>
    </row>
    <row r="12242" spans="1:27" s="1" customFormat="1" ht="11.1" customHeight="1" outlineLevel="3" x14ac:dyDescent="0.2">
      <c r="A12242" s="17">
        <v>8732</v>
      </c>
      <c r="B12242" s="17"/>
      <c r="C12242" s="17"/>
      <c r="D12242" s="18" t="s">
        <v>6078</v>
      </c>
      <c r="E12242" s="18"/>
      <c r="F12242" s="18"/>
      <c r="G12242" s="18"/>
      <c r="H12242" s="18"/>
      <c r="I12242" s="18"/>
      <c r="J12242" s="18"/>
      <c r="K12242" s="18"/>
      <c r="L12242" s="18"/>
      <c r="M12242" s="18"/>
      <c r="N12242" s="18"/>
      <c r="O12242" s="18"/>
      <c r="P12242" s="19">
        <v>280</v>
      </c>
      <c r="Q12242" s="19"/>
      <c r="R12242" s="19"/>
      <c r="S12242" s="19"/>
      <c r="T12242" s="19">
        <v>185</v>
      </c>
      <c r="U12242" s="19"/>
      <c r="V12242" s="19"/>
      <c r="W12242" s="19"/>
      <c r="X12242" s="19">
        <v>1</v>
      </c>
      <c r="Y12242" s="19"/>
      <c r="Z12242" s="19"/>
      <c r="AA12242" s="19"/>
    </row>
    <row r="12243" spans="1:27" s="1" customFormat="1" ht="11.1" customHeight="1" outlineLevel="3" x14ac:dyDescent="0.2">
      <c r="A12243" s="17"/>
      <c r="B12243" s="17"/>
      <c r="C12243" s="17"/>
      <c r="D12243" s="18"/>
      <c r="E12243" s="18"/>
      <c r="F12243" s="18"/>
      <c r="G12243" s="18"/>
      <c r="H12243" s="18"/>
      <c r="I12243" s="18"/>
      <c r="J12243" s="18"/>
      <c r="K12243" s="18"/>
      <c r="L12243" s="18"/>
      <c r="M12243" s="18"/>
      <c r="N12243" s="18"/>
      <c r="O12243" s="18"/>
      <c r="P12243" s="19"/>
      <c r="Q12243" s="19"/>
      <c r="R12243" s="19"/>
      <c r="S12243" s="19"/>
      <c r="T12243" s="19"/>
      <c r="U12243" s="19"/>
      <c r="V12243" s="19"/>
      <c r="W12243" s="19"/>
      <c r="X12243" s="19"/>
      <c r="Y12243" s="19"/>
      <c r="Z12243" s="19"/>
      <c r="AA12243" s="19"/>
    </row>
    <row r="12244" spans="1:27" s="1" customFormat="1" ht="11.1" customHeight="1" outlineLevel="3" x14ac:dyDescent="0.2">
      <c r="A12244" s="17">
        <v>18234</v>
      </c>
      <c r="B12244" s="17"/>
      <c r="C12244" s="17"/>
      <c r="D12244" s="18" t="s">
        <v>6079</v>
      </c>
      <c r="E12244" s="18"/>
      <c r="F12244" s="18"/>
      <c r="G12244" s="18"/>
      <c r="H12244" s="18"/>
      <c r="I12244" s="18"/>
      <c r="J12244" s="18"/>
      <c r="K12244" s="18"/>
      <c r="L12244" s="18"/>
      <c r="M12244" s="18"/>
      <c r="N12244" s="18"/>
      <c r="O12244" s="18"/>
      <c r="P12244" s="19">
        <v>360</v>
      </c>
      <c r="Q12244" s="19"/>
      <c r="R12244" s="19"/>
      <c r="S12244" s="19"/>
      <c r="T12244" s="19">
        <v>230</v>
      </c>
      <c r="U12244" s="19"/>
      <c r="V12244" s="19"/>
      <c r="W12244" s="19"/>
      <c r="X12244" s="19">
        <v>2</v>
      </c>
      <c r="Y12244" s="19"/>
      <c r="Z12244" s="19"/>
      <c r="AA12244" s="19"/>
    </row>
    <row r="12245" spans="1:27" s="1" customFormat="1" ht="11.1" customHeight="1" outlineLevel="3" x14ac:dyDescent="0.2">
      <c r="A12245" s="17"/>
      <c r="B12245" s="17"/>
      <c r="C12245" s="17"/>
      <c r="D12245" s="18"/>
      <c r="E12245" s="18"/>
      <c r="F12245" s="18"/>
      <c r="G12245" s="18"/>
      <c r="H12245" s="18"/>
      <c r="I12245" s="18"/>
      <c r="J12245" s="18"/>
      <c r="K12245" s="18"/>
      <c r="L12245" s="18"/>
      <c r="M12245" s="18"/>
      <c r="N12245" s="18"/>
      <c r="O12245" s="18"/>
      <c r="P12245" s="19"/>
      <c r="Q12245" s="19"/>
      <c r="R12245" s="19"/>
      <c r="S12245" s="19"/>
      <c r="T12245" s="19"/>
      <c r="U12245" s="19"/>
      <c r="V12245" s="19"/>
      <c r="W12245" s="19"/>
      <c r="X12245" s="19"/>
      <c r="Y12245" s="19"/>
      <c r="Z12245" s="19"/>
      <c r="AA12245" s="19"/>
    </row>
    <row r="12246" spans="1:27" s="1" customFormat="1" ht="11.1" customHeight="1" outlineLevel="3" x14ac:dyDescent="0.2">
      <c r="A12246" s="17">
        <v>13849</v>
      </c>
      <c r="B12246" s="17"/>
      <c r="C12246" s="17"/>
      <c r="D12246" s="18" t="s">
        <v>6080</v>
      </c>
      <c r="E12246" s="18"/>
      <c r="F12246" s="18"/>
      <c r="G12246" s="18"/>
      <c r="H12246" s="18"/>
      <c r="I12246" s="18"/>
      <c r="J12246" s="18"/>
      <c r="K12246" s="18"/>
      <c r="L12246" s="18"/>
      <c r="M12246" s="18"/>
      <c r="N12246" s="18"/>
      <c r="O12246" s="18"/>
      <c r="P12246" s="19">
        <v>190</v>
      </c>
      <c r="Q12246" s="19"/>
      <c r="R12246" s="19"/>
      <c r="S12246" s="19"/>
      <c r="T12246" s="19">
        <v>115</v>
      </c>
      <c r="U12246" s="19"/>
      <c r="V12246" s="19"/>
      <c r="W12246" s="19"/>
      <c r="X12246" s="19">
        <v>13</v>
      </c>
      <c r="Y12246" s="19"/>
      <c r="Z12246" s="19"/>
      <c r="AA12246" s="19"/>
    </row>
    <row r="12247" spans="1:27" s="1" customFormat="1" ht="11.1" customHeight="1" outlineLevel="3" x14ac:dyDescent="0.2">
      <c r="A12247" s="17"/>
      <c r="B12247" s="17"/>
      <c r="C12247" s="17"/>
      <c r="D12247" s="18"/>
      <c r="E12247" s="18"/>
      <c r="F12247" s="18"/>
      <c r="G12247" s="18"/>
      <c r="H12247" s="18"/>
      <c r="I12247" s="18"/>
      <c r="J12247" s="18"/>
      <c r="K12247" s="18"/>
      <c r="L12247" s="18"/>
      <c r="M12247" s="18"/>
      <c r="N12247" s="18"/>
      <c r="O12247" s="18"/>
      <c r="P12247" s="19"/>
      <c r="Q12247" s="19"/>
      <c r="R12247" s="19"/>
      <c r="S12247" s="19"/>
      <c r="T12247" s="19"/>
      <c r="U12247" s="19"/>
      <c r="V12247" s="19"/>
      <c r="W12247" s="19"/>
      <c r="X12247" s="19"/>
      <c r="Y12247" s="19"/>
      <c r="Z12247" s="19"/>
      <c r="AA12247" s="19"/>
    </row>
    <row r="12248" spans="1:27" s="1" customFormat="1" ht="11.1" customHeight="1" outlineLevel="3" x14ac:dyDescent="0.2">
      <c r="A12248" s="17">
        <v>10076</v>
      </c>
      <c r="B12248" s="17"/>
      <c r="C12248" s="17"/>
      <c r="D12248" s="18" t="s">
        <v>6081</v>
      </c>
      <c r="E12248" s="18"/>
      <c r="F12248" s="18"/>
      <c r="G12248" s="18"/>
      <c r="H12248" s="18"/>
      <c r="I12248" s="18"/>
      <c r="J12248" s="18"/>
      <c r="K12248" s="18"/>
      <c r="L12248" s="18"/>
      <c r="M12248" s="18"/>
      <c r="N12248" s="18"/>
      <c r="O12248" s="18"/>
      <c r="P12248" s="19">
        <v>270</v>
      </c>
      <c r="Q12248" s="19"/>
      <c r="R12248" s="19"/>
      <c r="S12248" s="19"/>
      <c r="T12248" s="19">
        <v>200</v>
      </c>
      <c r="U12248" s="19"/>
      <c r="V12248" s="19"/>
      <c r="W12248" s="19"/>
      <c r="X12248" s="19">
        <v>3</v>
      </c>
      <c r="Y12248" s="19"/>
      <c r="Z12248" s="19"/>
      <c r="AA12248" s="19"/>
    </row>
    <row r="12249" spans="1:27" s="1" customFormat="1" ht="11.1" customHeight="1" outlineLevel="3" x14ac:dyDescent="0.2">
      <c r="A12249" s="17"/>
      <c r="B12249" s="17"/>
      <c r="C12249" s="17"/>
      <c r="D12249" s="18"/>
      <c r="E12249" s="18"/>
      <c r="F12249" s="18"/>
      <c r="G12249" s="18"/>
      <c r="H12249" s="18"/>
      <c r="I12249" s="18"/>
      <c r="J12249" s="18"/>
      <c r="K12249" s="18"/>
      <c r="L12249" s="18"/>
      <c r="M12249" s="18"/>
      <c r="N12249" s="18"/>
      <c r="O12249" s="18"/>
      <c r="P12249" s="19"/>
      <c r="Q12249" s="19"/>
      <c r="R12249" s="19"/>
      <c r="S12249" s="19"/>
      <c r="T12249" s="19"/>
      <c r="U12249" s="19"/>
      <c r="V12249" s="19"/>
      <c r="W12249" s="19"/>
      <c r="X12249" s="19"/>
      <c r="Y12249" s="19"/>
      <c r="Z12249" s="19"/>
      <c r="AA12249" s="19"/>
    </row>
    <row r="12250" spans="1:27" s="1" customFormat="1" ht="11.1" customHeight="1" outlineLevel="3" x14ac:dyDescent="0.2">
      <c r="A12250" s="17">
        <v>10062</v>
      </c>
      <c r="B12250" s="17"/>
      <c r="C12250" s="17"/>
      <c r="D12250" s="18" t="s">
        <v>6082</v>
      </c>
      <c r="E12250" s="18"/>
      <c r="F12250" s="18"/>
      <c r="G12250" s="18"/>
      <c r="H12250" s="18"/>
      <c r="I12250" s="18"/>
      <c r="J12250" s="18"/>
      <c r="K12250" s="18"/>
      <c r="L12250" s="18"/>
      <c r="M12250" s="18"/>
      <c r="N12250" s="18"/>
      <c r="O12250" s="18"/>
      <c r="P12250" s="19">
        <v>360</v>
      </c>
      <c r="Q12250" s="19"/>
      <c r="R12250" s="19"/>
      <c r="S12250" s="19"/>
      <c r="T12250" s="19">
        <v>240</v>
      </c>
      <c r="U12250" s="19"/>
      <c r="V12250" s="19"/>
      <c r="W12250" s="19"/>
      <c r="X12250" s="19">
        <v>3</v>
      </c>
      <c r="Y12250" s="19"/>
      <c r="Z12250" s="19"/>
      <c r="AA12250" s="19"/>
    </row>
    <row r="12251" spans="1:27" s="1" customFormat="1" ht="11.1" customHeight="1" outlineLevel="3" x14ac:dyDescent="0.2">
      <c r="A12251" s="17"/>
      <c r="B12251" s="17"/>
      <c r="C12251" s="17"/>
      <c r="D12251" s="18"/>
      <c r="E12251" s="18"/>
      <c r="F12251" s="18"/>
      <c r="G12251" s="18"/>
      <c r="H12251" s="18"/>
      <c r="I12251" s="18"/>
      <c r="J12251" s="18"/>
      <c r="K12251" s="18"/>
      <c r="L12251" s="18"/>
      <c r="M12251" s="18"/>
      <c r="N12251" s="18"/>
      <c r="O12251" s="18"/>
      <c r="P12251" s="19"/>
      <c r="Q12251" s="19"/>
      <c r="R12251" s="19"/>
      <c r="S12251" s="19"/>
      <c r="T12251" s="19"/>
      <c r="U12251" s="19"/>
      <c r="V12251" s="19"/>
      <c r="W12251" s="19"/>
      <c r="X12251" s="19"/>
      <c r="Y12251" s="19"/>
      <c r="Z12251" s="19"/>
      <c r="AA12251" s="19"/>
    </row>
    <row r="12252" spans="1:27" s="1" customFormat="1" ht="11.1" customHeight="1" outlineLevel="3" x14ac:dyDescent="0.2">
      <c r="A12252" s="17">
        <v>8412</v>
      </c>
      <c r="B12252" s="17"/>
      <c r="C12252" s="17"/>
      <c r="D12252" s="18" t="s">
        <v>6083</v>
      </c>
      <c r="E12252" s="18"/>
      <c r="F12252" s="18"/>
      <c r="G12252" s="18"/>
      <c r="H12252" s="18"/>
      <c r="I12252" s="18"/>
      <c r="J12252" s="18"/>
      <c r="K12252" s="18"/>
      <c r="L12252" s="18"/>
      <c r="M12252" s="18"/>
      <c r="N12252" s="18"/>
      <c r="O12252" s="18"/>
      <c r="P12252" s="19">
        <v>390</v>
      </c>
      <c r="Q12252" s="19"/>
      <c r="R12252" s="19"/>
      <c r="S12252" s="19"/>
      <c r="T12252" s="19">
        <v>245</v>
      </c>
      <c r="U12252" s="19"/>
      <c r="V12252" s="19"/>
      <c r="W12252" s="19"/>
      <c r="X12252" s="19">
        <v>2</v>
      </c>
      <c r="Y12252" s="19"/>
      <c r="Z12252" s="19"/>
      <c r="AA12252" s="19"/>
    </row>
    <row r="12253" spans="1:27" s="1" customFormat="1" ht="11.1" customHeight="1" outlineLevel="3" x14ac:dyDescent="0.2">
      <c r="A12253" s="17"/>
      <c r="B12253" s="17"/>
      <c r="C12253" s="17"/>
      <c r="D12253" s="18"/>
      <c r="E12253" s="18"/>
      <c r="F12253" s="18"/>
      <c r="G12253" s="18"/>
      <c r="H12253" s="18"/>
      <c r="I12253" s="18"/>
      <c r="J12253" s="18"/>
      <c r="K12253" s="18"/>
      <c r="L12253" s="18"/>
      <c r="M12253" s="18"/>
      <c r="N12253" s="18"/>
      <c r="O12253" s="18"/>
      <c r="P12253" s="19"/>
      <c r="Q12253" s="19"/>
      <c r="R12253" s="19"/>
      <c r="S12253" s="19"/>
      <c r="T12253" s="19"/>
      <c r="U12253" s="19"/>
      <c r="V12253" s="19"/>
      <c r="W12253" s="19"/>
      <c r="X12253" s="19"/>
      <c r="Y12253" s="19"/>
      <c r="Z12253" s="19"/>
      <c r="AA12253" s="19"/>
    </row>
    <row r="12254" spans="1:27" s="1" customFormat="1" ht="11.1" customHeight="1" outlineLevel="3" x14ac:dyDescent="0.2">
      <c r="A12254" s="17">
        <v>10078</v>
      </c>
      <c r="B12254" s="17"/>
      <c r="C12254" s="17"/>
      <c r="D12254" s="18" t="s">
        <v>6084</v>
      </c>
      <c r="E12254" s="18"/>
      <c r="F12254" s="18"/>
      <c r="G12254" s="18"/>
      <c r="H12254" s="18"/>
      <c r="I12254" s="18"/>
      <c r="J12254" s="18"/>
      <c r="K12254" s="18"/>
      <c r="L12254" s="18"/>
      <c r="M12254" s="18"/>
      <c r="N12254" s="18"/>
      <c r="O12254" s="18"/>
      <c r="P12254" s="19">
        <v>360</v>
      </c>
      <c r="Q12254" s="19"/>
      <c r="R12254" s="19"/>
      <c r="S12254" s="19"/>
      <c r="T12254" s="19">
        <v>240</v>
      </c>
      <c r="U12254" s="19"/>
      <c r="V12254" s="19"/>
      <c r="W12254" s="19"/>
      <c r="X12254" s="19">
        <v>1</v>
      </c>
      <c r="Y12254" s="19"/>
      <c r="Z12254" s="19"/>
      <c r="AA12254" s="19"/>
    </row>
    <row r="12255" spans="1:27" s="1" customFormat="1" ht="11.1" customHeight="1" outlineLevel="3" x14ac:dyDescent="0.2">
      <c r="A12255" s="17"/>
      <c r="B12255" s="17"/>
      <c r="C12255" s="17"/>
      <c r="D12255" s="18"/>
      <c r="E12255" s="18"/>
      <c r="F12255" s="18"/>
      <c r="G12255" s="18"/>
      <c r="H12255" s="18"/>
      <c r="I12255" s="18"/>
      <c r="J12255" s="18"/>
      <c r="K12255" s="18"/>
      <c r="L12255" s="18"/>
      <c r="M12255" s="18"/>
      <c r="N12255" s="18"/>
      <c r="O12255" s="18"/>
      <c r="P12255" s="19"/>
      <c r="Q12255" s="19"/>
      <c r="R12255" s="19"/>
      <c r="S12255" s="19"/>
      <c r="T12255" s="19"/>
      <c r="U12255" s="19"/>
      <c r="V12255" s="19"/>
      <c r="W12255" s="19"/>
      <c r="X12255" s="19"/>
      <c r="Y12255" s="19"/>
      <c r="Z12255" s="19"/>
      <c r="AA12255" s="19"/>
    </row>
    <row r="12256" spans="1:27" s="1" customFormat="1" ht="11.1" customHeight="1" outlineLevel="3" x14ac:dyDescent="0.2">
      <c r="A12256" s="17">
        <v>12424</v>
      </c>
      <c r="B12256" s="17"/>
      <c r="C12256" s="17"/>
      <c r="D12256" s="18" t="s">
        <v>6085</v>
      </c>
      <c r="E12256" s="18"/>
      <c r="F12256" s="18"/>
      <c r="G12256" s="18"/>
      <c r="H12256" s="18"/>
      <c r="I12256" s="18"/>
      <c r="J12256" s="18"/>
      <c r="K12256" s="18"/>
      <c r="L12256" s="18"/>
      <c r="M12256" s="18"/>
      <c r="N12256" s="18"/>
      <c r="O12256" s="18"/>
      <c r="P12256" s="19">
        <v>290</v>
      </c>
      <c r="Q12256" s="19"/>
      <c r="R12256" s="19"/>
      <c r="S12256" s="19"/>
      <c r="T12256" s="19">
        <v>190</v>
      </c>
      <c r="U12256" s="19"/>
      <c r="V12256" s="19"/>
      <c r="W12256" s="19"/>
      <c r="X12256" s="19">
        <v>2</v>
      </c>
      <c r="Y12256" s="19"/>
      <c r="Z12256" s="19"/>
      <c r="AA12256" s="19"/>
    </row>
    <row r="12257" spans="1:27" s="1" customFormat="1" ht="11.1" customHeight="1" outlineLevel="3" x14ac:dyDescent="0.2">
      <c r="A12257" s="17"/>
      <c r="B12257" s="17"/>
      <c r="C12257" s="17"/>
      <c r="D12257" s="18"/>
      <c r="E12257" s="18"/>
      <c r="F12257" s="18"/>
      <c r="G12257" s="18"/>
      <c r="H12257" s="18"/>
      <c r="I12257" s="18"/>
      <c r="J12257" s="18"/>
      <c r="K12257" s="18"/>
      <c r="L12257" s="18"/>
      <c r="M12257" s="18"/>
      <c r="N12257" s="18"/>
      <c r="O12257" s="18"/>
      <c r="P12257" s="19"/>
      <c r="Q12257" s="19"/>
      <c r="R12257" s="19"/>
      <c r="S12257" s="19"/>
      <c r="T12257" s="19"/>
      <c r="U12257" s="19"/>
      <c r="V12257" s="19"/>
      <c r="W12257" s="19"/>
      <c r="X12257" s="19"/>
      <c r="Y12257" s="19"/>
      <c r="Z12257" s="19"/>
      <c r="AA12257" s="19"/>
    </row>
    <row r="12258" spans="1:27" s="1" customFormat="1" ht="11.1" customHeight="1" outlineLevel="2" x14ac:dyDescent="0.2">
      <c r="A12258" s="16" t="s">
        <v>6086</v>
      </c>
      <c r="B12258" s="16"/>
      <c r="C12258" s="16"/>
      <c r="D12258" s="16"/>
      <c r="E12258" s="16"/>
      <c r="F12258" s="16"/>
      <c r="G12258" s="16"/>
      <c r="H12258" s="16"/>
      <c r="I12258" s="16"/>
      <c r="J12258" s="16"/>
      <c r="K12258" s="16"/>
      <c r="L12258" s="16"/>
      <c r="M12258" s="16"/>
      <c r="N12258" s="16"/>
      <c r="O12258" s="16"/>
      <c r="P12258" s="16"/>
      <c r="Q12258" s="16"/>
      <c r="R12258" s="16"/>
      <c r="S12258" s="16"/>
      <c r="T12258" s="16"/>
      <c r="U12258" s="16"/>
      <c r="V12258" s="16"/>
      <c r="W12258" s="16"/>
      <c r="X12258" s="16"/>
      <c r="Y12258" s="16"/>
      <c r="Z12258" s="16"/>
      <c r="AA12258" s="16"/>
    </row>
    <row r="12259" spans="1:27" s="1" customFormat="1" ht="11.1" customHeight="1" outlineLevel="2" x14ac:dyDescent="0.2">
      <c r="A12259" s="16"/>
      <c r="B12259" s="16"/>
      <c r="C12259" s="16"/>
      <c r="D12259" s="16"/>
      <c r="E12259" s="16"/>
      <c r="F12259" s="16"/>
      <c r="G12259" s="16"/>
      <c r="H12259" s="16"/>
      <c r="I12259" s="16"/>
      <c r="J12259" s="16"/>
      <c r="K12259" s="16"/>
      <c r="L12259" s="16"/>
      <c r="M12259" s="16"/>
      <c r="N12259" s="16"/>
      <c r="O12259" s="16"/>
      <c r="P12259" s="16"/>
      <c r="Q12259" s="16"/>
      <c r="R12259" s="16"/>
      <c r="S12259" s="16"/>
      <c r="T12259" s="16"/>
      <c r="U12259" s="16"/>
      <c r="V12259" s="16"/>
      <c r="W12259" s="16"/>
      <c r="X12259" s="16"/>
      <c r="Y12259" s="16"/>
      <c r="Z12259" s="16"/>
      <c r="AA12259" s="16"/>
    </row>
    <row r="12260" spans="1:27" s="1" customFormat="1" ht="11.1" customHeight="1" outlineLevel="3" x14ac:dyDescent="0.2">
      <c r="A12260" s="17">
        <v>12414</v>
      </c>
      <c r="B12260" s="17"/>
      <c r="C12260" s="17"/>
      <c r="D12260" s="18" t="s">
        <v>6087</v>
      </c>
      <c r="E12260" s="18"/>
      <c r="F12260" s="18"/>
      <c r="G12260" s="18"/>
      <c r="H12260" s="18"/>
      <c r="I12260" s="18"/>
      <c r="J12260" s="18"/>
      <c r="K12260" s="18"/>
      <c r="L12260" s="18"/>
      <c r="M12260" s="18"/>
      <c r="N12260" s="18"/>
      <c r="O12260" s="18"/>
      <c r="P12260" s="19">
        <v>290</v>
      </c>
      <c r="Q12260" s="19"/>
      <c r="R12260" s="19"/>
      <c r="S12260" s="19"/>
      <c r="T12260" s="19">
        <v>190</v>
      </c>
      <c r="U12260" s="19"/>
      <c r="V12260" s="19"/>
      <c r="W12260" s="19"/>
      <c r="X12260" s="19">
        <v>31</v>
      </c>
      <c r="Y12260" s="19"/>
      <c r="Z12260" s="19"/>
      <c r="AA12260" s="19"/>
    </row>
    <row r="12261" spans="1:27" s="1" customFormat="1" ht="11.1" customHeight="1" outlineLevel="3" x14ac:dyDescent="0.2">
      <c r="A12261" s="17"/>
      <c r="B12261" s="17"/>
      <c r="C12261" s="17"/>
      <c r="D12261" s="18"/>
      <c r="E12261" s="18"/>
      <c r="F12261" s="18"/>
      <c r="G12261" s="18"/>
      <c r="H12261" s="18"/>
      <c r="I12261" s="18"/>
      <c r="J12261" s="18"/>
      <c r="K12261" s="18"/>
      <c r="L12261" s="18"/>
      <c r="M12261" s="18"/>
      <c r="N12261" s="18"/>
      <c r="O12261" s="18"/>
      <c r="P12261" s="19"/>
      <c r="Q12261" s="19"/>
      <c r="R12261" s="19"/>
      <c r="S12261" s="19"/>
      <c r="T12261" s="19"/>
      <c r="U12261" s="19"/>
      <c r="V12261" s="19"/>
      <c r="W12261" s="19"/>
      <c r="X12261" s="19"/>
      <c r="Y12261" s="19"/>
      <c r="Z12261" s="19"/>
      <c r="AA12261" s="19"/>
    </row>
    <row r="12262" spans="1:27" s="1" customFormat="1" ht="11.1" customHeight="1" outlineLevel="3" x14ac:dyDescent="0.2">
      <c r="A12262" s="17">
        <v>12214</v>
      </c>
      <c r="B12262" s="17"/>
      <c r="C12262" s="17"/>
      <c r="D12262" s="18" t="s">
        <v>6088</v>
      </c>
      <c r="E12262" s="18"/>
      <c r="F12262" s="18"/>
      <c r="G12262" s="18"/>
      <c r="H12262" s="18"/>
      <c r="I12262" s="18"/>
      <c r="J12262" s="18"/>
      <c r="K12262" s="18"/>
      <c r="L12262" s="18"/>
      <c r="M12262" s="18"/>
      <c r="N12262" s="18"/>
      <c r="O12262" s="18"/>
      <c r="P12262" s="20">
        <v>2900</v>
      </c>
      <c r="Q12262" s="20"/>
      <c r="R12262" s="20"/>
      <c r="S12262" s="20"/>
      <c r="T12262" s="20">
        <v>2750</v>
      </c>
      <c r="U12262" s="20"/>
      <c r="V12262" s="20"/>
      <c r="W12262" s="20"/>
      <c r="X12262" s="19">
        <v>1</v>
      </c>
      <c r="Y12262" s="19"/>
      <c r="Z12262" s="19"/>
      <c r="AA12262" s="19"/>
    </row>
    <row r="12263" spans="1:27" s="1" customFormat="1" ht="11.1" customHeight="1" outlineLevel="3" x14ac:dyDescent="0.2">
      <c r="A12263" s="17"/>
      <c r="B12263" s="17"/>
      <c r="C12263" s="17"/>
      <c r="D12263" s="18"/>
      <c r="E12263" s="18"/>
      <c r="F12263" s="18"/>
      <c r="G12263" s="18"/>
      <c r="H12263" s="18"/>
      <c r="I12263" s="18"/>
      <c r="J12263" s="18"/>
      <c r="K12263" s="18"/>
      <c r="L12263" s="18"/>
      <c r="M12263" s="18"/>
      <c r="N12263" s="18"/>
      <c r="O12263" s="18"/>
      <c r="P12263" s="20"/>
      <c r="Q12263" s="20"/>
      <c r="R12263" s="20"/>
      <c r="S12263" s="20"/>
      <c r="T12263" s="20"/>
      <c r="U12263" s="20"/>
      <c r="V12263" s="20"/>
      <c r="W12263" s="20"/>
      <c r="X12263" s="19"/>
      <c r="Y12263" s="19"/>
      <c r="Z12263" s="19"/>
      <c r="AA12263" s="19"/>
    </row>
    <row r="12264" spans="1:27" s="1" customFormat="1" ht="14.1" customHeight="1" outlineLevel="3" x14ac:dyDescent="0.2">
      <c r="A12264" s="17">
        <v>13784</v>
      </c>
      <c r="B12264" s="17"/>
      <c r="C12264" s="17"/>
      <c r="D12264" s="18" t="s">
        <v>6089</v>
      </c>
      <c r="E12264" s="18"/>
      <c r="F12264" s="18"/>
      <c r="G12264" s="18"/>
      <c r="H12264" s="18"/>
      <c r="I12264" s="18"/>
      <c r="J12264" s="18"/>
      <c r="K12264" s="18"/>
      <c r="L12264" s="18"/>
      <c r="M12264" s="18"/>
      <c r="N12264" s="18"/>
      <c r="O12264" s="18"/>
      <c r="P12264" s="19">
        <v>310</v>
      </c>
      <c r="Q12264" s="19"/>
      <c r="R12264" s="19"/>
      <c r="S12264" s="19"/>
      <c r="T12264" s="19">
        <v>200</v>
      </c>
      <c r="U12264" s="19"/>
      <c r="V12264" s="19"/>
      <c r="W12264" s="19"/>
      <c r="X12264" s="19">
        <v>6</v>
      </c>
      <c r="Y12264" s="19"/>
      <c r="Z12264" s="19"/>
      <c r="AA12264" s="19"/>
    </row>
    <row r="12265" spans="1:27" s="1" customFormat="1" ht="14.1" customHeight="1" outlineLevel="3" x14ac:dyDescent="0.2">
      <c r="A12265" s="17"/>
      <c r="B12265" s="17"/>
      <c r="C12265" s="17"/>
      <c r="D12265" s="18"/>
      <c r="E12265" s="18"/>
      <c r="F12265" s="18"/>
      <c r="G12265" s="18"/>
      <c r="H12265" s="18"/>
      <c r="I12265" s="18"/>
      <c r="J12265" s="18"/>
      <c r="K12265" s="18"/>
      <c r="L12265" s="18"/>
      <c r="M12265" s="18"/>
      <c r="N12265" s="18"/>
      <c r="O12265" s="18"/>
      <c r="P12265" s="19"/>
      <c r="Q12265" s="19"/>
      <c r="R12265" s="19"/>
      <c r="S12265" s="19"/>
      <c r="T12265" s="19"/>
      <c r="U12265" s="19"/>
      <c r="V12265" s="19"/>
      <c r="W12265" s="19"/>
      <c r="X12265" s="19"/>
      <c r="Y12265" s="19"/>
      <c r="Z12265" s="19"/>
      <c r="AA12265" s="19"/>
    </row>
    <row r="12266" spans="1:27" s="1" customFormat="1" ht="14.1" customHeight="1" outlineLevel="3" x14ac:dyDescent="0.2">
      <c r="A12266" s="17">
        <v>13785</v>
      </c>
      <c r="B12266" s="17"/>
      <c r="C12266" s="17"/>
      <c r="D12266" s="18" t="s">
        <v>6090</v>
      </c>
      <c r="E12266" s="18"/>
      <c r="F12266" s="18"/>
      <c r="G12266" s="18"/>
      <c r="H12266" s="18"/>
      <c r="I12266" s="18"/>
      <c r="J12266" s="18"/>
      <c r="K12266" s="18"/>
      <c r="L12266" s="18"/>
      <c r="M12266" s="18"/>
      <c r="N12266" s="18"/>
      <c r="O12266" s="18"/>
      <c r="P12266" s="19">
        <v>340</v>
      </c>
      <c r="Q12266" s="19"/>
      <c r="R12266" s="19"/>
      <c r="S12266" s="19"/>
      <c r="T12266" s="19">
        <v>220</v>
      </c>
      <c r="U12266" s="19"/>
      <c r="V12266" s="19"/>
      <c r="W12266" s="19"/>
      <c r="X12266" s="19">
        <v>4</v>
      </c>
      <c r="Y12266" s="19"/>
      <c r="Z12266" s="19"/>
      <c r="AA12266" s="19"/>
    </row>
    <row r="12267" spans="1:27" s="1" customFormat="1" ht="14.1" customHeight="1" outlineLevel="3" x14ac:dyDescent="0.2">
      <c r="A12267" s="17"/>
      <c r="B12267" s="17"/>
      <c r="C12267" s="17"/>
      <c r="D12267" s="18"/>
      <c r="E12267" s="18"/>
      <c r="F12267" s="18"/>
      <c r="G12267" s="18"/>
      <c r="H12267" s="18"/>
      <c r="I12267" s="18"/>
      <c r="J12267" s="18"/>
      <c r="K12267" s="18"/>
      <c r="L12267" s="18"/>
      <c r="M12267" s="18"/>
      <c r="N12267" s="18"/>
      <c r="O12267" s="18"/>
      <c r="P12267" s="19"/>
      <c r="Q12267" s="19"/>
      <c r="R12267" s="19"/>
      <c r="S12267" s="19"/>
      <c r="T12267" s="19"/>
      <c r="U12267" s="19"/>
      <c r="V12267" s="19"/>
      <c r="W12267" s="19"/>
      <c r="X12267" s="19"/>
      <c r="Y12267" s="19"/>
      <c r="Z12267" s="19"/>
      <c r="AA12267" s="19"/>
    </row>
    <row r="12268" spans="1:27" s="1" customFormat="1" ht="14.1" customHeight="1" outlineLevel="3" x14ac:dyDescent="0.2">
      <c r="A12268" s="17">
        <v>13786</v>
      </c>
      <c r="B12268" s="17"/>
      <c r="C12268" s="17"/>
      <c r="D12268" s="18" t="s">
        <v>6091</v>
      </c>
      <c r="E12268" s="18"/>
      <c r="F12268" s="18"/>
      <c r="G12268" s="18"/>
      <c r="H12268" s="18"/>
      <c r="I12268" s="18"/>
      <c r="J12268" s="18"/>
      <c r="K12268" s="18"/>
      <c r="L12268" s="18"/>
      <c r="M12268" s="18"/>
      <c r="N12268" s="18"/>
      <c r="O12268" s="18"/>
      <c r="P12268" s="19">
        <v>370</v>
      </c>
      <c r="Q12268" s="19"/>
      <c r="R12268" s="19"/>
      <c r="S12268" s="19"/>
      <c r="T12268" s="19">
        <v>240</v>
      </c>
      <c r="U12268" s="19"/>
      <c r="V12268" s="19"/>
      <c r="W12268" s="19"/>
      <c r="X12268" s="19">
        <v>1</v>
      </c>
      <c r="Y12268" s="19"/>
      <c r="Z12268" s="19"/>
      <c r="AA12268" s="19"/>
    </row>
    <row r="12269" spans="1:27" s="1" customFormat="1" ht="14.1" customHeight="1" outlineLevel="3" x14ac:dyDescent="0.2">
      <c r="A12269" s="17"/>
      <c r="B12269" s="17"/>
      <c r="C12269" s="17"/>
      <c r="D12269" s="18"/>
      <c r="E12269" s="18"/>
      <c r="F12269" s="18"/>
      <c r="G12269" s="18"/>
      <c r="H12269" s="18"/>
      <c r="I12269" s="18"/>
      <c r="J12269" s="18"/>
      <c r="K12269" s="18"/>
      <c r="L12269" s="18"/>
      <c r="M12269" s="18"/>
      <c r="N12269" s="18"/>
      <c r="O12269" s="18"/>
      <c r="P12269" s="19"/>
      <c r="Q12269" s="19"/>
      <c r="R12269" s="19"/>
      <c r="S12269" s="19"/>
      <c r="T12269" s="19"/>
      <c r="U12269" s="19"/>
      <c r="V12269" s="19"/>
      <c r="W12269" s="19"/>
      <c r="X12269" s="19"/>
      <c r="Y12269" s="19"/>
      <c r="Z12269" s="19"/>
      <c r="AA12269" s="19"/>
    </row>
    <row r="12270" spans="1:27" s="1" customFormat="1" ht="11.1" customHeight="1" outlineLevel="1" x14ac:dyDescent="0.2">
      <c r="A12270" s="16" t="s">
        <v>6092</v>
      </c>
      <c r="B12270" s="16"/>
      <c r="C12270" s="16"/>
      <c r="D12270" s="16"/>
      <c r="E12270" s="16"/>
      <c r="F12270" s="16"/>
      <c r="G12270" s="16"/>
      <c r="H12270" s="16"/>
      <c r="I12270" s="16"/>
      <c r="J12270" s="16"/>
      <c r="K12270" s="16"/>
      <c r="L12270" s="16"/>
      <c r="M12270" s="16"/>
      <c r="N12270" s="16"/>
      <c r="O12270" s="16"/>
      <c r="P12270" s="16"/>
      <c r="Q12270" s="16"/>
      <c r="R12270" s="16"/>
      <c r="S12270" s="16"/>
      <c r="T12270" s="16"/>
      <c r="U12270" s="16"/>
      <c r="V12270" s="16"/>
      <c r="W12270" s="16"/>
      <c r="X12270" s="16"/>
      <c r="Y12270" s="16"/>
      <c r="Z12270" s="16"/>
      <c r="AA12270" s="16"/>
    </row>
    <row r="12271" spans="1:27" s="1" customFormat="1" ht="11.1" customHeight="1" outlineLevel="1" x14ac:dyDescent="0.2">
      <c r="A12271" s="16"/>
      <c r="B12271" s="16"/>
      <c r="C12271" s="16"/>
      <c r="D12271" s="16"/>
      <c r="E12271" s="16"/>
      <c r="F12271" s="16"/>
      <c r="G12271" s="16"/>
      <c r="H12271" s="16"/>
      <c r="I12271" s="16"/>
      <c r="J12271" s="16"/>
      <c r="K12271" s="16"/>
      <c r="L12271" s="16"/>
      <c r="M12271" s="16"/>
      <c r="N12271" s="16"/>
      <c r="O12271" s="16"/>
      <c r="P12271" s="16"/>
      <c r="Q12271" s="16"/>
      <c r="R12271" s="16"/>
      <c r="S12271" s="16"/>
      <c r="T12271" s="16"/>
      <c r="U12271" s="16"/>
      <c r="V12271" s="16"/>
      <c r="W12271" s="16"/>
      <c r="X12271" s="16"/>
      <c r="Y12271" s="16"/>
      <c r="Z12271" s="16"/>
      <c r="AA12271" s="16"/>
    </row>
    <row r="12272" spans="1:27" s="1" customFormat="1" ht="11.1" customHeight="1" outlineLevel="2" x14ac:dyDescent="0.2">
      <c r="A12272" s="16" t="s">
        <v>6093</v>
      </c>
      <c r="B12272" s="16"/>
      <c r="C12272" s="16"/>
      <c r="D12272" s="16"/>
      <c r="E12272" s="16"/>
      <c r="F12272" s="16"/>
      <c r="G12272" s="16"/>
      <c r="H12272" s="16"/>
      <c r="I12272" s="16"/>
      <c r="J12272" s="16"/>
      <c r="K12272" s="16"/>
      <c r="L12272" s="16"/>
      <c r="M12272" s="16"/>
      <c r="N12272" s="16"/>
      <c r="O12272" s="16"/>
      <c r="P12272" s="16"/>
      <c r="Q12272" s="16"/>
      <c r="R12272" s="16"/>
      <c r="S12272" s="16"/>
      <c r="T12272" s="16"/>
      <c r="U12272" s="16"/>
      <c r="V12272" s="16"/>
      <c r="W12272" s="16"/>
      <c r="X12272" s="16"/>
      <c r="Y12272" s="16"/>
      <c r="Z12272" s="16"/>
      <c r="AA12272" s="16"/>
    </row>
    <row r="12273" spans="1:27" s="1" customFormat="1" ht="11.1" customHeight="1" outlineLevel="2" x14ac:dyDescent="0.2">
      <c r="A12273" s="16"/>
      <c r="B12273" s="16"/>
      <c r="C12273" s="16"/>
      <c r="D12273" s="16"/>
      <c r="E12273" s="16"/>
      <c r="F12273" s="16"/>
      <c r="G12273" s="16"/>
      <c r="H12273" s="16"/>
      <c r="I12273" s="16"/>
      <c r="J12273" s="16"/>
      <c r="K12273" s="16"/>
      <c r="L12273" s="16"/>
      <c r="M12273" s="16"/>
      <c r="N12273" s="16"/>
      <c r="O12273" s="16"/>
      <c r="P12273" s="16"/>
      <c r="Q12273" s="16"/>
      <c r="R12273" s="16"/>
      <c r="S12273" s="16"/>
      <c r="T12273" s="16"/>
      <c r="U12273" s="16"/>
      <c r="V12273" s="16"/>
      <c r="W12273" s="16"/>
      <c r="X12273" s="16"/>
      <c r="Y12273" s="16"/>
      <c r="Z12273" s="16"/>
      <c r="AA12273" s="16"/>
    </row>
    <row r="12274" spans="1:27" s="1" customFormat="1" ht="11.1" customHeight="1" outlineLevel="3" x14ac:dyDescent="0.2">
      <c r="A12274" s="17">
        <v>12996</v>
      </c>
      <c r="B12274" s="17"/>
      <c r="C12274" s="17"/>
      <c r="D12274" s="18" t="s">
        <v>6094</v>
      </c>
      <c r="E12274" s="18"/>
      <c r="F12274" s="18"/>
      <c r="G12274" s="18"/>
      <c r="H12274" s="18"/>
      <c r="I12274" s="18"/>
      <c r="J12274" s="18"/>
      <c r="K12274" s="18"/>
      <c r="L12274" s="18"/>
      <c r="M12274" s="18"/>
      <c r="N12274" s="18"/>
      <c r="O12274" s="18"/>
      <c r="P12274" s="19">
        <v>290</v>
      </c>
      <c r="Q12274" s="19"/>
      <c r="R12274" s="19"/>
      <c r="S12274" s="19"/>
      <c r="T12274" s="19">
        <v>130</v>
      </c>
      <c r="U12274" s="19"/>
      <c r="V12274" s="19"/>
      <c r="W12274" s="19"/>
      <c r="X12274" s="19">
        <v>38</v>
      </c>
      <c r="Y12274" s="19"/>
      <c r="Z12274" s="19"/>
      <c r="AA12274" s="19"/>
    </row>
    <row r="12275" spans="1:27" s="1" customFormat="1" ht="11.1" customHeight="1" outlineLevel="3" x14ac:dyDescent="0.2">
      <c r="A12275" s="17"/>
      <c r="B12275" s="17"/>
      <c r="C12275" s="17"/>
      <c r="D12275" s="18"/>
      <c r="E12275" s="18"/>
      <c r="F12275" s="18"/>
      <c r="G12275" s="18"/>
      <c r="H12275" s="18"/>
      <c r="I12275" s="18"/>
      <c r="J12275" s="18"/>
      <c r="K12275" s="18"/>
      <c r="L12275" s="18"/>
      <c r="M12275" s="18"/>
      <c r="N12275" s="18"/>
      <c r="O12275" s="18"/>
      <c r="P12275" s="19"/>
      <c r="Q12275" s="19"/>
      <c r="R12275" s="19"/>
      <c r="S12275" s="19"/>
      <c r="T12275" s="19"/>
      <c r="U12275" s="19"/>
      <c r="V12275" s="19"/>
      <c r="W12275" s="19"/>
      <c r="X12275" s="19"/>
      <c r="Y12275" s="19"/>
      <c r="Z12275" s="19"/>
      <c r="AA12275" s="19"/>
    </row>
    <row r="12276" spans="1:27" s="1" customFormat="1" ht="11.1" customHeight="1" outlineLevel="3" x14ac:dyDescent="0.2">
      <c r="A12276" s="17">
        <v>12019</v>
      </c>
      <c r="B12276" s="17"/>
      <c r="C12276" s="17"/>
      <c r="D12276" s="18" t="s">
        <v>6095</v>
      </c>
      <c r="E12276" s="18"/>
      <c r="F12276" s="18"/>
      <c r="G12276" s="18"/>
      <c r="H12276" s="18"/>
      <c r="I12276" s="18"/>
      <c r="J12276" s="18"/>
      <c r="K12276" s="18"/>
      <c r="L12276" s="18"/>
      <c r="M12276" s="18"/>
      <c r="N12276" s="18"/>
      <c r="O12276" s="18"/>
      <c r="P12276" s="19">
        <v>260</v>
      </c>
      <c r="Q12276" s="19"/>
      <c r="R12276" s="19"/>
      <c r="S12276" s="19"/>
      <c r="T12276" s="19">
        <v>115</v>
      </c>
      <c r="U12276" s="19"/>
      <c r="V12276" s="19"/>
      <c r="W12276" s="19"/>
      <c r="X12276" s="19">
        <v>48</v>
      </c>
      <c r="Y12276" s="19"/>
      <c r="Z12276" s="19"/>
      <c r="AA12276" s="19"/>
    </row>
    <row r="12277" spans="1:27" s="1" customFormat="1" ht="11.1" customHeight="1" outlineLevel="3" x14ac:dyDescent="0.2">
      <c r="A12277" s="17"/>
      <c r="B12277" s="17"/>
      <c r="C12277" s="17"/>
      <c r="D12277" s="18"/>
      <c r="E12277" s="18"/>
      <c r="F12277" s="18"/>
      <c r="G12277" s="18"/>
      <c r="H12277" s="18"/>
      <c r="I12277" s="18"/>
      <c r="J12277" s="18"/>
      <c r="K12277" s="18"/>
      <c r="L12277" s="18"/>
      <c r="M12277" s="18"/>
      <c r="N12277" s="18"/>
      <c r="O12277" s="18"/>
      <c r="P12277" s="19"/>
      <c r="Q12277" s="19"/>
      <c r="R12277" s="19"/>
      <c r="S12277" s="19"/>
      <c r="T12277" s="19"/>
      <c r="U12277" s="19"/>
      <c r="V12277" s="19"/>
      <c r="W12277" s="19"/>
      <c r="X12277" s="19"/>
      <c r="Y12277" s="19"/>
      <c r="Z12277" s="19"/>
      <c r="AA12277" s="19"/>
    </row>
    <row r="12278" spans="1:27" s="1" customFormat="1" ht="11.1" customHeight="1" outlineLevel="3" x14ac:dyDescent="0.2">
      <c r="A12278" s="17">
        <v>14683</v>
      </c>
      <c r="B12278" s="17"/>
      <c r="C12278" s="17"/>
      <c r="D12278" s="18" t="s">
        <v>6096</v>
      </c>
      <c r="E12278" s="18"/>
      <c r="F12278" s="18"/>
      <c r="G12278" s="18"/>
      <c r="H12278" s="18"/>
      <c r="I12278" s="18"/>
      <c r="J12278" s="18"/>
      <c r="K12278" s="18"/>
      <c r="L12278" s="18"/>
      <c r="M12278" s="18"/>
      <c r="N12278" s="18"/>
      <c r="O12278" s="18"/>
      <c r="P12278" s="19">
        <v>250</v>
      </c>
      <c r="Q12278" s="19"/>
      <c r="R12278" s="19"/>
      <c r="S12278" s="19"/>
      <c r="T12278" s="19">
        <v>190</v>
      </c>
      <c r="U12278" s="19"/>
      <c r="V12278" s="19"/>
      <c r="W12278" s="19"/>
      <c r="X12278" s="19">
        <v>1</v>
      </c>
      <c r="Y12278" s="19"/>
      <c r="Z12278" s="19"/>
      <c r="AA12278" s="19"/>
    </row>
    <row r="12279" spans="1:27" s="1" customFormat="1" ht="11.1" customHeight="1" outlineLevel="3" x14ac:dyDescent="0.2">
      <c r="A12279" s="17"/>
      <c r="B12279" s="17"/>
      <c r="C12279" s="17"/>
      <c r="D12279" s="18"/>
      <c r="E12279" s="18"/>
      <c r="F12279" s="18"/>
      <c r="G12279" s="18"/>
      <c r="H12279" s="18"/>
      <c r="I12279" s="18"/>
      <c r="J12279" s="18"/>
      <c r="K12279" s="18"/>
      <c r="L12279" s="18"/>
      <c r="M12279" s="18"/>
      <c r="N12279" s="18"/>
      <c r="O12279" s="18"/>
      <c r="P12279" s="19"/>
      <c r="Q12279" s="19"/>
      <c r="R12279" s="19"/>
      <c r="S12279" s="19"/>
      <c r="T12279" s="19"/>
      <c r="U12279" s="19"/>
      <c r="V12279" s="19"/>
      <c r="W12279" s="19"/>
      <c r="X12279" s="19"/>
      <c r="Y12279" s="19"/>
      <c r="Z12279" s="19"/>
      <c r="AA12279" s="19"/>
    </row>
    <row r="12280" spans="1:27" s="1" customFormat="1" ht="11.1" customHeight="1" outlineLevel="3" x14ac:dyDescent="0.2">
      <c r="A12280" s="17">
        <v>9444</v>
      </c>
      <c r="B12280" s="17"/>
      <c r="C12280" s="17"/>
      <c r="D12280" s="18" t="s">
        <v>6097</v>
      </c>
      <c r="E12280" s="18"/>
      <c r="F12280" s="18"/>
      <c r="G12280" s="18"/>
      <c r="H12280" s="18"/>
      <c r="I12280" s="18"/>
      <c r="J12280" s="18"/>
      <c r="K12280" s="18"/>
      <c r="L12280" s="18"/>
      <c r="M12280" s="18"/>
      <c r="N12280" s="18"/>
      <c r="O12280" s="18"/>
      <c r="P12280" s="19">
        <v>200</v>
      </c>
      <c r="Q12280" s="19"/>
      <c r="R12280" s="19"/>
      <c r="S12280" s="19"/>
      <c r="T12280" s="19">
        <v>90</v>
      </c>
      <c r="U12280" s="19"/>
      <c r="V12280" s="19"/>
      <c r="W12280" s="19"/>
      <c r="X12280" s="19">
        <v>20</v>
      </c>
      <c r="Y12280" s="19"/>
      <c r="Z12280" s="19"/>
      <c r="AA12280" s="19"/>
    </row>
    <row r="12281" spans="1:27" s="1" customFormat="1" ht="11.1" customHeight="1" outlineLevel="3" x14ac:dyDescent="0.2">
      <c r="A12281" s="17"/>
      <c r="B12281" s="17"/>
      <c r="C12281" s="17"/>
      <c r="D12281" s="18"/>
      <c r="E12281" s="18"/>
      <c r="F12281" s="18"/>
      <c r="G12281" s="18"/>
      <c r="H12281" s="18"/>
      <c r="I12281" s="18"/>
      <c r="J12281" s="18"/>
      <c r="K12281" s="18"/>
      <c r="L12281" s="18"/>
      <c r="M12281" s="18"/>
      <c r="N12281" s="18"/>
      <c r="O12281" s="18"/>
      <c r="P12281" s="19"/>
      <c r="Q12281" s="19"/>
      <c r="R12281" s="19"/>
      <c r="S12281" s="19"/>
      <c r="T12281" s="19"/>
      <c r="U12281" s="19"/>
      <c r="V12281" s="19"/>
      <c r="W12281" s="19"/>
      <c r="X12281" s="19"/>
      <c r="Y12281" s="19"/>
      <c r="Z12281" s="19"/>
      <c r="AA12281" s="19"/>
    </row>
    <row r="12282" spans="1:27" s="1" customFormat="1" ht="14.1" customHeight="1" outlineLevel="3" x14ac:dyDescent="0.2">
      <c r="A12282" s="17">
        <v>10735</v>
      </c>
      <c r="B12282" s="17"/>
      <c r="C12282" s="17"/>
      <c r="D12282" s="18" t="s">
        <v>6098</v>
      </c>
      <c r="E12282" s="18"/>
      <c r="F12282" s="18"/>
      <c r="G12282" s="18"/>
      <c r="H12282" s="18"/>
      <c r="I12282" s="18"/>
      <c r="J12282" s="18"/>
      <c r="K12282" s="18"/>
      <c r="L12282" s="18"/>
      <c r="M12282" s="18"/>
      <c r="N12282" s="18"/>
      <c r="O12282" s="18"/>
      <c r="P12282" s="20">
        <v>2000</v>
      </c>
      <c r="Q12282" s="20"/>
      <c r="R12282" s="20"/>
      <c r="S12282" s="20"/>
      <c r="T12282" s="20">
        <v>1800</v>
      </c>
      <c r="U12282" s="20"/>
      <c r="V12282" s="20"/>
      <c r="W12282" s="20"/>
      <c r="X12282" s="19">
        <v>1</v>
      </c>
      <c r="Y12282" s="19"/>
      <c r="Z12282" s="19"/>
      <c r="AA12282" s="19"/>
    </row>
    <row r="12283" spans="1:27" s="1" customFormat="1" ht="14.1" customHeight="1" outlineLevel="3" x14ac:dyDescent="0.2">
      <c r="A12283" s="17"/>
      <c r="B12283" s="17"/>
      <c r="C12283" s="17"/>
      <c r="D12283" s="18"/>
      <c r="E12283" s="18"/>
      <c r="F12283" s="18"/>
      <c r="G12283" s="18"/>
      <c r="H12283" s="18"/>
      <c r="I12283" s="18"/>
      <c r="J12283" s="18"/>
      <c r="K12283" s="18"/>
      <c r="L12283" s="18"/>
      <c r="M12283" s="18"/>
      <c r="N12283" s="18"/>
      <c r="O12283" s="18"/>
      <c r="P12283" s="20"/>
      <c r="Q12283" s="20"/>
      <c r="R12283" s="20"/>
      <c r="S12283" s="20"/>
      <c r="T12283" s="20"/>
      <c r="U12283" s="20"/>
      <c r="V12283" s="20"/>
      <c r="W12283" s="20"/>
      <c r="X12283" s="19"/>
      <c r="Y12283" s="19"/>
      <c r="Z12283" s="19"/>
      <c r="AA12283" s="19"/>
    </row>
    <row r="12284" spans="1:27" s="1" customFormat="1" ht="14.1" customHeight="1" outlineLevel="3" x14ac:dyDescent="0.2">
      <c r="A12284" s="17">
        <v>13859</v>
      </c>
      <c r="B12284" s="17"/>
      <c r="C12284" s="17"/>
      <c r="D12284" s="18" t="s">
        <v>6099</v>
      </c>
      <c r="E12284" s="18"/>
      <c r="F12284" s="18"/>
      <c r="G12284" s="18"/>
      <c r="H12284" s="18"/>
      <c r="I12284" s="18"/>
      <c r="J12284" s="18"/>
      <c r="K12284" s="18"/>
      <c r="L12284" s="18"/>
      <c r="M12284" s="18"/>
      <c r="N12284" s="18"/>
      <c r="O12284" s="18"/>
      <c r="P12284" s="19">
        <v>290</v>
      </c>
      <c r="Q12284" s="19"/>
      <c r="R12284" s="19"/>
      <c r="S12284" s="19"/>
      <c r="T12284" s="19">
        <v>220</v>
      </c>
      <c r="U12284" s="19"/>
      <c r="V12284" s="19"/>
      <c r="W12284" s="19"/>
      <c r="X12284" s="19">
        <v>9</v>
      </c>
      <c r="Y12284" s="19"/>
      <c r="Z12284" s="19"/>
      <c r="AA12284" s="19"/>
    </row>
    <row r="12285" spans="1:27" s="1" customFormat="1" ht="14.1" customHeight="1" outlineLevel="3" x14ac:dyDescent="0.2">
      <c r="A12285" s="17"/>
      <c r="B12285" s="17"/>
      <c r="C12285" s="17"/>
      <c r="D12285" s="18"/>
      <c r="E12285" s="18"/>
      <c r="F12285" s="18"/>
      <c r="G12285" s="18"/>
      <c r="H12285" s="18"/>
      <c r="I12285" s="18"/>
      <c r="J12285" s="18"/>
      <c r="K12285" s="18"/>
      <c r="L12285" s="18"/>
      <c r="M12285" s="18"/>
      <c r="N12285" s="18"/>
      <c r="O12285" s="18"/>
      <c r="P12285" s="19"/>
      <c r="Q12285" s="19"/>
      <c r="R12285" s="19"/>
      <c r="S12285" s="19"/>
      <c r="T12285" s="19"/>
      <c r="U12285" s="19"/>
      <c r="V12285" s="19"/>
      <c r="W12285" s="19"/>
      <c r="X12285" s="19"/>
      <c r="Y12285" s="19"/>
      <c r="Z12285" s="19"/>
      <c r="AA12285" s="19"/>
    </row>
    <row r="12286" spans="1:27" s="1" customFormat="1" ht="14.1" customHeight="1" outlineLevel="3" x14ac:dyDescent="0.2">
      <c r="A12286" s="17">
        <v>14538</v>
      </c>
      <c r="B12286" s="17"/>
      <c r="C12286" s="17"/>
      <c r="D12286" s="18" t="s">
        <v>6100</v>
      </c>
      <c r="E12286" s="18"/>
      <c r="F12286" s="18"/>
      <c r="G12286" s="18"/>
      <c r="H12286" s="18"/>
      <c r="I12286" s="18"/>
      <c r="J12286" s="18"/>
      <c r="K12286" s="18"/>
      <c r="L12286" s="18"/>
      <c r="M12286" s="18"/>
      <c r="N12286" s="18"/>
      <c r="O12286" s="18"/>
      <c r="P12286" s="20">
        <v>2800</v>
      </c>
      <c r="Q12286" s="20"/>
      <c r="R12286" s="20"/>
      <c r="S12286" s="20"/>
      <c r="T12286" s="20">
        <v>2150</v>
      </c>
      <c r="U12286" s="20"/>
      <c r="V12286" s="20"/>
      <c r="W12286" s="20"/>
      <c r="X12286" s="19">
        <v>1</v>
      </c>
      <c r="Y12286" s="19"/>
      <c r="Z12286" s="19"/>
      <c r="AA12286" s="19"/>
    </row>
    <row r="12287" spans="1:27" s="1" customFormat="1" ht="14.1" customHeight="1" outlineLevel="3" x14ac:dyDescent="0.2">
      <c r="A12287" s="17"/>
      <c r="B12287" s="17"/>
      <c r="C12287" s="17"/>
      <c r="D12287" s="18"/>
      <c r="E12287" s="18"/>
      <c r="F12287" s="18"/>
      <c r="G12287" s="18"/>
      <c r="H12287" s="18"/>
      <c r="I12287" s="18"/>
      <c r="J12287" s="18"/>
      <c r="K12287" s="18"/>
      <c r="L12287" s="18"/>
      <c r="M12287" s="18"/>
      <c r="N12287" s="18"/>
      <c r="O12287" s="18"/>
      <c r="P12287" s="20"/>
      <c r="Q12287" s="20"/>
      <c r="R12287" s="20"/>
      <c r="S12287" s="20"/>
      <c r="T12287" s="20"/>
      <c r="U12287" s="20"/>
      <c r="V12287" s="20"/>
      <c r="W12287" s="20"/>
      <c r="X12287" s="19"/>
      <c r="Y12287" s="19"/>
      <c r="Z12287" s="19"/>
      <c r="AA12287" s="19"/>
    </row>
    <row r="12288" spans="1:27" s="1" customFormat="1" ht="14.1" customHeight="1" outlineLevel="3" x14ac:dyDescent="0.2">
      <c r="A12288" s="17">
        <v>8673</v>
      </c>
      <c r="B12288" s="17"/>
      <c r="C12288" s="17"/>
      <c r="D12288" s="18" t="s">
        <v>6101</v>
      </c>
      <c r="E12288" s="18"/>
      <c r="F12288" s="18"/>
      <c r="G12288" s="18"/>
      <c r="H12288" s="18"/>
      <c r="I12288" s="18"/>
      <c r="J12288" s="18"/>
      <c r="K12288" s="18"/>
      <c r="L12288" s="18"/>
      <c r="M12288" s="18"/>
      <c r="N12288" s="18"/>
      <c r="O12288" s="18"/>
      <c r="P12288" s="19">
        <v>690</v>
      </c>
      <c r="Q12288" s="19"/>
      <c r="R12288" s="19"/>
      <c r="S12288" s="19"/>
      <c r="T12288" s="19">
        <v>460</v>
      </c>
      <c r="U12288" s="19"/>
      <c r="V12288" s="19"/>
      <c r="W12288" s="19"/>
      <c r="X12288" s="19">
        <v>2</v>
      </c>
      <c r="Y12288" s="19"/>
      <c r="Z12288" s="19"/>
      <c r="AA12288" s="19"/>
    </row>
    <row r="12289" spans="1:27" s="1" customFormat="1" ht="14.1" customHeight="1" outlineLevel="3" x14ac:dyDescent="0.2">
      <c r="A12289" s="17"/>
      <c r="B12289" s="17"/>
      <c r="C12289" s="17"/>
      <c r="D12289" s="18"/>
      <c r="E12289" s="18"/>
      <c r="F12289" s="18"/>
      <c r="G12289" s="18"/>
      <c r="H12289" s="18"/>
      <c r="I12289" s="18"/>
      <c r="J12289" s="18"/>
      <c r="K12289" s="18"/>
      <c r="L12289" s="18"/>
      <c r="M12289" s="18"/>
      <c r="N12289" s="18"/>
      <c r="O12289" s="18"/>
      <c r="P12289" s="19"/>
      <c r="Q12289" s="19"/>
      <c r="R12289" s="19"/>
      <c r="S12289" s="19"/>
      <c r="T12289" s="19"/>
      <c r="U12289" s="19"/>
      <c r="V12289" s="19"/>
      <c r="W12289" s="19"/>
      <c r="X12289" s="19"/>
      <c r="Y12289" s="19"/>
      <c r="Z12289" s="19"/>
      <c r="AA12289" s="19"/>
    </row>
    <row r="12290" spans="1:27" s="1" customFormat="1" ht="14.1" customHeight="1" outlineLevel="3" x14ac:dyDescent="0.2">
      <c r="A12290" s="17">
        <v>8674</v>
      </c>
      <c r="B12290" s="17"/>
      <c r="C12290" s="17"/>
      <c r="D12290" s="18" t="s">
        <v>6102</v>
      </c>
      <c r="E12290" s="18"/>
      <c r="F12290" s="18"/>
      <c r="G12290" s="18"/>
      <c r="H12290" s="18"/>
      <c r="I12290" s="18"/>
      <c r="J12290" s="18"/>
      <c r="K12290" s="18"/>
      <c r="L12290" s="18"/>
      <c r="M12290" s="18"/>
      <c r="N12290" s="18"/>
      <c r="O12290" s="18"/>
      <c r="P12290" s="19">
        <v>690</v>
      </c>
      <c r="Q12290" s="19"/>
      <c r="R12290" s="19"/>
      <c r="S12290" s="19"/>
      <c r="T12290" s="19">
        <v>460</v>
      </c>
      <c r="U12290" s="19"/>
      <c r="V12290" s="19"/>
      <c r="W12290" s="19"/>
      <c r="X12290" s="19">
        <v>1</v>
      </c>
      <c r="Y12290" s="19"/>
      <c r="Z12290" s="19"/>
      <c r="AA12290" s="19"/>
    </row>
    <row r="12291" spans="1:27" s="1" customFormat="1" ht="14.1" customHeight="1" outlineLevel="3" x14ac:dyDescent="0.2">
      <c r="A12291" s="17"/>
      <c r="B12291" s="17"/>
      <c r="C12291" s="17"/>
      <c r="D12291" s="18"/>
      <c r="E12291" s="18"/>
      <c r="F12291" s="18"/>
      <c r="G12291" s="18"/>
      <c r="H12291" s="18"/>
      <c r="I12291" s="18"/>
      <c r="J12291" s="18"/>
      <c r="K12291" s="18"/>
      <c r="L12291" s="18"/>
      <c r="M12291" s="18"/>
      <c r="N12291" s="18"/>
      <c r="O12291" s="18"/>
      <c r="P12291" s="19"/>
      <c r="Q12291" s="19"/>
      <c r="R12291" s="19"/>
      <c r="S12291" s="19"/>
      <c r="T12291" s="19"/>
      <c r="U12291" s="19"/>
      <c r="V12291" s="19"/>
      <c r="W12291" s="19"/>
      <c r="X12291" s="19"/>
      <c r="Y12291" s="19"/>
      <c r="Z12291" s="19"/>
      <c r="AA12291" s="19"/>
    </row>
    <row r="12292" spans="1:27" s="1" customFormat="1" ht="14.1" customHeight="1" outlineLevel="3" x14ac:dyDescent="0.2">
      <c r="A12292" s="17">
        <v>7238</v>
      </c>
      <c r="B12292" s="17"/>
      <c r="C12292" s="17"/>
      <c r="D12292" s="18" t="s">
        <v>6103</v>
      </c>
      <c r="E12292" s="18"/>
      <c r="F12292" s="18"/>
      <c r="G12292" s="18"/>
      <c r="H12292" s="18"/>
      <c r="I12292" s="18"/>
      <c r="J12292" s="18"/>
      <c r="K12292" s="18"/>
      <c r="L12292" s="18"/>
      <c r="M12292" s="18"/>
      <c r="N12292" s="18"/>
      <c r="O12292" s="18"/>
      <c r="P12292" s="19">
        <v>520</v>
      </c>
      <c r="Q12292" s="19"/>
      <c r="R12292" s="19"/>
      <c r="S12292" s="19"/>
      <c r="T12292" s="19">
        <v>300</v>
      </c>
      <c r="U12292" s="19"/>
      <c r="V12292" s="19"/>
      <c r="W12292" s="19"/>
      <c r="X12292" s="19">
        <v>1</v>
      </c>
      <c r="Y12292" s="19"/>
      <c r="Z12292" s="19"/>
      <c r="AA12292" s="19"/>
    </row>
    <row r="12293" spans="1:27" s="1" customFormat="1" ht="14.1" customHeight="1" outlineLevel="3" x14ac:dyDescent="0.2">
      <c r="A12293" s="17"/>
      <c r="B12293" s="17"/>
      <c r="C12293" s="17"/>
      <c r="D12293" s="18"/>
      <c r="E12293" s="18"/>
      <c r="F12293" s="18"/>
      <c r="G12293" s="18"/>
      <c r="H12293" s="18"/>
      <c r="I12293" s="18"/>
      <c r="J12293" s="18"/>
      <c r="K12293" s="18"/>
      <c r="L12293" s="18"/>
      <c r="M12293" s="18"/>
      <c r="N12293" s="18"/>
      <c r="O12293" s="18"/>
      <c r="P12293" s="19"/>
      <c r="Q12293" s="19"/>
      <c r="R12293" s="19"/>
      <c r="S12293" s="19"/>
      <c r="T12293" s="19"/>
      <c r="U12293" s="19"/>
      <c r="V12293" s="19"/>
      <c r="W12293" s="19"/>
      <c r="X12293" s="19"/>
      <c r="Y12293" s="19"/>
      <c r="Z12293" s="19"/>
      <c r="AA12293" s="19"/>
    </row>
    <row r="12294" spans="1:27" s="1" customFormat="1" ht="11.1" customHeight="1" outlineLevel="3" x14ac:dyDescent="0.2">
      <c r="A12294" s="17">
        <v>9101</v>
      </c>
      <c r="B12294" s="17"/>
      <c r="C12294" s="17"/>
      <c r="D12294" s="18" t="s">
        <v>6104</v>
      </c>
      <c r="E12294" s="18"/>
      <c r="F12294" s="18"/>
      <c r="G12294" s="18"/>
      <c r="H12294" s="18"/>
      <c r="I12294" s="18"/>
      <c r="J12294" s="18"/>
      <c r="K12294" s="18"/>
      <c r="L12294" s="18"/>
      <c r="M12294" s="18"/>
      <c r="N12294" s="18"/>
      <c r="O12294" s="18"/>
      <c r="P12294" s="19">
        <v>750</v>
      </c>
      <c r="Q12294" s="19"/>
      <c r="R12294" s="19"/>
      <c r="S12294" s="19"/>
      <c r="T12294" s="19">
        <v>500</v>
      </c>
      <c r="U12294" s="19"/>
      <c r="V12294" s="19"/>
      <c r="W12294" s="19"/>
      <c r="X12294" s="19">
        <v>1</v>
      </c>
      <c r="Y12294" s="19"/>
      <c r="Z12294" s="19"/>
      <c r="AA12294" s="19"/>
    </row>
    <row r="12295" spans="1:27" s="1" customFormat="1" ht="11.1" customHeight="1" outlineLevel="3" x14ac:dyDescent="0.2">
      <c r="A12295" s="17"/>
      <c r="B12295" s="17"/>
      <c r="C12295" s="17"/>
      <c r="D12295" s="18"/>
      <c r="E12295" s="18"/>
      <c r="F12295" s="18"/>
      <c r="G12295" s="18"/>
      <c r="H12295" s="18"/>
      <c r="I12295" s="18"/>
      <c r="J12295" s="18"/>
      <c r="K12295" s="18"/>
      <c r="L12295" s="18"/>
      <c r="M12295" s="18"/>
      <c r="N12295" s="18"/>
      <c r="O12295" s="18"/>
      <c r="P12295" s="19"/>
      <c r="Q12295" s="19"/>
      <c r="R12295" s="19"/>
      <c r="S12295" s="19"/>
      <c r="T12295" s="19"/>
      <c r="U12295" s="19"/>
      <c r="V12295" s="19"/>
      <c r="W12295" s="19"/>
      <c r="X12295" s="19"/>
      <c r="Y12295" s="19"/>
      <c r="Z12295" s="19"/>
      <c r="AA12295" s="19"/>
    </row>
    <row r="12296" spans="1:27" s="1" customFormat="1" ht="11.1" customHeight="1" outlineLevel="3" x14ac:dyDescent="0.2">
      <c r="A12296" s="17">
        <v>9102</v>
      </c>
      <c r="B12296" s="17"/>
      <c r="C12296" s="17"/>
      <c r="D12296" s="18" t="s">
        <v>6105</v>
      </c>
      <c r="E12296" s="18"/>
      <c r="F12296" s="18"/>
      <c r="G12296" s="18"/>
      <c r="H12296" s="18"/>
      <c r="I12296" s="18"/>
      <c r="J12296" s="18"/>
      <c r="K12296" s="18"/>
      <c r="L12296" s="18"/>
      <c r="M12296" s="18"/>
      <c r="N12296" s="18"/>
      <c r="O12296" s="18"/>
      <c r="P12296" s="19">
        <v>750</v>
      </c>
      <c r="Q12296" s="19"/>
      <c r="R12296" s="19"/>
      <c r="S12296" s="19"/>
      <c r="T12296" s="19">
        <v>500</v>
      </c>
      <c r="U12296" s="19"/>
      <c r="V12296" s="19"/>
      <c r="W12296" s="19"/>
      <c r="X12296" s="19">
        <v>5</v>
      </c>
      <c r="Y12296" s="19"/>
      <c r="Z12296" s="19"/>
      <c r="AA12296" s="19"/>
    </row>
    <row r="12297" spans="1:27" s="1" customFormat="1" ht="11.1" customHeight="1" outlineLevel="3" x14ac:dyDescent="0.2">
      <c r="A12297" s="17"/>
      <c r="B12297" s="17"/>
      <c r="C12297" s="17"/>
      <c r="D12297" s="18"/>
      <c r="E12297" s="18"/>
      <c r="F12297" s="18"/>
      <c r="G12297" s="18"/>
      <c r="H12297" s="18"/>
      <c r="I12297" s="18"/>
      <c r="J12297" s="18"/>
      <c r="K12297" s="18"/>
      <c r="L12297" s="18"/>
      <c r="M12297" s="18"/>
      <c r="N12297" s="18"/>
      <c r="O12297" s="18"/>
      <c r="P12297" s="19"/>
      <c r="Q12297" s="19"/>
      <c r="R12297" s="19"/>
      <c r="S12297" s="19"/>
      <c r="T12297" s="19"/>
      <c r="U12297" s="19"/>
      <c r="V12297" s="19"/>
      <c r="W12297" s="19"/>
      <c r="X12297" s="19"/>
      <c r="Y12297" s="19"/>
      <c r="Z12297" s="19"/>
      <c r="AA12297" s="19"/>
    </row>
    <row r="12298" spans="1:27" s="1" customFormat="1" ht="14.1" customHeight="1" outlineLevel="3" x14ac:dyDescent="0.2">
      <c r="A12298" s="17">
        <v>8570</v>
      </c>
      <c r="B12298" s="17"/>
      <c r="C12298" s="17"/>
      <c r="D12298" s="18" t="s">
        <v>6106</v>
      </c>
      <c r="E12298" s="18"/>
      <c r="F12298" s="18"/>
      <c r="G12298" s="18"/>
      <c r="H12298" s="18"/>
      <c r="I12298" s="18"/>
      <c r="J12298" s="18"/>
      <c r="K12298" s="18"/>
      <c r="L12298" s="18"/>
      <c r="M12298" s="18"/>
      <c r="N12298" s="18"/>
      <c r="O12298" s="18"/>
      <c r="P12298" s="20">
        <v>1100</v>
      </c>
      <c r="Q12298" s="20"/>
      <c r="R12298" s="20"/>
      <c r="S12298" s="20"/>
      <c r="T12298" s="19">
        <v>800</v>
      </c>
      <c r="U12298" s="19"/>
      <c r="V12298" s="19"/>
      <c r="W12298" s="19"/>
      <c r="X12298" s="19">
        <v>2</v>
      </c>
      <c r="Y12298" s="19"/>
      <c r="Z12298" s="19"/>
      <c r="AA12298" s="19"/>
    </row>
    <row r="12299" spans="1:27" s="1" customFormat="1" ht="14.1" customHeight="1" outlineLevel="3" x14ac:dyDescent="0.2">
      <c r="A12299" s="17"/>
      <c r="B12299" s="17"/>
      <c r="C12299" s="17"/>
      <c r="D12299" s="18"/>
      <c r="E12299" s="18"/>
      <c r="F12299" s="18"/>
      <c r="G12299" s="18"/>
      <c r="H12299" s="18"/>
      <c r="I12299" s="18"/>
      <c r="J12299" s="18"/>
      <c r="K12299" s="18"/>
      <c r="L12299" s="18"/>
      <c r="M12299" s="18"/>
      <c r="N12299" s="18"/>
      <c r="O12299" s="18"/>
      <c r="P12299" s="20"/>
      <c r="Q12299" s="20"/>
      <c r="R12299" s="20"/>
      <c r="S12299" s="20"/>
      <c r="T12299" s="19"/>
      <c r="U12299" s="19"/>
      <c r="V12299" s="19"/>
      <c r="W12299" s="19"/>
      <c r="X12299" s="19"/>
      <c r="Y12299" s="19"/>
      <c r="Z12299" s="19"/>
      <c r="AA12299" s="19"/>
    </row>
    <row r="12300" spans="1:27" s="1" customFormat="1" ht="14.1" customHeight="1" outlineLevel="3" x14ac:dyDescent="0.2">
      <c r="A12300" s="17">
        <v>8568</v>
      </c>
      <c r="B12300" s="17"/>
      <c r="C12300" s="17"/>
      <c r="D12300" s="18" t="s">
        <v>6107</v>
      </c>
      <c r="E12300" s="18"/>
      <c r="F12300" s="18"/>
      <c r="G12300" s="18"/>
      <c r="H12300" s="18"/>
      <c r="I12300" s="18"/>
      <c r="J12300" s="18"/>
      <c r="K12300" s="18"/>
      <c r="L12300" s="18"/>
      <c r="M12300" s="18"/>
      <c r="N12300" s="18"/>
      <c r="O12300" s="18"/>
      <c r="P12300" s="20">
        <v>1100</v>
      </c>
      <c r="Q12300" s="20"/>
      <c r="R12300" s="20"/>
      <c r="S12300" s="20"/>
      <c r="T12300" s="19">
        <v>800</v>
      </c>
      <c r="U12300" s="19"/>
      <c r="V12300" s="19"/>
      <c r="W12300" s="19"/>
      <c r="X12300" s="19">
        <v>1</v>
      </c>
      <c r="Y12300" s="19"/>
      <c r="Z12300" s="19"/>
      <c r="AA12300" s="19"/>
    </row>
    <row r="12301" spans="1:27" s="1" customFormat="1" ht="14.1" customHeight="1" outlineLevel="3" x14ac:dyDescent="0.2">
      <c r="A12301" s="17"/>
      <c r="B12301" s="17"/>
      <c r="C12301" s="17"/>
      <c r="D12301" s="18"/>
      <c r="E12301" s="18"/>
      <c r="F12301" s="18"/>
      <c r="G12301" s="18"/>
      <c r="H12301" s="18"/>
      <c r="I12301" s="18"/>
      <c r="J12301" s="18"/>
      <c r="K12301" s="18"/>
      <c r="L12301" s="18"/>
      <c r="M12301" s="18"/>
      <c r="N12301" s="18"/>
      <c r="O12301" s="18"/>
      <c r="P12301" s="20"/>
      <c r="Q12301" s="20"/>
      <c r="R12301" s="20"/>
      <c r="S12301" s="20"/>
      <c r="T12301" s="19"/>
      <c r="U12301" s="19"/>
      <c r="V12301" s="19"/>
      <c r="W12301" s="19"/>
      <c r="X12301" s="19"/>
      <c r="Y12301" s="19"/>
      <c r="Z12301" s="19"/>
      <c r="AA12301" s="19"/>
    </row>
    <row r="12302" spans="1:27" s="1" customFormat="1" ht="14.1" customHeight="1" outlineLevel="3" x14ac:dyDescent="0.2">
      <c r="A12302" s="17">
        <v>14542</v>
      </c>
      <c r="B12302" s="17"/>
      <c r="C12302" s="17"/>
      <c r="D12302" s="18" t="s">
        <v>6108</v>
      </c>
      <c r="E12302" s="18"/>
      <c r="F12302" s="18"/>
      <c r="G12302" s="18"/>
      <c r="H12302" s="18"/>
      <c r="I12302" s="18"/>
      <c r="J12302" s="18"/>
      <c r="K12302" s="18"/>
      <c r="L12302" s="18"/>
      <c r="M12302" s="18"/>
      <c r="N12302" s="18"/>
      <c r="O12302" s="18"/>
      <c r="P12302" s="20">
        <v>2400</v>
      </c>
      <c r="Q12302" s="20"/>
      <c r="R12302" s="20"/>
      <c r="S12302" s="20"/>
      <c r="T12302" s="20">
        <v>1900</v>
      </c>
      <c r="U12302" s="20"/>
      <c r="V12302" s="20"/>
      <c r="W12302" s="20"/>
      <c r="X12302" s="19">
        <v>1</v>
      </c>
      <c r="Y12302" s="19"/>
      <c r="Z12302" s="19"/>
      <c r="AA12302" s="19"/>
    </row>
    <row r="12303" spans="1:27" s="1" customFormat="1" ht="14.1" customHeight="1" outlineLevel="3" x14ac:dyDescent="0.2">
      <c r="A12303" s="17"/>
      <c r="B12303" s="17"/>
      <c r="C12303" s="17"/>
      <c r="D12303" s="18"/>
      <c r="E12303" s="18"/>
      <c r="F12303" s="18"/>
      <c r="G12303" s="18"/>
      <c r="H12303" s="18"/>
      <c r="I12303" s="18"/>
      <c r="J12303" s="18"/>
      <c r="K12303" s="18"/>
      <c r="L12303" s="18"/>
      <c r="M12303" s="18"/>
      <c r="N12303" s="18"/>
      <c r="O12303" s="18"/>
      <c r="P12303" s="20"/>
      <c r="Q12303" s="20"/>
      <c r="R12303" s="20"/>
      <c r="S12303" s="20"/>
      <c r="T12303" s="20"/>
      <c r="U12303" s="20"/>
      <c r="V12303" s="20"/>
      <c r="W12303" s="20"/>
      <c r="X12303" s="19"/>
      <c r="Y12303" s="19"/>
      <c r="Z12303" s="19"/>
      <c r="AA12303" s="19"/>
    </row>
    <row r="12304" spans="1:27" s="1" customFormat="1" ht="14.1" customHeight="1" outlineLevel="3" x14ac:dyDescent="0.2">
      <c r="A12304" s="17">
        <v>13315</v>
      </c>
      <c r="B12304" s="17"/>
      <c r="C12304" s="17"/>
      <c r="D12304" s="18" t="s">
        <v>6109</v>
      </c>
      <c r="E12304" s="18"/>
      <c r="F12304" s="18"/>
      <c r="G12304" s="18"/>
      <c r="H12304" s="18"/>
      <c r="I12304" s="18"/>
      <c r="J12304" s="18"/>
      <c r="K12304" s="18"/>
      <c r="L12304" s="18"/>
      <c r="M12304" s="18"/>
      <c r="N12304" s="18"/>
      <c r="O12304" s="18"/>
      <c r="P12304" s="19">
        <v>600</v>
      </c>
      <c r="Q12304" s="19"/>
      <c r="R12304" s="19"/>
      <c r="S12304" s="19"/>
      <c r="T12304" s="19">
        <v>450</v>
      </c>
      <c r="U12304" s="19"/>
      <c r="V12304" s="19"/>
      <c r="W12304" s="19"/>
      <c r="X12304" s="19">
        <v>1</v>
      </c>
      <c r="Y12304" s="19"/>
      <c r="Z12304" s="19"/>
      <c r="AA12304" s="19"/>
    </row>
    <row r="12305" spans="1:27" s="1" customFormat="1" ht="14.1" customHeight="1" outlineLevel="3" x14ac:dyDescent="0.2">
      <c r="A12305" s="17"/>
      <c r="B12305" s="17"/>
      <c r="C12305" s="17"/>
      <c r="D12305" s="18"/>
      <c r="E12305" s="18"/>
      <c r="F12305" s="18"/>
      <c r="G12305" s="18"/>
      <c r="H12305" s="18"/>
      <c r="I12305" s="18"/>
      <c r="J12305" s="18"/>
      <c r="K12305" s="18"/>
      <c r="L12305" s="18"/>
      <c r="M12305" s="18"/>
      <c r="N12305" s="18"/>
      <c r="O12305" s="18"/>
      <c r="P12305" s="19"/>
      <c r="Q12305" s="19"/>
      <c r="R12305" s="19"/>
      <c r="S12305" s="19"/>
      <c r="T12305" s="19"/>
      <c r="U12305" s="19"/>
      <c r="V12305" s="19"/>
      <c r="W12305" s="19"/>
      <c r="X12305" s="19"/>
      <c r="Y12305" s="19"/>
      <c r="Z12305" s="19"/>
      <c r="AA12305" s="19"/>
    </row>
    <row r="12306" spans="1:27" s="1" customFormat="1" ht="14.1" customHeight="1" outlineLevel="3" x14ac:dyDescent="0.2">
      <c r="A12306" s="17">
        <v>8406</v>
      </c>
      <c r="B12306" s="17"/>
      <c r="C12306" s="17"/>
      <c r="D12306" s="18" t="s">
        <v>6110</v>
      </c>
      <c r="E12306" s="18"/>
      <c r="F12306" s="18"/>
      <c r="G12306" s="18"/>
      <c r="H12306" s="18"/>
      <c r="I12306" s="18"/>
      <c r="J12306" s="18"/>
      <c r="K12306" s="18"/>
      <c r="L12306" s="18"/>
      <c r="M12306" s="18"/>
      <c r="N12306" s="18"/>
      <c r="O12306" s="18"/>
      <c r="P12306" s="19">
        <v>600</v>
      </c>
      <c r="Q12306" s="19"/>
      <c r="R12306" s="19"/>
      <c r="S12306" s="19"/>
      <c r="T12306" s="19">
        <v>450</v>
      </c>
      <c r="U12306" s="19"/>
      <c r="V12306" s="19"/>
      <c r="W12306" s="19"/>
      <c r="X12306" s="19">
        <v>1</v>
      </c>
      <c r="Y12306" s="19"/>
      <c r="Z12306" s="19"/>
      <c r="AA12306" s="19"/>
    </row>
    <row r="12307" spans="1:27" s="1" customFormat="1" ht="14.1" customHeight="1" outlineLevel="3" x14ac:dyDescent="0.2">
      <c r="A12307" s="17"/>
      <c r="B12307" s="17"/>
      <c r="C12307" s="17"/>
      <c r="D12307" s="18"/>
      <c r="E12307" s="18"/>
      <c r="F12307" s="18"/>
      <c r="G12307" s="18"/>
      <c r="H12307" s="18"/>
      <c r="I12307" s="18"/>
      <c r="J12307" s="18"/>
      <c r="K12307" s="18"/>
      <c r="L12307" s="18"/>
      <c r="M12307" s="18"/>
      <c r="N12307" s="18"/>
      <c r="O12307" s="18"/>
      <c r="P12307" s="19"/>
      <c r="Q12307" s="19"/>
      <c r="R12307" s="19"/>
      <c r="S12307" s="19"/>
      <c r="T12307" s="19"/>
      <c r="U12307" s="19"/>
      <c r="V12307" s="19"/>
      <c r="W12307" s="19"/>
      <c r="X12307" s="19"/>
      <c r="Y12307" s="19"/>
      <c r="Z12307" s="19"/>
      <c r="AA12307" s="19"/>
    </row>
    <row r="12308" spans="1:27" s="1" customFormat="1" ht="14.1" customHeight="1" outlineLevel="3" x14ac:dyDescent="0.2">
      <c r="A12308" s="17">
        <v>8407</v>
      </c>
      <c r="B12308" s="17"/>
      <c r="C12308" s="17"/>
      <c r="D12308" s="18" t="s">
        <v>6111</v>
      </c>
      <c r="E12308" s="18"/>
      <c r="F12308" s="18"/>
      <c r="G12308" s="18"/>
      <c r="H12308" s="18"/>
      <c r="I12308" s="18"/>
      <c r="J12308" s="18"/>
      <c r="K12308" s="18"/>
      <c r="L12308" s="18"/>
      <c r="M12308" s="18"/>
      <c r="N12308" s="18"/>
      <c r="O12308" s="18"/>
      <c r="P12308" s="19">
        <v>600</v>
      </c>
      <c r="Q12308" s="19"/>
      <c r="R12308" s="19"/>
      <c r="S12308" s="19"/>
      <c r="T12308" s="19">
        <v>450</v>
      </c>
      <c r="U12308" s="19"/>
      <c r="V12308" s="19"/>
      <c r="W12308" s="19"/>
      <c r="X12308" s="19">
        <v>2</v>
      </c>
      <c r="Y12308" s="19"/>
      <c r="Z12308" s="19"/>
      <c r="AA12308" s="19"/>
    </row>
    <row r="12309" spans="1:27" s="1" customFormat="1" ht="14.1" customHeight="1" outlineLevel="3" x14ac:dyDescent="0.2">
      <c r="A12309" s="17"/>
      <c r="B12309" s="17"/>
      <c r="C12309" s="17"/>
      <c r="D12309" s="18"/>
      <c r="E12309" s="18"/>
      <c r="F12309" s="18"/>
      <c r="G12309" s="18"/>
      <c r="H12309" s="18"/>
      <c r="I12309" s="18"/>
      <c r="J12309" s="18"/>
      <c r="K12309" s="18"/>
      <c r="L12309" s="18"/>
      <c r="M12309" s="18"/>
      <c r="N12309" s="18"/>
      <c r="O12309" s="18"/>
      <c r="P12309" s="19"/>
      <c r="Q12309" s="19"/>
      <c r="R12309" s="19"/>
      <c r="S12309" s="19"/>
      <c r="T12309" s="19"/>
      <c r="U12309" s="19"/>
      <c r="V12309" s="19"/>
      <c r="W12309" s="19"/>
      <c r="X12309" s="19"/>
      <c r="Y12309" s="19"/>
      <c r="Z12309" s="19"/>
      <c r="AA12309" s="19"/>
    </row>
    <row r="12310" spans="1:27" s="1" customFormat="1" ht="14.1" customHeight="1" outlineLevel="3" x14ac:dyDescent="0.2">
      <c r="A12310" s="17">
        <v>7236</v>
      </c>
      <c r="B12310" s="17"/>
      <c r="C12310" s="17"/>
      <c r="D12310" s="18" t="s">
        <v>6112</v>
      </c>
      <c r="E12310" s="18"/>
      <c r="F12310" s="18"/>
      <c r="G12310" s="18"/>
      <c r="H12310" s="18"/>
      <c r="I12310" s="18"/>
      <c r="J12310" s="18"/>
      <c r="K12310" s="18"/>
      <c r="L12310" s="18"/>
      <c r="M12310" s="18"/>
      <c r="N12310" s="18"/>
      <c r="O12310" s="18"/>
      <c r="P12310" s="19">
        <v>580</v>
      </c>
      <c r="Q12310" s="19"/>
      <c r="R12310" s="19"/>
      <c r="S12310" s="19"/>
      <c r="T12310" s="19">
        <v>420</v>
      </c>
      <c r="U12310" s="19"/>
      <c r="V12310" s="19"/>
      <c r="W12310" s="19"/>
      <c r="X12310" s="19">
        <v>1</v>
      </c>
      <c r="Y12310" s="19"/>
      <c r="Z12310" s="19"/>
      <c r="AA12310" s="19"/>
    </row>
    <row r="12311" spans="1:27" s="1" customFormat="1" ht="14.1" customHeight="1" outlineLevel="3" x14ac:dyDescent="0.2">
      <c r="A12311" s="17"/>
      <c r="B12311" s="17"/>
      <c r="C12311" s="17"/>
      <c r="D12311" s="18"/>
      <c r="E12311" s="18"/>
      <c r="F12311" s="18"/>
      <c r="G12311" s="18"/>
      <c r="H12311" s="18"/>
      <c r="I12311" s="18"/>
      <c r="J12311" s="18"/>
      <c r="K12311" s="18"/>
      <c r="L12311" s="18"/>
      <c r="M12311" s="18"/>
      <c r="N12311" s="18"/>
      <c r="O12311" s="18"/>
      <c r="P12311" s="19"/>
      <c r="Q12311" s="19"/>
      <c r="R12311" s="19"/>
      <c r="S12311" s="19"/>
      <c r="T12311" s="19"/>
      <c r="U12311" s="19"/>
      <c r="V12311" s="19"/>
      <c r="W12311" s="19"/>
      <c r="X12311" s="19"/>
      <c r="Y12311" s="19"/>
      <c r="Z12311" s="19"/>
      <c r="AA12311" s="19"/>
    </row>
    <row r="12312" spans="1:27" s="1" customFormat="1" ht="14.1" customHeight="1" outlineLevel="3" x14ac:dyDescent="0.2">
      <c r="A12312" s="17">
        <v>13851</v>
      </c>
      <c r="B12312" s="17"/>
      <c r="C12312" s="17"/>
      <c r="D12312" s="18" t="s">
        <v>6113</v>
      </c>
      <c r="E12312" s="18"/>
      <c r="F12312" s="18"/>
      <c r="G12312" s="18"/>
      <c r="H12312" s="18"/>
      <c r="I12312" s="18"/>
      <c r="J12312" s="18"/>
      <c r="K12312" s="18"/>
      <c r="L12312" s="18"/>
      <c r="M12312" s="18"/>
      <c r="N12312" s="18"/>
      <c r="O12312" s="18"/>
      <c r="P12312" s="19">
        <v>660</v>
      </c>
      <c r="Q12312" s="19"/>
      <c r="R12312" s="19"/>
      <c r="S12312" s="19"/>
      <c r="T12312" s="19">
        <v>480</v>
      </c>
      <c r="U12312" s="19"/>
      <c r="V12312" s="19"/>
      <c r="W12312" s="19"/>
      <c r="X12312" s="19">
        <v>1</v>
      </c>
      <c r="Y12312" s="19"/>
      <c r="Z12312" s="19"/>
      <c r="AA12312" s="19"/>
    </row>
    <row r="12313" spans="1:27" s="1" customFormat="1" ht="14.1" customHeight="1" outlineLevel="3" x14ac:dyDescent="0.2">
      <c r="A12313" s="17"/>
      <c r="B12313" s="17"/>
      <c r="C12313" s="17"/>
      <c r="D12313" s="18"/>
      <c r="E12313" s="18"/>
      <c r="F12313" s="18"/>
      <c r="G12313" s="18"/>
      <c r="H12313" s="18"/>
      <c r="I12313" s="18"/>
      <c r="J12313" s="18"/>
      <c r="K12313" s="18"/>
      <c r="L12313" s="18"/>
      <c r="M12313" s="18"/>
      <c r="N12313" s="18"/>
      <c r="O12313" s="18"/>
      <c r="P12313" s="19"/>
      <c r="Q12313" s="19"/>
      <c r="R12313" s="19"/>
      <c r="S12313" s="19"/>
      <c r="T12313" s="19"/>
      <c r="U12313" s="19"/>
      <c r="V12313" s="19"/>
      <c r="W12313" s="19"/>
      <c r="X12313" s="19"/>
      <c r="Y12313" s="19"/>
      <c r="Z12313" s="19"/>
      <c r="AA12313" s="19"/>
    </row>
    <row r="12314" spans="1:27" s="1" customFormat="1" ht="14.1" customHeight="1" outlineLevel="3" x14ac:dyDescent="0.2">
      <c r="A12314" s="17">
        <v>13317</v>
      </c>
      <c r="B12314" s="17"/>
      <c r="C12314" s="17"/>
      <c r="D12314" s="18" t="s">
        <v>6114</v>
      </c>
      <c r="E12314" s="18"/>
      <c r="F12314" s="18"/>
      <c r="G12314" s="18"/>
      <c r="H12314" s="18"/>
      <c r="I12314" s="18"/>
      <c r="J12314" s="18"/>
      <c r="K12314" s="18"/>
      <c r="L12314" s="18"/>
      <c r="M12314" s="18"/>
      <c r="N12314" s="18"/>
      <c r="O12314" s="18"/>
      <c r="P12314" s="19">
        <v>660</v>
      </c>
      <c r="Q12314" s="19"/>
      <c r="R12314" s="19"/>
      <c r="S12314" s="19"/>
      <c r="T12314" s="19">
        <v>480</v>
      </c>
      <c r="U12314" s="19"/>
      <c r="V12314" s="19"/>
      <c r="W12314" s="19"/>
      <c r="X12314" s="19">
        <v>2</v>
      </c>
      <c r="Y12314" s="19"/>
      <c r="Z12314" s="19"/>
      <c r="AA12314" s="19"/>
    </row>
    <row r="12315" spans="1:27" s="1" customFormat="1" ht="14.1" customHeight="1" outlineLevel="3" x14ac:dyDescent="0.2">
      <c r="A12315" s="17"/>
      <c r="B12315" s="17"/>
      <c r="C12315" s="17"/>
      <c r="D12315" s="18"/>
      <c r="E12315" s="18"/>
      <c r="F12315" s="18"/>
      <c r="G12315" s="18"/>
      <c r="H12315" s="18"/>
      <c r="I12315" s="18"/>
      <c r="J12315" s="18"/>
      <c r="K12315" s="18"/>
      <c r="L12315" s="18"/>
      <c r="M12315" s="18"/>
      <c r="N12315" s="18"/>
      <c r="O12315" s="18"/>
      <c r="P12315" s="19"/>
      <c r="Q12315" s="19"/>
      <c r="R12315" s="19"/>
      <c r="S12315" s="19"/>
      <c r="T12315" s="19"/>
      <c r="U12315" s="19"/>
      <c r="V12315" s="19"/>
      <c r="W12315" s="19"/>
      <c r="X12315" s="19"/>
      <c r="Y12315" s="19"/>
      <c r="Z12315" s="19"/>
      <c r="AA12315" s="19"/>
    </row>
    <row r="12316" spans="1:27" s="1" customFormat="1" ht="11.1" customHeight="1" outlineLevel="3" x14ac:dyDescent="0.2">
      <c r="A12316" s="17">
        <v>7292</v>
      </c>
      <c r="B12316" s="17"/>
      <c r="C12316" s="17"/>
      <c r="D12316" s="18" t="s">
        <v>6115</v>
      </c>
      <c r="E12316" s="18"/>
      <c r="F12316" s="18"/>
      <c r="G12316" s="18"/>
      <c r="H12316" s="18"/>
      <c r="I12316" s="18"/>
      <c r="J12316" s="18"/>
      <c r="K12316" s="18"/>
      <c r="L12316" s="18"/>
      <c r="M12316" s="18"/>
      <c r="N12316" s="18"/>
      <c r="O12316" s="18"/>
      <c r="P12316" s="19">
        <v>950</v>
      </c>
      <c r="Q12316" s="19"/>
      <c r="R12316" s="19"/>
      <c r="S12316" s="19"/>
      <c r="T12316" s="19">
        <v>810</v>
      </c>
      <c r="U12316" s="19"/>
      <c r="V12316" s="19"/>
      <c r="W12316" s="19"/>
      <c r="X12316" s="19">
        <v>2</v>
      </c>
      <c r="Y12316" s="19"/>
      <c r="Z12316" s="19"/>
      <c r="AA12316" s="19"/>
    </row>
    <row r="12317" spans="1:27" s="1" customFormat="1" ht="11.1" customHeight="1" outlineLevel="3" x14ac:dyDescent="0.2">
      <c r="A12317" s="17"/>
      <c r="B12317" s="17"/>
      <c r="C12317" s="17"/>
      <c r="D12317" s="18"/>
      <c r="E12317" s="18"/>
      <c r="F12317" s="18"/>
      <c r="G12317" s="18"/>
      <c r="H12317" s="18"/>
      <c r="I12317" s="18"/>
      <c r="J12317" s="18"/>
      <c r="K12317" s="18"/>
      <c r="L12317" s="18"/>
      <c r="M12317" s="18"/>
      <c r="N12317" s="18"/>
      <c r="O12317" s="18"/>
      <c r="P12317" s="19"/>
      <c r="Q12317" s="19"/>
      <c r="R12317" s="19"/>
      <c r="S12317" s="19"/>
      <c r="T12317" s="19"/>
      <c r="U12317" s="19"/>
      <c r="V12317" s="19"/>
      <c r="W12317" s="19"/>
      <c r="X12317" s="19"/>
      <c r="Y12317" s="19"/>
      <c r="Z12317" s="19"/>
      <c r="AA12317" s="19"/>
    </row>
    <row r="12318" spans="1:27" s="1" customFormat="1" ht="14.1" customHeight="1" outlineLevel="3" x14ac:dyDescent="0.2">
      <c r="A12318" s="17">
        <v>7081</v>
      </c>
      <c r="B12318" s="17"/>
      <c r="C12318" s="17"/>
      <c r="D12318" s="18" t="s">
        <v>6116</v>
      </c>
      <c r="E12318" s="18"/>
      <c r="F12318" s="18"/>
      <c r="G12318" s="18"/>
      <c r="H12318" s="18"/>
      <c r="I12318" s="18"/>
      <c r="J12318" s="18"/>
      <c r="K12318" s="18"/>
      <c r="L12318" s="18"/>
      <c r="M12318" s="18"/>
      <c r="N12318" s="18"/>
      <c r="O12318" s="18"/>
      <c r="P12318" s="19">
        <v>250</v>
      </c>
      <c r="Q12318" s="19"/>
      <c r="R12318" s="19"/>
      <c r="S12318" s="19"/>
      <c r="T12318" s="19">
        <v>170</v>
      </c>
      <c r="U12318" s="19"/>
      <c r="V12318" s="19"/>
      <c r="W12318" s="19"/>
      <c r="X12318" s="19">
        <v>1</v>
      </c>
      <c r="Y12318" s="19"/>
      <c r="Z12318" s="19"/>
      <c r="AA12318" s="19"/>
    </row>
    <row r="12319" spans="1:27" s="1" customFormat="1" ht="14.1" customHeight="1" outlineLevel="3" x14ac:dyDescent="0.2">
      <c r="A12319" s="17"/>
      <c r="B12319" s="17"/>
      <c r="C12319" s="17"/>
      <c r="D12319" s="18"/>
      <c r="E12319" s="18"/>
      <c r="F12319" s="18"/>
      <c r="G12319" s="18"/>
      <c r="H12319" s="18"/>
      <c r="I12319" s="18"/>
      <c r="J12319" s="18"/>
      <c r="K12319" s="18"/>
      <c r="L12319" s="18"/>
      <c r="M12319" s="18"/>
      <c r="N12319" s="18"/>
      <c r="O12319" s="18"/>
      <c r="P12319" s="19"/>
      <c r="Q12319" s="19"/>
      <c r="R12319" s="19"/>
      <c r="S12319" s="19"/>
      <c r="T12319" s="19"/>
      <c r="U12319" s="19"/>
      <c r="V12319" s="19"/>
      <c r="W12319" s="19"/>
      <c r="X12319" s="19"/>
      <c r="Y12319" s="19"/>
      <c r="Z12319" s="19"/>
      <c r="AA12319" s="19"/>
    </row>
    <row r="12320" spans="1:27" s="1" customFormat="1" ht="14.1" customHeight="1" outlineLevel="3" x14ac:dyDescent="0.2">
      <c r="A12320" s="17">
        <v>11523</v>
      </c>
      <c r="B12320" s="17"/>
      <c r="C12320" s="17"/>
      <c r="D12320" s="18" t="s">
        <v>6117</v>
      </c>
      <c r="E12320" s="18"/>
      <c r="F12320" s="18"/>
      <c r="G12320" s="18"/>
      <c r="H12320" s="18"/>
      <c r="I12320" s="18"/>
      <c r="J12320" s="18"/>
      <c r="K12320" s="18"/>
      <c r="L12320" s="18"/>
      <c r="M12320" s="18"/>
      <c r="N12320" s="18"/>
      <c r="O12320" s="18"/>
      <c r="P12320" s="19">
        <v>390</v>
      </c>
      <c r="Q12320" s="19"/>
      <c r="R12320" s="19"/>
      <c r="S12320" s="19"/>
      <c r="T12320" s="19">
        <v>260</v>
      </c>
      <c r="U12320" s="19"/>
      <c r="V12320" s="19"/>
      <c r="W12320" s="19"/>
      <c r="X12320" s="19">
        <v>21</v>
      </c>
      <c r="Y12320" s="19"/>
      <c r="Z12320" s="19"/>
      <c r="AA12320" s="19"/>
    </row>
    <row r="12321" spans="1:27" s="1" customFormat="1" ht="14.1" customHeight="1" outlineLevel="3" x14ac:dyDescent="0.2">
      <c r="A12321" s="17"/>
      <c r="B12321" s="17"/>
      <c r="C12321" s="17"/>
      <c r="D12321" s="18"/>
      <c r="E12321" s="18"/>
      <c r="F12321" s="18"/>
      <c r="G12321" s="18"/>
      <c r="H12321" s="18"/>
      <c r="I12321" s="18"/>
      <c r="J12321" s="18"/>
      <c r="K12321" s="18"/>
      <c r="L12321" s="18"/>
      <c r="M12321" s="18"/>
      <c r="N12321" s="18"/>
      <c r="O12321" s="18"/>
      <c r="P12321" s="19"/>
      <c r="Q12321" s="19"/>
      <c r="R12321" s="19"/>
      <c r="S12321" s="19"/>
      <c r="T12321" s="19"/>
      <c r="U12321" s="19"/>
      <c r="V12321" s="19"/>
      <c r="W12321" s="19"/>
      <c r="X12321" s="19"/>
      <c r="Y12321" s="19"/>
      <c r="Z12321" s="19"/>
      <c r="AA12321" s="19"/>
    </row>
    <row r="12322" spans="1:27" s="1" customFormat="1" ht="11.1" customHeight="1" outlineLevel="2" x14ac:dyDescent="0.2">
      <c r="A12322" s="16" t="s">
        <v>6118</v>
      </c>
      <c r="B12322" s="16"/>
      <c r="C12322" s="16"/>
      <c r="D12322" s="16"/>
      <c r="E12322" s="16"/>
      <c r="F12322" s="16"/>
      <c r="G12322" s="16"/>
      <c r="H12322" s="16"/>
      <c r="I12322" s="16"/>
      <c r="J12322" s="16"/>
      <c r="K12322" s="16"/>
      <c r="L12322" s="16"/>
      <c r="M12322" s="16"/>
      <c r="N12322" s="16"/>
      <c r="O12322" s="16"/>
      <c r="P12322" s="16"/>
      <c r="Q12322" s="16"/>
      <c r="R12322" s="16"/>
      <c r="S12322" s="16"/>
      <c r="T12322" s="16"/>
      <c r="U12322" s="16"/>
      <c r="V12322" s="16"/>
      <c r="W12322" s="16"/>
      <c r="X12322" s="16"/>
      <c r="Y12322" s="16"/>
      <c r="Z12322" s="16"/>
      <c r="AA12322" s="16"/>
    </row>
    <row r="12323" spans="1:27" s="1" customFormat="1" ht="11.1" customHeight="1" outlineLevel="2" x14ac:dyDescent="0.2">
      <c r="A12323" s="16"/>
      <c r="B12323" s="16"/>
      <c r="C12323" s="16"/>
      <c r="D12323" s="16"/>
      <c r="E12323" s="16"/>
      <c r="F12323" s="16"/>
      <c r="G12323" s="16"/>
      <c r="H12323" s="16"/>
      <c r="I12323" s="16"/>
      <c r="J12323" s="16"/>
      <c r="K12323" s="16"/>
      <c r="L12323" s="16"/>
      <c r="M12323" s="16"/>
      <c r="N12323" s="16"/>
      <c r="O12323" s="16"/>
      <c r="P12323" s="16"/>
      <c r="Q12323" s="16"/>
      <c r="R12323" s="16"/>
      <c r="S12323" s="16"/>
      <c r="T12323" s="16"/>
      <c r="U12323" s="16"/>
      <c r="V12323" s="16"/>
      <c r="W12323" s="16"/>
      <c r="X12323" s="16"/>
      <c r="Y12323" s="16"/>
      <c r="Z12323" s="16"/>
      <c r="AA12323" s="16"/>
    </row>
    <row r="12324" spans="1:27" s="1" customFormat="1" ht="14.1" customHeight="1" outlineLevel="3" x14ac:dyDescent="0.2">
      <c r="A12324" s="17">
        <v>15229</v>
      </c>
      <c r="B12324" s="17"/>
      <c r="C12324" s="17"/>
      <c r="D12324" s="18" t="s">
        <v>6119</v>
      </c>
      <c r="E12324" s="18"/>
      <c r="F12324" s="18"/>
      <c r="G12324" s="18"/>
      <c r="H12324" s="18"/>
      <c r="I12324" s="18"/>
      <c r="J12324" s="18"/>
      <c r="K12324" s="18"/>
      <c r="L12324" s="18"/>
      <c r="M12324" s="18"/>
      <c r="N12324" s="18"/>
      <c r="O12324" s="18"/>
      <c r="P12324" s="19">
        <v>250</v>
      </c>
      <c r="Q12324" s="19"/>
      <c r="R12324" s="19"/>
      <c r="S12324" s="19"/>
      <c r="T12324" s="19">
        <v>70</v>
      </c>
      <c r="U12324" s="19"/>
      <c r="V12324" s="19"/>
      <c r="W12324" s="19"/>
      <c r="X12324" s="19">
        <v>38</v>
      </c>
      <c r="Y12324" s="19"/>
      <c r="Z12324" s="19"/>
      <c r="AA12324" s="19"/>
    </row>
    <row r="12325" spans="1:27" s="1" customFormat="1" ht="14.1" customHeight="1" outlineLevel="3" x14ac:dyDescent="0.2">
      <c r="A12325" s="17"/>
      <c r="B12325" s="17"/>
      <c r="C12325" s="17"/>
      <c r="D12325" s="18"/>
      <c r="E12325" s="18"/>
      <c r="F12325" s="18"/>
      <c r="G12325" s="18"/>
      <c r="H12325" s="18"/>
      <c r="I12325" s="18"/>
      <c r="J12325" s="18"/>
      <c r="K12325" s="18"/>
      <c r="L12325" s="18"/>
      <c r="M12325" s="18"/>
      <c r="N12325" s="18"/>
      <c r="O12325" s="18"/>
      <c r="P12325" s="19"/>
      <c r="Q12325" s="19"/>
      <c r="R12325" s="19"/>
      <c r="S12325" s="19"/>
      <c r="T12325" s="19"/>
      <c r="U12325" s="19"/>
      <c r="V12325" s="19"/>
      <c r="W12325" s="19"/>
      <c r="X12325" s="19"/>
      <c r="Y12325" s="19"/>
      <c r="Z12325" s="19"/>
      <c r="AA12325" s="19"/>
    </row>
    <row r="12326" spans="1:27" s="1" customFormat="1" ht="11.1" customHeight="1" outlineLevel="3" x14ac:dyDescent="0.2">
      <c r="A12326" s="17">
        <v>605</v>
      </c>
      <c r="B12326" s="17"/>
      <c r="C12326" s="17"/>
      <c r="D12326" s="18" t="s">
        <v>6120</v>
      </c>
      <c r="E12326" s="18"/>
      <c r="F12326" s="18"/>
      <c r="G12326" s="18"/>
      <c r="H12326" s="18"/>
      <c r="I12326" s="18"/>
      <c r="J12326" s="18"/>
      <c r="K12326" s="18"/>
      <c r="L12326" s="18"/>
      <c r="M12326" s="18"/>
      <c r="N12326" s="18"/>
      <c r="O12326" s="18"/>
      <c r="P12326" s="19">
        <v>120</v>
      </c>
      <c r="Q12326" s="19"/>
      <c r="R12326" s="19"/>
      <c r="S12326" s="19"/>
      <c r="T12326" s="19">
        <v>60</v>
      </c>
      <c r="U12326" s="19"/>
      <c r="V12326" s="19"/>
      <c r="W12326" s="19"/>
      <c r="X12326" s="19">
        <v>1</v>
      </c>
      <c r="Y12326" s="19"/>
      <c r="Z12326" s="19"/>
      <c r="AA12326" s="19"/>
    </row>
    <row r="12327" spans="1:27" s="1" customFormat="1" ht="11.1" customHeight="1" outlineLevel="3" x14ac:dyDescent="0.2">
      <c r="A12327" s="17"/>
      <c r="B12327" s="17"/>
      <c r="C12327" s="17"/>
      <c r="D12327" s="18"/>
      <c r="E12327" s="18"/>
      <c r="F12327" s="18"/>
      <c r="G12327" s="18"/>
      <c r="H12327" s="18"/>
      <c r="I12327" s="18"/>
      <c r="J12327" s="18"/>
      <c r="K12327" s="18"/>
      <c r="L12327" s="18"/>
      <c r="M12327" s="18"/>
      <c r="N12327" s="18"/>
      <c r="O12327" s="18"/>
      <c r="P12327" s="19"/>
      <c r="Q12327" s="19"/>
      <c r="R12327" s="19"/>
      <c r="S12327" s="19"/>
      <c r="T12327" s="19"/>
      <c r="U12327" s="19"/>
      <c r="V12327" s="19"/>
      <c r="W12327" s="19"/>
      <c r="X12327" s="19"/>
      <c r="Y12327" s="19"/>
      <c r="Z12327" s="19"/>
      <c r="AA12327" s="19"/>
    </row>
    <row r="12328" spans="1:27" s="1" customFormat="1" ht="11.1" customHeight="1" outlineLevel="3" x14ac:dyDescent="0.2">
      <c r="A12328" s="17">
        <v>11926</v>
      </c>
      <c r="B12328" s="17"/>
      <c r="C12328" s="17"/>
      <c r="D12328" s="18" t="s">
        <v>6121</v>
      </c>
      <c r="E12328" s="18"/>
      <c r="F12328" s="18"/>
      <c r="G12328" s="18"/>
      <c r="H12328" s="18"/>
      <c r="I12328" s="18"/>
      <c r="J12328" s="18"/>
      <c r="K12328" s="18"/>
      <c r="L12328" s="18"/>
      <c r="M12328" s="18"/>
      <c r="N12328" s="18"/>
      <c r="O12328" s="18"/>
      <c r="P12328" s="19">
        <v>200</v>
      </c>
      <c r="Q12328" s="19"/>
      <c r="R12328" s="19"/>
      <c r="S12328" s="19"/>
      <c r="T12328" s="19">
        <v>105</v>
      </c>
      <c r="U12328" s="19"/>
      <c r="V12328" s="19"/>
      <c r="W12328" s="19"/>
      <c r="X12328" s="19">
        <v>2</v>
      </c>
      <c r="Y12328" s="19"/>
      <c r="Z12328" s="19"/>
      <c r="AA12328" s="19"/>
    </row>
    <row r="12329" spans="1:27" s="1" customFormat="1" ht="11.1" customHeight="1" outlineLevel="3" x14ac:dyDescent="0.2">
      <c r="A12329" s="17"/>
      <c r="B12329" s="17"/>
      <c r="C12329" s="17"/>
      <c r="D12329" s="18"/>
      <c r="E12329" s="18"/>
      <c r="F12329" s="18"/>
      <c r="G12329" s="18"/>
      <c r="H12329" s="18"/>
      <c r="I12329" s="18"/>
      <c r="J12329" s="18"/>
      <c r="K12329" s="18"/>
      <c r="L12329" s="18"/>
      <c r="M12329" s="18"/>
      <c r="N12329" s="18"/>
      <c r="O12329" s="18"/>
      <c r="P12329" s="19"/>
      <c r="Q12329" s="19"/>
      <c r="R12329" s="19"/>
      <c r="S12329" s="19"/>
      <c r="T12329" s="19"/>
      <c r="U12329" s="19"/>
      <c r="V12329" s="19"/>
      <c r="W12329" s="19"/>
      <c r="X12329" s="19"/>
      <c r="Y12329" s="19"/>
      <c r="Z12329" s="19"/>
      <c r="AA12329" s="19"/>
    </row>
    <row r="12330" spans="1:27" s="1" customFormat="1" ht="11.1" customHeight="1" outlineLevel="3" x14ac:dyDescent="0.2">
      <c r="A12330" s="17">
        <v>14002</v>
      </c>
      <c r="B12330" s="17"/>
      <c r="C12330" s="17"/>
      <c r="D12330" s="18" t="s">
        <v>6122</v>
      </c>
      <c r="E12330" s="18"/>
      <c r="F12330" s="18"/>
      <c r="G12330" s="18"/>
      <c r="H12330" s="18"/>
      <c r="I12330" s="18"/>
      <c r="J12330" s="18"/>
      <c r="K12330" s="18"/>
      <c r="L12330" s="18"/>
      <c r="M12330" s="18"/>
      <c r="N12330" s="18"/>
      <c r="O12330" s="18"/>
      <c r="P12330" s="19">
        <v>180</v>
      </c>
      <c r="Q12330" s="19"/>
      <c r="R12330" s="19"/>
      <c r="S12330" s="19"/>
      <c r="T12330" s="19">
        <v>70</v>
      </c>
      <c r="U12330" s="19"/>
      <c r="V12330" s="19"/>
      <c r="W12330" s="19"/>
      <c r="X12330" s="19">
        <v>2</v>
      </c>
      <c r="Y12330" s="19"/>
      <c r="Z12330" s="19"/>
      <c r="AA12330" s="19"/>
    </row>
    <row r="12331" spans="1:27" s="1" customFormat="1" ht="11.1" customHeight="1" outlineLevel="3" x14ac:dyDescent="0.2">
      <c r="A12331" s="17"/>
      <c r="B12331" s="17"/>
      <c r="C12331" s="17"/>
      <c r="D12331" s="18"/>
      <c r="E12331" s="18"/>
      <c r="F12331" s="18"/>
      <c r="G12331" s="18"/>
      <c r="H12331" s="18"/>
      <c r="I12331" s="18"/>
      <c r="J12331" s="18"/>
      <c r="K12331" s="18"/>
      <c r="L12331" s="18"/>
      <c r="M12331" s="18"/>
      <c r="N12331" s="18"/>
      <c r="O12331" s="18"/>
      <c r="P12331" s="19"/>
      <c r="Q12331" s="19"/>
      <c r="R12331" s="19"/>
      <c r="S12331" s="19"/>
      <c r="T12331" s="19"/>
      <c r="U12331" s="19"/>
      <c r="V12331" s="19"/>
      <c r="W12331" s="19"/>
      <c r="X12331" s="19"/>
      <c r="Y12331" s="19"/>
      <c r="Z12331" s="19"/>
      <c r="AA12331" s="19"/>
    </row>
    <row r="12332" spans="1:27" s="1" customFormat="1" ht="11.1" customHeight="1" outlineLevel="3" x14ac:dyDescent="0.2">
      <c r="A12332" s="17">
        <v>14529</v>
      </c>
      <c r="B12332" s="17"/>
      <c r="C12332" s="17"/>
      <c r="D12332" s="18" t="s">
        <v>6123</v>
      </c>
      <c r="E12332" s="18"/>
      <c r="F12332" s="18"/>
      <c r="G12332" s="18"/>
      <c r="H12332" s="18"/>
      <c r="I12332" s="18"/>
      <c r="J12332" s="18"/>
      <c r="K12332" s="18"/>
      <c r="L12332" s="18"/>
      <c r="M12332" s="18"/>
      <c r="N12332" s="18"/>
      <c r="O12332" s="18"/>
      <c r="P12332" s="19">
        <v>290</v>
      </c>
      <c r="Q12332" s="19"/>
      <c r="R12332" s="19"/>
      <c r="S12332" s="19"/>
      <c r="T12332" s="19">
        <v>110</v>
      </c>
      <c r="U12332" s="19"/>
      <c r="V12332" s="19"/>
      <c r="W12332" s="19"/>
      <c r="X12332" s="19">
        <v>4</v>
      </c>
      <c r="Y12332" s="19"/>
      <c r="Z12332" s="19"/>
      <c r="AA12332" s="19"/>
    </row>
    <row r="12333" spans="1:27" s="1" customFormat="1" ht="11.1" customHeight="1" outlineLevel="3" x14ac:dyDescent="0.2">
      <c r="A12333" s="17"/>
      <c r="B12333" s="17"/>
      <c r="C12333" s="17"/>
      <c r="D12333" s="18"/>
      <c r="E12333" s="18"/>
      <c r="F12333" s="18"/>
      <c r="G12333" s="18"/>
      <c r="H12333" s="18"/>
      <c r="I12333" s="18"/>
      <c r="J12333" s="18"/>
      <c r="K12333" s="18"/>
      <c r="L12333" s="18"/>
      <c r="M12333" s="18"/>
      <c r="N12333" s="18"/>
      <c r="O12333" s="18"/>
      <c r="P12333" s="19"/>
      <c r="Q12333" s="19"/>
      <c r="R12333" s="19"/>
      <c r="S12333" s="19"/>
      <c r="T12333" s="19"/>
      <c r="U12333" s="19"/>
      <c r="V12333" s="19"/>
      <c r="W12333" s="19"/>
      <c r="X12333" s="19"/>
      <c r="Y12333" s="19"/>
      <c r="Z12333" s="19"/>
      <c r="AA12333" s="19"/>
    </row>
    <row r="12334" spans="1:27" s="1" customFormat="1" ht="11.1" customHeight="1" outlineLevel="3" x14ac:dyDescent="0.2">
      <c r="A12334" s="17">
        <v>14530</v>
      </c>
      <c r="B12334" s="17"/>
      <c r="C12334" s="17"/>
      <c r="D12334" s="18" t="s">
        <v>6124</v>
      </c>
      <c r="E12334" s="18"/>
      <c r="F12334" s="18"/>
      <c r="G12334" s="18"/>
      <c r="H12334" s="18"/>
      <c r="I12334" s="18"/>
      <c r="J12334" s="18"/>
      <c r="K12334" s="18"/>
      <c r="L12334" s="18"/>
      <c r="M12334" s="18"/>
      <c r="N12334" s="18"/>
      <c r="O12334" s="18"/>
      <c r="P12334" s="19">
        <v>290</v>
      </c>
      <c r="Q12334" s="19"/>
      <c r="R12334" s="19"/>
      <c r="S12334" s="19"/>
      <c r="T12334" s="19">
        <v>110</v>
      </c>
      <c r="U12334" s="19"/>
      <c r="V12334" s="19"/>
      <c r="W12334" s="19"/>
      <c r="X12334" s="19">
        <v>5</v>
      </c>
      <c r="Y12334" s="19"/>
      <c r="Z12334" s="19"/>
      <c r="AA12334" s="19"/>
    </row>
    <row r="12335" spans="1:27" s="1" customFormat="1" ht="11.1" customHeight="1" outlineLevel="3" x14ac:dyDescent="0.2">
      <c r="A12335" s="17"/>
      <c r="B12335" s="17"/>
      <c r="C12335" s="17"/>
      <c r="D12335" s="18"/>
      <c r="E12335" s="18"/>
      <c r="F12335" s="18"/>
      <c r="G12335" s="18"/>
      <c r="H12335" s="18"/>
      <c r="I12335" s="18"/>
      <c r="J12335" s="18"/>
      <c r="K12335" s="18"/>
      <c r="L12335" s="18"/>
      <c r="M12335" s="18"/>
      <c r="N12335" s="18"/>
      <c r="O12335" s="18"/>
      <c r="P12335" s="19"/>
      <c r="Q12335" s="19"/>
      <c r="R12335" s="19"/>
      <c r="S12335" s="19"/>
      <c r="T12335" s="19"/>
      <c r="U12335" s="19"/>
      <c r="V12335" s="19"/>
      <c r="W12335" s="19"/>
      <c r="X12335" s="19"/>
      <c r="Y12335" s="19"/>
      <c r="Z12335" s="19"/>
      <c r="AA12335" s="19"/>
    </row>
    <row r="12336" spans="1:27" s="1" customFormat="1" ht="11.1" customHeight="1" outlineLevel="3" x14ac:dyDescent="0.2">
      <c r="A12336" s="17">
        <v>14004</v>
      </c>
      <c r="B12336" s="17"/>
      <c r="C12336" s="17"/>
      <c r="D12336" s="18" t="s">
        <v>6125</v>
      </c>
      <c r="E12336" s="18"/>
      <c r="F12336" s="18"/>
      <c r="G12336" s="18"/>
      <c r="H12336" s="18"/>
      <c r="I12336" s="18"/>
      <c r="J12336" s="18"/>
      <c r="K12336" s="18"/>
      <c r="L12336" s="18"/>
      <c r="M12336" s="18"/>
      <c r="N12336" s="18"/>
      <c r="O12336" s="18"/>
      <c r="P12336" s="19">
        <v>240</v>
      </c>
      <c r="Q12336" s="19"/>
      <c r="R12336" s="19"/>
      <c r="S12336" s="19"/>
      <c r="T12336" s="19">
        <v>90</v>
      </c>
      <c r="U12336" s="19"/>
      <c r="V12336" s="19"/>
      <c r="W12336" s="19"/>
      <c r="X12336" s="19">
        <v>1</v>
      </c>
      <c r="Y12336" s="19"/>
      <c r="Z12336" s="19"/>
      <c r="AA12336" s="19"/>
    </row>
    <row r="12337" spans="1:27" s="1" customFormat="1" ht="11.1" customHeight="1" outlineLevel="3" x14ac:dyDescent="0.2">
      <c r="A12337" s="17"/>
      <c r="B12337" s="17"/>
      <c r="C12337" s="17"/>
      <c r="D12337" s="18"/>
      <c r="E12337" s="18"/>
      <c r="F12337" s="18"/>
      <c r="G12337" s="18"/>
      <c r="H12337" s="18"/>
      <c r="I12337" s="18"/>
      <c r="J12337" s="18"/>
      <c r="K12337" s="18"/>
      <c r="L12337" s="18"/>
      <c r="M12337" s="18"/>
      <c r="N12337" s="18"/>
      <c r="O12337" s="18"/>
      <c r="P12337" s="19"/>
      <c r="Q12337" s="19"/>
      <c r="R12337" s="19"/>
      <c r="S12337" s="19"/>
      <c r="T12337" s="19"/>
      <c r="U12337" s="19"/>
      <c r="V12337" s="19"/>
      <c r="W12337" s="19"/>
      <c r="X12337" s="19"/>
      <c r="Y12337" s="19"/>
      <c r="Z12337" s="19"/>
      <c r="AA12337" s="19"/>
    </row>
    <row r="12338" spans="1:27" s="1" customFormat="1" ht="14.1" customHeight="1" outlineLevel="3" x14ac:dyDescent="0.2">
      <c r="A12338" s="17">
        <v>16058</v>
      </c>
      <c r="B12338" s="17"/>
      <c r="C12338" s="17"/>
      <c r="D12338" s="18" t="s">
        <v>6126</v>
      </c>
      <c r="E12338" s="18"/>
      <c r="F12338" s="18"/>
      <c r="G12338" s="18"/>
      <c r="H12338" s="18"/>
      <c r="I12338" s="18"/>
      <c r="J12338" s="18"/>
      <c r="K12338" s="18"/>
      <c r="L12338" s="18"/>
      <c r="M12338" s="18"/>
      <c r="N12338" s="18"/>
      <c r="O12338" s="18"/>
      <c r="P12338" s="19">
        <v>390</v>
      </c>
      <c r="Q12338" s="19"/>
      <c r="R12338" s="19"/>
      <c r="S12338" s="19"/>
      <c r="T12338" s="19">
        <v>150</v>
      </c>
      <c r="U12338" s="19"/>
      <c r="V12338" s="19"/>
      <c r="W12338" s="19"/>
      <c r="X12338" s="19">
        <v>11</v>
      </c>
      <c r="Y12338" s="19"/>
      <c r="Z12338" s="19"/>
      <c r="AA12338" s="19"/>
    </row>
    <row r="12339" spans="1:27" s="1" customFormat="1" ht="14.1" customHeight="1" outlineLevel="3" x14ac:dyDescent="0.2">
      <c r="A12339" s="17"/>
      <c r="B12339" s="17"/>
      <c r="C12339" s="17"/>
      <c r="D12339" s="18"/>
      <c r="E12339" s="18"/>
      <c r="F12339" s="18"/>
      <c r="G12339" s="18"/>
      <c r="H12339" s="18"/>
      <c r="I12339" s="18"/>
      <c r="J12339" s="18"/>
      <c r="K12339" s="18"/>
      <c r="L12339" s="18"/>
      <c r="M12339" s="18"/>
      <c r="N12339" s="18"/>
      <c r="O12339" s="18"/>
      <c r="P12339" s="19"/>
      <c r="Q12339" s="19"/>
      <c r="R12339" s="19"/>
      <c r="S12339" s="19"/>
      <c r="T12339" s="19"/>
      <c r="U12339" s="19"/>
      <c r="V12339" s="19"/>
      <c r="W12339" s="19"/>
      <c r="X12339" s="19"/>
      <c r="Y12339" s="19"/>
      <c r="Z12339" s="19"/>
      <c r="AA12339" s="19"/>
    </row>
    <row r="12340" spans="1:27" s="1" customFormat="1" ht="11.1" customHeight="1" outlineLevel="3" x14ac:dyDescent="0.2">
      <c r="A12340" s="17">
        <v>17649</v>
      </c>
      <c r="B12340" s="17"/>
      <c r="C12340" s="17"/>
      <c r="D12340" s="18" t="s">
        <v>6127</v>
      </c>
      <c r="E12340" s="18"/>
      <c r="F12340" s="18"/>
      <c r="G12340" s="18"/>
      <c r="H12340" s="18"/>
      <c r="I12340" s="18"/>
      <c r="J12340" s="18"/>
      <c r="K12340" s="18"/>
      <c r="L12340" s="18"/>
      <c r="M12340" s="18"/>
      <c r="N12340" s="18"/>
      <c r="O12340" s="18"/>
      <c r="P12340" s="19">
        <v>390</v>
      </c>
      <c r="Q12340" s="19"/>
      <c r="R12340" s="19"/>
      <c r="S12340" s="19"/>
      <c r="T12340" s="19">
        <v>160</v>
      </c>
      <c r="U12340" s="19"/>
      <c r="V12340" s="19"/>
      <c r="W12340" s="19"/>
      <c r="X12340" s="19">
        <v>6</v>
      </c>
      <c r="Y12340" s="19"/>
      <c r="Z12340" s="19"/>
      <c r="AA12340" s="19"/>
    </row>
    <row r="12341" spans="1:27" s="1" customFormat="1" ht="11.1" customHeight="1" outlineLevel="3" x14ac:dyDescent="0.2">
      <c r="A12341" s="17"/>
      <c r="B12341" s="17"/>
      <c r="C12341" s="17"/>
      <c r="D12341" s="18"/>
      <c r="E12341" s="18"/>
      <c r="F12341" s="18"/>
      <c r="G12341" s="18"/>
      <c r="H12341" s="18"/>
      <c r="I12341" s="18"/>
      <c r="J12341" s="18"/>
      <c r="K12341" s="18"/>
      <c r="L12341" s="18"/>
      <c r="M12341" s="18"/>
      <c r="N12341" s="18"/>
      <c r="O12341" s="18"/>
      <c r="P12341" s="19"/>
      <c r="Q12341" s="19"/>
      <c r="R12341" s="19"/>
      <c r="S12341" s="19"/>
      <c r="T12341" s="19"/>
      <c r="U12341" s="19"/>
      <c r="V12341" s="19"/>
      <c r="W12341" s="19"/>
      <c r="X12341" s="19"/>
      <c r="Y12341" s="19"/>
      <c r="Z12341" s="19"/>
      <c r="AA12341" s="19"/>
    </row>
    <row r="12342" spans="1:27" s="1" customFormat="1" ht="11.1" customHeight="1" outlineLevel="3" x14ac:dyDescent="0.2">
      <c r="A12342" s="17">
        <v>14408</v>
      </c>
      <c r="B12342" s="17"/>
      <c r="C12342" s="17"/>
      <c r="D12342" s="18" t="s">
        <v>6128</v>
      </c>
      <c r="E12342" s="18"/>
      <c r="F12342" s="18"/>
      <c r="G12342" s="18"/>
      <c r="H12342" s="18"/>
      <c r="I12342" s="18"/>
      <c r="J12342" s="18"/>
      <c r="K12342" s="18"/>
      <c r="L12342" s="18"/>
      <c r="M12342" s="18"/>
      <c r="N12342" s="18"/>
      <c r="O12342" s="18"/>
      <c r="P12342" s="19">
        <v>270</v>
      </c>
      <c r="Q12342" s="19"/>
      <c r="R12342" s="19"/>
      <c r="S12342" s="19"/>
      <c r="T12342" s="19">
        <v>75</v>
      </c>
      <c r="U12342" s="19"/>
      <c r="V12342" s="19"/>
      <c r="W12342" s="19"/>
      <c r="X12342" s="19">
        <v>1</v>
      </c>
      <c r="Y12342" s="19"/>
      <c r="Z12342" s="19"/>
      <c r="AA12342" s="19"/>
    </row>
    <row r="12343" spans="1:27" s="1" customFormat="1" ht="11.1" customHeight="1" outlineLevel="3" x14ac:dyDescent="0.2">
      <c r="A12343" s="17"/>
      <c r="B12343" s="17"/>
      <c r="C12343" s="17"/>
      <c r="D12343" s="18"/>
      <c r="E12343" s="18"/>
      <c r="F12343" s="18"/>
      <c r="G12343" s="18"/>
      <c r="H12343" s="18"/>
      <c r="I12343" s="18"/>
      <c r="J12343" s="18"/>
      <c r="K12343" s="18"/>
      <c r="L12343" s="18"/>
      <c r="M12343" s="18"/>
      <c r="N12343" s="18"/>
      <c r="O12343" s="18"/>
      <c r="P12343" s="19"/>
      <c r="Q12343" s="19"/>
      <c r="R12343" s="19"/>
      <c r="S12343" s="19"/>
      <c r="T12343" s="19"/>
      <c r="U12343" s="19"/>
      <c r="V12343" s="19"/>
      <c r="W12343" s="19"/>
      <c r="X12343" s="19"/>
      <c r="Y12343" s="19"/>
      <c r="Z12343" s="19"/>
      <c r="AA12343" s="19"/>
    </row>
    <row r="12344" spans="1:27" s="1" customFormat="1" ht="11.1" customHeight="1" outlineLevel="3" x14ac:dyDescent="0.2">
      <c r="A12344" s="17">
        <v>14706</v>
      </c>
      <c r="B12344" s="17"/>
      <c r="C12344" s="17"/>
      <c r="D12344" s="18" t="s">
        <v>6129</v>
      </c>
      <c r="E12344" s="18"/>
      <c r="F12344" s="18"/>
      <c r="G12344" s="18"/>
      <c r="H12344" s="18"/>
      <c r="I12344" s="18"/>
      <c r="J12344" s="18"/>
      <c r="K12344" s="18"/>
      <c r="L12344" s="18"/>
      <c r="M12344" s="18"/>
      <c r="N12344" s="18"/>
      <c r="O12344" s="18"/>
      <c r="P12344" s="19">
        <v>450</v>
      </c>
      <c r="Q12344" s="19"/>
      <c r="R12344" s="19"/>
      <c r="S12344" s="19"/>
      <c r="T12344" s="19">
        <v>180</v>
      </c>
      <c r="U12344" s="19"/>
      <c r="V12344" s="19"/>
      <c r="W12344" s="19"/>
      <c r="X12344" s="19">
        <v>3</v>
      </c>
      <c r="Y12344" s="19"/>
      <c r="Z12344" s="19"/>
      <c r="AA12344" s="19"/>
    </row>
    <row r="12345" spans="1:27" s="1" customFormat="1" ht="11.1" customHeight="1" outlineLevel="3" x14ac:dyDescent="0.2">
      <c r="A12345" s="17"/>
      <c r="B12345" s="17"/>
      <c r="C12345" s="17"/>
      <c r="D12345" s="18"/>
      <c r="E12345" s="18"/>
      <c r="F12345" s="18"/>
      <c r="G12345" s="18"/>
      <c r="H12345" s="18"/>
      <c r="I12345" s="18"/>
      <c r="J12345" s="18"/>
      <c r="K12345" s="18"/>
      <c r="L12345" s="18"/>
      <c r="M12345" s="18"/>
      <c r="N12345" s="18"/>
      <c r="O12345" s="18"/>
      <c r="P12345" s="19"/>
      <c r="Q12345" s="19"/>
      <c r="R12345" s="19"/>
      <c r="S12345" s="19"/>
      <c r="T12345" s="19"/>
      <c r="U12345" s="19"/>
      <c r="V12345" s="19"/>
      <c r="W12345" s="19"/>
      <c r="X12345" s="19"/>
      <c r="Y12345" s="19"/>
      <c r="Z12345" s="19"/>
      <c r="AA12345" s="19"/>
    </row>
    <row r="12346" spans="1:27" s="1" customFormat="1" ht="14.1" customHeight="1" outlineLevel="3" x14ac:dyDescent="0.2">
      <c r="A12346" s="17">
        <v>16280</v>
      </c>
      <c r="B12346" s="17"/>
      <c r="C12346" s="17"/>
      <c r="D12346" s="18" t="s">
        <v>6130</v>
      </c>
      <c r="E12346" s="18"/>
      <c r="F12346" s="18"/>
      <c r="G12346" s="18"/>
      <c r="H12346" s="18"/>
      <c r="I12346" s="18"/>
      <c r="J12346" s="18"/>
      <c r="K12346" s="18"/>
      <c r="L12346" s="18"/>
      <c r="M12346" s="18"/>
      <c r="N12346" s="18"/>
      <c r="O12346" s="18"/>
      <c r="P12346" s="19">
        <v>340</v>
      </c>
      <c r="Q12346" s="19"/>
      <c r="R12346" s="19"/>
      <c r="S12346" s="19"/>
      <c r="T12346" s="19">
        <v>180</v>
      </c>
      <c r="U12346" s="19"/>
      <c r="V12346" s="19"/>
      <c r="W12346" s="19"/>
      <c r="X12346" s="19">
        <v>1</v>
      </c>
      <c r="Y12346" s="19"/>
      <c r="Z12346" s="19"/>
      <c r="AA12346" s="19"/>
    </row>
    <row r="12347" spans="1:27" s="1" customFormat="1" ht="14.1" customHeight="1" outlineLevel="3" x14ac:dyDescent="0.2">
      <c r="A12347" s="17"/>
      <c r="B12347" s="17"/>
      <c r="C12347" s="17"/>
      <c r="D12347" s="18"/>
      <c r="E12347" s="18"/>
      <c r="F12347" s="18"/>
      <c r="G12347" s="18"/>
      <c r="H12347" s="18"/>
      <c r="I12347" s="18"/>
      <c r="J12347" s="18"/>
      <c r="K12347" s="18"/>
      <c r="L12347" s="18"/>
      <c r="M12347" s="18"/>
      <c r="N12347" s="18"/>
      <c r="O12347" s="18"/>
      <c r="P12347" s="19"/>
      <c r="Q12347" s="19"/>
      <c r="R12347" s="19"/>
      <c r="S12347" s="19"/>
      <c r="T12347" s="19"/>
      <c r="U12347" s="19"/>
      <c r="V12347" s="19"/>
      <c r="W12347" s="19"/>
      <c r="X12347" s="19"/>
      <c r="Y12347" s="19"/>
      <c r="Z12347" s="19"/>
      <c r="AA12347" s="19"/>
    </row>
    <row r="12348" spans="1:27" s="1" customFormat="1" ht="11.1" customHeight="1" outlineLevel="3" x14ac:dyDescent="0.2">
      <c r="A12348" s="17">
        <v>16156</v>
      </c>
      <c r="B12348" s="17"/>
      <c r="C12348" s="17"/>
      <c r="D12348" s="18" t="s">
        <v>6131</v>
      </c>
      <c r="E12348" s="18"/>
      <c r="F12348" s="18"/>
      <c r="G12348" s="18"/>
      <c r="H12348" s="18"/>
      <c r="I12348" s="18"/>
      <c r="J12348" s="18"/>
      <c r="K12348" s="18"/>
      <c r="L12348" s="18"/>
      <c r="M12348" s="18"/>
      <c r="N12348" s="18"/>
      <c r="O12348" s="18"/>
      <c r="P12348" s="19">
        <v>390</v>
      </c>
      <c r="Q12348" s="19"/>
      <c r="R12348" s="19"/>
      <c r="S12348" s="19"/>
      <c r="T12348" s="19">
        <v>250</v>
      </c>
      <c r="U12348" s="19"/>
      <c r="V12348" s="19"/>
      <c r="W12348" s="19"/>
      <c r="X12348" s="19">
        <v>15</v>
      </c>
      <c r="Y12348" s="19"/>
      <c r="Z12348" s="19"/>
      <c r="AA12348" s="19"/>
    </row>
    <row r="12349" spans="1:27" s="1" customFormat="1" ht="11.1" customHeight="1" outlineLevel="3" x14ac:dyDescent="0.2">
      <c r="A12349" s="17"/>
      <c r="B12349" s="17"/>
      <c r="C12349" s="17"/>
      <c r="D12349" s="18"/>
      <c r="E12349" s="18"/>
      <c r="F12349" s="18"/>
      <c r="G12349" s="18"/>
      <c r="H12349" s="18"/>
      <c r="I12349" s="18"/>
      <c r="J12349" s="18"/>
      <c r="K12349" s="18"/>
      <c r="L12349" s="18"/>
      <c r="M12349" s="18"/>
      <c r="N12349" s="18"/>
      <c r="O12349" s="18"/>
      <c r="P12349" s="19"/>
      <c r="Q12349" s="19"/>
      <c r="R12349" s="19"/>
      <c r="S12349" s="19"/>
      <c r="T12349" s="19"/>
      <c r="U12349" s="19"/>
      <c r="V12349" s="19"/>
      <c r="W12349" s="19"/>
      <c r="X12349" s="19"/>
      <c r="Y12349" s="19"/>
      <c r="Z12349" s="19"/>
      <c r="AA12349" s="19"/>
    </row>
    <row r="12350" spans="1:27" s="1" customFormat="1" ht="11.1" customHeight="1" outlineLevel="3" x14ac:dyDescent="0.2">
      <c r="A12350" s="17">
        <v>16481</v>
      </c>
      <c r="B12350" s="17"/>
      <c r="C12350" s="17"/>
      <c r="D12350" s="18" t="s">
        <v>6132</v>
      </c>
      <c r="E12350" s="18"/>
      <c r="F12350" s="18"/>
      <c r="G12350" s="18"/>
      <c r="H12350" s="18"/>
      <c r="I12350" s="18"/>
      <c r="J12350" s="18"/>
      <c r="K12350" s="18"/>
      <c r="L12350" s="18"/>
      <c r="M12350" s="18"/>
      <c r="N12350" s="18"/>
      <c r="O12350" s="18"/>
      <c r="P12350" s="19">
        <v>300</v>
      </c>
      <c r="Q12350" s="19"/>
      <c r="R12350" s="19"/>
      <c r="S12350" s="19"/>
      <c r="T12350" s="19">
        <v>120</v>
      </c>
      <c r="U12350" s="19"/>
      <c r="V12350" s="19"/>
      <c r="W12350" s="19"/>
      <c r="X12350" s="19">
        <v>7</v>
      </c>
      <c r="Y12350" s="19"/>
      <c r="Z12350" s="19"/>
      <c r="AA12350" s="19"/>
    </row>
    <row r="12351" spans="1:27" s="1" customFormat="1" ht="11.1" customHeight="1" outlineLevel="3" x14ac:dyDescent="0.2">
      <c r="A12351" s="17"/>
      <c r="B12351" s="17"/>
      <c r="C12351" s="17"/>
      <c r="D12351" s="18"/>
      <c r="E12351" s="18"/>
      <c r="F12351" s="18"/>
      <c r="G12351" s="18"/>
      <c r="H12351" s="18"/>
      <c r="I12351" s="18"/>
      <c r="J12351" s="18"/>
      <c r="K12351" s="18"/>
      <c r="L12351" s="18"/>
      <c r="M12351" s="18"/>
      <c r="N12351" s="18"/>
      <c r="O12351" s="18"/>
      <c r="P12351" s="19"/>
      <c r="Q12351" s="19"/>
      <c r="R12351" s="19"/>
      <c r="S12351" s="19"/>
      <c r="T12351" s="19"/>
      <c r="U12351" s="19"/>
      <c r="V12351" s="19"/>
      <c r="W12351" s="19"/>
      <c r="X12351" s="19"/>
      <c r="Y12351" s="19"/>
      <c r="Z12351" s="19"/>
      <c r="AA12351" s="19"/>
    </row>
    <row r="12352" spans="1:27" s="1" customFormat="1" ht="11.1" customHeight="1" outlineLevel="3" x14ac:dyDescent="0.2">
      <c r="A12352" s="17">
        <v>15231</v>
      </c>
      <c r="B12352" s="17"/>
      <c r="C12352" s="17"/>
      <c r="D12352" s="18" t="s">
        <v>6133</v>
      </c>
      <c r="E12352" s="18"/>
      <c r="F12352" s="18"/>
      <c r="G12352" s="18"/>
      <c r="H12352" s="18"/>
      <c r="I12352" s="18"/>
      <c r="J12352" s="18"/>
      <c r="K12352" s="18"/>
      <c r="L12352" s="18"/>
      <c r="M12352" s="18"/>
      <c r="N12352" s="18"/>
      <c r="O12352" s="18"/>
      <c r="P12352" s="19">
        <v>170</v>
      </c>
      <c r="Q12352" s="19"/>
      <c r="R12352" s="19"/>
      <c r="S12352" s="19"/>
      <c r="T12352" s="19">
        <v>55</v>
      </c>
      <c r="U12352" s="19"/>
      <c r="V12352" s="19"/>
      <c r="W12352" s="19"/>
      <c r="X12352" s="19">
        <v>518</v>
      </c>
      <c r="Y12352" s="19"/>
      <c r="Z12352" s="19"/>
      <c r="AA12352" s="19"/>
    </row>
    <row r="12353" spans="1:27" s="1" customFormat="1" ht="11.1" customHeight="1" outlineLevel="3" x14ac:dyDescent="0.2">
      <c r="A12353" s="17"/>
      <c r="B12353" s="17"/>
      <c r="C12353" s="17"/>
      <c r="D12353" s="18"/>
      <c r="E12353" s="18"/>
      <c r="F12353" s="18"/>
      <c r="G12353" s="18"/>
      <c r="H12353" s="18"/>
      <c r="I12353" s="18"/>
      <c r="J12353" s="18"/>
      <c r="K12353" s="18"/>
      <c r="L12353" s="18"/>
      <c r="M12353" s="18"/>
      <c r="N12353" s="18"/>
      <c r="O12353" s="18"/>
      <c r="P12353" s="19"/>
      <c r="Q12353" s="19"/>
      <c r="R12353" s="19"/>
      <c r="S12353" s="19"/>
      <c r="T12353" s="19"/>
      <c r="U12353" s="19"/>
      <c r="V12353" s="19"/>
      <c r="W12353" s="19"/>
      <c r="X12353" s="19"/>
      <c r="Y12353" s="19"/>
      <c r="Z12353" s="19"/>
      <c r="AA12353" s="19"/>
    </row>
    <row r="12354" spans="1:27" s="1" customFormat="1" ht="11.1" customHeight="1" outlineLevel="3" x14ac:dyDescent="0.2">
      <c r="A12354" s="17">
        <v>13274</v>
      </c>
      <c r="B12354" s="17"/>
      <c r="C12354" s="17"/>
      <c r="D12354" s="18" t="s">
        <v>6134</v>
      </c>
      <c r="E12354" s="18"/>
      <c r="F12354" s="18"/>
      <c r="G12354" s="18"/>
      <c r="H12354" s="18"/>
      <c r="I12354" s="18"/>
      <c r="J12354" s="18"/>
      <c r="K12354" s="18"/>
      <c r="L12354" s="18"/>
      <c r="M12354" s="18"/>
      <c r="N12354" s="18"/>
      <c r="O12354" s="18"/>
      <c r="P12354" s="19">
        <v>320</v>
      </c>
      <c r="Q12354" s="19"/>
      <c r="R12354" s="19"/>
      <c r="S12354" s="19"/>
      <c r="T12354" s="19">
        <v>155</v>
      </c>
      <c r="U12354" s="19"/>
      <c r="V12354" s="19"/>
      <c r="W12354" s="19"/>
      <c r="X12354" s="19">
        <v>23</v>
      </c>
      <c r="Y12354" s="19"/>
      <c r="Z12354" s="19"/>
      <c r="AA12354" s="19"/>
    </row>
    <row r="12355" spans="1:27" s="1" customFormat="1" ht="11.1" customHeight="1" outlineLevel="3" x14ac:dyDescent="0.2">
      <c r="A12355" s="17"/>
      <c r="B12355" s="17"/>
      <c r="C12355" s="17"/>
      <c r="D12355" s="18"/>
      <c r="E12355" s="18"/>
      <c r="F12355" s="18"/>
      <c r="G12355" s="18"/>
      <c r="H12355" s="18"/>
      <c r="I12355" s="18"/>
      <c r="J12355" s="18"/>
      <c r="K12355" s="18"/>
      <c r="L12355" s="18"/>
      <c r="M12355" s="18"/>
      <c r="N12355" s="18"/>
      <c r="O12355" s="18"/>
      <c r="P12355" s="19"/>
      <c r="Q12355" s="19"/>
      <c r="R12355" s="19"/>
      <c r="S12355" s="19"/>
      <c r="T12355" s="19"/>
      <c r="U12355" s="19"/>
      <c r="V12355" s="19"/>
      <c r="W12355" s="19"/>
      <c r="X12355" s="19"/>
      <c r="Y12355" s="19"/>
      <c r="Z12355" s="19"/>
      <c r="AA12355" s="19"/>
    </row>
    <row r="12356" spans="1:27" s="1" customFormat="1" ht="14.1" customHeight="1" outlineLevel="3" x14ac:dyDescent="0.2">
      <c r="A12356" s="17">
        <v>17985</v>
      </c>
      <c r="B12356" s="17"/>
      <c r="C12356" s="17"/>
      <c r="D12356" s="18" t="s">
        <v>6135</v>
      </c>
      <c r="E12356" s="18"/>
      <c r="F12356" s="18"/>
      <c r="G12356" s="18"/>
      <c r="H12356" s="18"/>
      <c r="I12356" s="18"/>
      <c r="J12356" s="18"/>
      <c r="K12356" s="18"/>
      <c r="L12356" s="18"/>
      <c r="M12356" s="18"/>
      <c r="N12356" s="18"/>
      <c r="O12356" s="18"/>
      <c r="P12356" s="19">
        <v>390</v>
      </c>
      <c r="Q12356" s="19"/>
      <c r="R12356" s="19"/>
      <c r="S12356" s="19"/>
      <c r="T12356" s="19">
        <v>190</v>
      </c>
      <c r="U12356" s="19"/>
      <c r="V12356" s="19"/>
      <c r="W12356" s="19"/>
      <c r="X12356" s="19">
        <v>8</v>
      </c>
      <c r="Y12356" s="19"/>
      <c r="Z12356" s="19"/>
      <c r="AA12356" s="19"/>
    </row>
    <row r="12357" spans="1:27" s="1" customFormat="1" ht="14.1" customHeight="1" outlineLevel="3" x14ac:dyDescent="0.2">
      <c r="A12357" s="17"/>
      <c r="B12357" s="17"/>
      <c r="C12357" s="17"/>
      <c r="D12357" s="18"/>
      <c r="E12357" s="18"/>
      <c r="F12357" s="18"/>
      <c r="G12357" s="18"/>
      <c r="H12357" s="18"/>
      <c r="I12357" s="18"/>
      <c r="J12357" s="18"/>
      <c r="K12357" s="18"/>
      <c r="L12357" s="18"/>
      <c r="M12357" s="18"/>
      <c r="N12357" s="18"/>
      <c r="O12357" s="18"/>
      <c r="P12357" s="19"/>
      <c r="Q12357" s="19"/>
      <c r="R12357" s="19"/>
      <c r="S12357" s="19"/>
      <c r="T12357" s="19"/>
      <c r="U12357" s="19"/>
      <c r="V12357" s="19"/>
      <c r="W12357" s="19"/>
      <c r="X12357" s="19"/>
      <c r="Y12357" s="19"/>
      <c r="Z12357" s="19"/>
      <c r="AA12357" s="19"/>
    </row>
    <row r="12358" spans="1:27" s="1" customFormat="1" ht="11.1" customHeight="1" outlineLevel="3" x14ac:dyDescent="0.2">
      <c r="A12358" s="17">
        <v>7667</v>
      </c>
      <c r="B12358" s="17"/>
      <c r="C12358" s="17"/>
      <c r="D12358" s="18" t="s">
        <v>6136</v>
      </c>
      <c r="E12358" s="18"/>
      <c r="F12358" s="18"/>
      <c r="G12358" s="18"/>
      <c r="H12358" s="18"/>
      <c r="I12358" s="18"/>
      <c r="J12358" s="18"/>
      <c r="K12358" s="18"/>
      <c r="L12358" s="18"/>
      <c r="M12358" s="18"/>
      <c r="N12358" s="18"/>
      <c r="O12358" s="18"/>
      <c r="P12358" s="19">
        <v>142</v>
      </c>
      <c r="Q12358" s="19"/>
      <c r="R12358" s="19"/>
      <c r="S12358" s="19"/>
      <c r="T12358" s="19">
        <v>42</v>
      </c>
      <c r="U12358" s="19"/>
      <c r="V12358" s="19"/>
      <c r="W12358" s="19"/>
      <c r="X12358" s="19">
        <v>2</v>
      </c>
      <c r="Y12358" s="19"/>
      <c r="Z12358" s="19"/>
      <c r="AA12358" s="19"/>
    </row>
    <row r="12359" spans="1:27" s="1" customFormat="1" ht="11.1" customHeight="1" outlineLevel="3" x14ac:dyDescent="0.2">
      <c r="A12359" s="17"/>
      <c r="B12359" s="17"/>
      <c r="C12359" s="17"/>
      <c r="D12359" s="18"/>
      <c r="E12359" s="18"/>
      <c r="F12359" s="18"/>
      <c r="G12359" s="18"/>
      <c r="H12359" s="18"/>
      <c r="I12359" s="18"/>
      <c r="J12359" s="18"/>
      <c r="K12359" s="18"/>
      <c r="L12359" s="18"/>
      <c r="M12359" s="18"/>
      <c r="N12359" s="18"/>
      <c r="O12359" s="18"/>
      <c r="P12359" s="19"/>
      <c r="Q12359" s="19"/>
      <c r="R12359" s="19"/>
      <c r="S12359" s="19"/>
      <c r="T12359" s="19"/>
      <c r="U12359" s="19"/>
      <c r="V12359" s="19"/>
      <c r="W12359" s="19"/>
      <c r="X12359" s="19"/>
      <c r="Y12359" s="19"/>
      <c r="Z12359" s="19"/>
      <c r="AA12359" s="19"/>
    </row>
    <row r="12360" spans="1:27" s="1" customFormat="1" ht="11.1" customHeight="1" outlineLevel="3" x14ac:dyDescent="0.2">
      <c r="A12360" s="17">
        <v>11918</v>
      </c>
      <c r="B12360" s="17"/>
      <c r="C12360" s="17"/>
      <c r="D12360" s="18" t="s">
        <v>6137</v>
      </c>
      <c r="E12360" s="18"/>
      <c r="F12360" s="18"/>
      <c r="G12360" s="18"/>
      <c r="H12360" s="18"/>
      <c r="I12360" s="18"/>
      <c r="J12360" s="18"/>
      <c r="K12360" s="18"/>
      <c r="L12360" s="18"/>
      <c r="M12360" s="18"/>
      <c r="N12360" s="18"/>
      <c r="O12360" s="18"/>
      <c r="P12360" s="19">
        <v>175</v>
      </c>
      <c r="Q12360" s="19"/>
      <c r="R12360" s="19"/>
      <c r="S12360" s="19"/>
      <c r="T12360" s="19">
        <v>80</v>
      </c>
      <c r="U12360" s="19"/>
      <c r="V12360" s="19"/>
      <c r="W12360" s="19"/>
      <c r="X12360" s="19">
        <v>5</v>
      </c>
      <c r="Y12360" s="19"/>
      <c r="Z12360" s="19"/>
      <c r="AA12360" s="19"/>
    </row>
    <row r="12361" spans="1:27" s="1" customFormat="1" ht="11.1" customHeight="1" outlineLevel="3" x14ac:dyDescent="0.2">
      <c r="A12361" s="17"/>
      <c r="B12361" s="17"/>
      <c r="C12361" s="17"/>
      <c r="D12361" s="18"/>
      <c r="E12361" s="18"/>
      <c r="F12361" s="18"/>
      <c r="G12361" s="18"/>
      <c r="H12361" s="18"/>
      <c r="I12361" s="18"/>
      <c r="J12361" s="18"/>
      <c r="K12361" s="18"/>
      <c r="L12361" s="18"/>
      <c r="M12361" s="18"/>
      <c r="N12361" s="18"/>
      <c r="O12361" s="18"/>
      <c r="P12361" s="19"/>
      <c r="Q12361" s="19"/>
      <c r="R12361" s="19"/>
      <c r="S12361" s="19"/>
      <c r="T12361" s="19"/>
      <c r="U12361" s="19"/>
      <c r="V12361" s="19"/>
      <c r="W12361" s="19"/>
      <c r="X12361" s="19"/>
      <c r="Y12361" s="19"/>
      <c r="Z12361" s="19"/>
      <c r="AA12361" s="19"/>
    </row>
    <row r="12362" spans="1:27" s="1" customFormat="1" ht="11.1" customHeight="1" outlineLevel="3" x14ac:dyDescent="0.2">
      <c r="A12362" s="17">
        <v>17989</v>
      </c>
      <c r="B12362" s="17"/>
      <c r="C12362" s="17"/>
      <c r="D12362" s="18" t="s">
        <v>6138</v>
      </c>
      <c r="E12362" s="18"/>
      <c r="F12362" s="18"/>
      <c r="G12362" s="18"/>
      <c r="H12362" s="18"/>
      <c r="I12362" s="18"/>
      <c r="J12362" s="18"/>
      <c r="K12362" s="18"/>
      <c r="L12362" s="18"/>
      <c r="M12362" s="18"/>
      <c r="N12362" s="18"/>
      <c r="O12362" s="18"/>
      <c r="P12362" s="19">
        <v>390</v>
      </c>
      <c r="Q12362" s="19"/>
      <c r="R12362" s="19"/>
      <c r="S12362" s="19"/>
      <c r="T12362" s="19">
        <v>210</v>
      </c>
      <c r="U12362" s="19"/>
      <c r="V12362" s="19"/>
      <c r="W12362" s="19"/>
      <c r="X12362" s="19">
        <v>10</v>
      </c>
      <c r="Y12362" s="19"/>
      <c r="Z12362" s="19"/>
      <c r="AA12362" s="19"/>
    </row>
    <row r="12363" spans="1:27" s="1" customFormat="1" ht="11.1" customHeight="1" outlineLevel="3" x14ac:dyDescent="0.2">
      <c r="A12363" s="17"/>
      <c r="B12363" s="17"/>
      <c r="C12363" s="17"/>
      <c r="D12363" s="18"/>
      <c r="E12363" s="18"/>
      <c r="F12363" s="18"/>
      <c r="G12363" s="18"/>
      <c r="H12363" s="18"/>
      <c r="I12363" s="18"/>
      <c r="J12363" s="18"/>
      <c r="K12363" s="18"/>
      <c r="L12363" s="18"/>
      <c r="M12363" s="18"/>
      <c r="N12363" s="18"/>
      <c r="O12363" s="18"/>
      <c r="P12363" s="19"/>
      <c r="Q12363" s="19"/>
      <c r="R12363" s="19"/>
      <c r="S12363" s="19"/>
      <c r="T12363" s="19"/>
      <c r="U12363" s="19"/>
      <c r="V12363" s="19"/>
      <c r="W12363" s="19"/>
      <c r="X12363" s="19"/>
      <c r="Y12363" s="19"/>
      <c r="Z12363" s="19"/>
      <c r="AA12363" s="19"/>
    </row>
    <row r="12364" spans="1:27" s="1" customFormat="1" ht="11.1" customHeight="1" outlineLevel="3" x14ac:dyDescent="0.2">
      <c r="A12364" s="17">
        <v>12029</v>
      </c>
      <c r="B12364" s="17"/>
      <c r="C12364" s="17"/>
      <c r="D12364" s="18" t="s">
        <v>6139</v>
      </c>
      <c r="E12364" s="18"/>
      <c r="F12364" s="18"/>
      <c r="G12364" s="18"/>
      <c r="H12364" s="18"/>
      <c r="I12364" s="18"/>
      <c r="J12364" s="18"/>
      <c r="K12364" s="18"/>
      <c r="L12364" s="18"/>
      <c r="M12364" s="18"/>
      <c r="N12364" s="18"/>
      <c r="O12364" s="18"/>
      <c r="P12364" s="19">
        <v>309</v>
      </c>
      <c r="Q12364" s="19"/>
      <c r="R12364" s="19"/>
      <c r="S12364" s="19"/>
      <c r="T12364" s="19">
        <v>154</v>
      </c>
      <c r="U12364" s="19"/>
      <c r="V12364" s="19"/>
      <c r="W12364" s="19"/>
      <c r="X12364" s="19">
        <v>-1</v>
      </c>
      <c r="Y12364" s="19"/>
      <c r="Z12364" s="19"/>
      <c r="AA12364" s="19"/>
    </row>
    <row r="12365" spans="1:27" s="1" customFormat="1" ht="11.1" customHeight="1" outlineLevel="3" x14ac:dyDescent="0.2">
      <c r="A12365" s="17"/>
      <c r="B12365" s="17"/>
      <c r="C12365" s="17"/>
      <c r="D12365" s="18"/>
      <c r="E12365" s="18"/>
      <c r="F12365" s="18"/>
      <c r="G12365" s="18"/>
      <c r="H12365" s="18"/>
      <c r="I12365" s="18"/>
      <c r="J12365" s="18"/>
      <c r="K12365" s="18"/>
      <c r="L12365" s="18"/>
      <c r="M12365" s="18"/>
      <c r="N12365" s="18"/>
      <c r="O12365" s="18"/>
      <c r="P12365" s="19"/>
      <c r="Q12365" s="19"/>
      <c r="R12365" s="19"/>
      <c r="S12365" s="19"/>
      <c r="T12365" s="19"/>
      <c r="U12365" s="19"/>
      <c r="V12365" s="19"/>
      <c r="W12365" s="19"/>
      <c r="X12365" s="19"/>
      <c r="Y12365" s="19"/>
      <c r="Z12365" s="19"/>
      <c r="AA12365" s="19"/>
    </row>
    <row r="12366" spans="1:27" s="1" customFormat="1" ht="11.1" customHeight="1" outlineLevel="3" x14ac:dyDescent="0.2">
      <c r="A12366" s="17">
        <v>12030</v>
      </c>
      <c r="B12366" s="17"/>
      <c r="C12366" s="17"/>
      <c r="D12366" s="18" t="s">
        <v>6140</v>
      </c>
      <c r="E12366" s="18"/>
      <c r="F12366" s="18"/>
      <c r="G12366" s="18"/>
      <c r="H12366" s="18"/>
      <c r="I12366" s="18"/>
      <c r="J12366" s="18"/>
      <c r="K12366" s="18"/>
      <c r="L12366" s="18"/>
      <c r="M12366" s="18"/>
      <c r="N12366" s="18"/>
      <c r="O12366" s="18"/>
      <c r="P12366" s="19">
        <v>399</v>
      </c>
      <c r="Q12366" s="19"/>
      <c r="R12366" s="19"/>
      <c r="S12366" s="19"/>
      <c r="T12366" s="19">
        <v>200</v>
      </c>
      <c r="U12366" s="19"/>
      <c r="V12366" s="19"/>
      <c r="W12366" s="19"/>
      <c r="X12366" s="19">
        <v>4</v>
      </c>
      <c r="Y12366" s="19"/>
      <c r="Z12366" s="19"/>
      <c r="AA12366" s="19"/>
    </row>
    <row r="12367" spans="1:27" s="1" customFormat="1" ht="11.1" customHeight="1" outlineLevel="3" x14ac:dyDescent="0.2">
      <c r="A12367" s="17"/>
      <c r="B12367" s="17"/>
      <c r="C12367" s="17"/>
      <c r="D12367" s="18"/>
      <c r="E12367" s="18"/>
      <c r="F12367" s="18"/>
      <c r="G12367" s="18"/>
      <c r="H12367" s="18"/>
      <c r="I12367" s="18"/>
      <c r="J12367" s="18"/>
      <c r="K12367" s="18"/>
      <c r="L12367" s="18"/>
      <c r="M12367" s="18"/>
      <c r="N12367" s="18"/>
      <c r="O12367" s="18"/>
      <c r="P12367" s="19"/>
      <c r="Q12367" s="19"/>
      <c r="R12367" s="19"/>
      <c r="S12367" s="19"/>
      <c r="T12367" s="19"/>
      <c r="U12367" s="19"/>
      <c r="V12367" s="19"/>
      <c r="W12367" s="19"/>
      <c r="X12367" s="19"/>
      <c r="Y12367" s="19"/>
      <c r="Z12367" s="19"/>
      <c r="AA12367" s="19"/>
    </row>
    <row r="12368" spans="1:27" s="1" customFormat="1" ht="11.1" customHeight="1" outlineLevel="3" x14ac:dyDescent="0.2">
      <c r="A12368" s="17">
        <v>12063</v>
      </c>
      <c r="B12368" s="17"/>
      <c r="C12368" s="17"/>
      <c r="D12368" s="18" t="s">
        <v>6141</v>
      </c>
      <c r="E12368" s="18"/>
      <c r="F12368" s="18"/>
      <c r="G12368" s="18"/>
      <c r="H12368" s="18"/>
      <c r="I12368" s="18"/>
      <c r="J12368" s="18"/>
      <c r="K12368" s="18"/>
      <c r="L12368" s="18"/>
      <c r="M12368" s="18"/>
      <c r="N12368" s="18"/>
      <c r="O12368" s="18"/>
      <c r="P12368" s="19">
        <v>350</v>
      </c>
      <c r="Q12368" s="19"/>
      <c r="R12368" s="19"/>
      <c r="S12368" s="19"/>
      <c r="T12368" s="19">
        <v>170</v>
      </c>
      <c r="U12368" s="19"/>
      <c r="V12368" s="19"/>
      <c r="W12368" s="19"/>
      <c r="X12368" s="19">
        <v>2</v>
      </c>
      <c r="Y12368" s="19"/>
      <c r="Z12368" s="19"/>
      <c r="AA12368" s="19"/>
    </row>
    <row r="12369" spans="1:27" s="1" customFormat="1" ht="11.1" customHeight="1" outlineLevel="3" x14ac:dyDescent="0.2">
      <c r="A12369" s="17"/>
      <c r="B12369" s="17"/>
      <c r="C12369" s="17"/>
      <c r="D12369" s="18"/>
      <c r="E12369" s="18"/>
      <c r="F12369" s="18"/>
      <c r="G12369" s="18"/>
      <c r="H12369" s="18"/>
      <c r="I12369" s="18"/>
      <c r="J12369" s="18"/>
      <c r="K12369" s="18"/>
      <c r="L12369" s="18"/>
      <c r="M12369" s="18"/>
      <c r="N12369" s="18"/>
      <c r="O12369" s="18"/>
      <c r="P12369" s="19"/>
      <c r="Q12369" s="19"/>
      <c r="R12369" s="19"/>
      <c r="S12369" s="19"/>
      <c r="T12369" s="19"/>
      <c r="U12369" s="19"/>
      <c r="V12369" s="19"/>
      <c r="W12369" s="19"/>
      <c r="X12369" s="19"/>
      <c r="Y12369" s="19"/>
      <c r="Z12369" s="19"/>
      <c r="AA12369" s="19"/>
    </row>
    <row r="12370" spans="1:27" s="1" customFormat="1" ht="11.1" customHeight="1" outlineLevel="3" x14ac:dyDescent="0.2">
      <c r="A12370" s="17">
        <v>12022</v>
      </c>
      <c r="B12370" s="17"/>
      <c r="C12370" s="17"/>
      <c r="D12370" s="18" t="s">
        <v>6142</v>
      </c>
      <c r="E12370" s="18"/>
      <c r="F12370" s="18"/>
      <c r="G12370" s="18"/>
      <c r="H12370" s="18"/>
      <c r="I12370" s="18"/>
      <c r="J12370" s="18"/>
      <c r="K12370" s="18"/>
      <c r="L12370" s="18"/>
      <c r="M12370" s="18"/>
      <c r="N12370" s="18"/>
      <c r="O12370" s="18"/>
      <c r="P12370" s="19">
        <v>190</v>
      </c>
      <c r="Q12370" s="19"/>
      <c r="R12370" s="19"/>
      <c r="S12370" s="19"/>
      <c r="T12370" s="19">
        <v>78</v>
      </c>
      <c r="U12370" s="19"/>
      <c r="V12370" s="19"/>
      <c r="W12370" s="19"/>
      <c r="X12370" s="19">
        <v>7</v>
      </c>
      <c r="Y12370" s="19"/>
      <c r="Z12370" s="19"/>
      <c r="AA12370" s="19"/>
    </row>
    <row r="12371" spans="1:27" s="1" customFormat="1" ht="11.1" customHeight="1" outlineLevel="3" x14ac:dyDescent="0.2">
      <c r="A12371" s="17"/>
      <c r="B12371" s="17"/>
      <c r="C12371" s="17"/>
      <c r="D12371" s="18"/>
      <c r="E12371" s="18"/>
      <c r="F12371" s="18"/>
      <c r="G12371" s="18"/>
      <c r="H12371" s="18"/>
      <c r="I12371" s="18"/>
      <c r="J12371" s="18"/>
      <c r="K12371" s="18"/>
      <c r="L12371" s="18"/>
      <c r="M12371" s="18"/>
      <c r="N12371" s="18"/>
      <c r="O12371" s="18"/>
      <c r="P12371" s="19"/>
      <c r="Q12371" s="19"/>
      <c r="R12371" s="19"/>
      <c r="S12371" s="19"/>
      <c r="T12371" s="19"/>
      <c r="U12371" s="19"/>
      <c r="V12371" s="19"/>
      <c r="W12371" s="19"/>
      <c r="X12371" s="19"/>
      <c r="Y12371" s="19"/>
      <c r="Z12371" s="19"/>
      <c r="AA12371" s="19"/>
    </row>
    <row r="12372" spans="1:27" s="1" customFormat="1" ht="11.1" customHeight="1" outlineLevel="3" x14ac:dyDescent="0.2">
      <c r="A12372" s="17">
        <v>12023</v>
      </c>
      <c r="B12372" s="17"/>
      <c r="C12372" s="17"/>
      <c r="D12372" s="18" t="s">
        <v>6143</v>
      </c>
      <c r="E12372" s="18"/>
      <c r="F12372" s="18"/>
      <c r="G12372" s="18"/>
      <c r="H12372" s="18"/>
      <c r="I12372" s="18"/>
      <c r="J12372" s="18"/>
      <c r="K12372" s="18"/>
      <c r="L12372" s="18"/>
      <c r="M12372" s="18"/>
      <c r="N12372" s="18"/>
      <c r="O12372" s="18"/>
      <c r="P12372" s="19">
        <v>210</v>
      </c>
      <c r="Q12372" s="19"/>
      <c r="R12372" s="19"/>
      <c r="S12372" s="19"/>
      <c r="T12372" s="19">
        <v>100</v>
      </c>
      <c r="U12372" s="19"/>
      <c r="V12372" s="19"/>
      <c r="W12372" s="19"/>
      <c r="X12372" s="19">
        <v>12</v>
      </c>
      <c r="Y12372" s="19"/>
      <c r="Z12372" s="19"/>
      <c r="AA12372" s="19"/>
    </row>
    <row r="12373" spans="1:27" s="1" customFormat="1" ht="11.1" customHeight="1" outlineLevel="3" x14ac:dyDescent="0.2">
      <c r="A12373" s="17"/>
      <c r="B12373" s="17"/>
      <c r="C12373" s="17"/>
      <c r="D12373" s="18"/>
      <c r="E12373" s="18"/>
      <c r="F12373" s="18"/>
      <c r="G12373" s="18"/>
      <c r="H12373" s="18"/>
      <c r="I12373" s="18"/>
      <c r="J12373" s="18"/>
      <c r="K12373" s="18"/>
      <c r="L12373" s="18"/>
      <c r="M12373" s="18"/>
      <c r="N12373" s="18"/>
      <c r="O12373" s="18"/>
      <c r="P12373" s="19"/>
      <c r="Q12373" s="19"/>
      <c r="R12373" s="19"/>
      <c r="S12373" s="19"/>
      <c r="T12373" s="19"/>
      <c r="U12373" s="19"/>
      <c r="V12373" s="19"/>
      <c r="W12373" s="19"/>
      <c r="X12373" s="19"/>
      <c r="Y12373" s="19"/>
      <c r="Z12373" s="19"/>
      <c r="AA12373" s="19"/>
    </row>
    <row r="12374" spans="1:27" s="1" customFormat="1" ht="11.1" customHeight="1" outlineLevel="3" x14ac:dyDescent="0.2">
      <c r="A12374" s="17">
        <v>6548</v>
      </c>
      <c r="B12374" s="17"/>
      <c r="C12374" s="17"/>
      <c r="D12374" s="18" t="s">
        <v>6144</v>
      </c>
      <c r="E12374" s="18"/>
      <c r="F12374" s="18"/>
      <c r="G12374" s="18"/>
      <c r="H12374" s="18"/>
      <c r="I12374" s="18"/>
      <c r="J12374" s="18"/>
      <c r="K12374" s="18"/>
      <c r="L12374" s="18"/>
      <c r="M12374" s="18"/>
      <c r="N12374" s="18"/>
      <c r="O12374" s="18"/>
      <c r="P12374" s="19">
        <v>200</v>
      </c>
      <c r="Q12374" s="19"/>
      <c r="R12374" s="19"/>
      <c r="S12374" s="19"/>
      <c r="T12374" s="19">
        <v>75</v>
      </c>
      <c r="U12374" s="19"/>
      <c r="V12374" s="19"/>
      <c r="W12374" s="19"/>
      <c r="X12374" s="19">
        <v>1</v>
      </c>
      <c r="Y12374" s="19"/>
      <c r="Z12374" s="19"/>
      <c r="AA12374" s="19"/>
    </row>
    <row r="12375" spans="1:27" s="1" customFormat="1" ht="11.1" customHeight="1" outlineLevel="3" x14ac:dyDescent="0.2">
      <c r="A12375" s="17"/>
      <c r="B12375" s="17"/>
      <c r="C12375" s="17"/>
      <c r="D12375" s="18"/>
      <c r="E12375" s="18"/>
      <c r="F12375" s="18"/>
      <c r="G12375" s="18"/>
      <c r="H12375" s="18"/>
      <c r="I12375" s="18"/>
      <c r="J12375" s="18"/>
      <c r="K12375" s="18"/>
      <c r="L12375" s="18"/>
      <c r="M12375" s="18"/>
      <c r="N12375" s="18"/>
      <c r="O12375" s="18"/>
      <c r="P12375" s="19"/>
      <c r="Q12375" s="19"/>
      <c r="R12375" s="19"/>
      <c r="S12375" s="19"/>
      <c r="T12375" s="19"/>
      <c r="U12375" s="19"/>
      <c r="V12375" s="19"/>
      <c r="W12375" s="19"/>
      <c r="X12375" s="19"/>
      <c r="Y12375" s="19"/>
      <c r="Z12375" s="19"/>
      <c r="AA12375" s="19"/>
    </row>
    <row r="12376" spans="1:27" s="1" customFormat="1" ht="11.1" customHeight="1" outlineLevel="3" x14ac:dyDescent="0.2">
      <c r="A12376" s="17">
        <v>15717</v>
      </c>
      <c r="B12376" s="17"/>
      <c r="C12376" s="17"/>
      <c r="D12376" s="18" t="s">
        <v>6145</v>
      </c>
      <c r="E12376" s="18"/>
      <c r="F12376" s="18"/>
      <c r="G12376" s="18"/>
      <c r="H12376" s="18"/>
      <c r="I12376" s="18"/>
      <c r="J12376" s="18"/>
      <c r="K12376" s="18"/>
      <c r="L12376" s="18"/>
      <c r="M12376" s="18"/>
      <c r="N12376" s="18"/>
      <c r="O12376" s="18"/>
      <c r="P12376" s="19">
        <v>350</v>
      </c>
      <c r="Q12376" s="19"/>
      <c r="R12376" s="19"/>
      <c r="S12376" s="19"/>
      <c r="T12376" s="19">
        <v>160</v>
      </c>
      <c r="U12376" s="19"/>
      <c r="V12376" s="19"/>
      <c r="W12376" s="19"/>
      <c r="X12376" s="19">
        <v>16</v>
      </c>
      <c r="Y12376" s="19"/>
      <c r="Z12376" s="19"/>
      <c r="AA12376" s="19"/>
    </row>
    <row r="12377" spans="1:27" s="1" customFormat="1" ht="11.1" customHeight="1" outlineLevel="3" x14ac:dyDescent="0.2">
      <c r="A12377" s="17"/>
      <c r="B12377" s="17"/>
      <c r="C12377" s="17"/>
      <c r="D12377" s="18"/>
      <c r="E12377" s="18"/>
      <c r="F12377" s="18"/>
      <c r="G12377" s="18"/>
      <c r="H12377" s="18"/>
      <c r="I12377" s="18"/>
      <c r="J12377" s="18"/>
      <c r="K12377" s="18"/>
      <c r="L12377" s="18"/>
      <c r="M12377" s="18"/>
      <c r="N12377" s="18"/>
      <c r="O12377" s="18"/>
      <c r="P12377" s="19"/>
      <c r="Q12377" s="19"/>
      <c r="R12377" s="19"/>
      <c r="S12377" s="19"/>
      <c r="T12377" s="19"/>
      <c r="U12377" s="19"/>
      <c r="V12377" s="19"/>
      <c r="W12377" s="19"/>
      <c r="X12377" s="19"/>
      <c r="Y12377" s="19"/>
      <c r="Z12377" s="19"/>
      <c r="AA12377" s="19"/>
    </row>
    <row r="12378" spans="1:27" s="1" customFormat="1" ht="11.1" customHeight="1" outlineLevel="3" x14ac:dyDescent="0.2">
      <c r="A12378" s="17">
        <v>12043</v>
      </c>
      <c r="B12378" s="17"/>
      <c r="C12378" s="17"/>
      <c r="D12378" s="18" t="s">
        <v>6146</v>
      </c>
      <c r="E12378" s="18"/>
      <c r="F12378" s="18"/>
      <c r="G12378" s="18"/>
      <c r="H12378" s="18"/>
      <c r="I12378" s="18"/>
      <c r="J12378" s="18"/>
      <c r="K12378" s="18"/>
      <c r="L12378" s="18"/>
      <c r="M12378" s="18"/>
      <c r="N12378" s="18"/>
      <c r="O12378" s="18"/>
      <c r="P12378" s="19">
        <v>381</v>
      </c>
      <c r="Q12378" s="19"/>
      <c r="R12378" s="19"/>
      <c r="S12378" s="19"/>
      <c r="T12378" s="19">
        <v>170</v>
      </c>
      <c r="U12378" s="19"/>
      <c r="V12378" s="19"/>
      <c r="W12378" s="19"/>
      <c r="X12378" s="19">
        <v>1</v>
      </c>
      <c r="Y12378" s="19"/>
      <c r="Z12378" s="19"/>
      <c r="AA12378" s="19"/>
    </row>
    <row r="12379" spans="1:27" s="1" customFormat="1" ht="11.1" customHeight="1" outlineLevel="3" x14ac:dyDescent="0.2">
      <c r="A12379" s="17"/>
      <c r="B12379" s="17"/>
      <c r="C12379" s="17"/>
      <c r="D12379" s="18"/>
      <c r="E12379" s="18"/>
      <c r="F12379" s="18"/>
      <c r="G12379" s="18"/>
      <c r="H12379" s="18"/>
      <c r="I12379" s="18"/>
      <c r="J12379" s="18"/>
      <c r="K12379" s="18"/>
      <c r="L12379" s="18"/>
      <c r="M12379" s="18"/>
      <c r="N12379" s="18"/>
      <c r="O12379" s="18"/>
      <c r="P12379" s="19"/>
      <c r="Q12379" s="19"/>
      <c r="R12379" s="19"/>
      <c r="S12379" s="19"/>
      <c r="T12379" s="19"/>
      <c r="U12379" s="19"/>
      <c r="V12379" s="19"/>
      <c r="W12379" s="19"/>
      <c r="X12379" s="19"/>
      <c r="Y12379" s="19"/>
      <c r="Z12379" s="19"/>
      <c r="AA12379" s="19"/>
    </row>
    <row r="12380" spans="1:27" s="1" customFormat="1" ht="11.1" customHeight="1" outlineLevel="3" x14ac:dyDescent="0.2">
      <c r="A12380" s="17">
        <v>12031</v>
      </c>
      <c r="B12380" s="17"/>
      <c r="C12380" s="17"/>
      <c r="D12380" s="18" t="s">
        <v>6147</v>
      </c>
      <c r="E12380" s="18"/>
      <c r="F12380" s="18"/>
      <c r="G12380" s="18"/>
      <c r="H12380" s="18"/>
      <c r="I12380" s="18"/>
      <c r="J12380" s="18"/>
      <c r="K12380" s="18"/>
      <c r="L12380" s="18"/>
      <c r="M12380" s="18"/>
      <c r="N12380" s="18"/>
      <c r="O12380" s="18"/>
      <c r="P12380" s="19">
        <v>270</v>
      </c>
      <c r="Q12380" s="19"/>
      <c r="R12380" s="19"/>
      <c r="S12380" s="19"/>
      <c r="T12380" s="19">
        <v>130</v>
      </c>
      <c r="U12380" s="19"/>
      <c r="V12380" s="19"/>
      <c r="W12380" s="19"/>
      <c r="X12380" s="19">
        <v>8</v>
      </c>
      <c r="Y12380" s="19"/>
      <c r="Z12380" s="19"/>
      <c r="AA12380" s="19"/>
    </row>
    <row r="12381" spans="1:27" s="1" customFormat="1" ht="11.1" customHeight="1" outlineLevel="3" x14ac:dyDescent="0.2">
      <c r="A12381" s="17"/>
      <c r="B12381" s="17"/>
      <c r="C12381" s="17"/>
      <c r="D12381" s="18"/>
      <c r="E12381" s="18"/>
      <c r="F12381" s="18"/>
      <c r="G12381" s="18"/>
      <c r="H12381" s="18"/>
      <c r="I12381" s="18"/>
      <c r="J12381" s="18"/>
      <c r="K12381" s="18"/>
      <c r="L12381" s="18"/>
      <c r="M12381" s="18"/>
      <c r="N12381" s="18"/>
      <c r="O12381" s="18"/>
      <c r="P12381" s="19"/>
      <c r="Q12381" s="19"/>
      <c r="R12381" s="19"/>
      <c r="S12381" s="19"/>
      <c r="T12381" s="19"/>
      <c r="U12381" s="19"/>
      <c r="V12381" s="19"/>
      <c r="W12381" s="19"/>
      <c r="X12381" s="19"/>
      <c r="Y12381" s="19"/>
      <c r="Z12381" s="19"/>
      <c r="AA12381" s="19"/>
    </row>
    <row r="12382" spans="1:27" s="1" customFormat="1" ht="11.1" customHeight="1" outlineLevel="3" x14ac:dyDescent="0.2">
      <c r="A12382" s="17">
        <v>12033</v>
      </c>
      <c r="B12382" s="17"/>
      <c r="C12382" s="17"/>
      <c r="D12382" s="18" t="s">
        <v>6148</v>
      </c>
      <c r="E12382" s="18"/>
      <c r="F12382" s="18"/>
      <c r="G12382" s="18"/>
      <c r="H12382" s="18"/>
      <c r="I12382" s="18"/>
      <c r="J12382" s="18"/>
      <c r="K12382" s="18"/>
      <c r="L12382" s="18"/>
      <c r="M12382" s="18"/>
      <c r="N12382" s="18"/>
      <c r="O12382" s="18"/>
      <c r="P12382" s="19">
        <v>213</v>
      </c>
      <c r="Q12382" s="19"/>
      <c r="R12382" s="19"/>
      <c r="S12382" s="19"/>
      <c r="T12382" s="19">
        <v>110</v>
      </c>
      <c r="U12382" s="19"/>
      <c r="V12382" s="19"/>
      <c r="W12382" s="19"/>
      <c r="X12382" s="19">
        <v>4</v>
      </c>
      <c r="Y12382" s="19"/>
      <c r="Z12382" s="19"/>
      <c r="AA12382" s="19"/>
    </row>
    <row r="12383" spans="1:27" s="1" customFormat="1" ht="11.1" customHeight="1" outlineLevel="3" x14ac:dyDescent="0.2">
      <c r="A12383" s="17"/>
      <c r="B12383" s="17"/>
      <c r="C12383" s="17"/>
      <c r="D12383" s="18"/>
      <c r="E12383" s="18"/>
      <c r="F12383" s="18"/>
      <c r="G12383" s="18"/>
      <c r="H12383" s="18"/>
      <c r="I12383" s="18"/>
      <c r="J12383" s="18"/>
      <c r="K12383" s="18"/>
      <c r="L12383" s="18"/>
      <c r="M12383" s="18"/>
      <c r="N12383" s="18"/>
      <c r="O12383" s="18"/>
      <c r="P12383" s="19"/>
      <c r="Q12383" s="19"/>
      <c r="R12383" s="19"/>
      <c r="S12383" s="19"/>
      <c r="T12383" s="19"/>
      <c r="U12383" s="19"/>
      <c r="V12383" s="19"/>
      <c r="W12383" s="19"/>
      <c r="X12383" s="19"/>
      <c r="Y12383" s="19"/>
      <c r="Z12383" s="19"/>
      <c r="AA12383" s="19"/>
    </row>
    <row r="12384" spans="1:27" s="1" customFormat="1" ht="11.1" customHeight="1" outlineLevel="3" x14ac:dyDescent="0.2">
      <c r="A12384" s="17">
        <v>12046</v>
      </c>
      <c r="B12384" s="17"/>
      <c r="C12384" s="17"/>
      <c r="D12384" s="18" t="s">
        <v>6149</v>
      </c>
      <c r="E12384" s="18"/>
      <c r="F12384" s="18"/>
      <c r="G12384" s="18"/>
      <c r="H12384" s="18"/>
      <c r="I12384" s="18"/>
      <c r="J12384" s="18"/>
      <c r="K12384" s="18"/>
      <c r="L12384" s="18"/>
      <c r="M12384" s="18"/>
      <c r="N12384" s="18"/>
      <c r="O12384" s="18"/>
      <c r="P12384" s="19">
        <v>252</v>
      </c>
      <c r="Q12384" s="19"/>
      <c r="R12384" s="19"/>
      <c r="S12384" s="19"/>
      <c r="T12384" s="19">
        <v>125</v>
      </c>
      <c r="U12384" s="19"/>
      <c r="V12384" s="19"/>
      <c r="W12384" s="19"/>
      <c r="X12384" s="19">
        <v>2</v>
      </c>
      <c r="Y12384" s="19"/>
      <c r="Z12384" s="19"/>
      <c r="AA12384" s="19"/>
    </row>
    <row r="12385" spans="1:27" s="1" customFormat="1" ht="11.1" customHeight="1" outlineLevel="3" x14ac:dyDescent="0.2">
      <c r="A12385" s="17"/>
      <c r="B12385" s="17"/>
      <c r="C12385" s="17"/>
      <c r="D12385" s="18"/>
      <c r="E12385" s="18"/>
      <c r="F12385" s="18"/>
      <c r="G12385" s="18"/>
      <c r="H12385" s="18"/>
      <c r="I12385" s="18"/>
      <c r="J12385" s="18"/>
      <c r="K12385" s="18"/>
      <c r="L12385" s="18"/>
      <c r="M12385" s="18"/>
      <c r="N12385" s="18"/>
      <c r="O12385" s="18"/>
      <c r="P12385" s="19"/>
      <c r="Q12385" s="19"/>
      <c r="R12385" s="19"/>
      <c r="S12385" s="19"/>
      <c r="T12385" s="19"/>
      <c r="U12385" s="19"/>
      <c r="V12385" s="19"/>
      <c r="W12385" s="19"/>
      <c r="X12385" s="19"/>
      <c r="Y12385" s="19"/>
      <c r="Z12385" s="19"/>
      <c r="AA12385" s="19"/>
    </row>
    <row r="12386" spans="1:27" s="1" customFormat="1" ht="11.1" customHeight="1" outlineLevel="3" x14ac:dyDescent="0.2">
      <c r="A12386" s="17">
        <v>11943</v>
      </c>
      <c r="B12386" s="17"/>
      <c r="C12386" s="17"/>
      <c r="D12386" s="18" t="s">
        <v>6150</v>
      </c>
      <c r="E12386" s="18"/>
      <c r="F12386" s="18"/>
      <c r="G12386" s="18"/>
      <c r="H12386" s="18"/>
      <c r="I12386" s="18"/>
      <c r="J12386" s="18"/>
      <c r="K12386" s="18"/>
      <c r="L12386" s="18"/>
      <c r="M12386" s="18"/>
      <c r="N12386" s="18"/>
      <c r="O12386" s="18"/>
      <c r="P12386" s="19">
        <v>180</v>
      </c>
      <c r="Q12386" s="19"/>
      <c r="R12386" s="19"/>
      <c r="S12386" s="19"/>
      <c r="T12386" s="19">
        <v>135</v>
      </c>
      <c r="U12386" s="19"/>
      <c r="V12386" s="19"/>
      <c r="W12386" s="19"/>
      <c r="X12386" s="19">
        <v>1</v>
      </c>
      <c r="Y12386" s="19"/>
      <c r="Z12386" s="19"/>
      <c r="AA12386" s="19"/>
    </row>
    <row r="12387" spans="1:27" s="1" customFormat="1" ht="11.1" customHeight="1" outlineLevel="3" x14ac:dyDescent="0.2">
      <c r="A12387" s="17"/>
      <c r="B12387" s="17"/>
      <c r="C12387" s="17"/>
      <c r="D12387" s="18"/>
      <c r="E12387" s="18"/>
      <c r="F12387" s="18"/>
      <c r="G12387" s="18"/>
      <c r="H12387" s="18"/>
      <c r="I12387" s="18"/>
      <c r="J12387" s="18"/>
      <c r="K12387" s="18"/>
      <c r="L12387" s="18"/>
      <c r="M12387" s="18"/>
      <c r="N12387" s="18"/>
      <c r="O12387" s="18"/>
      <c r="P12387" s="19"/>
      <c r="Q12387" s="19"/>
      <c r="R12387" s="19"/>
      <c r="S12387" s="19"/>
      <c r="T12387" s="19"/>
      <c r="U12387" s="19"/>
      <c r="V12387" s="19"/>
      <c r="W12387" s="19"/>
      <c r="X12387" s="19"/>
      <c r="Y12387" s="19"/>
      <c r="Z12387" s="19"/>
      <c r="AA12387" s="19"/>
    </row>
    <row r="12388" spans="1:27" s="1" customFormat="1" ht="11.1" customHeight="1" outlineLevel="3" x14ac:dyDescent="0.2">
      <c r="A12388" s="17">
        <v>12034</v>
      </c>
      <c r="B12388" s="17"/>
      <c r="C12388" s="17"/>
      <c r="D12388" s="18" t="s">
        <v>6151</v>
      </c>
      <c r="E12388" s="18"/>
      <c r="F12388" s="18"/>
      <c r="G12388" s="18"/>
      <c r="H12388" s="18"/>
      <c r="I12388" s="18"/>
      <c r="J12388" s="18"/>
      <c r="K12388" s="18"/>
      <c r="L12388" s="18"/>
      <c r="M12388" s="18"/>
      <c r="N12388" s="18"/>
      <c r="O12388" s="18"/>
      <c r="P12388" s="19">
        <v>290</v>
      </c>
      <c r="Q12388" s="19"/>
      <c r="R12388" s="19"/>
      <c r="S12388" s="19"/>
      <c r="T12388" s="19">
        <v>110</v>
      </c>
      <c r="U12388" s="19"/>
      <c r="V12388" s="19"/>
      <c r="W12388" s="19"/>
      <c r="X12388" s="19">
        <v>4</v>
      </c>
      <c r="Y12388" s="19"/>
      <c r="Z12388" s="19"/>
      <c r="AA12388" s="19"/>
    </row>
    <row r="12389" spans="1:27" s="1" customFormat="1" ht="11.1" customHeight="1" outlineLevel="3" x14ac:dyDescent="0.2">
      <c r="A12389" s="17"/>
      <c r="B12389" s="17"/>
      <c r="C12389" s="17"/>
      <c r="D12389" s="18"/>
      <c r="E12389" s="18"/>
      <c r="F12389" s="18"/>
      <c r="G12389" s="18"/>
      <c r="H12389" s="18"/>
      <c r="I12389" s="18"/>
      <c r="J12389" s="18"/>
      <c r="K12389" s="18"/>
      <c r="L12389" s="18"/>
      <c r="M12389" s="18"/>
      <c r="N12389" s="18"/>
      <c r="O12389" s="18"/>
      <c r="P12389" s="19"/>
      <c r="Q12389" s="19"/>
      <c r="R12389" s="19"/>
      <c r="S12389" s="19"/>
      <c r="T12389" s="19"/>
      <c r="U12389" s="19"/>
      <c r="V12389" s="19"/>
      <c r="W12389" s="19"/>
      <c r="X12389" s="19"/>
      <c r="Y12389" s="19"/>
      <c r="Z12389" s="19"/>
      <c r="AA12389" s="19"/>
    </row>
    <row r="12390" spans="1:27" s="1" customFormat="1" ht="11.1" customHeight="1" outlineLevel="3" x14ac:dyDescent="0.2">
      <c r="A12390" s="17">
        <v>12035</v>
      </c>
      <c r="B12390" s="17"/>
      <c r="C12390" s="17"/>
      <c r="D12390" s="18" t="s">
        <v>6152</v>
      </c>
      <c r="E12390" s="18"/>
      <c r="F12390" s="18"/>
      <c r="G12390" s="18"/>
      <c r="H12390" s="18"/>
      <c r="I12390" s="18"/>
      <c r="J12390" s="18"/>
      <c r="K12390" s="18"/>
      <c r="L12390" s="18"/>
      <c r="M12390" s="18"/>
      <c r="N12390" s="18"/>
      <c r="O12390" s="18"/>
      <c r="P12390" s="19">
        <v>350</v>
      </c>
      <c r="Q12390" s="19"/>
      <c r="R12390" s="19"/>
      <c r="S12390" s="19"/>
      <c r="T12390" s="19">
        <v>190</v>
      </c>
      <c r="U12390" s="19"/>
      <c r="V12390" s="19"/>
      <c r="W12390" s="19"/>
      <c r="X12390" s="19">
        <v>20</v>
      </c>
      <c r="Y12390" s="19"/>
      <c r="Z12390" s="19"/>
      <c r="AA12390" s="19"/>
    </row>
    <row r="12391" spans="1:27" s="1" customFormat="1" ht="11.1" customHeight="1" outlineLevel="3" x14ac:dyDescent="0.2">
      <c r="A12391" s="17"/>
      <c r="B12391" s="17"/>
      <c r="C12391" s="17"/>
      <c r="D12391" s="18"/>
      <c r="E12391" s="18"/>
      <c r="F12391" s="18"/>
      <c r="G12391" s="18"/>
      <c r="H12391" s="18"/>
      <c r="I12391" s="18"/>
      <c r="J12391" s="18"/>
      <c r="K12391" s="18"/>
      <c r="L12391" s="18"/>
      <c r="M12391" s="18"/>
      <c r="N12391" s="18"/>
      <c r="O12391" s="18"/>
      <c r="P12391" s="19"/>
      <c r="Q12391" s="19"/>
      <c r="R12391" s="19"/>
      <c r="S12391" s="19"/>
      <c r="T12391" s="19"/>
      <c r="U12391" s="19"/>
      <c r="V12391" s="19"/>
      <c r="W12391" s="19"/>
      <c r="X12391" s="19"/>
      <c r="Y12391" s="19"/>
      <c r="Z12391" s="19"/>
      <c r="AA12391" s="19"/>
    </row>
    <row r="12392" spans="1:27" s="1" customFormat="1" ht="11.1" customHeight="1" outlineLevel="3" x14ac:dyDescent="0.2">
      <c r="A12392" s="17">
        <v>12048</v>
      </c>
      <c r="B12392" s="17"/>
      <c r="C12392" s="17"/>
      <c r="D12392" s="18" t="s">
        <v>6153</v>
      </c>
      <c r="E12392" s="18"/>
      <c r="F12392" s="18"/>
      <c r="G12392" s="18"/>
      <c r="H12392" s="18"/>
      <c r="I12392" s="18"/>
      <c r="J12392" s="18"/>
      <c r="K12392" s="18"/>
      <c r="L12392" s="18"/>
      <c r="M12392" s="18"/>
      <c r="N12392" s="18"/>
      <c r="O12392" s="18"/>
      <c r="P12392" s="19">
        <v>350</v>
      </c>
      <c r="Q12392" s="19"/>
      <c r="R12392" s="19"/>
      <c r="S12392" s="19"/>
      <c r="T12392" s="19">
        <v>190</v>
      </c>
      <c r="U12392" s="19"/>
      <c r="V12392" s="19"/>
      <c r="W12392" s="19"/>
      <c r="X12392" s="19">
        <v>10</v>
      </c>
      <c r="Y12392" s="19"/>
      <c r="Z12392" s="19"/>
      <c r="AA12392" s="19"/>
    </row>
    <row r="12393" spans="1:27" s="1" customFormat="1" ht="11.1" customHeight="1" outlineLevel="3" x14ac:dyDescent="0.2">
      <c r="A12393" s="17"/>
      <c r="B12393" s="17"/>
      <c r="C12393" s="17"/>
      <c r="D12393" s="18"/>
      <c r="E12393" s="18"/>
      <c r="F12393" s="18"/>
      <c r="G12393" s="18"/>
      <c r="H12393" s="18"/>
      <c r="I12393" s="18"/>
      <c r="J12393" s="18"/>
      <c r="K12393" s="18"/>
      <c r="L12393" s="18"/>
      <c r="M12393" s="18"/>
      <c r="N12393" s="18"/>
      <c r="O12393" s="18"/>
      <c r="P12393" s="19"/>
      <c r="Q12393" s="19"/>
      <c r="R12393" s="19"/>
      <c r="S12393" s="19"/>
      <c r="T12393" s="19"/>
      <c r="U12393" s="19"/>
      <c r="V12393" s="19"/>
      <c r="W12393" s="19"/>
      <c r="X12393" s="19"/>
      <c r="Y12393" s="19"/>
      <c r="Z12393" s="19"/>
      <c r="AA12393" s="19"/>
    </row>
    <row r="12394" spans="1:27" s="1" customFormat="1" ht="11.1" customHeight="1" outlineLevel="3" x14ac:dyDescent="0.2">
      <c r="A12394" s="17">
        <v>12036</v>
      </c>
      <c r="B12394" s="17"/>
      <c r="C12394" s="17"/>
      <c r="D12394" s="18" t="s">
        <v>6154</v>
      </c>
      <c r="E12394" s="18"/>
      <c r="F12394" s="18"/>
      <c r="G12394" s="18"/>
      <c r="H12394" s="18"/>
      <c r="I12394" s="18"/>
      <c r="J12394" s="18"/>
      <c r="K12394" s="18"/>
      <c r="L12394" s="18"/>
      <c r="M12394" s="18"/>
      <c r="N12394" s="18"/>
      <c r="O12394" s="18"/>
      <c r="P12394" s="19">
        <v>309</v>
      </c>
      <c r="Q12394" s="19"/>
      <c r="R12394" s="19"/>
      <c r="S12394" s="19"/>
      <c r="T12394" s="19">
        <v>140</v>
      </c>
      <c r="U12394" s="19"/>
      <c r="V12394" s="19"/>
      <c r="W12394" s="19"/>
      <c r="X12394" s="19">
        <v>2</v>
      </c>
      <c r="Y12394" s="19"/>
      <c r="Z12394" s="19"/>
      <c r="AA12394" s="19"/>
    </row>
    <row r="12395" spans="1:27" s="1" customFormat="1" ht="11.1" customHeight="1" outlineLevel="3" x14ac:dyDescent="0.2">
      <c r="A12395" s="17"/>
      <c r="B12395" s="17"/>
      <c r="C12395" s="17"/>
      <c r="D12395" s="18"/>
      <c r="E12395" s="18"/>
      <c r="F12395" s="18"/>
      <c r="G12395" s="18"/>
      <c r="H12395" s="18"/>
      <c r="I12395" s="18"/>
      <c r="J12395" s="18"/>
      <c r="K12395" s="18"/>
      <c r="L12395" s="18"/>
      <c r="M12395" s="18"/>
      <c r="N12395" s="18"/>
      <c r="O12395" s="18"/>
      <c r="P12395" s="19"/>
      <c r="Q12395" s="19"/>
      <c r="R12395" s="19"/>
      <c r="S12395" s="19"/>
      <c r="T12395" s="19"/>
      <c r="U12395" s="19"/>
      <c r="V12395" s="19"/>
      <c r="W12395" s="19"/>
      <c r="X12395" s="19"/>
      <c r="Y12395" s="19"/>
      <c r="Z12395" s="19"/>
      <c r="AA12395" s="19"/>
    </row>
    <row r="12396" spans="1:27" s="1" customFormat="1" ht="11.1" customHeight="1" outlineLevel="3" x14ac:dyDescent="0.2">
      <c r="A12396" s="17">
        <v>12050</v>
      </c>
      <c r="B12396" s="17"/>
      <c r="C12396" s="17"/>
      <c r="D12396" s="18" t="s">
        <v>6155</v>
      </c>
      <c r="E12396" s="18"/>
      <c r="F12396" s="18"/>
      <c r="G12396" s="18"/>
      <c r="H12396" s="18"/>
      <c r="I12396" s="18"/>
      <c r="J12396" s="18"/>
      <c r="K12396" s="18"/>
      <c r="L12396" s="18"/>
      <c r="M12396" s="18"/>
      <c r="N12396" s="18"/>
      <c r="O12396" s="18"/>
      <c r="P12396" s="19">
        <v>250</v>
      </c>
      <c r="Q12396" s="19"/>
      <c r="R12396" s="19"/>
      <c r="S12396" s="19"/>
      <c r="T12396" s="19">
        <v>120</v>
      </c>
      <c r="U12396" s="19"/>
      <c r="V12396" s="19"/>
      <c r="W12396" s="19"/>
      <c r="X12396" s="19">
        <v>29</v>
      </c>
      <c r="Y12396" s="19"/>
      <c r="Z12396" s="19"/>
      <c r="AA12396" s="19"/>
    </row>
    <row r="12397" spans="1:27" s="1" customFormat="1" ht="11.1" customHeight="1" outlineLevel="3" x14ac:dyDescent="0.2">
      <c r="A12397" s="17"/>
      <c r="B12397" s="17"/>
      <c r="C12397" s="17"/>
      <c r="D12397" s="18"/>
      <c r="E12397" s="18"/>
      <c r="F12397" s="18"/>
      <c r="G12397" s="18"/>
      <c r="H12397" s="18"/>
      <c r="I12397" s="18"/>
      <c r="J12397" s="18"/>
      <c r="K12397" s="18"/>
      <c r="L12397" s="18"/>
      <c r="M12397" s="18"/>
      <c r="N12397" s="18"/>
      <c r="O12397" s="18"/>
      <c r="P12397" s="19"/>
      <c r="Q12397" s="19"/>
      <c r="R12397" s="19"/>
      <c r="S12397" s="19"/>
      <c r="T12397" s="19"/>
      <c r="U12397" s="19"/>
      <c r="V12397" s="19"/>
      <c r="W12397" s="19"/>
      <c r="X12397" s="19"/>
      <c r="Y12397" s="19"/>
      <c r="Z12397" s="19"/>
      <c r="AA12397" s="19"/>
    </row>
    <row r="12398" spans="1:27" s="1" customFormat="1" ht="11.1" customHeight="1" outlineLevel="3" x14ac:dyDescent="0.2">
      <c r="A12398" s="17">
        <v>11946</v>
      </c>
      <c r="B12398" s="17"/>
      <c r="C12398" s="17"/>
      <c r="D12398" s="18" t="s">
        <v>6156</v>
      </c>
      <c r="E12398" s="18"/>
      <c r="F12398" s="18"/>
      <c r="G12398" s="18"/>
      <c r="H12398" s="18"/>
      <c r="I12398" s="18"/>
      <c r="J12398" s="18"/>
      <c r="K12398" s="18"/>
      <c r="L12398" s="18"/>
      <c r="M12398" s="18"/>
      <c r="N12398" s="18"/>
      <c r="O12398" s="18"/>
      <c r="P12398" s="19">
        <v>250</v>
      </c>
      <c r="Q12398" s="19"/>
      <c r="R12398" s="19"/>
      <c r="S12398" s="19"/>
      <c r="T12398" s="19">
        <v>130</v>
      </c>
      <c r="U12398" s="19"/>
      <c r="V12398" s="19"/>
      <c r="W12398" s="19"/>
      <c r="X12398" s="19">
        <v>25</v>
      </c>
      <c r="Y12398" s="19"/>
      <c r="Z12398" s="19"/>
      <c r="AA12398" s="19"/>
    </row>
    <row r="12399" spans="1:27" s="1" customFormat="1" ht="11.1" customHeight="1" outlineLevel="3" x14ac:dyDescent="0.2">
      <c r="A12399" s="17"/>
      <c r="B12399" s="17"/>
      <c r="C12399" s="17"/>
      <c r="D12399" s="18"/>
      <c r="E12399" s="18"/>
      <c r="F12399" s="18"/>
      <c r="G12399" s="18"/>
      <c r="H12399" s="18"/>
      <c r="I12399" s="18"/>
      <c r="J12399" s="18"/>
      <c r="K12399" s="18"/>
      <c r="L12399" s="18"/>
      <c r="M12399" s="18"/>
      <c r="N12399" s="18"/>
      <c r="O12399" s="18"/>
      <c r="P12399" s="19"/>
      <c r="Q12399" s="19"/>
      <c r="R12399" s="19"/>
      <c r="S12399" s="19"/>
      <c r="T12399" s="19"/>
      <c r="U12399" s="19"/>
      <c r="V12399" s="19"/>
      <c r="W12399" s="19"/>
      <c r="X12399" s="19"/>
      <c r="Y12399" s="19"/>
      <c r="Z12399" s="19"/>
      <c r="AA12399" s="19"/>
    </row>
    <row r="12400" spans="1:27" s="1" customFormat="1" ht="11.1" customHeight="1" outlineLevel="3" x14ac:dyDescent="0.2">
      <c r="A12400" s="17">
        <v>12037</v>
      </c>
      <c r="B12400" s="17"/>
      <c r="C12400" s="17"/>
      <c r="D12400" s="18" t="s">
        <v>6157</v>
      </c>
      <c r="E12400" s="18"/>
      <c r="F12400" s="18"/>
      <c r="G12400" s="18"/>
      <c r="H12400" s="18"/>
      <c r="I12400" s="18"/>
      <c r="J12400" s="18"/>
      <c r="K12400" s="18"/>
      <c r="L12400" s="18"/>
      <c r="M12400" s="18"/>
      <c r="N12400" s="18"/>
      <c r="O12400" s="18"/>
      <c r="P12400" s="19">
        <v>300</v>
      </c>
      <c r="Q12400" s="19"/>
      <c r="R12400" s="19"/>
      <c r="S12400" s="19"/>
      <c r="T12400" s="19">
        <v>140</v>
      </c>
      <c r="U12400" s="19"/>
      <c r="V12400" s="19"/>
      <c r="W12400" s="19"/>
      <c r="X12400" s="19">
        <v>13</v>
      </c>
      <c r="Y12400" s="19"/>
      <c r="Z12400" s="19"/>
      <c r="AA12400" s="19"/>
    </row>
    <row r="12401" spans="1:27" s="1" customFormat="1" ht="11.1" customHeight="1" outlineLevel="3" x14ac:dyDescent="0.2">
      <c r="A12401" s="17"/>
      <c r="B12401" s="17"/>
      <c r="C12401" s="17"/>
      <c r="D12401" s="18"/>
      <c r="E12401" s="18"/>
      <c r="F12401" s="18"/>
      <c r="G12401" s="18"/>
      <c r="H12401" s="18"/>
      <c r="I12401" s="18"/>
      <c r="J12401" s="18"/>
      <c r="K12401" s="18"/>
      <c r="L12401" s="18"/>
      <c r="M12401" s="18"/>
      <c r="N12401" s="18"/>
      <c r="O12401" s="18"/>
      <c r="P12401" s="19"/>
      <c r="Q12401" s="19"/>
      <c r="R12401" s="19"/>
      <c r="S12401" s="19"/>
      <c r="T12401" s="19"/>
      <c r="U12401" s="19"/>
      <c r="V12401" s="19"/>
      <c r="W12401" s="19"/>
      <c r="X12401" s="19"/>
      <c r="Y12401" s="19"/>
      <c r="Z12401" s="19"/>
      <c r="AA12401" s="19"/>
    </row>
    <row r="12402" spans="1:27" s="1" customFormat="1" ht="11.1" customHeight="1" outlineLevel="3" x14ac:dyDescent="0.2">
      <c r="A12402" s="17">
        <v>15365</v>
      </c>
      <c r="B12402" s="17"/>
      <c r="C12402" s="17"/>
      <c r="D12402" s="18" t="s">
        <v>6158</v>
      </c>
      <c r="E12402" s="18"/>
      <c r="F12402" s="18"/>
      <c r="G12402" s="18"/>
      <c r="H12402" s="18"/>
      <c r="I12402" s="18"/>
      <c r="J12402" s="18"/>
      <c r="K12402" s="18"/>
      <c r="L12402" s="18"/>
      <c r="M12402" s="18"/>
      <c r="N12402" s="18"/>
      <c r="O12402" s="18"/>
      <c r="P12402" s="19">
        <v>300</v>
      </c>
      <c r="Q12402" s="19"/>
      <c r="R12402" s="19"/>
      <c r="S12402" s="19"/>
      <c r="T12402" s="19">
        <v>160</v>
      </c>
      <c r="U12402" s="19"/>
      <c r="V12402" s="19"/>
      <c r="W12402" s="19"/>
      <c r="X12402" s="19">
        <v>16</v>
      </c>
      <c r="Y12402" s="19"/>
      <c r="Z12402" s="19"/>
      <c r="AA12402" s="19"/>
    </row>
    <row r="12403" spans="1:27" s="1" customFormat="1" ht="11.1" customHeight="1" outlineLevel="3" x14ac:dyDescent="0.2">
      <c r="A12403" s="17"/>
      <c r="B12403" s="17"/>
      <c r="C12403" s="17"/>
      <c r="D12403" s="18"/>
      <c r="E12403" s="18"/>
      <c r="F12403" s="18"/>
      <c r="G12403" s="18"/>
      <c r="H12403" s="18"/>
      <c r="I12403" s="18"/>
      <c r="J12403" s="18"/>
      <c r="K12403" s="18"/>
      <c r="L12403" s="18"/>
      <c r="M12403" s="18"/>
      <c r="N12403" s="18"/>
      <c r="O12403" s="18"/>
      <c r="P12403" s="19"/>
      <c r="Q12403" s="19"/>
      <c r="R12403" s="19"/>
      <c r="S12403" s="19"/>
      <c r="T12403" s="19"/>
      <c r="U12403" s="19"/>
      <c r="V12403" s="19"/>
      <c r="W12403" s="19"/>
      <c r="X12403" s="19"/>
      <c r="Y12403" s="19"/>
      <c r="Z12403" s="19"/>
      <c r="AA12403" s="19"/>
    </row>
    <row r="12404" spans="1:27" s="1" customFormat="1" ht="11.1" customHeight="1" outlineLevel="3" x14ac:dyDescent="0.2">
      <c r="A12404" s="17">
        <v>12038</v>
      </c>
      <c r="B12404" s="17"/>
      <c r="C12404" s="17"/>
      <c r="D12404" s="18" t="s">
        <v>6159</v>
      </c>
      <c r="E12404" s="18"/>
      <c r="F12404" s="18"/>
      <c r="G12404" s="18"/>
      <c r="H12404" s="18"/>
      <c r="I12404" s="18"/>
      <c r="J12404" s="18"/>
      <c r="K12404" s="18"/>
      <c r="L12404" s="18"/>
      <c r="M12404" s="18"/>
      <c r="N12404" s="18"/>
      <c r="O12404" s="18"/>
      <c r="P12404" s="19">
        <v>210</v>
      </c>
      <c r="Q12404" s="19"/>
      <c r="R12404" s="19"/>
      <c r="S12404" s="19"/>
      <c r="T12404" s="19">
        <v>105</v>
      </c>
      <c r="U12404" s="19"/>
      <c r="V12404" s="19"/>
      <c r="W12404" s="19"/>
      <c r="X12404" s="19">
        <v>1</v>
      </c>
      <c r="Y12404" s="19"/>
      <c r="Z12404" s="19"/>
      <c r="AA12404" s="19"/>
    </row>
    <row r="12405" spans="1:27" s="1" customFormat="1" ht="11.1" customHeight="1" outlineLevel="3" x14ac:dyDescent="0.2">
      <c r="A12405" s="17"/>
      <c r="B12405" s="17"/>
      <c r="C12405" s="17"/>
      <c r="D12405" s="18"/>
      <c r="E12405" s="18"/>
      <c r="F12405" s="18"/>
      <c r="G12405" s="18"/>
      <c r="H12405" s="18"/>
      <c r="I12405" s="18"/>
      <c r="J12405" s="18"/>
      <c r="K12405" s="18"/>
      <c r="L12405" s="18"/>
      <c r="M12405" s="18"/>
      <c r="N12405" s="18"/>
      <c r="O12405" s="18"/>
      <c r="P12405" s="19"/>
      <c r="Q12405" s="19"/>
      <c r="R12405" s="19"/>
      <c r="S12405" s="19"/>
      <c r="T12405" s="19"/>
      <c r="U12405" s="19"/>
      <c r="V12405" s="19"/>
      <c r="W12405" s="19"/>
      <c r="X12405" s="19"/>
      <c r="Y12405" s="19"/>
      <c r="Z12405" s="19"/>
      <c r="AA12405" s="19"/>
    </row>
    <row r="12406" spans="1:27" s="1" customFormat="1" ht="11.1" customHeight="1" outlineLevel="3" x14ac:dyDescent="0.2">
      <c r="A12406" s="17">
        <v>11948</v>
      </c>
      <c r="B12406" s="17"/>
      <c r="C12406" s="17"/>
      <c r="D12406" s="18" t="s">
        <v>6160</v>
      </c>
      <c r="E12406" s="18"/>
      <c r="F12406" s="18"/>
      <c r="G12406" s="18"/>
      <c r="H12406" s="18"/>
      <c r="I12406" s="18"/>
      <c r="J12406" s="18"/>
      <c r="K12406" s="18"/>
      <c r="L12406" s="18"/>
      <c r="M12406" s="18"/>
      <c r="N12406" s="18"/>
      <c r="O12406" s="18"/>
      <c r="P12406" s="19">
        <v>215</v>
      </c>
      <c r="Q12406" s="19"/>
      <c r="R12406" s="19"/>
      <c r="S12406" s="19"/>
      <c r="T12406" s="19">
        <v>145</v>
      </c>
      <c r="U12406" s="19"/>
      <c r="V12406" s="19"/>
      <c r="W12406" s="19"/>
      <c r="X12406" s="19">
        <v>2</v>
      </c>
      <c r="Y12406" s="19"/>
      <c r="Z12406" s="19"/>
      <c r="AA12406" s="19"/>
    </row>
    <row r="12407" spans="1:27" s="1" customFormat="1" ht="11.1" customHeight="1" outlineLevel="3" x14ac:dyDescent="0.2">
      <c r="A12407" s="17"/>
      <c r="B12407" s="17"/>
      <c r="C12407" s="17"/>
      <c r="D12407" s="18"/>
      <c r="E12407" s="18"/>
      <c r="F12407" s="18"/>
      <c r="G12407" s="18"/>
      <c r="H12407" s="18"/>
      <c r="I12407" s="18"/>
      <c r="J12407" s="18"/>
      <c r="K12407" s="18"/>
      <c r="L12407" s="18"/>
      <c r="M12407" s="18"/>
      <c r="N12407" s="18"/>
      <c r="O12407" s="18"/>
      <c r="P12407" s="19"/>
      <c r="Q12407" s="19"/>
      <c r="R12407" s="19"/>
      <c r="S12407" s="19"/>
      <c r="T12407" s="19"/>
      <c r="U12407" s="19"/>
      <c r="V12407" s="19"/>
      <c r="W12407" s="19"/>
      <c r="X12407" s="19"/>
      <c r="Y12407" s="19"/>
      <c r="Z12407" s="19"/>
      <c r="AA12407" s="19"/>
    </row>
    <row r="12408" spans="1:27" s="1" customFormat="1" ht="11.1" customHeight="1" outlineLevel="3" x14ac:dyDescent="0.2">
      <c r="A12408" s="17">
        <v>12026</v>
      </c>
      <c r="B12408" s="17"/>
      <c r="C12408" s="17"/>
      <c r="D12408" s="18" t="s">
        <v>6161</v>
      </c>
      <c r="E12408" s="18"/>
      <c r="F12408" s="18"/>
      <c r="G12408" s="18"/>
      <c r="H12408" s="18"/>
      <c r="I12408" s="18"/>
      <c r="J12408" s="18"/>
      <c r="K12408" s="18"/>
      <c r="L12408" s="18"/>
      <c r="M12408" s="18"/>
      <c r="N12408" s="18"/>
      <c r="O12408" s="18"/>
      <c r="P12408" s="19">
        <v>300</v>
      </c>
      <c r="Q12408" s="19"/>
      <c r="R12408" s="19"/>
      <c r="S12408" s="19"/>
      <c r="T12408" s="19">
        <v>160</v>
      </c>
      <c r="U12408" s="19"/>
      <c r="V12408" s="19"/>
      <c r="W12408" s="19"/>
      <c r="X12408" s="19">
        <v>3</v>
      </c>
      <c r="Y12408" s="19"/>
      <c r="Z12408" s="19"/>
      <c r="AA12408" s="19"/>
    </row>
    <row r="12409" spans="1:27" s="1" customFormat="1" ht="11.1" customHeight="1" outlineLevel="3" x14ac:dyDescent="0.2">
      <c r="A12409" s="17"/>
      <c r="B12409" s="17"/>
      <c r="C12409" s="17"/>
      <c r="D12409" s="18"/>
      <c r="E12409" s="18"/>
      <c r="F12409" s="18"/>
      <c r="G12409" s="18"/>
      <c r="H12409" s="18"/>
      <c r="I12409" s="18"/>
      <c r="J12409" s="18"/>
      <c r="K12409" s="18"/>
      <c r="L12409" s="18"/>
      <c r="M12409" s="18"/>
      <c r="N12409" s="18"/>
      <c r="O12409" s="18"/>
      <c r="P12409" s="19"/>
      <c r="Q12409" s="19"/>
      <c r="R12409" s="19"/>
      <c r="S12409" s="19"/>
      <c r="T12409" s="19"/>
      <c r="U12409" s="19"/>
      <c r="V12409" s="19"/>
      <c r="W12409" s="19"/>
      <c r="X12409" s="19"/>
      <c r="Y12409" s="19"/>
      <c r="Z12409" s="19"/>
      <c r="AA12409" s="19"/>
    </row>
    <row r="12410" spans="1:27" s="1" customFormat="1" ht="11.1" customHeight="1" outlineLevel="3" x14ac:dyDescent="0.2">
      <c r="A12410" s="17">
        <v>11952</v>
      </c>
      <c r="B12410" s="17"/>
      <c r="C12410" s="17"/>
      <c r="D12410" s="18" t="s">
        <v>6162</v>
      </c>
      <c r="E12410" s="18"/>
      <c r="F12410" s="18"/>
      <c r="G12410" s="18"/>
      <c r="H12410" s="18"/>
      <c r="I12410" s="18"/>
      <c r="J12410" s="18"/>
      <c r="K12410" s="18"/>
      <c r="L12410" s="18"/>
      <c r="M12410" s="18"/>
      <c r="N12410" s="18"/>
      <c r="O12410" s="18"/>
      <c r="P12410" s="19">
        <v>280</v>
      </c>
      <c r="Q12410" s="19"/>
      <c r="R12410" s="19"/>
      <c r="S12410" s="19"/>
      <c r="T12410" s="19">
        <v>105</v>
      </c>
      <c r="U12410" s="19"/>
      <c r="V12410" s="19"/>
      <c r="W12410" s="19"/>
      <c r="X12410" s="19">
        <v>1</v>
      </c>
      <c r="Y12410" s="19"/>
      <c r="Z12410" s="19"/>
      <c r="AA12410" s="19"/>
    </row>
    <row r="12411" spans="1:27" s="1" customFormat="1" ht="11.1" customHeight="1" outlineLevel="3" x14ac:dyDescent="0.2">
      <c r="A12411" s="17"/>
      <c r="B12411" s="17"/>
      <c r="C12411" s="17"/>
      <c r="D12411" s="18"/>
      <c r="E12411" s="18"/>
      <c r="F12411" s="18"/>
      <c r="G12411" s="18"/>
      <c r="H12411" s="18"/>
      <c r="I12411" s="18"/>
      <c r="J12411" s="18"/>
      <c r="K12411" s="18"/>
      <c r="L12411" s="18"/>
      <c r="M12411" s="18"/>
      <c r="N12411" s="18"/>
      <c r="O12411" s="18"/>
      <c r="P12411" s="19"/>
      <c r="Q12411" s="19"/>
      <c r="R12411" s="19"/>
      <c r="S12411" s="19"/>
      <c r="T12411" s="19"/>
      <c r="U12411" s="19"/>
      <c r="V12411" s="19"/>
      <c r="W12411" s="19"/>
      <c r="X12411" s="19"/>
      <c r="Y12411" s="19"/>
      <c r="Z12411" s="19"/>
      <c r="AA12411" s="19"/>
    </row>
    <row r="12412" spans="1:27" s="1" customFormat="1" ht="11.1" customHeight="1" outlineLevel="3" x14ac:dyDescent="0.2">
      <c r="A12412" s="17">
        <v>12039</v>
      </c>
      <c r="B12412" s="17"/>
      <c r="C12412" s="17"/>
      <c r="D12412" s="18" t="s">
        <v>6163</v>
      </c>
      <c r="E12412" s="18"/>
      <c r="F12412" s="18"/>
      <c r="G12412" s="18"/>
      <c r="H12412" s="18"/>
      <c r="I12412" s="18"/>
      <c r="J12412" s="18"/>
      <c r="K12412" s="18"/>
      <c r="L12412" s="18"/>
      <c r="M12412" s="18"/>
      <c r="N12412" s="18"/>
      <c r="O12412" s="18"/>
      <c r="P12412" s="19">
        <v>350</v>
      </c>
      <c r="Q12412" s="19"/>
      <c r="R12412" s="19"/>
      <c r="S12412" s="19"/>
      <c r="T12412" s="19">
        <v>160</v>
      </c>
      <c r="U12412" s="19"/>
      <c r="V12412" s="19"/>
      <c r="W12412" s="19"/>
      <c r="X12412" s="19">
        <v>9</v>
      </c>
      <c r="Y12412" s="19"/>
      <c r="Z12412" s="19"/>
      <c r="AA12412" s="19"/>
    </row>
    <row r="12413" spans="1:27" s="1" customFormat="1" ht="11.1" customHeight="1" outlineLevel="3" x14ac:dyDescent="0.2">
      <c r="A12413" s="17"/>
      <c r="B12413" s="17"/>
      <c r="C12413" s="17"/>
      <c r="D12413" s="18"/>
      <c r="E12413" s="18"/>
      <c r="F12413" s="18"/>
      <c r="G12413" s="18"/>
      <c r="H12413" s="18"/>
      <c r="I12413" s="18"/>
      <c r="J12413" s="18"/>
      <c r="K12413" s="18"/>
      <c r="L12413" s="18"/>
      <c r="M12413" s="18"/>
      <c r="N12413" s="18"/>
      <c r="O12413" s="18"/>
      <c r="P12413" s="19"/>
      <c r="Q12413" s="19"/>
      <c r="R12413" s="19"/>
      <c r="S12413" s="19"/>
      <c r="T12413" s="19"/>
      <c r="U12413" s="19"/>
      <c r="V12413" s="19"/>
      <c r="W12413" s="19"/>
      <c r="X12413" s="19"/>
      <c r="Y12413" s="19"/>
      <c r="Z12413" s="19"/>
      <c r="AA12413" s="19"/>
    </row>
    <row r="12414" spans="1:27" s="1" customFormat="1" ht="11.1" customHeight="1" outlineLevel="3" x14ac:dyDescent="0.2">
      <c r="A12414" s="17">
        <v>14409</v>
      </c>
      <c r="B12414" s="17"/>
      <c r="C12414" s="17"/>
      <c r="D12414" s="18" t="s">
        <v>6164</v>
      </c>
      <c r="E12414" s="18"/>
      <c r="F12414" s="18"/>
      <c r="G12414" s="18"/>
      <c r="H12414" s="18"/>
      <c r="I12414" s="18"/>
      <c r="J12414" s="18"/>
      <c r="K12414" s="18"/>
      <c r="L12414" s="18"/>
      <c r="M12414" s="18"/>
      <c r="N12414" s="18"/>
      <c r="O12414" s="18"/>
      <c r="P12414" s="19">
        <v>350</v>
      </c>
      <c r="Q12414" s="19"/>
      <c r="R12414" s="19"/>
      <c r="S12414" s="19"/>
      <c r="T12414" s="19">
        <v>180</v>
      </c>
      <c r="U12414" s="19"/>
      <c r="V12414" s="19"/>
      <c r="W12414" s="19"/>
      <c r="X12414" s="19">
        <v>4</v>
      </c>
      <c r="Y12414" s="19"/>
      <c r="Z12414" s="19"/>
      <c r="AA12414" s="19"/>
    </row>
    <row r="12415" spans="1:27" s="1" customFormat="1" ht="11.1" customHeight="1" outlineLevel="3" x14ac:dyDescent="0.2">
      <c r="A12415" s="17"/>
      <c r="B12415" s="17"/>
      <c r="C12415" s="17"/>
      <c r="D12415" s="18"/>
      <c r="E12415" s="18"/>
      <c r="F12415" s="18"/>
      <c r="G12415" s="18"/>
      <c r="H12415" s="18"/>
      <c r="I12415" s="18"/>
      <c r="J12415" s="18"/>
      <c r="K12415" s="18"/>
      <c r="L12415" s="18"/>
      <c r="M12415" s="18"/>
      <c r="N12415" s="18"/>
      <c r="O12415" s="18"/>
      <c r="P12415" s="19"/>
      <c r="Q12415" s="19"/>
      <c r="R12415" s="19"/>
      <c r="S12415" s="19"/>
      <c r="T12415" s="19"/>
      <c r="U12415" s="19"/>
      <c r="V12415" s="19"/>
      <c r="W12415" s="19"/>
      <c r="X12415" s="19"/>
      <c r="Y12415" s="19"/>
      <c r="Z12415" s="19"/>
      <c r="AA12415" s="19"/>
    </row>
    <row r="12416" spans="1:27" s="1" customFormat="1" ht="11.1" customHeight="1" outlineLevel="3" x14ac:dyDescent="0.2">
      <c r="A12416" s="17">
        <v>14006</v>
      </c>
      <c r="B12416" s="17"/>
      <c r="C12416" s="17"/>
      <c r="D12416" s="18" t="s">
        <v>6165</v>
      </c>
      <c r="E12416" s="18"/>
      <c r="F12416" s="18"/>
      <c r="G12416" s="18"/>
      <c r="H12416" s="18"/>
      <c r="I12416" s="18"/>
      <c r="J12416" s="18"/>
      <c r="K12416" s="18"/>
      <c r="L12416" s="18"/>
      <c r="M12416" s="18"/>
      <c r="N12416" s="18"/>
      <c r="O12416" s="18"/>
      <c r="P12416" s="19">
        <v>290</v>
      </c>
      <c r="Q12416" s="19"/>
      <c r="R12416" s="19"/>
      <c r="S12416" s="19"/>
      <c r="T12416" s="19">
        <v>110</v>
      </c>
      <c r="U12416" s="19"/>
      <c r="V12416" s="19"/>
      <c r="W12416" s="19"/>
      <c r="X12416" s="19">
        <v>1</v>
      </c>
      <c r="Y12416" s="19"/>
      <c r="Z12416" s="19"/>
      <c r="AA12416" s="19"/>
    </row>
    <row r="12417" spans="1:27" s="1" customFormat="1" ht="11.1" customHeight="1" outlineLevel="3" x14ac:dyDescent="0.2">
      <c r="A12417" s="17"/>
      <c r="B12417" s="17"/>
      <c r="C12417" s="17"/>
      <c r="D12417" s="18"/>
      <c r="E12417" s="18"/>
      <c r="F12417" s="18"/>
      <c r="G12417" s="18"/>
      <c r="H12417" s="18"/>
      <c r="I12417" s="18"/>
      <c r="J12417" s="18"/>
      <c r="K12417" s="18"/>
      <c r="L12417" s="18"/>
      <c r="M12417" s="18"/>
      <c r="N12417" s="18"/>
      <c r="O12417" s="18"/>
      <c r="P12417" s="19"/>
      <c r="Q12417" s="19"/>
      <c r="R12417" s="19"/>
      <c r="S12417" s="19"/>
      <c r="T12417" s="19"/>
      <c r="U12417" s="19"/>
      <c r="V12417" s="19"/>
      <c r="W12417" s="19"/>
      <c r="X12417" s="19"/>
      <c r="Y12417" s="19"/>
      <c r="Z12417" s="19"/>
      <c r="AA12417" s="19"/>
    </row>
    <row r="12418" spans="1:27" s="1" customFormat="1" ht="11.1" customHeight="1" outlineLevel="3" x14ac:dyDescent="0.2">
      <c r="A12418" s="17">
        <v>16061</v>
      </c>
      <c r="B12418" s="17"/>
      <c r="C12418" s="17"/>
      <c r="D12418" s="18" t="s">
        <v>6166</v>
      </c>
      <c r="E12418" s="18"/>
      <c r="F12418" s="18"/>
      <c r="G12418" s="18"/>
      <c r="H12418" s="18"/>
      <c r="I12418" s="18"/>
      <c r="J12418" s="18"/>
      <c r="K12418" s="18"/>
      <c r="L12418" s="18"/>
      <c r="M12418" s="18"/>
      <c r="N12418" s="18"/>
      <c r="O12418" s="18"/>
      <c r="P12418" s="19">
        <v>390</v>
      </c>
      <c r="Q12418" s="19"/>
      <c r="R12418" s="19"/>
      <c r="S12418" s="19"/>
      <c r="T12418" s="19">
        <v>190</v>
      </c>
      <c r="U12418" s="19"/>
      <c r="V12418" s="19"/>
      <c r="W12418" s="19"/>
      <c r="X12418" s="19">
        <v>8</v>
      </c>
      <c r="Y12418" s="19"/>
      <c r="Z12418" s="19"/>
      <c r="AA12418" s="19"/>
    </row>
    <row r="12419" spans="1:27" s="1" customFormat="1" ht="11.1" customHeight="1" outlineLevel="3" x14ac:dyDescent="0.2">
      <c r="A12419" s="17"/>
      <c r="B12419" s="17"/>
      <c r="C12419" s="17"/>
      <c r="D12419" s="18"/>
      <c r="E12419" s="18"/>
      <c r="F12419" s="18"/>
      <c r="G12419" s="18"/>
      <c r="H12419" s="18"/>
      <c r="I12419" s="18"/>
      <c r="J12419" s="18"/>
      <c r="K12419" s="18"/>
      <c r="L12419" s="18"/>
      <c r="M12419" s="18"/>
      <c r="N12419" s="18"/>
      <c r="O12419" s="18"/>
      <c r="P12419" s="19"/>
      <c r="Q12419" s="19"/>
      <c r="R12419" s="19"/>
      <c r="S12419" s="19"/>
      <c r="T12419" s="19"/>
      <c r="U12419" s="19"/>
      <c r="V12419" s="19"/>
      <c r="W12419" s="19"/>
      <c r="X12419" s="19"/>
      <c r="Y12419" s="19"/>
      <c r="Z12419" s="19"/>
      <c r="AA12419" s="19"/>
    </row>
    <row r="12420" spans="1:27" s="1" customFormat="1" ht="11.1" customHeight="1" outlineLevel="3" x14ac:dyDescent="0.2">
      <c r="A12420" s="17">
        <v>12027</v>
      </c>
      <c r="B12420" s="17"/>
      <c r="C12420" s="17"/>
      <c r="D12420" s="18" t="s">
        <v>6167</v>
      </c>
      <c r="E12420" s="18"/>
      <c r="F12420" s="18"/>
      <c r="G12420" s="18"/>
      <c r="H12420" s="18"/>
      <c r="I12420" s="18"/>
      <c r="J12420" s="18"/>
      <c r="K12420" s="18"/>
      <c r="L12420" s="18"/>
      <c r="M12420" s="18"/>
      <c r="N12420" s="18"/>
      <c r="O12420" s="18"/>
      <c r="P12420" s="19">
        <v>400</v>
      </c>
      <c r="Q12420" s="19"/>
      <c r="R12420" s="19"/>
      <c r="S12420" s="19"/>
      <c r="T12420" s="19">
        <v>210</v>
      </c>
      <c r="U12420" s="19"/>
      <c r="V12420" s="19"/>
      <c r="W12420" s="19"/>
      <c r="X12420" s="19">
        <v>11</v>
      </c>
      <c r="Y12420" s="19"/>
      <c r="Z12420" s="19"/>
      <c r="AA12420" s="19"/>
    </row>
    <row r="12421" spans="1:27" s="1" customFormat="1" ht="11.1" customHeight="1" outlineLevel="3" x14ac:dyDescent="0.2">
      <c r="A12421" s="17"/>
      <c r="B12421" s="17"/>
      <c r="C12421" s="17"/>
      <c r="D12421" s="18"/>
      <c r="E12421" s="18"/>
      <c r="F12421" s="18"/>
      <c r="G12421" s="18"/>
      <c r="H12421" s="18"/>
      <c r="I12421" s="18"/>
      <c r="J12421" s="18"/>
      <c r="K12421" s="18"/>
      <c r="L12421" s="18"/>
      <c r="M12421" s="18"/>
      <c r="N12421" s="18"/>
      <c r="O12421" s="18"/>
      <c r="P12421" s="19"/>
      <c r="Q12421" s="19"/>
      <c r="R12421" s="19"/>
      <c r="S12421" s="19"/>
      <c r="T12421" s="19"/>
      <c r="U12421" s="19"/>
      <c r="V12421" s="19"/>
      <c r="W12421" s="19"/>
      <c r="X12421" s="19"/>
      <c r="Y12421" s="19"/>
      <c r="Z12421" s="19"/>
      <c r="AA12421" s="19"/>
    </row>
    <row r="12422" spans="1:27" s="1" customFormat="1" ht="14.1" customHeight="1" outlineLevel="3" x14ac:dyDescent="0.2">
      <c r="A12422" s="17">
        <v>17648</v>
      </c>
      <c r="B12422" s="17"/>
      <c r="C12422" s="17"/>
      <c r="D12422" s="18" t="s">
        <v>6168</v>
      </c>
      <c r="E12422" s="18"/>
      <c r="F12422" s="18"/>
      <c r="G12422" s="18"/>
      <c r="H12422" s="18"/>
      <c r="I12422" s="18"/>
      <c r="J12422" s="18"/>
      <c r="K12422" s="18"/>
      <c r="L12422" s="18"/>
      <c r="M12422" s="18"/>
      <c r="N12422" s="18"/>
      <c r="O12422" s="18"/>
      <c r="P12422" s="19">
        <v>300</v>
      </c>
      <c r="Q12422" s="19"/>
      <c r="R12422" s="19"/>
      <c r="S12422" s="19"/>
      <c r="T12422" s="19">
        <v>150</v>
      </c>
      <c r="U12422" s="19"/>
      <c r="V12422" s="19"/>
      <c r="W12422" s="19"/>
      <c r="X12422" s="19">
        <v>6</v>
      </c>
      <c r="Y12422" s="19"/>
      <c r="Z12422" s="19"/>
      <c r="AA12422" s="19"/>
    </row>
    <row r="12423" spans="1:27" s="1" customFormat="1" ht="14.1" customHeight="1" outlineLevel="3" x14ac:dyDescent="0.2">
      <c r="A12423" s="17"/>
      <c r="B12423" s="17"/>
      <c r="C12423" s="17"/>
      <c r="D12423" s="18"/>
      <c r="E12423" s="18"/>
      <c r="F12423" s="18"/>
      <c r="G12423" s="18"/>
      <c r="H12423" s="18"/>
      <c r="I12423" s="18"/>
      <c r="J12423" s="18"/>
      <c r="K12423" s="18"/>
      <c r="L12423" s="18"/>
      <c r="M12423" s="18"/>
      <c r="N12423" s="18"/>
      <c r="O12423" s="18"/>
      <c r="P12423" s="19"/>
      <c r="Q12423" s="19"/>
      <c r="R12423" s="19"/>
      <c r="S12423" s="19"/>
      <c r="T12423" s="19"/>
      <c r="U12423" s="19"/>
      <c r="V12423" s="19"/>
      <c r="W12423" s="19"/>
      <c r="X12423" s="19"/>
      <c r="Y12423" s="19"/>
      <c r="Z12423" s="19"/>
      <c r="AA12423" s="19"/>
    </row>
    <row r="12424" spans="1:27" s="1" customFormat="1" ht="11.1" customHeight="1" outlineLevel="3" x14ac:dyDescent="0.2">
      <c r="A12424" s="17">
        <v>15718</v>
      </c>
      <c r="B12424" s="17"/>
      <c r="C12424" s="17"/>
      <c r="D12424" s="18" t="s">
        <v>6169</v>
      </c>
      <c r="E12424" s="18"/>
      <c r="F12424" s="18"/>
      <c r="G12424" s="18"/>
      <c r="H12424" s="18"/>
      <c r="I12424" s="18"/>
      <c r="J12424" s="18"/>
      <c r="K12424" s="18"/>
      <c r="L12424" s="18"/>
      <c r="M12424" s="18"/>
      <c r="N12424" s="18"/>
      <c r="O12424" s="18"/>
      <c r="P12424" s="19">
        <v>340</v>
      </c>
      <c r="Q12424" s="19"/>
      <c r="R12424" s="19"/>
      <c r="S12424" s="19"/>
      <c r="T12424" s="19">
        <v>170</v>
      </c>
      <c r="U12424" s="19"/>
      <c r="V12424" s="19"/>
      <c r="W12424" s="19"/>
      <c r="X12424" s="19">
        <v>1</v>
      </c>
      <c r="Y12424" s="19"/>
      <c r="Z12424" s="19"/>
      <c r="AA12424" s="19"/>
    </row>
    <row r="12425" spans="1:27" s="1" customFormat="1" ht="11.1" customHeight="1" outlineLevel="3" x14ac:dyDescent="0.2">
      <c r="A12425" s="17"/>
      <c r="B12425" s="17"/>
      <c r="C12425" s="17"/>
      <c r="D12425" s="18"/>
      <c r="E12425" s="18"/>
      <c r="F12425" s="18"/>
      <c r="G12425" s="18"/>
      <c r="H12425" s="18"/>
      <c r="I12425" s="18"/>
      <c r="J12425" s="18"/>
      <c r="K12425" s="18"/>
      <c r="L12425" s="18"/>
      <c r="M12425" s="18"/>
      <c r="N12425" s="18"/>
      <c r="O12425" s="18"/>
      <c r="P12425" s="19"/>
      <c r="Q12425" s="19"/>
      <c r="R12425" s="19"/>
      <c r="S12425" s="19"/>
      <c r="T12425" s="19"/>
      <c r="U12425" s="19"/>
      <c r="V12425" s="19"/>
      <c r="W12425" s="19"/>
      <c r="X12425" s="19"/>
      <c r="Y12425" s="19"/>
      <c r="Z12425" s="19"/>
      <c r="AA12425" s="19"/>
    </row>
    <row r="12426" spans="1:27" s="1" customFormat="1" ht="11.1" customHeight="1" outlineLevel="3" x14ac:dyDescent="0.2">
      <c r="A12426" s="17">
        <v>16475</v>
      </c>
      <c r="B12426" s="17"/>
      <c r="C12426" s="17"/>
      <c r="D12426" s="18" t="s">
        <v>6170</v>
      </c>
      <c r="E12426" s="18"/>
      <c r="F12426" s="18"/>
      <c r="G12426" s="18"/>
      <c r="H12426" s="18"/>
      <c r="I12426" s="18"/>
      <c r="J12426" s="18"/>
      <c r="K12426" s="18"/>
      <c r="L12426" s="18"/>
      <c r="M12426" s="18"/>
      <c r="N12426" s="18"/>
      <c r="O12426" s="18"/>
      <c r="P12426" s="19">
        <v>350</v>
      </c>
      <c r="Q12426" s="19"/>
      <c r="R12426" s="19"/>
      <c r="S12426" s="19"/>
      <c r="T12426" s="19">
        <v>170</v>
      </c>
      <c r="U12426" s="19"/>
      <c r="V12426" s="19"/>
      <c r="W12426" s="19"/>
      <c r="X12426" s="19">
        <v>3</v>
      </c>
      <c r="Y12426" s="19"/>
      <c r="Z12426" s="19"/>
      <c r="AA12426" s="19"/>
    </row>
    <row r="12427" spans="1:27" s="1" customFormat="1" ht="11.1" customHeight="1" outlineLevel="3" x14ac:dyDescent="0.2">
      <c r="A12427" s="17"/>
      <c r="B12427" s="17"/>
      <c r="C12427" s="17"/>
      <c r="D12427" s="18"/>
      <c r="E12427" s="18"/>
      <c r="F12427" s="18"/>
      <c r="G12427" s="18"/>
      <c r="H12427" s="18"/>
      <c r="I12427" s="18"/>
      <c r="J12427" s="18"/>
      <c r="K12427" s="18"/>
      <c r="L12427" s="18"/>
      <c r="M12427" s="18"/>
      <c r="N12427" s="18"/>
      <c r="O12427" s="18"/>
      <c r="P12427" s="19"/>
      <c r="Q12427" s="19"/>
      <c r="R12427" s="19"/>
      <c r="S12427" s="19"/>
      <c r="T12427" s="19"/>
      <c r="U12427" s="19"/>
      <c r="V12427" s="19"/>
      <c r="W12427" s="19"/>
      <c r="X12427" s="19"/>
      <c r="Y12427" s="19"/>
      <c r="Z12427" s="19"/>
      <c r="AA12427" s="19"/>
    </row>
    <row r="12428" spans="1:27" s="1" customFormat="1" ht="11.1" customHeight="1" outlineLevel="3" x14ac:dyDescent="0.2">
      <c r="A12428" s="17">
        <v>15719</v>
      </c>
      <c r="B12428" s="17"/>
      <c r="C12428" s="17"/>
      <c r="D12428" s="18" t="s">
        <v>6171</v>
      </c>
      <c r="E12428" s="18"/>
      <c r="F12428" s="18"/>
      <c r="G12428" s="18"/>
      <c r="H12428" s="18"/>
      <c r="I12428" s="18"/>
      <c r="J12428" s="18"/>
      <c r="K12428" s="18"/>
      <c r="L12428" s="18"/>
      <c r="M12428" s="18"/>
      <c r="N12428" s="18"/>
      <c r="O12428" s="18"/>
      <c r="P12428" s="19">
        <v>250</v>
      </c>
      <c r="Q12428" s="19"/>
      <c r="R12428" s="19"/>
      <c r="S12428" s="19"/>
      <c r="T12428" s="19">
        <v>100</v>
      </c>
      <c r="U12428" s="19"/>
      <c r="V12428" s="19"/>
      <c r="W12428" s="19"/>
      <c r="X12428" s="19">
        <v>1</v>
      </c>
      <c r="Y12428" s="19"/>
      <c r="Z12428" s="19"/>
      <c r="AA12428" s="19"/>
    </row>
    <row r="12429" spans="1:27" s="1" customFormat="1" ht="11.1" customHeight="1" outlineLevel="3" x14ac:dyDescent="0.2">
      <c r="A12429" s="17"/>
      <c r="B12429" s="17"/>
      <c r="C12429" s="17"/>
      <c r="D12429" s="18"/>
      <c r="E12429" s="18"/>
      <c r="F12429" s="18"/>
      <c r="G12429" s="18"/>
      <c r="H12429" s="18"/>
      <c r="I12429" s="18"/>
      <c r="J12429" s="18"/>
      <c r="K12429" s="18"/>
      <c r="L12429" s="18"/>
      <c r="M12429" s="18"/>
      <c r="N12429" s="18"/>
      <c r="O12429" s="18"/>
      <c r="P12429" s="19"/>
      <c r="Q12429" s="19"/>
      <c r="R12429" s="19"/>
      <c r="S12429" s="19"/>
      <c r="T12429" s="19"/>
      <c r="U12429" s="19"/>
      <c r="V12429" s="19"/>
      <c r="W12429" s="19"/>
      <c r="X12429" s="19"/>
      <c r="Y12429" s="19"/>
      <c r="Z12429" s="19"/>
      <c r="AA12429" s="19"/>
    </row>
    <row r="12430" spans="1:27" s="1" customFormat="1" ht="11.1" customHeight="1" outlineLevel="3" x14ac:dyDescent="0.2">
      <c r="A12430" s="17">
        <v>15371</v>
      </c>
      <c r="B12430" s="17"/>
      <c r="C12430" s="17"/>
      <c r="D12430" s="18" t="s">
        <v>6172</v>
      </c>
      <c r="E12430" s="18"/>
      <c r="F12430" s="18"/>
      <c r="G12430" s="18"/>
      <c r="H12430" s="18"/>
      <c r="I12430" s="18"/>
      <c r="J12430" s="18"/>
      <c r="K12430" s="18"/>
      <c r="L12430" s="18"/>
      <c r="M12430" s="18"/>
      <c r="N12430" s="18"/>
      <c r="O12430" s="18"/>
      <c r="P12430" s="19">
        <v>290</v>
      </c>
      <c r="Q12430" s="19"/>
      <c r="R12430" s="19"/>
      <c r="S12430" s="19"/>
      <c r="T12430" s="19">
        <v>150</v>
      </c>
      <c r="U12430" s="19"/>
      <c r="V12430" s="19"/>
      <c r="W12430" s="19"/>
      <c r="X12430" s="19">
        <v>10</v>
      </c>
      <c r="Y12430" s="19"/>
      <c r="Z12430" s="19"/>
      <c r="AA12430" s="19"/>
    </row>
    <row r="12431" spans="1:27" s="1" customFormat="1" ht="11.1" customHeight="1" outlineLevel="3" x14ac:dyDescent="0.2">
      <c r="A12431" s="17"/>
      <c r="B12431" s="17"/>
      <c r="C12431" s="17"/>
      <c r="D12431" s="18"/>
      <c r="E12431" s="18"/>
      <c r="F12431" s="18"/>
      <c r="G12431" s="18"/>
      <c r="H12431" s="18"/>
      <c r="I12431" s="18"/>
      <c r="J12431" s="18"/>
      <c r="K12431" s="18"/>
      <c r="L12431" s="18"/>
      <c r="M12431" s="18"/>
      <c r="N12431" s="18"/>
      <c r="O12431" s="18"/>
      <c r="P12431" s="19"/>
      <c r="Q12431" s="19"/>
      <c r="R12431" s="19"/>
      <c r="S12431" s="19"/>
      <c r="T12431" s="19"/>
      <c r="U12431" s="19"/>
      <c r="V12431" s="19"/>
      <c r="W12431" s="19"/>
      <c r="X12431" s="19"/>
      <c r="Y12431" s="19"/>
      <c r="Z12431" s="19"/>
      <c r="AA12431" s="19"/>
    </row>
    <row r="12432" spans="1:27" s="1" customFormat="1" ht="11.1" customHeight="1" outlineLevel="3" x14ac:dyDescent="0.2">
      <c r="A12432" s="17">
        <v>14704</v>
      </c>
      <c r="B12432" s="17"/>
      <c r="C12432" s="17"/>
      <c r="D12432" s="18" t="s">
        <v>6173</v>
      </c>
      <c r="E12432" s="18"/>
      <c r="F12432" s="18"/>
      <c r="G12432" s="18"/>
      <c r="H12432" s="18"/>
      <c r="I12432" s="18"/>
      <c r="J12432" s="18"/>
      <c r="K12432" s="18"/>
      <c r="L12432" s="18"/>
      <c r="M12432" s="18"/>
      <c r="N12432" s="18"/>
      <c r="O12432" s="18"/>
      <c r="P12432" s="19">
        <v>320</v>
      </c>
      <c r="Q12432" s="19"/>
      <c r="R12432" s="19"/>
      <c r="S12432" s="19"/>
      <c r="T12432" s="19">
        <v>145</v>
      </c>
      <c r="U12432" s="19"/>
      <c r="V12432" s="19"/>
      <c r="W12432" s="19"/>
      <c r="X12432" s="19">
        <v>9</v>
      </c>
      <c r="Y12432" s="19"/>
      <c r="Z12432" s="19"/>
      <c r="AA12432" s="19"/>
    </row>
    <row r="12433" spans="1:27" s="1" customFormat="1" ht="11.1" customHeight="1" outlineLevel="3" x14ac:dyDescent="0.2">
      <c r="A12433" s="17"/>
      <c r="B12433" s="17"/>
      <c r="C12433" s="17"/>
      <c r="D12433" s="18"/>
      <c r="E12433" s="18"/>
      <c r="F12433" s="18"/>
      <c r="G12433" s="18"/>
      <c r="H12433" s="18"/>
      <c r="I12433" s="18"/>
      <c r="J12433" s="18"/>
      <c r="K12433" s="18"/>
      <c r="L12433" s="18"/>
      <c r="M12433" s="18"/>
      <c r="N12433" s="18"/>
      <c r="O12433" s="18"/>
      <c r="P12433" s="19"/>
      <c r="Q12433" s="19"/>
      <c r="R12433" s="19"/>
      <c r="S12433" s="19"/>
      <c r="T12433" s="19"/>
      <c r="U12433" s="19"/>
      <c r="V12433" s="19"/>
      <c r="W12433" s="19"/>
      <c r="X12433" s="19"/>
      <c r="Y12433" s="19"/>
      <c r="Z12433" s="19"/>
      <c r="AA12433" s="19"/>
    </row>
    <row r="12434" spans="1:27" s="1" customFormat="1" ht="11.1" customHeight="1" outlineLevel="3" x14ac:dyDescent="0.2">
      <c r="A12434" s="17">
        <v>16473</v>
      </c>
      <c r="B12434" s="17"/>
      <c r="C12434" s="17"/>
      <c r="D12434" s="18" t="s">
        <v>6174</v>
      </c>
      <c r="E12434" s="18"/>
      <c r="F12434" s="18"/>
      <c r="G12434" s="18"/>
      <c r="H12434" s="18"/>
      <c r="I12434" s="18"/>
      <c r="J12434" s="18"/>
      <c r="K12434" s="18"/>
      <c r="L12434" s="18"/>
      <c r="M12434" s="18"/>
      <c r="N12434" s="18"/>
      <c r="O12434" s="18"/>
      <c r="P12434" s="19">
        <v>450</v>
      </c>
      <c r="Q12434" s="19"/>
      <c r="R12434" s="19"/>
      <c r="S12434" s="19"/>
      <c r="T12434" s="19">
        <v>190</v>
      </c>
      <c r="U12434" s="19"/>
      <c r="V12434" s="19"/>
      <c r="W12434" s="19"/>
      <c r="X12434" s="19">
        <v>7</v>
      </c>
      <c r="Y12434" s="19"/>
      <c r="Z12434" s="19"/>
      <c r="AA12434" s="19"/>
    </row>
    <row r="12435" spans="1:27" s="1" customFormat="1" ht="11.1" customHeight="1" outlineLevel="3" x14ac:dyDescent="0.2">
      <c r="A12435" s="17"/>
      <c r="B12435" s="17"/>
      <c r="C12435" s="17"/>
      <c r="D12435" s="18"/>
      <c r="E12435" s="18"/>
      <c r="F12435" s="18"/>
      <c r="G12435" s="18"/>
      <c r="H12435" s="18"/>
      <c r="I12435" s="18"/>
      <c r="J12435" s="18"/>
      <c r="K12435" s="18"/>
      <c r="L12435" s="18"/>
      <c r="M12435" s="18"/>
      <c r="N12435" s="18"/>
      <c r="O12435" s="18"/>
      <c r="P12435" s="19"/>
      <c r="Q12435" s="19"/>
      <c r="R12435" s="19"/>
      <c r="S12435" s="19"/>
      <c r="T12435" s="19"/>
      <c r="U12435" s="19"/>
      <c r="V12435" s="19"/>
      <c r="W12435" s="19"/>
      <c r="X12435" s="19"/>
      <c r="Y12435" s="19"/>
      <c r="Z12435" s="19"/>
      <c r="AA12435" s="19"/>
    </row>
    <row r="12436" spans="1:27" s="1" customFormat="1" ht="11.1" customHeight="1" outlineLevel="3" x14ac:dyDescent="0.2">
      <c r="A12436" s="17">
        <v>16482</v>
      </c>
      <c r="B12436" s="17"/>
      <c r="C12436" s="17"/>
      <c r="D12436" s="18" t="s">
        <v>6175</v>
      </c>
      <c r="E12436" s="18"/>
      <c r="F12436" s="18"/>
      <c r="G12436" s="18"/>
      <c r="H12436" s="18"/>
      <c r="I12436" s="18"/>
      <c r="J12436" s="18"/>
      <c r="K12436" s="18"/>
      <c r="L12436" s="18"/>
      <c r="M12436" s="18"/>
      <c r="N12436" s="18"/>
      <c r="O12436" s="18"/>
      <c r="P12436" s="19">
        <v>450</v>
      </c>
      <c r="Q12436" s="19"/>
      <c r="R12436" s="19"/>
      <c r="S12436" s="19"/>
      <c r="T12436" s="19">
        <v>190</v>
      </c>
      <c r="U12436" s="19"/>
      <c r="V12436" s="19"/>
      <c r="W12436" s="19"/>
      <c r="X12436" s="19">
        <v>11</v>
      </c>
      <c r="Y12436" s="19"/>
      <c r="Z12436" s="19"/>
      <c r="AA12436" s="19"/>
    </row>
    <row r="12437" spans="1:27" s="1" customFormat="1" ht="11.1" customHeight="1" outlineLevel="3" x14ac:dyDescent="0.2">
      <c r="A12437" s="17"/>
      <c r="B12437" s="17"/>
      <c r="C12437" s="17"/>
      <c r="D12437" s="18"/>
      <c r="E12437" s="18"/>
      <c r="F12437" s="18"/>
      <c r="G12437" s="18"/>
      <c r="H12437" s="18"/>
      <c r="I12437" s="18"/>
      <c r="J12437" s="18"/>
      <c r="K12437" s="18"/>
      <c r="L12437" s="18"/>
      <c r="M12437" s="18"/>
      <c r="N12437" s="18"/>
      <c r="O12437" s="18"/>
      <c r="P12437" s="19"/>
      <c r="Q12437" s="19"/>
      <c r="R12437" s="19"/>
      <c r="S12437" s="19"/>
      <c r="T12437" s="19"/>
      <c r="U12437" s="19"/>
      <c r="V12437" s="19"/>
      <c r="W12437" s="19"/>
      <c r="X12437" s="19"/>
      <c r="Y12437" s="19"/>
      <c r="Z12437" s="19"/>
      <c r="AA12437" s="19"/>
    </row>
    <row r="12438" spans="1:27" s="1" customFormat="1" ht="11.1" customHeight="1" outlineLevel="3" x14ac:dyDescent="0.2">
      <c r="A12438" s="17">
        <v>16477</v>
      </c>
      <c r="B12438" s="17"/>
      <c r="C12438" s="17"/>
      <c r="D12438" s="18" t="s">
        <v>6176</v>
      </c>
      <c r="E12438" s="18"/>
      <c r="F12438" s="18"/>
      <c r="G12438" s="18"/>
      <c r="H12438" s="18"/>
      <c r="I12438" s="18"/>
      <c r="J12438" s="18"/>
      <c r="K12438" s="18"/>
      <c r="L12438" s="18"/>
      <c r="M12438" s="18"/>
      <c r="N12438" s="18"/>
      <c r="O12438" s="18"/>
      <c r="P12438" s="19">
        <v>450</v>
      </c>
      <c r="Q12438" s="19"/>
      <c r="R12438" s="19"/>
      <c r="S12438" s="19"/>
      <c r="T12438" s="19">
        <v>190</v>
      </c>
      <c r="U12438" s="19"/>
      <c r="V12438" s="19"/>
      <c r="W12438" s="19"/>
      <c r="X12438" s="19">
        <v>9</v>
      </c>
      <c r="Y12438" s="19"/>
      <c r="Z12438" s="19"/>
      <c r="AA12438" s="19"/>
    </row>
    <row r="12439" spans="1:27" s="1" customFormat="1" ht="11.1" customHeight="1" outlineLevel="3" x14ac:dyDescent="0.2">
      <c r="A12439" s="17"/>
      <c r="B12439" s="17"/>
      <c r="C12439" s="17"/>
      <c r="D12439" s="18"/>
      <c r="E12439" s="18"/>
      <c r="F12439" s="18"/>
      <c r="G12439" s="18"/>
      <c r="H12439" s="18"/>
      <c r="I12439" s="18"/>
      <c r="J12439" s="18"/>
      <c r="K12439" s="18"/>
      <c r="L12439" s="18"/>
      <c r="M12439" s="18"/>
      <c r="N12439" s="18"/>
      <c r="O12439" s="18"/>
      <c r="P12439" s="19"/>
      <c r="Q12439" s="19"/>
      <c r="R12439" s="19"/>
      <c r="S12439" s="19"/>
      <c r="T12439" s="19"/>
      <c r="U12439" s="19"/>
      <c r="V12439" s="19"/>
      <c r="W12439" s="19"/>
      <c r="X12439" s="19"/>
      <c r="Y12439" s="19"/>
      <c r="Z12439" s="19"/>
      <c r="AA12439" s="19"/>
    </row>
    <row r="12440" spans="1:27" s="1" customFormat="1" ht="11.1" customHeight="1" outlineLevel="3" x14ac:dyDescent="0.2">
      <c r="A12440" s="17">
        <v>16478</v>
      </c>
      <c r="B12440" s="17"/>
      <c r="C12440" s="17"/>
      <c r="D12440" s="18" t="s">
        <v>6177</v>
      </c>
      <c r="E12440" s="18"/>
      <c r="F12440" s="18"/>
      <c r="G12440" s="18"/>
      <c r="H12440" s="18"/>
      <c r="I12440" s="18"/>
      <c r="J12440" s="18"/>
      <c r="K12440" s="18"/>
      <c r="L12440" s="18"/>
      <c r="M12440" s="18"/>
      <c r="N12440" s="18"/>
      <c r="O12440" s="18"/>
      <c r="P12440" s="19">
        <v>450</v>
      </c>
      <c r="Q12440" s="19"/>
      <c r="R12440" s="19"/>
      <c r="S12440" s="19"/>
      <c r="T12440" s="19">
        <v>200</v>
      </c>
      <c r="U12440" s="19"/>
      <c r="V12440" s="19"/>
      <c r="W12440" s="19"/>
      <c r="X12440" s="19">
        <v>9</v>
      </c>
      <c r="Y12440" s="19"/>
      <c r="Z12440" s="19"/>
      <c r="AA12440" s="19"/>
    </row>
    <row r="12441" spans="1:27" s="1" customFormat="1" ht="11.1" customHeight="1" outlineLevel="3" x14ac:dyDescent="0.2">
      <c r="A12441" s="17"/>
      <c r="B12441" s="17"/>
      <c r="C12441" s="17"/>
      <c r="D12441" s="18"/>
      <c r="E12441" s="18"/>
      <c r="F12441" s="18"/>
      <c r="G12441" s="18"/>
      <c r="H12441" s="18"/>
      <c r="I12441" s="18"/>
      <c r="J12441" s="18"/>
      <c r="K12441" s="18"/>
      <c r="L12441" s="18"/>
      <c r="M12441" s="18"/>
      <c r="N12441" s="18"/>
      <c r="O12441" s="18"/>
      <c r="P12441" s="19"/>
      <c r="Q12441" s="19"/>
      <c r="R12441" s="19"/>
      <c r="S12441" s="19"/>
      <c r="T12441" s="19"/>
      <c r="U12441" s="19"/>
      <c r="V12441" s="19"/>
      <c r="W12441" s="19"/>
      <c r="X12441" s="19"/>
      <c r="Y12441" s="19"/>
      <c r="Z12441" s="19"/>
      <c r="AA12441" s="19"/>
    </row>
    <row r="12442" spans="1:27" s="1" customFormat="1" ht="11.1" customHeight="1" outlineLevel="3" x14ac:dyDescent="0.2">
      <c r="A12442" s="17">
        <v>16054</v>
      </c>
      <c r="B12442" s="17"/>
      <c r="C12442" s="17"/>
      <c r="D12442" s="18" t="s">
        <v>6178</v>
      </c>
      <c r="E12442" s="18"/>
      <c r="F12442" s="18"/>
      <c r="G12442" s="18"/>
      <c r="H12442" s="18"/>
      <c r="I12442" s="18"/>
      <c r="J12442" s="18"/>
      <c r="K12442" s="18"/>
      <c r="L12442" s="18"/>
      <c r="M12442" s="18"/>
      <c r="N12442" s="18"/>
      <c r="O12442" s="18"/>
      <c r="P12442" s="19">
        <v>320</v>
      </c>
      <c r="Q12442" s="19"/>
      <c r="R12442" s="19"/>
      <c r="S12442" s="19"/>
      <c r="T12442" s="19">
        <v>150</v>
      </c>
      <c r="U12442" s="19"/>
      <c r="V12442" s="19"/>
      <c r="W12442" s="19"/>
      <c r="X12442" s="19">
        <v>3</v>
      </c>
      <c r="Y12442" s="19"/>
      <c r="Z12442" s="19"/>
      <c r="AA12442" s="19"/>
    </row>
    <row r="12443" spans="1:27" s="1" customFormat="1" ht="11.1" customHeight="1" outlineLevel="3" x14ac:dyDescent="0.2">
      <c r="A12443" s="17"/>
      <c r="B12443" s="17"/>
      <c r="C12443" s="17"/>
      <c r="D12443" s="18"/>
      <c r="E12443" s="18"/>
      <c r="F12443" s="18"/>
      <c r="G12443" s="18"/>
      <c r="H12443" s="18"/>
      <c r="I12443" s="18"/>
      <c r="J12443" s="18"/>
      <c r="K12443" s="18"/>
      <c r="L12443" s="18"/>
      <c r="M12443" s="18"/>
      <c r="N12443" s="18"/>
      <c r="O12443" s="18"/>
      <c r="P12443" s="19"/>
      <c r="Q12443" s="19"/>
      <c r="R12443" s="19"/>
      <c r="S12443" s="19"/>
      <c r="T12443" s="19"/>
      <c r="U12443" s="19"/>
      <c r="V12443" s="19"/>
      <c r="W12443" s="19"/>
      <c r="X12443" s="19"/>
      <c r="Y12443" s="19"/>
      <c r="Z12443" s="19"/>
      <c r="AA12443" s="19"/>
    </row>
    <row r="12444" spans="1:27" s="1" customFormat="1" ht="11.1" customHeight="1" outlineLevel="3" x14ac:dyDescent="0.2">
      <c r="A12444" s="17">
        <v>6474</v>
      </c>
      <c r="B12444" s="17"/>
      <c r="C12444" s="17"/>
      <c r="D12444" s="18" t="s">
        <v>6179</v>
      </c>
      <c r="E12444" s="18"/>
      <c r="F12444" s="18"/>
      <c r="G12444" s="18"/>
      <c r="H12444" s="18"/>
      <c r="I12444" s="18"/>
      <c r="J12444" s="18"/>
      <c r="K12444" s="18"/>
      <c r="L12444" s="18"/>
      <c r="M12444" s="18"/>
      <c r="N12444" s="18"/>
      <c r="O12444" s="18"/>
      <c r="P12444" s="19">
        <v>160</v>
      </c>
      <c r="Q12444" s="19"/>
      <c r="R12444" s="19"/>
      <c r="S12444" s="19"/>
      <c r="T12444" s="19">
        <v>27</v>
      </c>
      <c r="U12444" s="19"/>
      <c r="V12444" s="19"/>
      <c r="W12444" s="19"/>
      <c r="X12444" s="19">
        <v>1</v>
      </c>
      <c r="Y12444" s="19"/>
      <c r="Z12444" s="19"/>
      <c r="AA12444" s="19"/>
    </row>
    <row r="12445" spans="1:27" s="1" customFormat="1" ht="11.1" customHeight="1" outlineLevel="3" x14ac:dyDescent="0.2">
      <c r="A12445" s="17"/>
      <c r="B12445" s="17"/>
      <c r="C12445" s="17"/>
      <c r="D12445" s="18"/>
      <c r="E12445" s="18"/>
      <c r="F12445" s="18"/>
      <c r="G12445" s="18"/>
      <c r="H12445" s="18"/>
      <c r="I12445" s="18"/>
      <c r="J12445" s="18"/>
      <c r="K12445" s="18"/>
      <c r="L12445" s="18"/>
      <c r="M12445" s="18"/>
      <c r="N12445" s="18"/>
      <c r="O12445" s="18"/>
      <c r="P12445" s="19"/>
      <c r="Q12445" s="19"/>
      <c r="R12445" s="19"/>
      <c r="S12445" s="19"/>
      <c r="T12445" s="19"/>
      <c r="U12445" s="19"/>
      <c r="V12445" s="19"/>
      <c r="W12445" s="19"/>
      <c r="X12445" s="19"/>
      <c r="Y12445" s="19"/>
      <c r="Z12445" s="19"/>
      <c r="AA12445" s="19"/>
    </row>
    <row r="12446" spans="1:27" s="1" customFormat="1" ht="11.1" customHeight="1" outlineLevel="3" x14ac:dyDescent="0.2">
      <c r="A12446" s="17">
        <v>6475</v>
      </c>
      <c r="B12446" s="17"/>
      <c r="C12446" s="17"/>
      <c r="D12446" s="18" t="s">
        <v>6180</v>
      </c>
      <c r="E12446" s="18"/>
      <c r="F12446" s="18"/>
      <c r="G12446" s="18"/>
      <c r="H12446" s="18"/>
      <c r="I12446" s="18"/>
      <c r="J12446" s="18"/>
      <c r="K12446" s="18"/>
      <c r="L12446" s="18"/>
      <c r="M12446" s="18"/>
      <c r="N12446" s="18"/>
      <c r="O12446" s="18"/>
      <c r="P12446" s="19">
        <v>160</v>
      </c>
      <c r="Q12446" s="19"/>
      <c r="R12446" s="19"/>
      <c r="S12446" s="19"/>
      <c r="T12446" s="19">
        <v>27</v>
      </c>
      <c r="U12446" s="19"/>
      <c r="V12446" s="19"/>
      <c r="W12446" s="19"/>
      <c r="X12446" s="19">
        <v>18</v>
      </c>
      <c r="Y12446" s="19"/>
      <c r="Z12446" s="19"/>
      <c r="AA12446" s="19"/>
    </row>
    <row r="12447" spans="1:27" s="1" customFormat="1" ht="11.1" customHeight="1" outlineLevel="3" x14ac:dyDescent="0.2">
      <c r="A12447" s="17"/>
      <c r="B12447" s="17"/>
      <c r="C12447" s="17"/>
      <c r="D12447" s="18"/>
      <c r="E12447" s="18"/>
      <c r="F12447" s="18"/>
      <c r="G12447" s="18"/>
      <c r="H12447" s="18"/>
      <c r="I12447" s="18"/>
      <c r="J12447" s="18"/>
      <c r="K12447" s="18"/>
      <c r="L12447" s="18"/>
      <c r="M12447" s="18"/>
      <c r="N12447" s="18"/>
      <c r="O12447" s="18"/>
      <c r="P12447" s="19"/>
      <c r="Q12447" s="19"/>
      <c r="R12447" s="19"/>
      <c r="S12447" s="19"/>
      <c r="T12447" s="19"/>
      <c r="U12447" s="19"/>
      <c r="V12447" s="19"/>
      <c r="W12447" s="19"/>
      <c r="X12447" s="19"/>
      <c r="Y12447" s="19"/>
      <c r="Z12447" s="19"/>
      <c r="AA12447" s="19"/>
    </row>
    <row r="12448" spans="1:27" s="1" customFormat="1" ht="11.1" customHeight="1" outlineLevel="3" x14ac:dyDescent="0.2">
      <c r="A12448" s="17">
        <v>10894</v>
      </c>
      <c r="B12448" s="17"/>
      <c r="C12448" s="17"/>
      <c r="D12448" s="18" t="s">
        <v>6181</v>
      </c>
      <c r="E12448" s="18"/>
      <c r="F12448" s="18"/>
      <c r="G12448" s="18"/>
      <c r="H12448" s="18"/>
      <c r="I12448" s="18"/>
      <c r="J12448" s="18"/>
      <c r="K12448" s="18"/>
      <c r="L12448" s="18"/>
      <c r="M12448" s="18"/>
      <c r="N12448" s="18"/>
      <c r="O12448" s="18"/>
      <c r="P12448" s="19">
        <v>160</v>
      </c>
      <c r="Q12448" s="19"/>
      <c r="R12448" s="19"/>
      <c r="S12448" s="19"/>
      <c r="T12448" s="19">
        <v>57</v>
      </c>
      <c r="U12448" s="19"/>
      <c r="V12448" s="19"/>
      <c r="W12448" s="19"/>
      <c r="X12448" s="19">
        <v>3</v>
      </c>
      <c r="Y12448" s="19"/>
      <c r="Z12448" s="19"/>
      <c r="AA12448" s="19"/>
    </row>
    <row r="12449" spans="1:27" s="1" customFormat="1" ht="11.1" customHeight="1" outlineLevel="3" x14ac:dyDescent="0.2">
      <c r="A12449" s="17"/>
      <c r="B12449" s="17"/>
      <c r="C12449" s="17"/>
      <c r="D12449" s="18"/>
      <c r="E12449" s="18"/>
      <c r="F12449" s="18"/>
      <c r="G12449" s="18"/>
      <c r="H12449" s="18"/>
      <c r="I12449" s="18"/>
      <c r="J12449" s="18"/>
      <c r="K12449" s="18"/>
      <c r="L12449" s="18"/>
      <c r="M12449" s="18"/>
      <c r="N12449" s="18"/>
      <c r="O12449" s="18"/>
      <c r="P12449" s="19"/>
      <c r="Q12449" s="19"/>
      <c r="R12449" s="19"/>
      <c r="S12449" s="19"/>
      <c r="T12449" s="19"/>
      <c r="U12449" s="19"/>
      <c r="V12449" s="19"/>
      <c r="W12449" s="19"/>
      <c r="X12449" s="19"/>
      <c r="Y12449" s="19"/>
      <c r="Z12449" s="19"/>
      <c r="AA12449" s="19"/>
    </row>
    <row r="12450" spans="1:27" s="1" customFormat="1" ht="11.1" customHeight="1" outlineLevel="3" x14ac:dyDescent="0.2">
      <c r="A12450" s="17">
        <v>7247</v>
      </c>
      <c r="B12450" s="17"/>
      <c r="C12450" s="17"/>
      <c r="D12450" s="18" t="s">
        <v>6182</v>
      </c>
      <c r="E12450" s="18"/>
      <c r="F12450" s="18"/>
      <c r="G12450" s="18"/>
      <c r="H12450" s="18"/>
      <c r="I12450" s="18"/>
      <c r="J12450" s="18"/>
      <c r="K12450" s="18"/>
      <c r="L12450" s="18"/>
      <c r="M12450" s="18"/>
      <c r="N12450" s="18"/>
      <c r="O12450" s="18"/>
      <c r="P12450" s="19">
        <v>155</v>
      </c>
      <c r="Q12450" s="19"/>
      <c r="R12450" s="19"/>
      <c r="S12450" s="19"/>
      <c r="T12450" s="19">
        <v>55</v>
      </c>
      <c r="U12450" s="19"/>
      <c r="V12450" s="19"/>
      <c r="W12450" s="19"/>
      <c r="X12450" s="19">
        <v>2</v>
      </c>
      <c r="Y12450" s="19"/>
      <c r="Z12450" s="19"/>
      <c r="AA12450" s="19"/>
    </row>
    <row r="12451" spans="1:27" s="1" customFormat="1" ht="11.1" customHeight="1" outlineLevel="3" x14ac:dyDescent="0.2">
      <c r="A12451" s="17"/>
      <c r="B12451" s="17"/>
      <c r="C12451" s="17"/>
      <c r="D12451" s="18"/>
      <c r="E12451" s="18"/>
      <c r="F12451" s="18"/>
      <c r="G12451" s="18"/>
      <c r="H12451" s="18"/>
      <c r="I12451" s="18"/>
      <c r="J12451" s="18"/>
      <c r="K12451" s="18"/>
      <c r="L12451" s="18"/>
      <c r="M12451" s="18"/>
      <c r="N12451" s="18"/>
      <c r="O12451" s="18"/>
      <c r="P12451" s="19"/>
      <c r="Q12451" s="19"/>
      <c r="R12451" s="19"/>
      <c r="S12451" s="19"/>
      <c r="T12451" s="19"/>
      <c r="U12451" s="19"/>
      <c r="V12451" s="19"/>
      <c r="W12451" s="19"/>
      <c r="X12451" s="19"/>
      <c r="Y12451" s="19"/>
      <c r="Z12451" s="19"/>
      <c r="AA12451" s="19"/>
    </row>
    <row r="12452" spans="1:27" s="1" customFormat="1" ht="11.1" customHeight="1" outlineLevel="3" x14ac:dyDescent="0.2">
      <c r="A12452" s="17">
        <v>7248</v>
      </c>
      <c r="B12452" s="17"/>
      <c r="C12452" s="17"/>
      <c r="D12452" s="18" t="s">
        <v>6183</v>
      </c>
      <c r="E12452" s="18"/>
      <c r="F12452" s="18"/>
      <c r="G12452" s="18"/>
      <c r="H12452" s="18"/>
      <c r="I12452" s="18"/>
      <c r="J12452" s="18"/>
      <c r="K12452" s="18"/>
      <c r="L12452" s="18"/>
      <c r="M12452" s="18"/>
      <c r="N12452" s="18"/>
      <c r="O12452" s="18"/>
      <c r="P12452" s="19">
        <v>150</v>
      </c>
      <c r="Q12452" s="19"/>
      <c r="R12452" s="19"/>
      <c r="S12452" s="19"/>
      <c r="T12452" s="19">
        <v>54</v>
      </c>
      <c r="U12452" s="19"/>
      <c r="V12452" s="19"/>
      <c r="W12452" s="19"/>
      <c r="X12452" s="19">
        <v>3</v>
      </c>
      <c r="Y12452" s="19"/>
      <c r="Z12452" s="19"/>
      <c r="AA12452" s="19"/>
    </row>
    <row r="12453" spans="1:27" s="1" customFormat="1" ht="11.1" customHeight="1" outlineLevel="3" x14ac:dyDescent="0.2">
      <c r="A12453" s="17"/>
      <c r="B12453" s="17"/>
      <c r="C12453" s="17"/>
      <c r="D12453" s="18"/>
      <c r="E12453" s="18"/>
      <c r="F12453" s="18"/>
      <c r="G12453" s="18"/>
      <c r="H12453" s="18"/>
      <c r="I12453" s="18"/>
      <c r="J12453" s="18"/>
      <c r="K12453" s="18"/>
      <c r="L12453" s="18"/>
      <c r="M12453" s="18"/>
      <c r="N12453" s="18"/>
      <c r="O12453" s="18"/>
      <c r="P12453" s="19"/>
      <c r="Q12453" s="19"/>
      <c r="R12453" s="19"/>
      <c r="S12453" s="19"/>
      <c r="T12453" s="19"/>
      <c r="U12453" s="19"/>
      <c r="V12453" s="19"/>
      <c r="W12453" s="19"/>
      <c r="X12453" s="19"/>
      <c r="Y12453" s="19"/>
      <c r="Z12453" s="19"/>
      <c r="AA12453" s="19"/>
    </row>
    <row r="12454" spans="1:27" s="1" customFormat="1" ht="11.1" customHeight="1" outlineLevel="3" x14ac:dyDescent="0.2">
      <c r="A12454" s="17">
        <v>6546</v>
      </c>
      <c r="B12454" s="17"/>
      <c r="C12454" s="17"/>
      <c r="D12454" s="18" t="s">
        <v>6184</v>
      </c>
      <c r="E12454" s="18"/>
      <c r="F12454" s="18"/>
      <c r="G12454" s="18"/>
      <c r="H12454" s="18"/>
      <c r="I12454" s="18"/>
      <c r="J12454" s="18"/>
      <c r="K12454" s="18"/>
      <c r="L12454" s="18"/>
      <c r="M12454" s="18"/>
      <c r="N12454" s="18"/>
      <c r="O12454" s="18"/>
      <c r="P12454" s="19">
        <v>140</v>
      </c>
      <c r="Q12454" s="19"/>
      <c r="R12454" s="19"/>
      <c r="S12454" s="19"/>
      <c r="T12454" s="19">
        <v>26</v>
      </c>
      <c r="U12454" s="19"/>
      <c r="V12454" s="19"/>
      <c r="W12454" s="19"/>
      <c r="X12454" s="19">
        <v>2</v>
      </c>
      <c r="Y12454" s="19"/>
      <c r="Z12454" s="19"/>
      <c r="AA12454" s="19"/>
    </row>
    <row r="12455" spans="1:27" s="1" customFormat="1" ht="11.1" customHeight="1" outlineLevel="3" x14ac:dyDescent="0.2">
      <c r="A12455" s="17"/>
      <c r="B12455" s="17"/>
      <c r="C12455" s="17"/>
      <c r="D12455" s="18"/>
      <c r="E12455" s="18"/>
      <c r="F12455" s="18"/>
      <c r="G12455" s="18"/>
      <c r="H12455" s="18"/>
      <c r="I12455" s="18"/>
      <c r="J12455" s="18"/>
      <c r="K12455" s="18"/>
      <c r="L12455" s="18"/>
      <c r="M12455" s="18"/>
      <c r="N12455" s="18"/>
      <c r="O12455" s="18"/>
      <c r="P12455" s="19"/>
      <c r="Q12455" s="19"/>
      <c r="R12455" s="19"/>
      <c r="S12455" s="19"/>
      <c r="T12455" s="19"/>
      <c r="U12455" s="19"/>
      <c r="V12455" s="19"/>
      <c r="W12455" s="19"/>
      <c r="X12455" s="19"/>
      <c r="Y12455" s="19"/>
      <c r="Z12455" s="19"/>
      <c r="AA12455" s="19"/>
    </row>
    <row r="12456" spans="1:27" s="1" customFormat="1" ht="11.1" customHeight="1" outlineLevel="3" x14ac:dyDescent="0.2">
      <c r="A12456" s="17">
        <v>8461</v>
      </c>
      <c r="B12456" s="17"/>
      <c r="C12456" s="17"/>
      <c r="D12456" s="18" t="s">
        <v>6185</v>
      </c>
      <c r="E12456" s="18"/>
      <c r="F12456" s="18"/>
      <c r="G12456" s="18"/>
      <c r="H12456" s="18"/>
      <c r="I12456" s="18"/>
      <c r="J12456" s="18"/>
      <c r="K12456" s="18"/>
      <c r="L12456" s="18"/>
      <c r="M12456" s="18"/>
      <c r="N12456" s="18"/>
      <c r="O12456" s="18"/>
      <c r="P12456" s="19">
        <v>140</v>
      </c>
      <c r="Q12456" s="19"/>
      <c r="R12456" s="19"/>
      <c r="S12456" s="19"/>
      <c r="T12456" s="19">
        <v>26</v>
      </c>
      <c r="U12456" s="19"/>
      <c r="V12456" s="19"/>
      <c r="W12456" s="19"/>
      <c r="X12456" s="19">
        <v>4</v>
      </c>
      <c r="Y12456" s="19"/>
      <c r="Z12456" s="19"/>
      <c r="AA12456" s="19"/>
    </row>
    <row r="12457" spans="1:27" s="1" customFormat="1" ht="11.1" customHeight="1" outlineLevel="3" x14ac:dyDescent="0.2">
      <c r="A12457" s="17"/>
      <c r="B12457" s="17"/>
      <c r="C12457" s="17"/>
      <c r="D12457" s="18"/>
      <c r="E12457" s="18"/>
      <c r="F12457" s="18"/>
      <c r="G12457" s="18"/>
      <c r="H12457" s="18"/>
      <c r="I12457" s="18"/>
      <c r="J12457" s="18"/>
      <c r="K12457" s="18"/>
      <c r="L12457" s="18"/>
      <c r="M12457" s="18"/>
      <c r="N12457" s="18"/>
      <c r="O12457" s="18"/>
      <c r="P12457" s="19"/>
      <c r="Q12457" s="19"/>
      <c r="R12457" s="19"/>
      <c r="S12457" s="19"/>
      <c r="T12457" s="19"/>
      <c r="U12457" s="19"/>
      <c r="V12457" s="19"/>
      <c r="W12457" s="19"/>
      <c r="X12457" s="19"/>
      <c r="Y12457" s="19"/>
      <c r="Z12457" s="19"/>
      <c r="AA12457" s="19"/>
    </row>
    <row r="12458" spans="1:27" s="1" customFormat="1" ht="11.1" customHeight="1" outlineLevel="3" x14ac:dyDescent="0.2">
      <c r="A12458" s="17">
        <v>6478</v>
      </c>
      <c r="B12458" s="17"/>
      <c r="C12458" s="17"/>
      <c r="D12458" s="18" t="s">
        <v>6186</v>
      </c>
      <c r="E12458" s="18"/>
      <c r="F12458" s="18"/>
      <c r="G12458" s="18"/>
      <c r="H12458" s="18"/>
      <c r="I12458" s="18"/>
      <c r="J12458" s="18"/>
      <c r="K12458" s="18"/>
      <c r="L12458" s="18"/>
      <c r="M12458" s="18"/>
      <c r="N12458" s="18"/>
      <c r="O12458" s="18"/>
      <c r="P12458" s="19">
        <v>100</v>
      </c>
      <c r="Q12458" s="19"/>
      <c r="R12458" s="19"/>
      <c r="S12458" s="19"/>
      <c r="T12458" s="19">
        <v>25</v>
      </c>
      <c r="U12458" s="19"/>
      <c r="V12458" s="19"/>
      <c r="W12458" s="19"/>
      <c r="X12458" s="19">
        <v>7</v>
      </c>
      <c r="Y12458" s="19"/>
      <c r="Z12458" s="19"/>
      <c r="AA12458" s="19"/>
    </row>
    <row r="12459" spans="1:27" s="1" customFormat="1" ht="11.1" customHeight="1" outlineLevel="3" x14ac:dyDescent="0.2">
      <c r="A12459" s="17"/>
      <c r="B12459" s="17"/>
      <c r="C12459" s="17"/>
      <c r="D12459" s="18"/>
      <c r="E12459" s="18"/>
      <c r="F12459" s="18"/>
      <c r="G12459" s="18"/>
      <c r="H12459" s="18"/>
      <c r="I12459" s="18"/>
      <c r="J12459" s="18"/>
      <c r="K12459" s="18"/>
      <c r="L12459" s="18"/>
      <c r="M12459" s="18"/>
      <c r="N12459" s="18"/>
      <c r="O12459" s="18"/>
      <c r="P12459" s="19"/>
      <c r="Q12459" s="19"/>
      <c r="R12459" s="19"/>
      <c r="S12459" s="19"/>
      <c r="T12459" s="19"/>
      <c r="U12459" s="19"/>
      <c r="V12459" s="19"/>
      <c r="W12459" s="19"/>
      <c r="X12459" s="19"/>
      <c r="Y12459" s="19"/>
      <c r="Z12459" s="19"/>
      <c r="AA12459" s="19"/>
    </row>
    <row r="12460" spans="1:27" s="1" customFormat="1" ht="11.1" customHeight="1" outlineLevel="3" x14ac:dyDescent="0.2">
      <c r="A12460" s="17">
        <v>5997</v>
      </c>
      <c r="B12460" s="17"/>
      <c r="C12460" s="17"/>
      <c r="D12460" s="18" t="s">
        <v>6187</v>
      </c>
      <c r="E12460" s="18"/>
      <c r="F12460" s="18"/>
      <c r="G12460" s="18"/>
      <c r="H12460" s="18"/>
      <c r="I12460" s="18"/>
      <c r="J12460" s="18"/>
      <c r="K12460" s="18"/>
      <c r="L12460" s="18"/>
      <c r="M12460" s="18"/>
      <c r="N12460" s="18"/>
      <c r="O12460" s="18"/>
      <c r="P12460" s="19">
        <v>190</v>
      </c>
      <c r="Q12460" s="19"/>
      <c r="R12460" s="19"/>
      <c r="S12460" s="19"/>
      <c r="T12460" s="19">
        <v>120</v>
      </c>
      <c r="U12460" s="19"/>
      <c r="V12460" s="19"/>
      <c r="W12460" s="19"/>
      <c r="X12460" s="19">
        <v>8</v>
      </c>
      <c r="Y12460" s="19"/>
      <c r="Z12460" s="19"/>
      <c r="AA12460" s="19"/>
    </row>
    <row r="12461" spans="1:27" s="1" customFormat="1" ht="11.1" customHeight="1" outlineLevel="3" x14ac:dyDescent="0.2">
      <c r="A12461" s="17"/>
      <c r="B12461" s="17"/>
      <c r="C12461" s="17"/>
      <c r="D12461" s="18"/>
      <c r="E12461" s="18"/>
      <c r="F12461" s="18"/>
      <c r="G12461" s="18"/>
      <c r="H12461" s="18"/>
      <c r="I12461" s="18"/>
      <c r="J12461" s="18"/>
      <c r="K12461" s="18"/>
      <c r="L12461" s="18"/>
      <c r="M12461" s="18"/>
      <c r="N12461" s="18"/>
      <c r="O12461" s="18"/>
      <c r="P12461" s="19"/>
      <c r="Q12461" s="19"/>
      <c r="R12461" s="19"/>
      <c r="S12461" s="19"/>
      <c r="T12461" s="19"/>
      <c r="U12461" s="19"/>
      <c r="V12461" s="19"/>
      <c r="W12461" s="19"/>
      <c r="X12461" s="19"/>
      <c r="Y12461" s="19"/>
      <c r="Z12461" s="19"/>
      <c r="AA12461" s="19"/>
    </row>
    <row r="12462" spans="1:27" s="1" customFormat="1" ht="11.1" customHeight="1" outlineLevel="3" x14ac:dyDescent="0.2">
      <c r="A12462" s="17">
        <v>15881</v>
      </c>
      <c r="B12462" s="17"/>
      <c r="C12462" s="17"/>
      <c r="D12462" s="18" t="s">
        <v>6188</v>
      </c>
      <c r="E12462" s="18"/>
      <c r="F12462" s="18"/>
      <c r="G12462" s="18"/>
      <c r="H12462" s="18"/>
      <c r="I12462" s="18"/>
      <c r="J12462" s="18"/>
      <c r="K12462" s="18"/>
      <c r="L12462" s="18"/>
      <c r="M12462" s="18"/>
      <c r="N12462" s="18"/>
      <c r="O12462" s="18"/>
      <c r="P12462" s="19">
        <v>350</v>
      </c>
      <c r="Q12462" s="19"/>
      <c r="R12462" s="19"/>
      <c r="S12462" s="19"/>
      <c r="T12462" s="19">
        <v>140</v>
      </c>
      <c r="U12462" s="19"/>
      <c r="V12462" s="19"/>
      <c r="W12462" s="19"/>
      <c r="X12462" s="19">
        <v>10</v>
      </c>
      <c r="Y12462" s="19"/>
      <c r="Z12462" s="19"/>
      <c r="AA12462" s="19"/>
    </row>
    <row r="12463" spans="1:27" s="1" customFormat="1" ht="11.1" customHeight="1" outlineLevel="3" x14ac:dyDescent="0.2">
      <c r="A12463" s="17"/>
      <c r="B12463" s="17"/>
      <c r="C12463" s="17"/>
      <c r="D12463" s="18"/>
      <c r="E12463" s="18"/>
      <c r="F12463" s="18"/>
      <c r="G12463" s="18"/>
      <c r="H12463" s="18"/>
      <c r="I12463" s="18"/>
      <c r="J12463" s="18"/>
      <c r="K12463" s="18"/>
      <c r="L12463" s="18"/>
      <c r="M12463" s="18"/>
      <c r="N12463" s="18"/>
      <c r="O12463" s="18"/>
      <c r="P12463" s="19"/>
      <c r="Q12463" s="19"/>
      <c r="R12463" s="19"/>
      <c r="S12463" s="19"/>
      <c r="T12463" s="19"/>
      <c r="U12463" s="19"/>
      <c r="V12463" s="19"/>
      <c r="W12463" s="19"/>
      <c r="X12463" s="19"/>
      <c r="Y12463" s="19"/>
      <c r="Z12463" s="19"/>
      <c r="AA12463" s="19"/>
    </row>
    <row r="12464" spans="1:27" s="1" customFormat="1" ht="11.1" customHeight="1" outlineLevel="3" x14ac:dyDescent="0.2">
      <c r="A12464" s="17">
        <v>10898</v>
      </c>
      <c r="B12464" s="17"/>
      <c r="C12464" s="17"/>
      <c r="D12464" s="18" t="s">
        <v>6189</v>
      </c>
      <c r="E12464" s="18"/>
      <c r="F12464" s="18"/>
      <c r="G12464" s="18"/>
      <c r="H12464" s="18"/>
      <c r="I12464" s="18"/>
      <c r="J12464" s="18"/>
      <c r="K12464" s="18"/>
      <c r="L12464" s="18"/>
      <c r="M12464" s="18"/>
      <c r="N12464" s="18"/>
      <c r="O12464" s="18"/>
      <c r="P12464" s="19">
        <v>170</v>
      </c>
      <c r="Q12464" s="19"/>
      <c r="R12464" s="19"/>
      <c r="S12464" s="19"/>
      <c r="T12464" s="19">
        <v>65</v>
      </c>
      <c r="U12464" s="19"/>
      <c r="V12464" s="19"/>
      <c r="W12464" s="19"/>
      <c r="X12464" s="19">
        <v>3</v>
      </c>
      <c r="Y12464" s="19"/>
      <c r="Z12464" s="19"/>
      <c r="AA12464" s="19"/>
    </row>
    <row r="12465" spans="1:27" s="1" customFormat="1" ht="11.1" customHeight="1" outlineLevel="3" x14ac:dyDescent="0.2">
      <c r="A12465" s="17"/>
      <c r="B12465" s="17"/>
      <c r="C12465" s="17"/>
      <c r="D12465" s="18"/>
      <c r="E12465" s="18"/>
      <c r="F12465" s="18"/>
      <c r="G12465" s="18"/>
      <c r="H12465" s="18"/>
      <c r="I12465" s="18"/>
      <c r="J12465" s="18"/>
      <c r="K12465" s="18"/>
      <c r="L12465" s="18"/>
      <c r="M12465" s="18"/>
      <c r="N12465" s="18"/>
      <c r="O12465" s="18"/>
      <c r="P12465" s="19"/>
      <c r="Q12465" s="19"/>
      <c r="R12465" s="19"/>
      <c r="S12465" s="19"/>
      <c r="T12465" s="19"/>
      <c r="U12465" s="19"/>
      <c r="V12465" s="19"/>
      <c r="W12465" s="19"/>
      <c r="X12465" s="19"/>
      <c r="Y12465" s="19"/>
      <c r="Z12465" s="19"/>
      <c r="AA12465" s="19"/>
    </row>
    <row r="12466" spans="1:27" s="1" customFormat="1" ht="11.1" customHeight="1" outlineLevel="3" x14ac:dyDescent="0.2">
      <c r="A12466" s="17">
        <v>10901</v>
      </c>
      <c r="B12466" s="17"/>
      <c r="C12466" s="17"/>
      <c r="D12466" s="18" t="s">
        <v>6190</v>
      </c>
      <c r="E12466" s="18"/>
      <c r="F12466" s="18"/>
      <c r="G12466" s="18"/>
      <c r="H12466" s="18"/>
      <c r="I12466" s="18"/>
      <c r="J12466" s="18"/>
      <c r="K12466" s="18"/>
      <c r="L12466" s="18"/>
      <c r="M12466" s="18"/>
      <c r="N12466" s="18"/>
      <c r="O12466" s="18"/>
      <c r="P12466" s="19">
        <v>190</v>
      </c>
      <c r="Q12466" s="19"/>
      <c r="R12466" s="19"/>
      <c r="S12466" s="19"/>
      <c r="T12466" s="19">
        <v>85</v>
      </c>
      <c r="U12466" s="19"/>
      <c r="V12466" s="19"/>
      <c r="W12466" s="19"/>
      <c r="X12466" s="19">
        <v>1</v>
      </c>
      <c r="Y12466" s="19"/>
      <c r="Z12466" s="19"/>
      <c r="AA12466" s="19"/>
    </row>
    <row r="12467" spans="1:27" s="1" customFormat="1" ht="11.1" customHeight="1" outlineLevel="3" x14ac:dyDescent="0.2">
      <c r="A12467" s="17"/>
      <c r="B12467" s="17"/>
      <c r="C12467" s="17"/>
      <c r="D12467" s="18"/>
      <c r="E12467" s="18"/>
      <c r="F12467" s="18"/>
      <c r="G12467" s="18"/>
      <c r="H12467" s="18"/>
      <c r="I12467" s="18"/>
      <c r="J12467" s="18"/>
      <c r="K12467" s="18"/>
      <c r="L12467" s="18"/>
      <c r="M12467" s="18"/>
      <c r="N12467" s="18"/>
      <c r="O12467" s="18"/>
      <c r="P12467" s="19"/>
      <c r="Q12467" s="19"/>
      <c r="R12467" s="19"/>
      <c r="S12467" s="19"/>
      <c r="T12467" s="19"/>
      <c r="U12467" s="19"/>
      <c r="V12467" s="19"/>
      <c r="W12467" s="19"/>
      <c r="X12467" s="19"/>
      <c r="Y12467" s="19"/>
      <c r="Z12467" s="19"/>
      <c r="AA12467" s="19"/>
    </row>
    <row r="12468" spans="1:27" s="1" customFormat="1" ht="11.1" customHeight="1" outlineLevel="3" x14ac:dyDescent="0.2">
      <c r="A12468" s="17">
        <v>10903</v>
      </c>
      <c r="B12468" s="17"/>
      <c r="C12468" s="17"/>
      <c r="D12468" s="18" t="s">
        <v>6191</v>
      </c>
      <c r="E12468" s="18"/>
      <c r="F12468" s="18"/>
      <c r="G12468" s="18"/>
      <c r="H12468" s="18"/>
      <c r="I12468" s="18"/>
      <c r="J12468" s="18"/>
      <c r="K12468" s="18"/>
      <c r="L12468" s="18"/>
      <c r="M12468" s="18"/>
      <c r="N12468" s="18"/>
      <c r="O12468" s="18"/>
      <c r="P12468" s="19">
        <v>150</v>
      </c>
      <c r="Q12468" s="19"/>
      <c r="R12468" s="19"/>
      <c r="S12468" s="19"/>
      <c r="T12468" s="19">
        <v>55</v>
      </c>
      <c r="U12468" s="19"/>
      <c r="V12468" s="19"/>
      <c r="W12468" s="19"/>
      <c r="X12468" s="19">
        <v>56</v>
      </c>
      <c r="Y12468" s="19"/>
      <c r="Z12468" s="19"/>
      <c r="AA12468" s="19"/>
    </row>
    <row r="12469" spans="1:27" s="1" customFormat="1" ht="11.1" customHeight="1" outlineLevel="3" x14ac:dyDescent="0.2">
      <c r="A12469" s="17"/>
      <c r="B12469" s="17"/>
      <c r="C12469" s="17"/>
      <c r="D12469" s="18"/>
      <c r="E12469" s="18"/>
      <c r="F12469" s="18"/>
      <c r="G12469" s="18"/>
      <c r="H12469" s="18"/>
      <c r="I12469" s="18"/>
      <c r="J12469" s="18"/>
      <c r="K12469" s="18"/>
      <c r="L12469" s="18"/>
      <c r="M12469" s="18"/>
      <c r="N12469" s="18"/>
      <c r="O12469" s="18"/>
      <c r="P12469" s="19"/>
      <c r="Q12469" s="19"/>
      <c r="R12469" s="19"/>
      <c r="S12469" s="19"/>
      <c r="T12469" s="19"/>
      <c r="U12469" s="19"/>
      <c r="V12469" s="19"/>
      <c r="W12469" s="19"/>
      <c r="X12469" s="19"/>
      <c r="Y12469" s="19"/>
      <c r="Z12469" s="19"/>
      <c r="AA12469" s="19"/>
    </row>
    <row r="12470" spans="1:27" s="1" customFormat="1" ht="11.1" customHeight="1" outlineLevel="3" x14ac:dyDescent="0.2">
      <c r="A12470" s="17">
        <v>13272</v>
      </c>
      <c r="B12470" s="17"/>
      <c r="C12470" s="17"/>
      <c r="D12470" s="18" t="s">
        <v>6192</v>
      </c>
      <c r="E12470" s="18"/>
      <c r="F12470" s="18"/>
      <c r="G12470" s="18"/>
      <c r="H12470" s="18"/>
      <c r="I12470" s="18"/>
      <c r="J12470" s="18"/>
      <c r="K12470" s="18"/>
      <c r="L12470" s="18"/>
      <c r="M12470" s="18"/>
      <c r="N12470" s="18"/>
      <c r="O12470" s="18"/>
      <c r="P12470" s="19">
        <v>220</v>
      </c>
      <c r="Q12470" s="19"/>
      <c r="R12470" s="19"/>
      <c r="S12470" s="19"/>
      <c r="T12470" s="19">
        <v>110</v>
      </c>
      <c r="U12470" s="19"/>
      <c r="V12470" s="19"/>
      <c r="W12470" s="19"/>
      <c r="X12470" s="19">
        <v>6</v>
      </c>
      <c r="Y12470" s="19"/>
      <c r="Z12470" s="19"/>
      <c r="AA12470" s="19"/>
    </row>
    <row r="12471" spans="1:27" s="1" customFormat="1" ht="11.1" customHeight="1" outlineLevel="3" x14ac:dyDescent="0.2">
      <c r="A12471" s="17"/>
      <c r="B12471" s="17"/>
      <c r="C12471" s="17"/>
      <c r="D12471" s="18"/>
      <c r="E12471" s="18"/>
      <c r="F12471" s="18"/>
      <c r="G12471" s="18"/>
      <c r="H12471" s="18"/>
      <c r="I12471" s="18"/>
      <c r="J12471" s="18"/>
      <c r="K12471" s="18"/>
      <c r="L12471" s="18"/>
      <c r="M12471" s="18"/>
      <c r="N12471" s="18"/>
      <c r="O12471" s="18"/>
      <c r="P12471" s="19"/>
      <c r="Q12471" s="19"/>
      <c r="R12471" s="19"/>
      <c r="S12471" s="19"/>
      <c r="T12471" s="19"/>
      <c r="U12471" s="19"/>
      <c r="V12471" s="19"/>
      <c r="W12471" s="19"/>
      <c r="X12471" s="19"/>
      <c r="Y12471" s="19"/>
      <c r="Z12471" s="19"/>
      <c r="AA12471" s="19"/>
    </row>
    <row r="12472" spans="1:27" s="1" customFormat="1" ht="11.1" customHeight="1" outlineLevel="3" x14ac:dyDescent="0.2">
      <c r="A12472" s="17">
        <v>13273</v>
      </c>
      <c r="B12472" s="17"/>
      <c r="C12472" s="17"/>
      <c r="D12472" s="18" t="s">
        <v>6193</v>
      </c>
      <c r="E12472" s="18"/>
      <c r="F12472" s="18"/>
      <c r="G12472" s="18"/>
      <c r="H12472" s="18"/>
      <c r="I12472" s="18"/>
      <c r="J12472" s="18"/>
      <c r="K12472" s="18"/>
      <c r="L12472" s="18"/>
      <c r="M12472" s="18"/>
      <c r="N12472" s="18"/>
      <c r="O12472" s="18"/>
      <c r="P12472" s="19">
        <v>220</v>
      </c>
      <c r="Q12472" s="19"/>
      <c r="R12472" s="19"/>
      <c r="S12472" s="19"/>
      <c r="T12472" s="19">
        <v>110</v>
      </c>
      <c r="U12472" s="19"/>
      <c r="V12472" s="19"/>
      <c r="W12472" s="19"/>
      <c r="X12472" s="19">
        <v>6</v>
      </c>
      <c r="Y12472" s="19"/>
      <c r="Z12472" s="19"/>
      <c r="AA12472" s="19"/>
    </row>
    <row r="12473" spans="1:27" s="1" customFormat="1" ht="11.1" customHeight="1" outlineLevel="3" x14ac:dyDescent="0.2">
      <c r="A12473" s="17"/>
      <c r="B12473" s="17"/>
      <c r="C12473" s="17"/>
      <c r="D12473" s="18"/>
      <c r="E12473" s="18"/>
      <c r="F12473" s="18"/>
      <c r="G12473" s="18"/>
      <c r="H12473" s="18"/>
      <c r="I12473" s="18"/>
      <c r="J12473" s="18"/>
      <c r="K12473" s="18"/>
      <c r="L12473" s="18"/>
      <c r="M12473" s="18"/>
      <c r="N12473" s="18"/>
      <c r="O12473" s="18"/>
      <c r="P12473" s="19"/>
      <c r="Q12473" s="19"/>
      <c r="R12473" s="19"/>
      <c r="S12473" s="19"/>
      <c r="T12473" s="19"/>
      <c r="U12473" s="19"/>
      <c r="V12473" s="19"/>
      <c r="W12473" s="19"/>
      <c r="X12473" s="19"/>
      <c r="Y12473" s="19"/>
      <c r="Z12473" s="19"/>
      <c r="AA12473" s="19"/>
    </row>
    <row r="12474" spans="1:27" s="1" customFormat="1" ht="11.1" customHeight="1" outlineLevel="3" x14ac:dyDescent="0.2">
      <c r="A12474" s="17">
        <v>12783</v>
      </c>
      <c r="B12474" s="17"/>
      <c r="C12474" s="17"/>
      <c r="D12474" s="18" t="s">
        <v>6194</v>
      </c>
      <c r="E12474" s="18"/>
      <c r="F12474" s="18"/>
      <c r="G12474" s="18"/>
      <c r="H12474" s="18"/>
      <c r="I12474" s="18"/>
      <c r="J12474" s="18"/>
      <c r="K12474" s="18"/>
      <c r="L12474" s="18"/>
      <c r="M12474" s="18"/>
      <c r="N12474" s="18"/>
      <c r="O12474" s="18"/>
      <c r="P12474" s="19">
        <v>180</v>
      </c>
      <c r="Q12474" s="19"/>
      <c r="R12474" s="19"/>
      <c r="S12474" s="19"/>
      <c r="T12474" s="19">
        <v>65</v>
      </c>
      <c r="U12474" s="19"/>
      <c r="V12474" s="19"/>
      <c r="W12474" s="19"/>
      <c r="X12474" s="19">
        <v>1</v>
      </c>
      <c r="Y12474" s="19"/>
      <c r="Z12474" s="19"/>
      <c r="AA12474" s="19"/>
    </row>
    <row r="12475" spans="1:27" s="1" customFormat="1" ht="11.1" customHeight="1" outlineLevel="3" x14ac:dyDescent="0.2">
      <c r="A12475" s="17"/>
      <c r="B12475" s="17"/>
      <c r="C12475" s="17"/>
      <c r="D12475" s="18"/>
      <c r="E12475" s="18"/>
      <c r="F12475" s="18"/>
      <c r="G12475" s="18"/>
      <c r="H12475" s="18"/>
      <c r="I12475" s="18"/>
      <c r="J12475" s="18"/>
      <c r="K12475" s="18"/>
      <c r="L12475" s="18"/>
      <c r="M12475" s="18"/>
      <c r="N12475" s="18"/>
      <c r="O12475" s="18"/>
      <c r="P12475" s="19"/>
      <c r="Q12475" s="19"/>
      <c r="R12475" s="19"/>
      <c r="S12475" s="19"/>
      <c r="T12475" s="19"/>
      <c r="U12475" s="19"/>
      <c r="V12475" s="19"/>
      <c r="W12475" s="19"/>
      <c r="X12475" s="19"/>
      <c r="Y12475" s="19"/>
      <c r="Z12475" s="19"/>
      <c r="AA12475" s="19"/>
    </row>
    <row r="12476" spans="1:27" s="1" customFormat="1" ht="11.1" customHeight="1" outlineLevel="3" x14ac:dyDescent="0.2">
      <c r="A12476" s="17">
        <v>11924</v>
      </c>
      <c r="B12476" s="17"/>
      <c r="C12476" s="17"/>
      <c r="D12476" s="18" t="s">
        <v>6195</v>
      </c>
      <c r="E12476" s="18"/>
      <c r="F12476" s="18"/>
      <c r="G12476" s="18"/>
      <c r="H12476" s="18"/>
      <c r="I12476" s="18"/>
      <c r="J12476" s="18"/>
      <c r="K12476" s="18"/>
      <c r="L12476" s="18"/>
      <c r="M12476" s="18"/>
      <c r="N12476" s="18"/>
      <c r="O12476" s="18"/>
      <c r="P12476" s="19">
        <v>140</v>
      </c>
      <c r="Q12476" s="19"/>
      <c r="R12476" s="19"/>
      <c r="S12476" s="19"/>
      <c r="T12476" s="19">
        <v>50</v>
      </c>
      <c r="U12476" s="19"/>
      <c r="V12476" s="19"/>
      <c r="W12476" s="19"/>
      <c r="X12476" s="19">
        <v>1</v>
      </c>
      <c r="Y12476" s="19"/>
      <c r="Z12476" s="19"/>
      <c r="AA12476" s="19"/>
    </row>
    <row r="12477" spans="1:27" s="1" customFormat="1" ht="11.1" customHeight="1" outlineLevel="3" x14ac:dyDescent="0.2">
      <c r="A12477" s="17"/>
      <c r="B12477" s="17"/>
      <c r="C12477" s="17"/>
      <c r="D12477" s="18"/>
      <c r="E12477" s="18"/>
      <c r="F12477" s="18"/>
      <c r="G12477" s="18"/>
      <c r="H12477" s="18"/>
      <c r="I12477" s="18"/>
      <c r="J12477" s="18"/>
      <c r="K12477" s="18"/>
      <c r="L12477" s="18"/>
      <c r="M12477" s="18"/>
      <c r="N12477" s="18"/>
      <c r="O12477" s="18"/>
      <c r="P12477" s="19"/>
      <c r="Q12477" s="19"/>
      <c r="R12477" s="19"/>
      <c r="S12477" s="19"/>
      <c r="T12477" s="19"/>
      <c r="U12477" s="19"/>
      <c r="V12477" s="19"/>
      <c r="W12477" s="19"/>
      <c r="X12477" s="19"/>
      <c r="Y12477" s="19"/>
      <c r="Z12477" s="19"/>
      <c r="AA12477" s="19"/>
    </row>
    <row r="12478" spans="1:27" s="1" customFormat="1" ht="11.1" customHeight="1" outlineLevel="3" x14ac:dyDescent="0.2">
      <c r="A12478" s="17">
        <v>7892</v>
      </c>
      <c r="B12478" s="17"/>
      <c r="C12478" s="17"/>
      <c r="D12478" s="18" t="s">
        <v>6196</v>
      </c>
      <c r="E12478" s="18"/>
      <c r="F12478" s="18"/>
      <c r="G12478" s="18"/>
      <c r="H12478" s="18"/>
      <c r="I12478" s="18"/>
      <c r="J12478" s="18"/>
      <c r="K12478" s="18"/>
      <c r="L12478" s="18"/>
      <c r="M12478" s="18"/>
      <c r="N12478" s="18"/>
      <c r="O12478" s="18"/>
      <c r="P12478" s="19">
        <v>165</v>
      </c>
      <c r="Q12478" s="19"/>
      <c r="R12478" s="19"/>
      <c r="S12478" s="19"/>
      <c r="T12478" s="19">
        <v>65</v>
      </c>
      <c r="U12478" s="19"/>
      <c r="V12478" s="19"/>
      <c r="W12478" s="19"/>
      <c r="X12478" s="19">
        <v>6</v>
      </c>
      <c r="Y12478" s="19"/>
      <c r="Z12478" s="19"/>
      <c r="AA12478" s="19"/>
    </row>
    <row r="12479" spans="1:27" s="1" customFormat="1" ht="11.1" customHeight="1" outlineLevel="3" x14ac:dyDescent="0.2">
      <c r="A12479" s="17"/>
      <c r="B12479" s="17"/>
      <c r="C12479" s="17"/>
      <c r="D12479" s="18"/>
      <c r="E12479" s="18"/>
      <c r="F12479" s="18"/>
      <c r="G12479" s="18"/>
      <c r="H12479" s="18"/>
      <c r="I12479" s="18"/>
      <c r="J12479" s="18"/>
      <c r="K12479" s="18"/>
      <c r="L12479" s="18"/>
      <c r="M12479" s="18"/>
      <c r="N12479" s="18"/>
      <c r="O12479" s="18"/>
      <c r="P12479" s="19"/>
      <c r="Q12479" s="19"/>
      <c r="R12479" s="19"/>
      <c r="S12479" s="19"/>
      <c r="T12479" s="19"/>
      <c r="U12479" s="19"/>
      <c r="V12479" s="19"/>
      <c r="W12479" s="19"/>
      <c r="X12479" s="19"/>
      <c r="Y12479" s="19"/>
      <c r="Z12479" s="19"/>
      <c r="AA12479" s="19"/>
    </row>
    <row r="12480" spans="1:27" s="1" customFormat="1" ht="11.1" customHeight="1" outlineLevel="3" x14ac:dyDescent="0.2">
      <c r="A12480" s="17">
        <v>580</v>
      </c>
      <c r="B12480" s="17"/>
      <c r="C12480" s="17"/>
      <c r="D12480" s="18" t="s">
        <v>6197</v>
      </c>
      <c r="E12480" s="18"/>
      <c r="F12480" s="18"/>
      <c r="G12480" s="18"/>
      <c r="H12480" s="18"/>
      <c r="I12480" s="18"/>
      <c r="J12480" s="18"/>
      <c r="K12480" s="18"/>
      <c r="L12480" s="18"/>
      <c r="M12480" s="18"/>
      <c r="N12480" s="18"/>
      <c r="O12480" s="18"/>
      <c r="P12480" s="19">
        <v>60</v>
      </c>
      <c r="Q12480" s="19"/>
      <c r="R12480" s="19"/>
      <c r="S12480" s="19"/>
      <c r="T12480" s="19">
        <v>17</v>
      </c>
      <c r="U12480" s="19"/>
      <c r="V12480" s="19"/>
      <c r="W12480" s="19"/>
      <c r="X12480" s="19">
        <v>3</v>
      </c>
      <c r="Y12480" s="19"/>
      <c r="Z12480" s="19"/>
      <c r="AA12480" s="19"/>
    </row>
    <row r="12481" spans="1:27" s="1" customFormat="1" ht="11.1" customHeight="1" outlineLevel="3" x14ac:dyDescent="0.2">
      <c r="A12481" s="17"/>
      <c r="B12481" s="17"/>
      <c r="C12481" s="17"/>
      <c r="D12481" s="18"/>
      <c r="E12481" s="18"/>
      <c r="F12481" s="18"/>
      <c r="G12481" s="18"/>
      <c r="H12481" s="18"/>
      <c r="I12481" s="18"/>
      <c r="J12481" s="18"/>
      <c r="K12481" s="18"/>
      <c r="L12481" s="18"/>
      <c r="M12481" s="18"/>
      <c r="N12481" s="18"/>
      <c r="O12481" s="18"/>
      <c r="P12481" s="19"/>
      <c r="Q12481" s="19"/>
      <c r="R12481" s="19"/>
      <c r="S12481" s="19"/>
      <c r="T12481" s="19"/>
      <c r="U12481" s="19"/>
      <c r="V12481" s="19"/>
      <c r="W12481" s="19"/>
      <c r="X12481" s="19"/>
      <c r="Y12481" s="19"/>
      <c r="Z12481" s="19"/>
      <c r="AA12481" s="19"/>
    </row>
    <row r="12482" spans="1:27" s="1" customFormat="1" ht="11.1" customHeight="1" outlineLevel="3" x14ac:dyDescent="0.2">
      <c r="A12482" s="17">
        <v>11921</v>
      </c>
      <c r="B12482" s="17"/>
      <c r="C12482" s="17"/>
      <c r="D12482" s="18" t="s">
        <v>6198</v>
      </c>
      <c r="E12482" s="18"/>
      <c r="F12482" s="18"/>
      <c r="G12482" s="18"/>
      <c r="H12482" s="18"/>
      <c r="I12482" s="18"/>
      <c r="J12482" s="18"/>
      <c r="K12482" s="18"/>
      <c r="L12482" s="18"/>
      <c r="M12482" s="18"/>
      <c r="N12482" s="18"/>
      <c r="O12482" s="18"/>
      <c r="P12482" s="19">
        <v>200</v>
      </c>
      <c r="Q12482" s="19"/>
      <c r="R12482" s="19"/>
      <c r="S12482" s="19"/>
      <c r="T12482" s="19">
        <v>105</v>
      </c>
      <c r="U12482" s="19"/>
      <c r="V12482" s="19"/>
      <c r="W12482" s="19"/>
      <c r="X12482" s="19">
        <v>1</v>
      </c>
      <c r="Y12482" s="19"/>
      <c r="Z12482" s="19"/>
      <c r="AA12482" s="19"/>
    </row>
    <row r="12483" spans="1:27" s="1" customFormat="1" ht="11.1" customHeight="1" outlineLevel="3" x14ac:dyDescent="0.2">
      <c r="A12483" s="17"/>
      <c r="B12483" s="17"/>
      <c r="C12483" s="17"/>
      <c r="D12483" s="18"/>
      <c r="E12483" s="18"/>
      <c r="F12483" s="18"/>
      <c r="G12483" s="18"/>
      <c r="H12483" s="18"/>
      <c r="I12483" s="18"/>
      <c r="J12483" s="18"/>
      <c r="K12483" s="18"/>
      <c r="L12483" s="18"/>
      <c r="M12483" s="18"/>
      <c r="N12483" s="18"/>
      <c r="O12483" s="18"/>
      <c r="P12483" s="19"/>
      <c r="Q12483" s="19"/>
      <c r="R12483" s="19"/>
      <c r="S12483" s="19"/>
      <c r="T12483" s="19"/>
      <c r="U12483" s="19"/>
      <c r="V12483" s="19"/>
      <c r="W12483" s="19"/>
      <c r="X12483" s="19"/>
      <c r="Y12483" s="19"/>
      <c r="Z12483" s="19"/>
      <c r="AA12483" s="19"/>
    </row>
    <row r="12484" spans="1:27" s="1" customFormat="1" ht="11.1" customHeight="1" outlineLevel="3" x14ac:dyDescent="0.2">
      <c r="A12484" s="17">
        <v>15882</v>
      </c>
      <c r="B12484" s="17"/>
      <c r="C12484" s="17"/>
      <c r="D12484" s="18" t="s">
        <v>6199</v>
      </c>
      <c r="E12484" s="18"/>
      <c r="F12484" s="18"/>
      <c r="G12484" s="18"/>
      <c r="H12484" s="18"/>
      <c r="I12484" s="18"/>
      <c r="J12484" s="18"/>
      <c r="K12484" s="18"/>
      <c r="L12484" s="18"/>
      <c r="M12484" s="18"/>
      <c r="N12484" s="18"/>
      <c r="O12484" s="18"/>
      <c r="P12484" s="19">
        <v>350</v>
      </c>
      <c r="Q12484" s="19"/>
      <c r="R12484" s="19"/>
      <c r="S12484" s="19"/>
      <c r="T12484" s="19">
        <v>150</v>
      </c>
      <c r="U12484" s="19"/>
      <c r="V12484" s="19"/>
      <c r="W12484" s="19"/>
      <c r="X12484" s="19">
        <v>11</v>
      </c>
      <c r="Y12484" s="19"/>
      <c r="Z12484" s="19"/>
      <c r="AA12484" s="19"/>
    </row>
    <row r="12485" spans="1:27" s="1" customFormat="1" ht="11.1" customHeight="1" outlineLevel="3" x14ac:dyDescent="0.2">
      <c r="A12485" s="17"/>
      <c r="B12485" s="17"/>
      <c r="C12485" s="17"/>
      <c r="D12485" s="18"/>
      <c r="E12485" s="18"/>
      <c r="F12485" s="18"/>
      <c r="G12485" s="18"/>
      <c r="H12485" s="18"/>
      <c r="I12485" s="18"/>
      <c r="J12485" s="18"/>
      <c r="K12485" s="18"/>
      <c r="L12485" s="18"/>
      <c r="M12485" s="18"/>
      <c r="N12485" s="18"/>
      <c r="O12485" s="18"/>
      <c r="P12485" s="19"/>
      <c r="Q12485" s="19"/>
      <c r="R12485" s="19"/>
      <c r="S12485" s="19"/>
      <c r="T12485" s="19"/>
      <c r="U12485" s="19"/>
      <c r="V12485" s="19"/>
      <c r="W12485" s="19"/>
      <c r="X12485" s="19"/>
      <c r="Y12485" s="19"/>
      <c r="Z12485" s="19"/>
      <c r="AA12485" s="19"/>
    </row>
    <row r="12486" spans="1:27" s="1" customFormat="1" ht="11.1" customHeight="1" outlineLevel="3" x14ac:dyDescent="0.2">
      <c r="A12486" s="17">
        <v>10895</v>
      </c>
      <c r="B12486" s="17"/>
      <c r="C12486" s="17"/>
      <c r="D12486" s="18" t="s">
        <v>6200</v>
      </c>
      <c r="E12486" s="18"/>
      <c r="F12486" s="18"/>
      <c r="G12486" s="18"/>
      <c r="H12486" s="18"/>
      <c r="I12486" s="18"/>
      <c r="J12486" s="18"/>
      <c r="K12486" s="18"/>
      <c r="L12486" s="18"/>
      <c r="M12486" s="18"/>
      <c r="N12486" s="18"/>
      <c r="O12486" s="18"/>
      <c r="P12486" s="19">
        <v>170</v>
      </c>
      <c r="Q12486" s="19"/>
      <c r="R12486" s="19"/>
      <c r="S12486" s="19"/>
      <c r="T12486" s="19">
        <v>62</v>
      </c>
      <c r="U12486" s="19"/>
      <c r="V12486" s="19"/>
      <c r="W12486" s="19"/>
      <c r="X12486" s="19">
        <v>9</v>
      </c>
      <c r="Y12486" s="19"/>
      <c r="Z12486" s="19"/>
      <c r="AA12486" s="19"/>
    </row>
    <row r="12487" spans="1:27" s="1" customFormat="1" ht="11.1" customHeight="1" outlineLevel="3" x14ac:dyDescent="0.2">
      <c r="A12487" s="17"/>
      <c r="B12487" s="17"/>
      <c r="C12487" s="17"/>
      <c r="D12487" s="18"/>
      <c r="E12487" s="18"/>
      <c r="F12487" s="18"/>
      <c r="G12487" s="18"/>
      <c r="H12487" s="18"/>
      <c r="I12487" s="18"/>
      <c r="J12487" s="18"/>
      <c r="K12487" s="18"/>
      <c r="L12487" s="18"/>
      <c r="M12487" s="18"/>
      <c r="N12487" s="18"/>
      <c r="O12487" s="18"/>
      <c r="P12487" s="19"/>
      <c r="Q12487" s="19"/>
      <c r="R12487" s="19"/>
      <c r="S12487" s="19"/>
      <c r="T12487" s="19"/>
      <c r="U12487" s="19"/>
      <c r="V12487" s="19"/>
      <c r="W12487" s="19"/>
      <c r="X12487" s="19"/>
      <c r="Y12487" s="19"/>
      <c r="Z12487" s="19"/>
      <c r="AA12487" s="19"/>
    </row>
    <row r="12488" spans="1:27" s="1" customFormat="1" ht="11.1" customHeight="1" outlineLevel="3" x14ac:dyDescent="0.2">
      <c r="A12488" s="17">
        <v>15885</v>
      </c>
      <c r="B12488" s="17"/>
      <c r="C12488" s="17"/>
      <c r="D12488" s="18" t="s">
        <v>6201</v>
      </c>
      <c r="E12488" s="18"/>
      <c r="F12488" s="18"/>
      <c r="G12488" s="18"/>
      <c r="H12488" s="18"/>
      <c r="I12488" s="18"/>
      <c r="J12488" s="18"/>
      <c r="K12488" s="18"/>
      <c r="L12488" s="18"/>
      <c r="M12488" s="18"/>
      <c r="N12488" s="18"/>
      <c r="O12488" s="18"/>
      <c r="P12488" s="19">
        <v>300</v>
      </c>
      <c r="Q12488" s="19"/>
      <c r="R12488" s="19"/>
      <c r="S12488" s="19"/>
      <c r="T12488" s="19">
        <v>150</v>
      </c>
      <c r="U12488" s="19"/>
      <c r="V12488" s="19"/>
      <c r="W12488" s="19"/>
      <c r="X12488" s="19">
        <v>4</v>
      </c>
      <c r="Y12488" s="19"/>
      <c r="Z12488" s="19"/>
      <c r="AA12488" s="19"/>
    </row>
    <row r="12489" spans="1:27" s="1" customFormat="1" ht="11.1" customHeight="1" outlineLevel="3" x14ac:dyDescent="0.2">
      <c r="A12489" s="17"/>
      <c r="B12489" s="17"/>
      <c r="C12489" s="17"/>
      <c r="D12489" s="18"/>
      <c r="E12489" s="18"/>
      <c r="F12489" s="18"/>
      <c r="G12489" s="18"/>
      <c r="H12489" s="18"/>
      <c r="I12489" s="18"/>
      <c r="J12489" s="18"/>
      <c r="K12489" s="18"/>
      <c r="L12489" s="18"/>
      <c r="M12489" s="18"/>
      <c r="N12489" s="18"/>
      <c r="O12489" s="18"/>
      <c r="P12489" s="19"/>
      <c r="Q12489" s="19"/>
      <c r="R12489" s="19"/>
      <c r="S12489" s="19"/>
      <c r="T12489" s="19"/>
      <c r="U12489" s="19"/>
      <c r="V12489" s="19"/>
      <c r="W12489" s="19"/>
      <c r="X12489" s="19"/>
      <c r="Y12489" s="19"/>
      <c r="Z12489" s="19"/>
      <c r="AA12489" s="19"/>
    </row>
    <row r="12490" spans="1:27" s="1" customFormat="1" ht="11.1" customHeight="1" outlineLevel="3" x14ac:dyDescent="0.2">
      <c r="A12490" s="17">
        <v>10899</v>
      </c>
      <c r="B12490" s="17"/>
      <c r="C12490" s="17"/>
      <c r="D12490" s="18" t="s">
        <v>6202</v>
      </c>
      <c r="E12490" s="18"/>
      <c r="F12490" s="18"/>
      <c r="G12490" s="18"/>
      <c r="H12490" s="18"/>
      <c r="I12490" s="18"/>
      <c r="J12490" s="18"/>
      <c r="K12490" s="18"/>
      <c r="L12490" s="18"/>
      <c r="M12490" s="18"/>
      <c r="N12490" s="18"/>
      <c r="O12490" s="18"/>
      <c r="P12490" s="19">
        <v>180</v>
      </c>
      <c r="Q12490" s="19"/>
      <c r="R12490" s="19"/>
      <c r="S12490" s="19"/>
      <c r="T12490" s="19">
        <v>75</v>
      </c>
      <c r="U12490" s="19"/>
      <c r="V12490" s="19"/>
      <c r="W12490" s="19"/>
      <c r="X12490" s="19">
        <v>3</v>
      </c>
      <c r="Y12490" s="19"/>
      <c r="Z12490" s="19"/>
      <c r="AA12490" s="19"/>
    </row>
    <row r="12491" spans="1:27" s="1" customFormat="1" ht="11.1" customHeight="1" outlineLevel="3" x14ac:dyDescent="0.2">
      <c r="A12491" s="17"/>
      <c r="B12491" s="17"/>
      <c r="C12491" s="17"/>
      <c r="D12491" s="18"/>
      <c r="E12491" s="18"/>
      <c r="F12491" s="18"/>
      <c r="G12491" s="18"/>
      <c r="H12491" s="18"/>
      <c r="I12491" s="18"/>
      <c r="J12491" s="18"/>
      <c r="K12491" s="18"/>
      <c r="L12491" s="18"/>
      <c r="M12491" s="18"/>
      <c r="N12491" s="18"/>
      <c r="O12491" s="18"/>
      <c r="P12491" s="19"/>
      <c r="Q12491" s="19"/>
      <c r="R12491" s="19"/>
      <c r="S12491" s="19"/>
      <c r="T12491" s="19"/>
      <c r="U12491" s="19"/>
      <c r="V12491" s="19"/>
      <c r="W12491" s="19"/>
      <c r="X12491" s="19"/>
      <c r="Y12491" s="19"/>
      <c r="Z12491" s="19"/>
      <c r="AA12491" s="19"/>
    </row>
    <row r="12492" spans="1:27" s="1" customFormat="1" ht="11.1" customHeight="1" outlineLevel="3" x14ac:dyDescent="0.2">
      <c r="A12492" s="17">
        <v>10904</v>
      </c>
      <c r="B12492" s="17"/>
      <c r="C12492" s="17"/>
      <c r="D12492" s="18" t="s">
        <v>6203</v>
      </c>
      <c r="E12492" s="18"/>
      <c r="F12492" s="18"/>
      <c r="G12492" s="18"/>
      <c r="H12492" s="18"/>
      <c r="I12492" s="18"/>
      <c r="J12492" s="18"/>
      <c r="K12492" s="18"/>
      <c r="L12492" s="18"/>
      <c r="M12492" s="18"/>
      <c r="N12492" s="18"/>
      <c r="O12492" s="18"/>
      <c r="P12492" s="19">
        <v>160</v>
      </c>
      <c r="Q12492" s="19"/>
      <c r="R12492" s="19"/>
      <c r="S12492" s="19"/>
      <c r="T12492" s="19">
        <v>58</v>
      </c>
      <c r="U12492" s="19"/>
      <c r="V12492" s="19"/>
      <c r="W12492" s="19"/>
      <c r="X12492" s="19">
        <v>11</v>
      </c>
      <c r="Y12492" s="19"/>
      <c r="Z12492" s="19"/>
      <c r="AA12492" s="19"/>
    </row>
    <row r="12493" spans="1:27" s="1" customFormat="1" ht="11.1" customHeight="1" outlineLevel="3" x14ac:dyDescent="0.2">
      <c r="A12493" s="17"/>
      <c r="B12493" s="17"/>
      <c r="C12493" s="17"/>
      <c r="D12493" s="18"/>
      <c r="E12493" s="18"/>
      <c r="F12493" s="18"/>
      <c r="G12493" s="18"/>
      <c r="H12493" s="18"/>
      <c r="I12493" s="18"/>
      <c r="J12493" s="18"/>
      <c r="K12493" s="18"/>
      <c r="L12493" s="18"/>
      <c r="M12493" s="18"/>
      <c r="N12493" s="18"/>
      <c r="O12493" s="18"/>
      <c r="P12493" s="19"/>
      <c r="Q12493" s="19"/>
      <c r="R12493" s="19"/>
      <c r="S12493" s="19"/>
      <c r="T12493" s="19"/>
      <c r="U12493" s="19"/>
      <c r="V12493" s="19"/>
      <c r="W12493" s="19"/>
      <c r="X12493" s="19"/>
      <c r="Y12493" s="19"/>
      <c r="Z12493" s="19"/>
      <c r="AA12493" s="19"/>
    </row>
    <row r="12494" spans="1:27" s="1" customFormat="1" ht="11.1" customHeight="1" outlineLevel="3" x14ac:dyDescent="0.2">
      <c r="A12494" s="17">
        <v>9343</v>
      </c>
      <c r="B12494" s="17"/>
      <c r="C12494" s="17"/>
      <c r="D12494" s="18" t="s">
        <v>6204</v>
      </c>
      <c r="E12494" s="18"/>
      <c r="F12494" s="18"/>
      <c r="G12494" s="18"/>
      <c r="H12494" s="18"/>
      <c r="I12494" s="18"/>
      <c r="J12494" s="18"/>
      <c r="K12494" s="18"/>
      <c r="L12494" s="18"/>
      <c r="M12494" s="18"/>
      <c r="N12494" s="18"/>
      <c r="O12494" s="18"/>
      <c r="P12494" s="19">
        <v>160</v>
      </c>
      <c r="Q12494" s="19"/>
      <c r="R12494" s="19"/>
      <c r="S12494" s="19"/>
      <c r="T12494" s="19">
        <v>55</v>
      </c>
      <c r="U12494" s="19"/>
      <c r="V12494" s="19"/>
      <c r="W12494" s="19"/>
      <c r="X12494" s="19">
        <v>4</v>
      </c>
      <c r="Y12494" s="19"/>
      <c r="Z12494" s="19"/>
      <c r="AA12494" s="19"/>
    </row>
    <row r="12495" spans="1:27" s="1" customFormat="1" ht="11.1" customHeight="1" outlineLevel="3" x14ac:dyDescent="0.2">
      <c r="A12495" s="17"/>
      <c r="B12495" s="17"/>
      <c r="C12495" s="17"/>
      <c r="D12495" s="18"/>
      <c r="E12495" s="18"/>
      <c r="F12495" s="18"/>
      <c r="G12495" s="18"/>
      <c r="H12495" s="18"/>
      <c r="I12495" s="18"/>
      <c r="J12495" s="18"/>
      <c r="K12495" s="18"/>
      <c r="L12495" s="18"/>
      <c r="M12495" s="18"/>
      <c r="N12495" s="18"/>
      <c r="O12495" s="18"/>
      <c r="P12495" s="19"/>
      <c r="Q12495" s="19"/>
      <c r="R12495" s="19"/>
      <c r="S12495" s="19"/>
      <c r="T12495" s="19"/>
      <c r="U12495" s="19"/>
      <c r="V12495" s="19"/>
      <c r="W12495" s="19"/>
      <c r="X12495" s="19"/>
      <c r="Y12495" s="19"/>
      <c r="Z12495" s="19"/>
      <c r="AA12495" s="19"/>
    </row>
    <row r="12496" spans="1:27" s="1" customFormat="1" ht="11.1" customHeight="1" outlineLevel="3" x14ac:dyDescent="0.2">
      <c r="A12496" s="17">
        <v>11917</v>
      </c>
      <c r="B12496" s="17"/>
      <c r="C12496" s="17"/>
      <c r="D12496" s="18" t="s">
        <v>6205</v>
      </c>
      <c r="E12496" s="18"/>
      <c r="F12496" s="18"/>
      <c r="G12496" s="18"/>
      <c r="H12496" s="18"/>
      <c r="I12496" s="18"/>
      <c r="J12496" s="18"/>
      <c r="K12496" s="18"/>
      <c r="L12496" s="18"/>
      <c r="M12496" s="18"/>
      <c r="N12496" s="18"/>
      <c r="O12496" s="18"/>
      <c r="P12496" s="19">
        <v>190</v>
      </c>
      <c r="Q12496" s="19"/>
      <c r="R12496" s="19"/>
      <c r="S12496" s="19"/>
      <c r="T12496" s="19">
        <v>95</v>
      </c>
      <c r="U12496" s="19"/>
      <c r="V12496" s="19"/>
      <c r="W12496" s="19"/>
      <c r="X12496" s="19">
        <v>1</v>
      </c>
      <c r="Y12496" s="19"/>
      <c r="Z12496" s="19"/>
      <c r="AA12496" s="19"/>
    </row>
    <row r="12497" spans="1:27" s="1" customFormat="1" ht="11.1" customHeight="1" outlineLevel="3" x14ac:dyDescent="0.2">
      <c r="A12497" s="17"/>
      <c r="B12497" s="17"/>
      <c r="C12497" s="17"/>
      <c r="D12497" s="18"/>
      <c r="E12497" s="18"/>
      <c r="F12497" s="18"/>
      <c r="G12497" s="18"/>
      <c r="H12497" s="18"/>
      <c r="I12497" s="18"/>
      <c r="J12497" s="18"/>
      <c r="K12497" s="18"/>
      <c r="L12497" s="18"/>
      <c r="M12497" s="18"/>
      <c r="N12497" s="18"/>
      <c r="O12497" s="18"/>
      <c r="P12497" s="19"/>
      <c r="Q12497" s="19"/>
      <c r="R12497" s="19"/>
      <c r="S12497" s="19"/>
      <c r="T12497" s="19"/>
      <c r="U12497" s="19"/>
      <c r="V12497" s="19"/>
      <c r="W12497" s="19"/>
      <c r="X12497" s="19"/>
      <c r="Y12497" s="19"/>
      <c r="Z12497" s="19"/>
      <c r="AA12497" s="19"/>
    </row>
    <row r="12498" spans="1:27" s="1" customFormat="1" ht="11.1" customHeight="1" outlineLevel="3" x14ac:dyDescent="0.2">
      <c r="A12498" s="17">
        <v>10857</v>
      </c>
      <c r="B12498" s="17"/>
      <c r="C12498" s="17"/>
      <c r="D12498" s="18" t="s">
        <v>6206</v>
      </c>
      <c r="E12498" s="18"/>
      <c r="F12498" s="18"/>
      <c r="G12498" s="18"/>
      <c r="H12498" s="18"/>
      <c r="I12498" s="18"/>
      <c r="J12498" s="18"/>
      <c r="K12498" s="18"/>
      <c r="L12498" s="18"/>
      <c r="M12498" s="18"/>
      <c r="N12498" s="18"/>
      <c r="O12498" s="18"/>
      <c r="P12498" s="19">
        <v>190</v>
      </c>
      <c r="Q12498" s="19"/>
      <c r="R12498" s="19"/>
      <c r="S12498" s="19"/>
      <c r="T12498" s="19">
        <v>95</v>
      </c>
      <c r="U12498" s="19"/>
      <c r="V12498" s="19"/>
      <c r="W12498" s="19"/>
      <c r="X12498" s="19">
        <v>2</v>
      </c>
      <c r="Y12498" s="19"/>
      <c r="Z12498" s="19"/>
      <c r="AA12498" s="19"/>
    </row>
    <row r="12499" spans="1:27" s="1" customFormat="1" ht="11.1" customHeight="1" outlineLevel="3" x14ac:dyDescent="0.2">
      <c r="A12499" s="17"/>
      <c r="B12499" s="17"/>
      <c r="C12499" s="17"/>
      <c r="D12499" s="18"/>
      <c r="E12499" s="18"/>
      <c r="F12499" s="18"/>
      <c r="G12499" s="18"/>
      <c r="H12499" s="18"/>
      <c r="I12499" s="18"/>
      <c r="J12499" s="18"/>
      <c r="K12499" s="18"/>
      <c r="L12499" s="18"/>
      <c r="M12499" s="18"/>
      <c r="N12499" s="18"/>
      <c r="O12499" s="18"/>
      <c r="P12499" s="19"/>
      <c r="Q12499" s="19"/>
      <c r="R12499" s="19"/>
      <c r="S12499" s="19"/>
      <c r="T12499" s="19"/>
      <c r="U12499" s="19"/>
      <c r="V12499" s="19"/>
      <c r="W12499" s="19"/>
      <c r="X12499" s="19"/>
      <c r="Y12499" s="19"/>
      <c r="Z12499" s="19"/>
      <c r="AA12499" s="19"/>
    </row>
    <row r="12500" spans="1:27" s="1" customFormat="1" ht="11.1" customHeight="1" outlineLevel="3" x14ac:dyDescent="0.2">
      <c r="A12500" s="17">
        <v>10858</v>
      </c>
      <c r="B12500" s="17"/>
      <c r="C12500" s="17"/>
      <c r="D12500" s="18" t="s">
        <v>6207</v>
      </c>
      <c r="E12500" s="18"/>
      <c r="F12500" s="18"/>
      <c r="G12500" s="18"/>
      <c r="H12500" s="18"/>
      <c r="I12500" s="18"/>
      <c r="J12500" s="18"/>
      <c r="K12500" s="18"/>
      <c r="L12500" s="18"/>
      <c r="M12500" s="18"/>
      <c r="N12500" s="18"/>
      <c r="O12500" s="18"/>
      <c r="P12500" s="19">
        <v>200</v>
      </c>
      <c r="Q12500" s="19"/>
      <c r="R12500" s="19"/>
      <c r="S12500" s="19"/>
      <c r="T12500" s="19">
        <v>105</v>
      </c>
      <c r="U12500" s="19"/>
      <c r="V12500" s="19"/>
      <c r="W12500" s="19"/>
      <c r="X12500" s="19">
        <v>13</v>
      </c>
      <c r="Y12500" s="19"/>
      <c r="Z12500" s="19"/>
      <c r="AA12500" s="19"/>
    </row>
    <row r="12501" spans="1:27" s="1" customFormat="1" ht="11.1" customHeight="1" outlineLevel="3" x14ac:dyDescent="0.2">
      <c r="A12501" s="17"/>
      <c r="B12501" s="17"/>
      <c r="C12501" s="17"/>
      <c r="D12501" s="18"/>
      <c r="E12501" s="18"/>
      <c r="F12501" s="18"/>
      <c r="G12501" s="18"/>
      <c r="H12501" s="18"/>
      <c r="I12501" s="18"/>
      <c r="J12501" s="18"/>
      <c r="K12501" s="18"/>
      <c r="L12501" s="18"/>
      <c r="M12501" s="18"/>
      <c r="N12501" s="18"/>
      <c r="O12501" s="18"/>
      <c r="P12501" s="19"/>
      <c r="Q12501" s="19"/>
      <c r="R12501" s="19"/>
      <c r="S12501" s="19"/>
      <c r="T12501" s="19"/>
      <c r="U12501" s="19"/>
      <c r="V12501" s="19"/>
      <c r="W12501" s="19"/>
      <c r="X12501" s="19"/>
      <c r="Y12501" s="19"/>
      <c r="Z12501" s="19"/>
      <c r="AA12501" s="19"/>
    </row>
    <row r="12502" spans="1:27" s="1" customFormat="1" ht="11.1" customHeight="1" outlineLevel="3" x14ac:dyDescent="0.2">
      <c r="A12502" s="17">
        <v>10861</v>
      </c>
      <c r="B12502" s="17"/>
      <c r="C12502" s="17"/>
      <c r="D12502" s="18" t="s">
        <v>6208</v>
      </c>
      <c r="E12502" s="18"/>
      <c r="F12502" s="18"/>
      <c r="G12502" s="18"/>
      <c r="H12502" s="18"/>
      <c r="I12502" s="18"/>
      <c r="J12502" s="18"/>
      <c r="K12502" s="18"/>
      <c r="L12502" s="18"/>
      <c r="M12502" s="18"/>
      <c r="N12502" s="18"/>
      <c r="O12502" s="18"/>
      <c r="P12502" s="19">
        <v>180</v>
      </c>
      <c r="Q12502" s="19"/>
      <c r="R12502" s="19"/>
      <c r="S12502" s="19"/>
      <c r="T12502" s="19">
        <v>85</v>
      </c>
      <c r="U12502" s="19"/>
      <c r="V12502" s="19"/>
      <c r="W12502" s="19"/>
      <c r="X12502" s="19">
        <v>3</v>
      </c>
      <c r="Y12502" s="19"/>
      <c r="Z12502" s="19"/>
      <c r="AA12502" s="19"/>
    </row>
    <row r="12503" spans="1:27" s="1" customFormat="1" ht="11.1" customHeight="1" outlineLevel="3" x14ac:dyDescent="0.2">
      <c r="A12503" s="17"/>
      <c r="B12503" s="17"/>
      <c r="C12503" s="17"/>
      <c r="D12503" s="18"/>
      <c r="E12503" s="18"/>
      <c r="F12503" s="18"/>
      <c r="G12503" s="18"/>
      <c r="H12503" s="18"/>
      <c r="I12503" s="18"/>
      <c r="J12503" s="18"/>
      <c r="K12503" s="18"/>
      <c r="L12503" s="18"/>
      <c r="M12503" s="18"/>
      <c r="N12503" s="18"/>
      <c r="O12503" s="18"/>
      <c r="P12503" s="19"/>
      <c r="Q12503" s="19"/>
      <c r="R12503" s="19"/>
      <c r="S12503" s="19"/>
      <c r="T12503" s="19"/>
      <c r="U12503" s="19"/>
      <c r="V12503" s="19"/>
      <c r="W12503" s="19"/>
      <c r="X12503" s="19"/>
      <c r="Y12503" s="19"/>
      <c r="Z12503" s="19"/>
      <c r="AA12503" s="19"/>
    </row>
    <row r="12504" spans="1:27" s="1" customFormat="1" ht="11.1" customHeight="1" outlineLevel="3" x14ac:dyDescent="0.2">
      <c r="A12504" s="17">
        <v>13284</v>
      </c>
      <c r="B12504" s="17"/>
      <c r="C12504" s="17"/>
      <c r="D12504" s="18" t="s">
        <v>6209</v>
      </c>
      <c r="E12504" s="18"/>
      <c r="F12504" s="18"/>
      <c r="G12504" s="18"/>
      <c r="H12504" s="18"/>
      <c r="I12504" s="18"/>
      <c r="J12504" s="18"/>
      <c r="K12504" s="18"/>
      <c r="L12504" s="18"/>
      <c r="M12504" s="18"/>
      <c r="N12504" s="18"/>
      <c r="O12504" s="18"/>
      <c r="P12504" s="19">
        <v>190</v>
      </c>
      <c r="Q12504" s="19"/>
      <c r="R12504" s="19"/>
      <c r="S12504" s="19"/>
      <c r="T12504" s="19">
        <v>80</v>
      </c>
      <c r="U12504" s="19"/>
      <c r="V12504" s="19"/>
      <c r="W12504" s="19"/>
      <c r="X12504" s="19">
        <v>25</v>
      </c>
      <c r="Y12504" s="19"/>
      <c r="Z12504" s="19"/>
      <c r="AA12504" s="19"/>
    </row>
    <row r="12505" spans="1:27" s="1" customFormat="1" ht="11.1" customHeight="1" outlineLevel="3" x14ac:dyDescent="0.2">
      <c r="A12505" s="17"/>
      <c r="B12505" s="17"/>
      <c r="C12505" s="17"/>
      <c r="D12505" s="18"/>
      <c r="E12505" s="18"/>
      <c r="F12505" s="18"/>
      <c r="G12505" s="18"/>
      <c r="H12505" s="18"/>
      <c r="I12505" s="18"/>
      <c r="J12505" s="18"/>
      <c r="K12505" s="18"/>
      <c r="L12505" s="18"/>
      <c r="M12505" s="18"/>
      <c r="N12505" s="18"/>
      <c r="O12505" s="18"/>
      <c r="P12505" s="19"/>
      <c r="Q12505" s="19"/>
      <c r="R12505" s="19"/>
      <c r="S12505" s="19"/>
      <c r="T12505" s="19"/>
      <c r="U12505" s="19"/>
      <c r="V12505" s="19"/>
      <c r="W12505" s="19"/>
      <c r="X12505" s="19"/>
      <c r="Y12505" s="19"/>
      <c r="Z12505" s="19"/>
      <c r="AA12505" s="19"/>
    </row>
    <row r="12506" spans="1:27" s="1" customFormat="1" ht="14.1" customHeight="1" outlineLevel="3" x14ac:dyDescent="0.2">
      <c r="A12506" s="17">
        <v>13286</v>
      </c>
      <c r="B12506" s="17"/>
      <c r="C12506" s="17"/>
      <c r="D12506" s="18" t="s">
        <v>6210</v>
      </c>
      <c r="E12506" s="18"/>
      <c r="F12506" s="18"/>
      <c r="G12506" s="18"/>
      <c r="H12506" s="18"/>
      <c r="I12506" s="18"/>
      <c r="J12506" s="18"/>
      <c r="K12506" s="18"/>
      <c r="L12506" s="18"/>
      <c r="M12506" s="18"/>
      <c r="N12506" s="18"/>
      <c r="O12506" s="18"/>
      <c r="P12506" s="19">
        <v>180</v>
      </c>
      <c r="Q12506" s="19"/>
      <c r="R12506" s="19"/>
      <c r="S12506" s="19"/>
      <c r="T12506" s="19">
        <v>75</v>
      </c>
      <c r="U12506" s="19"/>
      <c r="V12506" s="19"/>
      <c r="W12506" s="19"/>
      <c r="X12506" s="19">
        <v>10</v>
      </c>
      <c r="Y12506" s="19"/>
      <c r="Z12506" s="19"/>
      <c r="AA12506" s="19"/>
    </row>
    <row r="12507" spans="1:27" s="1" customFormat="1" ht="14.1" customHeight="1" outlineLevel="3" x14ac:dyDescent="0.2">
      <c r="A12507" s="17"/>
      <c r="B12507" s="17"/>
      <c r="C12507" s="17"/>
      <c r="D12507" s="18"/>
      <c r="E12507" s="18"/>
      <c r="F12507" s="18"/>
      <c r="G12507" s="18"/>
      <c r="H12507" s="18"/>
      <c r="I12507" s="18"/>
      <c r="J12507" s="18"/>
      <c r="K12507" s="18"/>
      <c r="L12507" s="18"/>
      <c r="M12507" s="18"/>
      <c r="N12507" s="18"/>
      <c r="O12507" s="18"/>
      <c r="P12507" s="19"/>
      <c r="Q12507" s="19"/>
      <c r="R12507" s="19"/>
      <c r="S12507" s="19"/>
      <c r="T12507" s="19"/>
      <c r="U12507" s="19"/>
      <c r="V12507" s="19"/>
      <c r="W12507" s="19"/>
      <c r="X12507" s="19"/>
      <c r="Y12507" s="19"/>
      <c r="Z12507" s="19"/>
      <c r="AA12507" s="19"/>
    </row>
    <row r="12508" spans="1:27" s="1" customFormat="1" ht="11.1" customHeight="1" outlineLevel="3" x14ac:dyDescent="0.2">
      <c r="A12508" s="17">
        <v>13285</v>
      </c>
      <c r="B12508" s="17"/>
      <c r="C12508" s="17"/>
      <c r="D12508" s="18" t="s">
        <v>6211</v>
      </c>
      <c r="E12508" s="18"/>
      <c r="F12508" s="18"/>
      <c r="G12508" s="18"/>
      <c r="H12508" s="18"/>
      <c r="I12508" s="18"/>
      <c r="J12508" s="18"/>
      <c r="K12508" s="18"/>
      <c r="L12508" s="18"/>
      <c r="M12508" s="18"/>
      <c r="N12508" s="18"/>
      <c r="O12508" s="18"/>
      <c r="P12508" s="19">
        <v>190</v>
      </c>
      <c r="Q12508" s="19"/>
      <c r="R12508" s="19"/>
      <c r="S12508" s="19"/>
      <c r="T12508" s="19">
        <v>80</v>
      </c>
      <c r="U12508" s="19"/>
      <c r="V12508" s="19"/>
      <c r="W12508" s="19"/>
      <c r="X12508" s="19">
        <v>1</v>
      </c>
      <c r="Y12508" s="19"/>
      <c r="Z12508" s="19"/>
      <c r="AA12508" s="19"/>
    </row>
    <row r="12509" spans="1:27" s="1" customFormat="1" ht="11.1" customHeight="1" outlineLevel="3" x14ac:dyDescent="0.2">
      <c r="A12509" s="17"/>
      <c r="B12509" s="17"/>
      <c r="C12509" s="17"/>
      <c r="D12509" s="18"/>
      <c r="E12509" s="18"/>
      <c r="F12509" s="18"/>
      <c r="G12509" s="18"/>
      <c r="H12509" s="18"/>
      <c r="I12509" s="18"/>
      <c r="J12509" s="18"/>
      <c r="K12509" s="18"/>
      <c r="L12509" s="18"/>
      <c r="M12509" s="18"/>
      <c r="N12509" s="18"/>
      <c r="O12509" s="18"/>
      <c r="P12509" s="19"/>
      <c r="Q12509" s="19"/>
      <c r="R12509" s="19"/>
      <c r="S12509" s="19"/>
      <c r="T12509" s="19"/>
      <c r="U12509" s="19"/>
      <c r="V12509" s="19"/>
      <c r="W12509" s="19"/>
      <c r="X12509" s="19"/>
      <c r="Y12509" s="19"/>
      <c r="Z12509" s="19"/>
      <c r="AA12509" s="19"/>
    </row>
    <row r="12510" spans="1:27" s="1" customFormat="1" ht="11.1" customHeight="1" outlineLevel="3" x14ac:dyDescent="0.2">
      <c r="A12510" s="17">
        <v>10814</v>
      </c>
      <c r="B12510" s="17"/>
      <c r="C12510" s="17"/>
      <c r="D12510" s="18" t="s">
        <v>6212</v>
      </c>
      <c r="E12510" s="18"/>
      <c r="F12510" s="18"/>
      <c r="G12510" s="18"/>
      <c r="H12510" s="18"/>
      <c r="I12510" s="18"/>
      <c r="J12510" s="18"/>
      <c r="K12510" s="18"/>
      <c r="L12510" s="18"/>
      <c r="M12510" s="18"/>
      <c r="N12510" s="18"/>
      <c r="O12510" s="18"/>
      <c r="P12510" s="19">
        <v>290</v>
      </c>
      <c r="Q12510" s="19"/>
      <c r="R12510" s="19"/>
      <c r="S12510" s="19"/>
      <c r="T12510" s="19">
        <v>240</v>
      </c>
      <c r="U12510" s="19"/>
      <c r="V12510" s="19"/>
      <c r="W12510" s="19"/>
      <c r="X12510" s="19">
        <v>1</v>
      </c>
      <c r="Y12510" s="19"/>
      <c r="Z12510" s="19"/>
      <c r="AA12510" s="19"/>
    </row>
    <row r="12511" spans="1:27" s="1" customFormat="1" ht="11.1" customHeight="1" outlineLevel="3" x14ac:dyDescent="0.2">
      <c r="A12511" s="17"/>
      <c r="B12511" s="17"/>
      <c r="C12511" s="17"/>
      <c r="D12511" s="18"/>
      <c r="E12511" s="18"/>
      <c r="F12511" s="18"/>
      <c r="G12511" s="18"/>
      <c r="H12511" s="18"/>
      <c r="I12511" s="18"/>
      <c r="J12511" s="18"/>
      <c r="K12511" s="18"/>
      <c r="L12511" s="18"/>
      <c r="M12511" s="18"/>
      <c r="N12511" s="18"/>
      <c r="O12511" s="18"/>
      <c r="P12511" s="19"/>
      <c r="Q12511" s="19"/>
      <c r="R12511" s="19"/>
      <c r="S12511" s="19"/>
      <c r="T12511" s="19"/>
      <c r="U12511" s="19"/>
      <c r="V12511" s="19"/>
      <c r="W12511" s="19"/>
      <c r="X12511" s="19"/>
      <c r="Y12511" s="19"/>
      <c r="Z12511" s="19"/>
      <c r="AA12511" s="19"/>
    </row>
    <row r="12512" spans="1:27" s="1" customFormat="1" ht="11.1" customHeight="1" outlineLevel="3" x14ac:dyDescent="0.2">
      <c r="A12512" s="17">
        <v>15233</v>
      </c>
      <c r="B12512" s="17"/>
      <c r="C12512" s="17"/>
      <c r="D12512" s="18" t="s">
        <v>6213</v>
      </c>
      <c r="E12512" s="18"/>
      <c r="F12512" s="18"/>
      <c r="G12512" s="18"/>
      <c r="H12512" s="18"/>
      <c r="I12512" s="18"/>
      <c r="J12512" s="18"/>
      <c r="K12512" s="18"/>
      <c r="L12512" s="18"/>
      <c r="M12512" s="18"/>
      <c r="N12512" s="18"/>
      <c r="O12512" s="18"/>
      <c r="P12512" s="19">
        <v>140</v>
      </c>
      <c r="Q12512" s="19"/>
      <c r="R12512" s="19"/>
      <c r="S12512" s="19"/>
      <c r="T12512" s="19">
        <v>40</v>
      </c>
      <c r="U12512" s="19"/>
      <c r="V12512" s="19"/>
      <c r="W12512" s="19"/>
      <c r="X12512" s="19">
        <v>73</v>
      </c>
      <c r="Y12512" s="19"/>
      <c r="Z12512" s="19"/>
      <c r="AA12512" s="19"/>
    </row>
    <row r="12513" spans="1:27" s="1" customFormat="1" ht="11.1" customHeight="1" outlineLevel="3" x14ac:dyDescent="0.2">
      <c r="A12513" s="17"/>
      <c r="B12513" s="17"/>
      <c r="C12513" s="17"/>
      <c r="D12513" s="18"/>
      <c r="E12513" s="18"/>
      <c r="F12513" s="18"/>
      <c r="G12513" s="18"/>
      <c r="H12513" s="18"/>
      <c r="I12513" s="18"/>
      <c r="J12513" s="18"/>
      <c r="K12513" s="18"/>
      <c r="L12513" s="18"/>
      <c r="M12513" s="18"/>
      <c r="N12513" s="18"/>
      <c r="O12513" s="18"/>
      <c r="P12513" s="19"/>
      <c r="Q12513" s="19"/>
      <c r="R12513" s="19"/>
      <c r="S12513" s="19"/>
      <c r="T12513" s="19"/>
      <c r="U12513" s="19"/>
      <c r="V12513" s="19"/>
      <c r="W12513" s="19"/>
      <c r="X12513" s="19"/>
      <c r="Y12513" s="19"/>
      <c r="Z12513" s="19"/>
      <c r="AA12513" s="19"/>
    </row>
    <row r="12514" spans="1:27" s="1" customFormat="1" ht="11.1" customHeight="1" outlineLevel="3" x14ac:dyDescent="0.2">
      <c r="A12514" s="17">
        <v>15234</v>
      </c>
      <c r="B12514" s="17"/>
      <c r="C12514" s="17"/>
      <c r="D12514" s="18" t="s">
        <v>6214</v>
      </c>
      <c r="E12514" s="18"/>
      <c r="F12514" s="18"/>
      <c r="G12514" s="18"/>
      <c r="H12514" s="18"/>
      <c r="I12514" s="18"/>
      <c r="J12514" s="18"/>
      <c r="K12514" s="18"/>
      <c r="L12514" s="18"/>
      <c r="M12514" s="18"/>
      <c r="N12514" s="18"/>
      <c r="O12514" s="18"/>
      <c r="P12514" s="19">
        <v>140</v>
      </c>
      <c r="Q12514" s="19"/>
      <c r="R12514" s="19"/>
      <c r="S12514" s="19"/>
      <c r="T12514" s="19">
        <v>40</v>
      </c>
      <c r="U12514" s="19"/>
      <c r="V12514" s="19"/>
      <c r="W12514" s="19"/>
      <c r="X12514" s="19">
        <v>24</v>
      </c>
      <c r="Y12514" s="19"/>
      <c r="Z12514" s="19"/>
      <c r="AA12514" s="19"/>
    </row>
    <row r="12515" spans="1:27" s="1" customFormat="1" ht="11.1" customHeight="1" outlineLevel="3" x14ac:dyDescent="0.2">
      <c r="A12515" s="17"/>
      <c r="B12515" s="17"/>
      <c r="C12515" s="17"/>
      <c r="D12515" s="18"/>
      <c r="E12515" s="18"/>
      <c r="F12515" s="18"/>
      <c r="G12515" s="18"/>
      <c r="H12515" s="18"/>
      <c r="I12515" s="18"/>
      <c r="J12515" s="18"/>
      <c r="K12515" s="18"/>
      <c r="L12515" s="18"/>
      <c r="M12515" s="18"/>
      <c r="N12515" s="18"/>
      <c r="O12515" s="18"/>
      <c r="P12515" s="19"/>
      <c r="Q12515" s="19"/>
      <c r="R12515" s="19"/>
      <c r="S12515" s="19"/>
      <c r="T12515" s="19"/>
      <c r="U12515" s="19"/>
      <c r="V12515" s="19"/>
      <c r="W12515" s="19"/>
      <c r="X12515" s="19"/>
      <c r="Y12515" s="19"/>
      <c r="Z12515" s="19"/>
      <c r="AA12515" s="19"/>
    </row>
    <row r="12516" spans="1:27" s="1" customFormat="1" ht="11.1" customHeight="1" outlineLevel="3" x14ac:dyDescent="0.2">
      <c r="A12516" s="17">
        <v>17978</v>
      </c>
      <c r="B12516" s="17"/>
      <c r="C12516" s="17"/>
      <c r="D12516" s="18" t="s">
        <v>6215</v>
      </c>
      <c r="E12516" s="18"/>
      <c r="F12516" s="18"/>
      <c r="G12516" s="18"/>
      <c r="H12516" s="18"/>
      <c r="I12516" s="18"/>
      <c r="J12516" s="18"/>
      <c r="K12516" s="18"/>
      <c r="L12516" s="18"/>
      <c r="M12516" s="18"/>
      <c r="N12516" s="18"/>
      <c r="O12516" s="18"/>
      <c r="P12516" s="19">
        <v>200</v>
      </c>
      <c r="Q12516" s="19"/>
      <c r="R12516" s="19"/>
      <c r="S12516" s="19"/>
      <c r="T12516" s="19">
        <v>120</v>
      </c>
      <c r="U12516" s="19"/>
      <c r="V12516" s="19"/>
      <c r="W12516" s="19"/>
      <c r="X12516" s="19">
        <v>4</v>
      </c>
      <c r="Y12516" s="19"/>
      <c r="Z12516" s="19"/>
      <c r="AA12516" s="19"/>
    </row>
    <row r="12517" spans="1:27" s="1" customFormat="1" ht="11.1" customHeight="1" outlineLevel="3" x14ac:dyDescent="0.2">
      <c r="A12517" s="17"/>
      <c r="B12517" s="17"/>
      <c r="C12517" s="17"/>
      <c r="D12517" s="18"/>
      <c r="E12517" s="18"/>
      <c r="F12517" s="18"/>
      <c r="G12517" s="18"/>
      <c r="H12517" s="18"/>
      <c r="I12517" s="18"/>
      <c r="J12517" s="18"/>
      <c r="K12517" s="18"/>
      <c r="L12517" s="18"/>
      <c r="M12517" s="18"/>
      <c r="N12517" s="18"/>
      <c r="O12517" s="18"/>
      <c r="P12517" s="19"/>
      <c r="Q12517" s="19"/>
      <c r="R12517" s="19"/>
      <c r="S12517" s="19"/>
      <c r="T12517" s="19"/>
      <c r="U12517" s="19"/>
      <c r="V12517" s="19"/>
      <c r="W12517" s="19"/>
      <c r="X12517" s="19"/>
      <c r="Y12517" s="19"/>
      <c r="Z12517" s="19"/>
      <c r="AA12517" s="19"/>
    </row>
    <row r="12518" spans="1:27" s="1" customFormat="1" ht="11.1" customHeight="1" outlineLevel="3" x14ac:dyDescent="0.2">
      <c r="A12518" s="17">
        <v>17977</v>
      </c>
      <c r="B12518" s="17"/>
      <c r="C12518" s="17"/>
      <c r="D12518" s="18" t="s">
        <v>6216</v>
      </c>
      <c r="E12518" s="18"/>
      <c r="F12518" s="18"/>
      <c r="G12518" s="18"/>
      <c r="H12518" s="18"/>
      <c r="I12518" s="18"/>
      <c r="J12518" s="18"/>
      <c r="K12518" s="18"/>
      <c r="L12518" s="18"/>
      <c r="M12518" s="18"/>
      <c r="N12518" s="18"/>
      <c r="O12518" s="18"/>
      <c r="P12518" s="19">
        <v>200</v>
      </c>
      <c r="Q12518" s="19"/>
      <c r="R12518" s="19"/>
      <c r="S12518" s="19"/>
      <c r="T12518" s="19">
        <v>120</v>
      </c>
      <c r="U12518" s="19"/>
      <c r="V12518" s="19"/>
      <c r="W12518" s="19"/>
      <c r="X12518" s="19">
        <v>9</v>
      </c>
      <c r="Y12518" s="19"/>
      <c r="Z12518" s="19"/>
      <c r="AA12518" s="19"/>
    </row>
    <row r="12519" spans="1:27" s="1" customFormat="1" ht="11.1" customHeight="1" outlineLevel="3" x14ac:dyDescent="0.2">
      <c r="A12519" s="17"/>
      <c r="B12519" s="17"/>
      <c r="C12519" s="17"/>
      <c r="D12519" s="18"/>
      <c r="E12519" s="18"/>
      <c r="F12519" s="18"/>
      <c r="G12519" s="18"/>
      <c r="H12519" s="18"/>
      <c r="I12519" s="18"/>
      <c r="J12519" s="18"/>
      <c r="K12519" s="18"/>
      <c r="L12519" s="18"/>
      <c r="M12519" s="18"/>
      <c r="N12519" s="18"/>
      <c r="O12519" s="18"/>
      <c r="P12519" s="19"/>
      <c r="Q12519" s="19"/>
      <c r="R12519" s="19"/>
      <c r="S12519" s="19"/>
      <c r="T12519" s="19"/>
      <c r="U12519" s="19"/>
      <c r="V12519" s="19"/>
      <c r="W12519" s="19"/>
      <c r="X12519" s="19"/>
      <c r="Y12519" s="19"/>
      <c r="Z12519" s="19"/>
      <c r="AA12519" s="19"/>
    </row>
    <row r="12520" spans="1:27" s="1" customFormat="1" ht="11.1" customHeight="1" outlineLevel="3" x14ac:dyDescent="0.2">
      <c r="A12520" s="17">
        <v>10043</v>
      </c>
      <c r="B12520" s="17"/>
      <c r="C12520" s="17"/>
      <c r="D12520" s="18" t="s">
        <v>6217</v>
      </c>
      <c r="E12520" s="18"/>
      <c r="F12520" s="18"/>
      <c r="G12520" s="18"/>
      <c r="H12520" s="18"/>
      <c r="I12520" s="18"/>
      <c r="J12520" s="18"/>
      <c r="K12520" s="18"/>
      <c r="L12520" s="18"/>
      <c r="M12520" s="18"/>
      <c r="N12520" s="18"/>
      <c r="O12520" s="18"/>
      <c r="P12520" s="19">
        <v>130</v>
      </c>
      <c r="Q12520" s="19"/>
      <c r="R12520" s="19"/>
      <c r="S12520" s="19"/>
      <c r="T12520" s="19">
        <v>44</v>
      </c>
      <c r="U12520" s="19"/>
      <c r="V12520" s="19"/>
      <c r="W12520" s="19"/>
      <c r="X12520" s="19">
        <v>20</v>
      </c>
      <c r="Y12520" s="19"/>
      <c r="Z12520" s="19"/>
      <c r="AA12520" s="19"/>
    </row>
    <row r="12521" spans="1:27" s="1" customFormat="1" ht="11.1" customHeight="1" outlineLevel="3" x14ac:dyDescent="0.2">
      <c r="A12521" s="17"/>
      <c r="B12521" s="17"/>
      <c r="C12521" s="17"/>
      <c r="D12521" s="18"/>
      <c r="E12521" s="18"/>
      <c r="F12521" s="18"/>
      <c r="G12521" s="18"/>
      <c r="H12521" s="18"/>
      <c r="I12521" s="18"/>
      <c r="J12521" s="18"/>
      <c r="K12521" s="18"/>
      <c r="L12521" s="18"/>
      <c r="M12521" s="18"/>
      <c r="N12521" s="18"/>
      <c r="O12521" s="18"/>
      <c r="P12521" s="19"/>
      <c r="Q12521" s="19"/>
      <c r="R12521" s="19"/>
      <c r="S12521" s="19"/>
      <c r="T12521" s="19"/>
      <c r="U12521" s="19"/>
      <c r="V12521" s="19"/>
      <c r="W12521" s="19"/>
      <c r="X12521" s="19"/>
      <c r="Y12521" s="19"/>
      <c r="Z12521" s="19"/>
      <c r="AA12521" s="19"/>
    </row>
    <row r="12522" spans="1:27" s="1" customFormat="1" ht="11.1" customHeight="1" outlineLevel="3" x14ac:dyDescent="0.2">
      <c r="A12522" s="17">
        <v>555</v>
      </c>
      <c r="B12522" s="17"/>
      <c r="C12522" s="17"/>
      <c r="D12522" s="18" t="s">
        <v>6218</v>
      </c>
      <c r="E12522" s="18"/>
      <c r="F12522" s="18"/>
      <c r="G12522" s="18"/>
      <c r="H12522" s="18"/>
      <c r="I12522" s="18"/>
      <c r="J12522" s="18"/>
      <c r="K12522" s="18"/>
      <c r="L12522" s="18"/>
      <c r="M12522" s="18"/>
      <c r="N12522" s="18"/>
      <c r="O12522" s="18"/>
      <c r="P12522" s="19">
        <v>140</v>
      </c>
      <c r="Q12522" s="19"/>
      <c r="R12522" s="19"/>
      <c r="S12522" s="19"/>
      <c r="T12522" s="19">
        <v>60</v>
      </c>
      <c r="U12522" s="19"/>
      <c r="V12522" s="19"/>
      <c r="W12522" s="19"/>
      <c r="X12522" s="19">
        <v>1</v>
      </c>
      <c r="Y12522" s="19"/>
      <c r="Z12522" s="19"/>
      <c r="AA12522" s="19"/>
    </row>
    <row r="12523" spans="1:27" s="1" customFormat="1" ht="11.1" customHeight="1" outlineLevel="3" x14ac:dyDescent="0.2">
      <c r="A12523" s="17"/>
      <c r="B12523" s="17"/>
      <c r="C12523" s="17"/>
      <c r="D12523" s="18"/>
      <c r="E12523" s="18"/>
      <c r="F12523" s="18"/>
      <c r="G12523" s="18"/>
      <c r="H12523" s="18"/>
      <c r="I12523" s="18"/>
      <c r="J12523" s="18"/>
      <c r="K12523" s="18"/>
      <c r="L12523" s="18"/>
      <c r="M12523" s="18"/>
      <c r="N12523" s="18"/>
      <c r="O12523" s="18"/>
      <c r="P12523" s="19"/>
      <c r="Q12523" s="19"/>
      <c r="R12523" s="19"/>
      <c r="S12523" s="19"/>
      <c r="T12523" s="19"/>
      <c r="U12523" s="19"/>
      <c r="V12523" s="19"/>
      <c r="W12523" s="19"/>
      <c r="X12523" s="19"/>
      <c r="Y12523" s="19"/>
      <c r="Z12523" s="19"/>
      <c r="AA12523" s="19"/>
    </row>
    <row r="12524" spans="1:27" s="1" customFormat="1" ht="11.1" customHeight="1" outlineLevel="3" x14ac:dyDescent="0.2">
      <c r="A12524" s="17">
        <v>11537</v>
      </c>
      <c r="B12524" s="17"/>
      <c r="C12524" s="17"/>
      <c r="D12524" s="18" t="s">
        <v>6219</v>
      </c>
      <c r="E12524" s="18"/>
      <c r="F12524" s="18"/>
      <c r="G12524" s="18"/>
      <c r="H12524" s="18"/>
      <c r="I12524" s="18"/>
      <c r="J12524" s="18"/>
      <c r="K12524" s="18"/>
      <c r="L12524" s="18"/>
      <c r="M12524" s="18"/>
      <c r="N12524" s="18"/>
      <c r="O12524" s="18"/>
      <c r="P12524" s="19">
        <v>205</v>
      </c>
      <c r="Q12524" s="19"/>
      <c r="R12524" s="19"/>
      <c r="S12524" s="19"/>
      <c r="T12524" s="19">
        <v>100</v>
      </c>
      <c r="U12524" s="19"/>
      <c r="V12524" s="19"/>
      <c r="W12524" s="19"/>
      <c r="X12524" s="19">
        <v>4</v>
      </c>
      <c r="Y12524" s="19"/>
      <c r="Z12524" s="19"/>
      <c r="AA12524" s="19"/>
    </row>
    <row r="12525" spans="1:27" s="1" customFormat="1" ht="11.1" customHeight="1" outlineLevel="3" x14ac:dyDescent="0.2">
      <c r="A12525" s="17"/>
      <c r="B12525" s="17"/>
      <c r="C12525" s="17"/>
      <c r="D12525" s="18"/>
      <c r="E12525" s="18"/>
      <c r="F12525" s="18"/>
      <c r="G12525" s="18"/>
      <c r="H12525" s="18"/>
      <c r="I12525" s="18"/>
      <c r="J12525" s="18"/>
      <c r="K12525" s="18"/>
      <c r="L12525" s="18"/>
      <c r="M12525" s="18"/>
      <c r="N12525" s="18"/>
      <c r="O12525" s="18"/>
      <c r="P12525" s="19"/>
      <c r="Q12525" s="19"/>
      <c r="R12525" s="19"/>
      <c r="S12525" s="19"/>
      <c r="T12525" s="19"/>
      <c r="U12525" s="19"/>
      <c r="V12525" s="19"/>
      <c r="W12525" s="19"/>
      <c r="X12525" s="19"/>
      <c r="Y12525" s="19"/>
      <c r="Z12525" s="19"/>
      <c r="AA12525" s="19"/>
    </row>
    <row r="12526" spans="1:27" s="1" customFormat="1" ht="11.1" customHeight="1" outlineLevel="3" x14ac:dyDescent="0.2">
      <c r="A12526" s="17">
        <v>17981</v>
      </c>
      <c r="B12526" s="17"/>
      <c r="C12526" s="17"/>
      <c r="D12526" s="18" t="s">
        <v>6220</v>
      </c>
      <c r="E12526" s="18"/>
      <c r="F12526" s="18"/>
      <c r="G12526" s="18"/>
      <c r="H12526" s="18"/>
      <c r="I12526" s="18"/>
      <c r="J12526" s="18"/>
      <c r="K12526" s="18"/>
      <c r="L12526" s="18"/>
      <c r="M12526" s="18"/>
      <c r="N12526" s="18"/>
      <c r="O12526" s="18"/>
      <c r="P12526" s="19">
        <v>290</v>
      </c>
      <c r="Q12526" s="19"/>
      <c r="R12526" s="19"/>
      <c r="S12526" s="19"/>
      <c r="T12526" s="19">
        <v>150</v>
      </c>
      <c r="U12526" s="19"/>
      <c r="V12526" s="19"/>
      <c r="W12526" s="19"/>
      <c r="X12526" s="19">
        <v>6</v>
      </c>
      <c r="Y12526" s="19"/>
      <c r="Z12526" s="19"/>
      <c r="AA12526" s="19"/>
    </row>
    <row r="12527" spans="1:27" s="1" customFormat="1" ht="11.1" customHeight="1" outlineLevel="3" x14ac:dyDescent="0.2">
      <c r="A12527" s="17"/>
      <c r="B12527" s="17"/>
      <c r="C12527" s="17"/>
      <c r="D12527" s="18"/>
      <c r="E12527" s="18"/>
      <c r="F12527" s="18"/>
      <c r="G12527" s="18"/>
      <c r="H12527" s="18"/>
      <c r="I12527" s="18"/>
      <c r="J12527" s="18"/>
      <c r="K12527" s="18"/>
      <c r="L12527" s="18"/>
      <c r="M12527" s="18"/>
      <c r="N12527" s="18"/>
      <c r="O12527" s="18"/>
      <c r="P12527" s="19"/>
      <c r="Q12527" s="19"/>
      <c r="R12527" s="19"/>
      <c r="S12527" s="19"/>
      <c r="T12527" s="19"/>
      <c r="U12527" s="19"/>
      <c r="V12527" s="19"/>
      <c r="W12527" s="19"/>
      <c r="X12527" s="19"/>
      <c r="Y12527" s="19"/>
      <c r="Z12527" s="19"/>
      <c r="AA12527" s="19"/>
    </row>
    <row r="12528" spans="1:27" s="1" customFormat="1" ht="11.1" customHeight="1" outlineLevel="3" x14ac:dyDescent="0.2">
      <c r="A12528" s="17">
        <v>17650</v>
      </c>
      <c r="B12528" s="17"/>
      <c r="C12528" s="17"/>
      <c r="D12528" s="18" t="s">
        <v>6221</v>
      </c>
      <c r="E12528" s="18"/>
      <c r="F12528" s="18"/>
      <c r="G12528" s="18"/>
      <c r="H12528" s="18"/>
      <c r="I12528" s="18"/>
      <c r="J12528" s="18"/>
      <c r="K12528" s="18"/>
      <c r="L12528" s="18"/>
      <c r="M12528" s="18"/>
      <c r="N12528" s="18"/>
      <c r="O12528" s="18"/>
      <c r="P12528" s="19">
        <v>350</v>
      </c>
      <c r="Q12528" s="19"/>
      <c r="R12528" s="19"/>
      <c r="S12528" s="19"/>
      <c r="T12528" s="19">
        <v>190</v>
      </c>
      <c r="U12528" s="19"/>
      <c r="V12528" s="19"/>
      <c r="W12528" s="19"/>
      <c r="X12528" s="19">
        <v>2</v>
      </c>
      <c r="Y12528" s="19"/>
      <c r="Z12528" s="19"/>
      <c r="AA12528" s="19"/>
    </row>
    <row r="12529" spans="1:27" s="1" customFormat="1" ht="11.1" customHeight="1" outlineLevel="3" x14ac:dyDescent="0.2">
      <c r="A12529" s="17"/>
      <c r="B12529" s="17"/>
      <c r="C12529" s="17"/>
      <c r="D12529" s="18"/>
      <c r="E12529" s="18"/>
      <c r="F12529" s="18"/>
      <c r="G12529" s="18"/>
      <c r="H12529" s="18"/>
      <c r="I12529" s="18"/>
      <c r="J12529" s="18"/>
      <c r="K12529" s="18"/>
      <c r="L12529" s="18"/>
      <c r="M12529" s="18"/>
      <c r="N12529" s="18"/>
      <c r="O12529" s="18"/>
      <c r="P12529" s="19"/>
      <c r="Q12529" s="19"/>
      <c r="R12529" s="19"/>
      <c r="S12529" s="19"/>
      <c r="T12529" s="19"/>
      <c r="U12529" s="19"/>
      <c r="V12529" s="19"/>
      <c r="W12529" s="19"/>
      <c r="X12529" s="19"/>
      <c r="Y12529" s="19"/>
      <c r="Z12529" s="19"/>
      <c r="AA12529" s="19"/>
    </row>
    <row r="12530" spans="1:27" s="1" customFormat="1" ht="14.1" customHeight="1" outlineLevel="3" x14ac:dyDescent="0.2">
      <c r="A12530" s="17">
        <v>5297</v>
      </c>
      <c r="B12530" s="17"/>
      <c r="C12530" s="17"/>
      <c r="D12530" s="18" t="s">
        <v>6222</v>
      </c>
      <c r="E12530" s="18"/>
      <c r="F12530" s="18"/>
      <c r="G12530" s="18"/>
      <c r="H12530" s="18"/>
      <c r="I12530" s="18"/>
      <c r="J12530" s="18"/>
      <c r="K12530" s="18"/>
      <c r="L12530" s="18"/>
      <c r="M12530" s="18"/>
      <c r="N12530" s="18"/>
      <c r="O12530" s="18"/>
      <c r="P12530" s="19">
        <v>300</v>
      </c>
      <c r="Q12530" s="19"/>
      <c r="R12530" s="19"/>
      <c r="S12530" s="19"/>
      <c r="T12530" s="19">
        <v>150</v>
      </c>
      <c r="U12530" s="19"/>
      <c r="V12530" s="19"/>
      <c r="W12530" s="19"/>
      <c r="X12530" s="19">
        <v>1</v>
      </c>
      <c r="Y12530" s="19"/>
      <c r="Z12530" s="19"/>
      <c r="AA12530" s="19"/>
    </row>
    <row r="12531" spans="1:27" s="1" customFormat="1" ht="14.1" customHeight="1" outlineLevel="3" x14ac:dyDescent="0.2">
      <c r="A12531" s="17"/>
      <c r="B12531" s="17"/>
      <c r="C12531" s="17"/>
      <c r="D12531" s="18"/>
      <c r="E12531" s="18"/>
      <c r="F12531" s="18"/>
      <c r="G12531" s="18"/>
      <c r="H12531" s="18"/>
      <c r="I12531" s="18"/>
      <c r="J12531" s="18"/>
      <c r="K12531" s="18"/>
      <c r="L12531" s="18"/>
      <c r="M12531" s="18"/>
      <c r="N12531" s="18"/>
      <c r="O12531" s="18"/>
      <c r="P12531" s="19"/>
      <c r="Q12531" s="19"/>
      <c r="R12531" s="19"/>
      <c r="S12531" s="19"/>
      <c r="T12531" s="19"/>
      <c r="U12531" s="19"/>
      <c r="V12531" s="19"/>
      <c r="W12531" s="19"/>
      <c r="X12531" s="19"/>
      <c r="Y12531" s="19"/>
      <c r="Z12531" s="19"/>
      <c r="AA12531" s="19"/>
    </row>
    <row r="12532" spans="1:27" s="1" customFormat="1" ht="11.1" customHeight="1" outlineLevel="3" x14ac:dyDescent="0.2">
      <c r="A12532" s="17">
        <v>5995</v>
      </c>
      <c r="B12532" s="17"/>
      <c r="C12532" s="17"/>
      <c r="D12532" s="18" t="s">
        <v>6223</v>
      </c>
      <c r="E12532" s="18"/>
      <c r="F12532" s="18"/>
      <c r="G12532" s="18"/>
      <c r="H12532" s="18"/>
      <c r="I12532" s="18"/>
      <c r="J12532" s="18"/>
      <c r="K12532" s="18"/>
      <c r="L12532" s="18"/>
      <c r="M12532" s="18"/>
      <c r="N12532" s="18"/>
      <c r="O12532" s="18"/>
      <c r="P12532" s="19">
        <v>190</v>
      </c>
      <c r="Q12532" s="19"/>
      <c r="R12532" s="19"/>
      <c r="S12532" s="19"/>
      <c r="T12532" s="19">
        <v>120</v>
      </c>
      <c r="U12532" s="19"/>
      <c r="V12532" s="19"/>
      <c r="W12532" s="19"/>
      <c r="X12532" s="19">
        <v>5</v>
      </c>
      <c r="Y12532" s="19"/>
      <c r="Z12532" s="19"/>
      <c r="AA12532" s="19"/>
    </row>
    <row r="12533" spans="1:27" s="1" customFormat="1" ht="11.1" customHeight="1" outlineLevel="3" x14ac:dyDescent="0.2">
      <c r="A12533" s="17"/>
      <c r="B12533" s="17"/>
      <c r="C12533" s="17"/>
      <c r="D12533" s="18"/>
      <c r="E12533" s="18"/>
      <c r="F12533" s="18"/>
      <c r="G12533" s="18"/>
      <c r="H12533" s="18"/>
      <c r="I12533" s="18"/>
      <c r="J12533" s="18"/>
      <c r="K12533" s="18"/>
      <c r="L12533" s="18"/>
      <c r="M12533" s="18"/>
      <c r="N12533" s="18"/>
      <c r="O12533" s="18"/>
      <c r="P12533" s="19"/>
      <c r="Q12533" s="19"/>
      <c r="R12533" s="19"/>
      <c r="S12533" s="19"/>
      <c r="T12533" s="19"/>
      <c r="U12533" s="19"/>
      <c r="V12533" s="19"/>
      <c r="W12533" s="19"/>
      <c r="X12533" s="19"/>
      <c r="Y12533" s="19"/>
      <c r="Z12533" s="19"/>
      <c r="AA12533" s="19"/>
    </row>
    <row r="12534" spans="1:27" s="1" customFormat="1" ht="11.1" customHeight="1" outlineLevel="3" x14ac:dyDescent="0.2">
      <c r="A12534" s="17">
        <v>13275</v>
      </c>
      <c r="B12534" s="17"/>
      <c r="C12534" s="17"/>
      <c r="D12534" s="18" t="s">
        <v>6224</v>
      </c>
      <c r="E12534" s="18"/>
      <c r="F12534" s="18"/>
      <c r="G12534" s="18"/>
      <c r="H12534" s="18"/>
      <c r="I12534" s="18"/>
      <c r="J12534" s="18"/>
      <c r="K12534" s="18"/>
      <c r="L12534" s="18"/>
      <c r="M12534" s="18"/>
      <c r="N12534" s="18"/>
      <c r="O12534" s="18"/>
      <c r="P12534" s="19">
        <v>320</v>
      </c>
      <c r="Q12534" s="19"/>
      <c r="R12534" s="19"/>
      <c r="S12534" s="19"/>
      <c r="T12534" s="19">
        <v>155</v>
      </c>
      <c r="U12534" s="19"/>
      <c r="V12534" s="19"/>
      <c r="W12534" s="19"/>
      <c r="X12534" s="19">
        <v>7</v>
      </c>
      <c r="Y12534" s="19"/>
      <c r="Z12534" s="19"/>
      <c r="AA12534" s="19"/>
    </row>
    <row r="12535" spans="1:27" s="1" customFormat="1" ht="11.1" customHeight="1" outlineLevel="3" x14ac:dyDescent="0.2">
      <c r="A12535" s="17"/>
      <c r="B12535" s="17"/>
      <c r="C12535" s="17"/>
      <c r="D12535" s="18"/>
      <c r="E12535" s="18"/>
      <c r="F12535" s="18"/>
      <c r="G12535" s="18"/>
      <c r="H12535" s="18"/>
      <c r="I12535" s="18"/>
      <c r="J12535" s="18"/>
      <c r="K12535" s="18"/>
      <c r="L12535" s="18"/>
      <c r="M12535" s="18"/>
      <c r="N12535" s="18"/>
      <c r="O12535" s="18"/>
      <c r="P12535" s="19"/>
      <c r="Q12535" s="19"/>
      <c r="R12535" s="19"/>
      <c r="S12535" s="19"/>
      <c r="T12535" s="19"/>
      <c r="U12535" s="19"/>
      <c r="V12535" s="19"/>
      <c r="W12535" s="19"/>
      <c r="X12535" s="19"/>
      <c r="Y12535" s="19"/>
      <c r="Z12535" s="19"/>
      <c r="AA12535" s="19"/>
    </row>
    <row r="12536" spans="1:27" s="1" customFormat="1" ht="14.1" customHeight="1" outlineLevel="3" x14ac:dyDescent="0.2">
      <c r="A12536" s="17">
        <v>5679</v>
      </c>
      <c r="B12536" s="17"/>
      <c r="C12536" s="17"/>
      <c r="D12536" s="18" t="s">
        <v>6225</v>
      </c>
      <c r="E12536" s="18"/>
      <c r="F12536" s="18"/>
      <c r="G12536" s="18"/>
      <c r="H12536" s="18"/>
      <c r="I12536" s="18"/>
      <c r="J12536" s="18"/>
      <c r="K12536" s="18"/>
      <c r="L12536" s="18"/>
      <c r="M12536" s="18"/>
      <c r="N12536" s="18"/>
      <c r="O12536" s="18"/>
      <c r="P12536" s="19">
        <v>260</v>
      </c>
      <c r="Q12536" s="19"/>
      <c r="R12536" s="19"/>
      <c r="S12536" s="19"/>
      <c r="T12536" s="19">
        <v>125</v>
      </c>
      <c r="U12536" s="19"/>
      <c r="V12536" s="19"/>
      <c r="W12536" s="19"/>
      <c r="X12536" s="19">
        <v>27</v>
      </c>
      <c r="Y12536" s="19"/>
      <c r="Z12536" s="19"/>
      <c r="AA12536" s="19"/>
    </row>
    <row r="12537" spans="1:27" s="1" customFormat="1" ht="14.1" customHeight="1" outlineLevel="3" x14ac:dyDescent="0.2">
      <c r="A12537" s="17"/>
      <c r="B12537" s="17"/>
      <c r="C12537" s="17"/>
      <c r="D12537" s="18"/>
      <c r="E12537" s="18"/>
      <c r="F12537" s="18"/>
      <c r="G12537" s="18"/>
      <c r="H12537" s="18"/>
      <c r="I12537" s="18"/>
      <c r="J12537" s="18"/>
      <c r="K12537" s="18"/>
      <c r="L12537" s="18"/>
      <c r="M12537" s="18"/>
      <c r="N12537" s="18"/>
      <c r="O12537" s="18"/>
      <c r="P12537" s="19"/>
      <c r="Q12537" s="19"/>
      <c r="R12537" s="19"/>
      <c r="S12537" s="19"/>
      <c r="T12537" s="19"/>
      <c r="U12537" s="19"/>
      <c r="V12537" s="19"/>
      <c r="W12537" s="19"/>
      <c r="X12537" s="19"/>
      <c r="Y12537" s="19"/>
      <c r="Z12537" s="19"/>
      <c r="AA12537" s="19"/>
    </row>
    <row r="12538" spans="1:27" s="1" customFormat="1" ht="11.1" customHeight="1" outlineLevel="3" x14ac:dyDescent="0.2">
      <c r="A12538" s="17">
        <v>761</v>
      </c>
      <c r="B12538" s="17"/>
      <c r="C12538" s="17"/>
      <c r="D12538" s="18" t="s">
        <v>6226</v>
      </c>
      <c r="E12538" s="18"/>
      <c r="F12538" s="18"/>
      <c r="G12538" s="18"/>
      <c r="H12538" s="18"/>
      <c r="I12538" s="18"/>
      <c r="J12538" s="18"/>
      <c r="K12538" s="18"/>
      <c r="L12538" s="18"/>
      <c r="M12538" s="18"/>
      <c r="N12538" s="18"/>
      <c r="O12538" s="18"/>
      <c r="P12538" s="19">
        <v>290</v>
      </c>
      <c r="Q12538" s="19"/>
      <c r="R12538" s="19"/>
      <c r="S12538" s="19"/>
      <c r="T12538" s="19">
        <v>155</v>
      </c>
      <c r="U12538" s="19"/>
      <c r="V12538" s="19"/>
      <c r="W12538" s="19"/>
      <c r="X12538" s="19">
        <v>1</v>
      </c>
      <c r="Y12538" s="19"/>
      <c r="Z12538" s="19"/>
      <c r="AA12538" s="19"/>
    </row>
    <row r="12539" spans="1:27" s="1" customFormat="1" ht="11.1" customHeight="1" outlineLevel="3" x14ac:dyDescent="0.2">
      <c r="A12539" s="17"/>
      <c r="B12539" s="17"/>
      <c r="C12539" s="17"/>
      <c r="D12539" s="18"/>
      <c r="E12539" s="18"/>
      <c r="F12539" s="18"/>
      <c r="G12539" s="18"/>
      <c r="H12539" s="18"/>
      <c r="I12539" s="18"/>
      <c r="J12539" s="18"/>
      <c r="K12539" s="18"/>
      <c r="L12539" s="18"/>
      <c r="M12539" s="18"/>
      <c r="N12539" s="18"/>
      <c r="O12539" s="18"/>
      <c r="P12539" s="19"/>
      <c r="Q12539" s="19"/>
      <c r="R12539" s="19"/>
      <c r="S12539" s="19"/>
      <c r="T12539" s="19"/>
      <c r="U12539" s="19"/>
      <c r="V12539" s="19"/>
      <c r="W12539" s="19"/>
      <c r="X12539" s="19"/>
      <c r="Y12539" s="19"/>
      <c r="Z12539" s="19"/>
      <c r="AA12539" s="19"/>
    </row>
    <row r="12540" spans="1:27" s="1" customFormat="1" ht="11.1" customHeight="1" outlineLevel="2" x14ac:dyDescent="0.2">
      <c r="A12540" s="16" t="s">
        <v>6227</v>
      </c>
      <c r="B12540" s="16"/>
      <c r="C12540" s="16"/>
      <c r="D12540" s="16"/>
      <c r="E12540" s="16"/>
      <c r="F12540" s="16"/>
      <c r="G12540" s="16"/>
      <c r="H12540" s="16"/>
      <c r="I12540" s="16"/>
      <c r="J12540" s="16"/>
      <c r="K12540" s="16"/>
      <c r="L12540" s="16"/>
      <c r="M12540" s="16"/>
      <c r="N12540" s="16"/>
      <c r="O12540" s="16"/>
      <c r="P12540" s="16"/>
      <c r="Q12540" s="16"/>
      <c r="R12540" s="16"/>
      <c r="S12540" s="16"/>
      <c r="T12540" s="16"/>
      <c r="U12540" s="16"/>
      <c r="V12540" s="16"/>
      <c r="W12540" s="16"/>
      <c r="X12540" s="16"/>
      <c r="Y12540" s="16"/>
      <c r="Z12540" s="16"/>
      <c r="AA12540" s="16"/>
    </row>
    <row r="12541" spans="1:27" s="1" customFormat="1" ht="11.1" customHeight="1" outlineLevel="2" x14ac:dyDescent="0.2">
      <c r="A12541" s="16"/>
      <c r="B12541" s="16"/>
      <c r="C12541" s="16"/>
      <c r="D12541" s="16"/>
      <c r="E12541" s="16"/>
      <c r="F12541" s="16"/>
      <c r="G12541" s="16"/>
      <c r="H12541" s="16"/>
      <c r="I12541" s="16"/>
      <c r="J12541" s="16"/>
      <c r="K12541" s="16"/>
      <c r="L12541" s="16"/>
      <c r="M12541" s="16"/>
      <c r="N12541" s="16"/>
      <c r="O12541" s="16"/>
      <c r="P12541" s="16"/>
      <c r="Q12541" s="16"/>
      <c r="R12541" s="16"/>
      <c r="S12541" s="16"/>
      <c r="T12541" s="16"/>
      <c r="U12541" s="16"/>
      <c r="V12541" s="16"/>
      <c r="W12541" s="16"/>
      <c r="X12541" s="16"/>
      <c r="Y12541" s="16"/>
      <c r="Z12541" s="16"/>
      <c r="AA12541" s="16"/>
    </row>
    <row r="12542" spans="1:27" s="1" customFormat="1" ht="11.1" customHeight="1" outlineLevel="3" x14ac:dyDescent="0.2">
      <c r="A12542" s="17">
        <v>15638</v>
      </c>
      <c r="B12542" s="17"/>
      <c r="C12542" s="17"/>
      <c r="D12542" s="18" t="s">
        <v>6228</v>
      </c>
      <c r="E12542" s="18"/>
      <c r="F12542" s="18"/>
      <c r="G12542" s="18"/>
      <c r="H12542" s="18"/>
      <c r="I12542" s="18"/>
      <c r="J12542" s="18"/>
      <c r="K12542" s="18"/>
      <c r="L12542" s="18"/>
      <c r="M12542" s="18"/>
      <c r="N12542" s="18"/>
      <c r="O12542" s="18"/>
      <c r="P12542" s="20">
        <v>1100</v>
      </c>
      <c r="Q12542" s="20"/>
      <c r="R12542" s="20"/>
      <c r="S12542" s="20"/>
      <c r="T12542" s="20">
        <v>1000</v>
      </c>
      <c r="U12542" s="20"/>
      <c r="V12542" s="20"/>
      <c r="W12542" s="20"/>
      <c r="X12542" s="19">
        <v>6</v>
      </c>
      <c r="Y12542" s="19"/>
      <c r="Z12542" s="19"/>
      <c r="AA12542" s="19"/>
    </row>
    <row r="12543" spans="1:27" s="1" customFormat="1" ht="11.1" customHeight="1" outlineLevel="3" x14ac:dyDescent="0.2">
      <c r="A12543" s="17"/>
      <c r="B12543" s="17"/>
      <c r="C12543" s="17"/>
      <c r="D12543" s="18"/>
      <c r="E12543" s="18"/>
      <c r="F12543" s="18"/>
      <c r="G12543" s="18"/>
      <c r="H12543" s="18"/>
      <c r="I12543" s="18"/>
      <c r="J12543" s="18"/>
      <c r="K12543" s="18"/>
      <c r="L12543" s="18"/>
      <c r="M12543" s="18"/>
      <c r="N12543" s="18"/>
      <c r="O12543" s="18"/>
      <c r="P12543" s="20"/>
      <c r="Q12543" s="20"/>
      <c r="R12543" s="20"/>
      <c r="S12543" s="20"/>
      <c r="T12543" s="20"/>
      <c r="U12543" s="20"/>
      <c r="V12543" s="20"/>
      <c r="W12543" s="20"/>
      <c r="X12543" s="19"/>
      <c r="Y12543" s="19"/>
      <c r="Z12543" s="19"/>
      <c r="AA12543" s="19"/>
    </row>
    <row r="12544" spans="1:27" s="1" customFormat="1" ht="11.1" customHeight="1" outlineLevel="3" x14ac:dyDescent="0.2">
      <c r="A12544" s="17">
        <v>15637</v>
      </c>
      <c r="B12544" s="17"/>
      <c r="C12544" s="17"/>
      <c r="D12544" s="18" t="s">
        <v>6229</v>
      </c>
      <c r="E12544" s="18"/>
      <c r="F12544" s="18"/>
      <c r="G12544" s="18"/>
      <c r="H12544" s="18"/>
      <c r="I12544" s="18"/>
      <c r="J12544" s="18"/>
      <c r="K12544" s="18"/>
      <c r="L12544" s="18"/>
      <c r="M12544" s="18"/>
      <c r="N12544" s="18"/>
      <c r="O12544" s="18"/>
      <c r="P12544" s="20">
        <v>1100</v>
      </c>
      <c r="Q12544" s="20"/>
      <c r="R12544" s="20"/>
      <c r="S12544" s="20"/>
      <c r="T12544" s="20">
        <v>1000</v>
      </c>
      <c r="U12544" s="20"/>
      <c r="V12544" s="20"/>
      <c r="W12544" s="20"/>
      <c r="X12544" s="19">
        <v>5</v>
      </c>
      <c r="Y12544" s="19"/>
      <c r="Z12544" s="19"/>
      <c r="AA12544" s="19"/>
    </row>
    <row r="12545" spans="1:27" s="1" customFormat="1" ht="11.1" customHeight="1" outlineLevel="3" x14ac:dyDescent="0.2">
      <c r="A12545" s="17"/>
      <c r="B12545" s="17"/>
      <c r="C12545" s="17"/>
      <c r="D12545" s="18"/>
      <c r="E12545" s="18"/>
      <c r="F12545" s="18"/>
      <c r="G12545" s="18"/>
      <c r="H12545" s="18"/>
      <c r="I12545" s="18"/>
      <c r="J12545" s="18"/>
      <c r="K12545" s="18"/>
      <c r="L12545" s="18"/>
      <c r="M12545" s="18"/>
      <c r="N12545" s="18"/>
      <c r="O12545" s="18"/>
      <c r="P12545" s="20"/>
      <c r="Q12545" s="20"/>
      <c r="R12545" s="20"/>
      <c r="S12545" s="20"/>
      <c r="T12545" s="20"/>
      <c r="U12545" s="20"/>
      <c r="V12545" s="20"/>
      <c r="W12545" s="20"/>
      <c r="X12545" s="19"/>
      <c r="Y12545" s="19"/>
      <c r="Z12545" s="19"/>
      <c r="AA12545" s="19"/>
    </row>
    <row r="12546" spans="1:27" s="1" customFormat="1" ht="14.1" customHeight="1" outlineLevel="3" x14ac:dyDescent="0.2">
      <c r="A12546" s="17">
        <v>10482</v>
      </c>
      <c r="B12546" s="17"/>
      <c r="C12546" s="17"/>
      <c r="D12546" s="18" t="s">
        <v>6230</v>
      </c>
      <c r="E12546" s="18"/>
      <c r="F12546" s="18"/>
      <c r="G12546" s="18"/>
      <c r="H12546" s="18"/>
      <c r="I12546" s="18"/>
      <c r="J12546" s="18"/>
      <c r="K12546" s="18"/>
      <c r="L12546" s="18"/>
      <c r="M12546" s="18"/>
      <c r="N12546" s="18"/>
      <c r="O12546" s="18"/>
      <c r="P12546" s="19">
        <v>300</v>
      </c>
      <c r="Q12546" s="19"/>
      <c r="R12546" s="19"/>
      <c r="S12546" s="19"/>
      <c r="T12546" s="19">
        <v>130</v>
      </c>
      <c r="U12546" s="19"/>
      <c r="V12546" s="19"/>
      <c r="W12546" s="19"/>
      <c r="X12546" s="19">
        <v>42</v>
      </c>
      <c r="Y12546" s="19"/>
      <c r="Z12546" s="19"/>
      <c r="AA12546" s="19"/>
    </row>
    <row r="12547" spans="1:27" s="1" customFormat="1" ht="14.1" customHeight="1" outlineLevel="3" x14ac:dyDescent="0.2">
      <c r="A12547" s="17"/>
      <c r="B12547" s="17"/>
      <c r="C12547" s="17"/>
      <c r="D12547" s="18"/>
      <c r="E12547" s="18"/>
      <c r="F12547" s="18"/>
      <c r="G12547" s="18"/>
      <c r="H12547" s="18"/>
      <c r="I12547" s="18"/>
      <c r="J12547" s="18"/>
      <c r="K12547" s="18"/>
      <c r="L12547" s="18"/>
      <c r="M12547" s="18"/>
      <c r="N12547" s="18"/>
      <c r="O12547" s="18"/>
      <c r="P12547" s="19"/>
      <c r="Q12547" s="19"/>
      <c r="R12547" s="19"/>
      <c r="S12547" s="19"/>
      <c r="T12547" s="19"/>
      <c r="U12547" s="19"/>
      <c r="V12547" s="19"/>
      <c r="W12547" s="19"/>
      <c r="X12547" s="19"/>
      <c r="Y12547" s="19"/>
      <c r="Z12547" s="19"/>
      <c r="AA12547" s="19"/>
    </row>
    <row r="12548" spans="1:27" s="1" customFormat="1" ht="11.1" customHeight="1" outlineLevel="3" x14ac:dyDescent="0.2">
      <c r="A12548" s="17">
        <v>10481</v>
      </c>
      <c r="B12548" s="17"/>
      <c r="C12548" s="17"/>
      <c r="D12548" s="18" t="s">
        <v>6231</v>
      </c>
      <c r="E12548" s="18"/>
      <c r="F12548" s="18"/>
      <c r="G12548" s="18"/>
      <c r="H12548" s="18"/>
      <c r="I12548" s="18"/>
      <c r="J12548" s="18"/>
      <c r="K12548" s="18"/>
      <c r="L12548" s="18"/>
      <c r="M12548" s="18"/>
      <c r="N12548" s="18"/>
      <c r="O12548" s="18"/>
      <c r="P12548" s="19">
        <v>300</v>
      </c>
      <c r="Q12548" s="19"/>
      <c r="R12548" s="19"/>
      <c r="S12548" s="19"/>
      <c r="T12548" s="19">
        <v>135</v>
      </c>
      <c r="U12548" s="19"/>
      <c r="V12548" s="19"/>
      <c r="W12548" s="19"/>
      <c r="X12548" s="19">
        <v>15</v>
      </c>
      <c r="Y12548" s="19"/>
      <c r="Z12548" s="19"/>
      <c r="AA12548" s="19"/>
    </row>
    <row r="12549" spans="1:27" s="1" customFormat="1" ht="11.1" customHeight="1" outlineLevel="3" x14ac:dyDescent="0.2">
      <c r="A12549" s="17"/>
      <c r="B12549" s="17"/>
      <c r="C12549" s="17"/>
      <c r="D12549" s="18"/>
      <c r="E12549" s="18"/>
      <c r="F12549" s="18"/>
      <c r="G12549" s="18"/>
      <c r="H12549" s="18"/>
      <c r="I12549" s="18"/>
      <c r="J12549" s="18"/>
      <c r="K12549" s="18"/>
      <c r="L12549" s="18"/>
      <c r="M12549" s="18"/>
      <c r="N12549" s="18"/>
      <c r="O12549" s="18"/>
      <c r="P12549" s="19"/>
      <c r="Q12549" s="19"/>
      <c r="R12549" s="19"/>
      <c r="S12549" s="19"/>
      <c r="T12549" s="19"/>
      <c r="U12549" s="19"/>
      <c r="V12549" s="19"/>
      <c r="W12549" s="19"/>
      <c r="X12549" s="19"/>
      <c r="Y12549" s="19"/>
      <c r="Z12549" s="19"/>
      <c r="AA12549" s="19"/>
    </row>
    <row r="12550" spans="1:27" s="1" customFormat="1" ht="14.1" customHeight="1" outlineLevel="3" x14ac:dyDescent="0.2">
      <c r="A12550" s="17">
        <v>10480</v>
      </c>
      <c r="B12550" s="17"/>
      <c r="C12550" s="17"/>
      <c r="D12550" s="18" t="s">
        <v>6232</v>
      </c>
      <c r="E12550" s="18"/>
      <c r="F12550" s="18"/>
      <c r="G12550" s="18"/>
      <c r="H12550" s="18"/>
      <c r="I12550" s="18"/>
      <c r="J12550" s="18"/>
      <c r="K12550" s="18"/>
      <c r="L12550" s="18"/>
      <c r="M12550" s="18"/>
      <c r="N12550" s="18"/>
      <c r="O12550" s="18"/>
      <c r="P12550" s="19">
        <v>300</v>
      </c>
      <c r="Q12550" s="19"/>
      <c r="R12550" s="19"/>
      <c r="S12550" s="19"/>
      <c r="T12550" s="19">
        <v>135</v>
      </c>
      <c r="U12550" s="19"/>
      <c r="V12550" s="19"/>
      <c r="W12550" s="19"/>
      <c r="X12550" s="19">
        <v>71</v>
      </c>
      <c r="Y12550" s="19"/>
      <c r="Z12550" s="19"/>
      <c r="AA12550" s="19"/>
    </row>
    <row r="12551" spans="1:27" s="1" customFormat="1" ht="14.1" customHeight="1" outlineLevel="3" x14ac:dyDescent="0.2">
      <c r="A12551" s="17"/>
      <c r="B12551" s="17"/>
      <c r="C12551" s="17"/>
      <c r="D12551" s="18"/>
      <c r="E12551" s="18"/>
      <c r="F12551" s="18"/>
      <c r="G12551" s="18"/>
      <c r="H12551" s="18"/>
      <c r="I12551" s="18"/>
      <c r="J12551" s="18"/>
      <c r="K12551" s="18"/>
      <c r="L12551" s="18"/>
      <c r="M12551" s="18"/>
      <c r="N12551" s="18"/>
      <c r="O12551" s="18"/>
      <c r="P12551" s="19"/>
      <c r="Q12551" s="19"/>
      <c r="R12551" s="19"/>
      <c r="S12551" s="19"/>
      <c r="T12551" s="19"/>
      <c r="U12551" s="19"/>
      <c r="V12551" s="19"/>
      <c r="W12551" s="19"/>
      <c r="X12551" s="19"/>
      <c r="Y12551" s="19"/>
      <c r="Z12551" s="19"/>
      <c r="AA12551" s="19"/>
    </row>
    <row r="12552" spans="1:27" s="1" customFormat="1" ht="14.1" customHeight="1" outlineLevel="3" x14ac:dyDescent="0.2">
      <c r="A12552" s="17">
        <v>13699</v>
      </c>
      <c r="B12552" s="17"/>
      <c r="C12552" s="17"/>
      <c r="D12552" s="18" t="s">
        <v>6233</v>
      </c>
      <c r="E12552" s="18"/>
      <c r="F12552" s="18"/>
      <c r="G12552" s="18"/>
      <c r="H12552" s="18"/>
      <c r="I12552" s="18"/>
      <c r="J12552" s="18"/>
      <c r="K12552" s="18"/>
      <c r="L12552" s="18"/>
      <c r="M12552" s="18"/>
      <c r="N12552" s="18"/>
      <c r="O12552" s="18"/>
      <c r="P12552" s="19">
        <v>350</v>
      </c>
      <c r="Q12552" s="19"/>
      <c r="R12552" s="19"/>
      <c r="S12552" s="19"/>
      <c r="T12552" s="19">
        <v>150</v>
      </c>
      <c r="U12552" s="19"/>
      <c r="V12552" s="19"/>
      <c r="W12552" s="19"/>
      <c r="X12552" s="19">
        <v>16</v>
      </c>
      <c r="Y12552" s="19"/>
      <c r="Z12552" s="19"/>
      <c r="AA12552" s="19"/>
    </row>
    <row r="12553" spans="1:27" s="1" customFormat="1" ht="14.1" customHeight="1" outlineLevel="3" x14ac:dyDescent="0.2">
      <c r="A12553" s="17"/>
      <c r="B12553" s="17"/>
      <c r="C12553" s="17"/>
      <c r="D12553" s="18"/>
      <c r="E12553" s="18"/>
      <c r="F12553" s="18"/>
      <c r="G12553" s="18"/>
      <c r="H12553" s="18"/>
      <c r="I12553" s="18"/>
      <c r="J12553" s="18"/>
      <c r="K12553" s="18"/>
      <c r="L12553" s="18"/>
      <c r="M12553" s="18"/>
      <c r="N12553" s="18"/>
      <c r="O12553" s="18"/>
      <c r="P12553" s="19"/>
      <c r="Q12553" s="19"/>
      <c r="R12553" s="19"/>
      <c r="S12553" s="19"/>
      <c r="T12553" s="19"/>
      <c r="U12553" s="19"/>
      <c r="V12553" s="19"/>
      <c r="W12553" s="19"/>
      <c r="X12553" s="19"/>
      <c r="Y12553" s="19"/>
      <c r="Z12553" s="19"/>
      <c r="AA12553" s="19"/>
    </row>
    <row r="12554" spans="1:27" s="1" customFormat="1" ht="14.1" customHeight="1" outlineLevel="3" x14ac:dyDescent="0.2">
      <c r="A12554" s="17">
        <v>12441</v>
      </c>
      <c r="B12554" s="17"/>
      <c r="C12554" s="17"/>
      <c r="D12554" s="18" t="s">
        <v>6234</v>
      </c>
      <c r="E12554" s="18"/>
      <c r="F12554" s="18"/>
      <c r="G12554" s="18"/>
      <c r="H12554" s="18"/>
      <c r="I12554" s="18"/>
      <c r="J12554" s="18"/>
      <c r="K12554" s="18"/>
      <c r="L12554" s="18"/>
      <c r="M12554" s="18"/>
      <c r="N12554" s="18"/>
      <c r="O12554" s="18"/>
      <c r="P12554" s="19">
        <v>400</v>
      </c>
      <c r="Q12554" s="19"/>
      <c r="R12554" s="19"/>
      <c r="S12554" s="19"/>
      <c r="T12554" s="19">
        <v>150</v>
      </c>
      <c r="U12554" s="19"/>
      <c r="V12554" s="19"/>
      <c r="W12554" s="19"/>
      <c r="X12554" s="19">
        <v>11</v>
      </c>
      <c r="Y12554" s="19"/>
      <c r="Z12554" s="19"/>
      <c r="AA12554" s="19"/>
    </row>
    <row r="12555" spans="1:27" s="1" customFormat="1" ht="14.1" customHeight="1" outlineLevel="3" x14ac:dyDescent="0.2">
      <c r="A12555" s="17"/>
      <c r="B12555" s="17"/>
      <c r="C12555" s="17"/>
      <c r="D12555" s="18"/>
      <c r="E12555" s="18"/>
      <c r="F12555" s="18"/>
      <c r="G12555" s="18"/>
      <c r="H12555" s="18"/>
      <c r="I12555" s="18"/>
      <c r="J12555" s="18"/>
      <c r="K12555" s="18"/>
      <c r="L12555" s="18"/>
      <c r="M12555" s="18"/>
      <c r="N12555" s="18"/>
      <c r="O12555" s="18"/>
      <c r="P12555" s="19"/>
      <c r="Q12555" s="19"/>
      <c r="R12555" s="19"/>
      <c r="S12555" s="19"/>
      <c r="T12555" s="19"/>
      <c r="U12555" s="19"/>
      <c r="V12555" s="19"/>
      <c r="W12555" s="19"/>
      <c r="X12555" s="19"/>
      <c r="Y12555" s="19"/>
      <c r="Z12555" s="19"/>
      <c r="AA12555" s="19"/>
    </row>
    <row r="12556" spans="1:27" s="1" customFormat="1" ht="14.1" customHeight="1" outlineLevel="3" x14ac:dyDescent="0.2">
      <c r="A12556" s="17">
        <v>12442</v>
      </c>
      <c r="B12556" s="17"/>
      <c r="C12556" s="17"/>
      <c r="D12556" s="18" t="s">
        <v>6235</v>
      </c>
      <c r="E12556" s="18"/>
      <c r="F12556" s="18"/>
      <c r="G12556" s="18"/>
      <c r="H12556" s="18"/>
      <c r="I12556" s="18"/>
      <c r="J12556" s="18"/>
      <c r="K12556" s="18"/>
      <c r="L12556" s="18"/>
      <c r="M12556" s="18"/>
      <c r="N12556" s="18"/>
      <c r="O12556" s="18"/>
      <c r="P12556" s="19">
        <v>400</v>
      </c>
      <c r="Q12556" s="19"/>
      <c r="R12556" s="19"/>
      <c r="S12556" s="19"/>
      <c r="T12556" s="19">
        <v>150</v>
      </c>
      <c r="U12556" s="19"/>
      <c r="V12556" s="19"/>
      <c r="W12556" s="19"/>
      <c r="X12556" s="19">
        <v>8</v>
      </c>
      <c r="Y12556" s="19"/>
      <c r="Z12556" s="19"/>
      <c r="AA12556" s="19"/>
    </row>
    <row r="12557" spans="1:27" s="1" customFormat="1" ht="14.1" customHeight="1" outlineLevel="3" x14ac:dyDescent="0.2">
      <c r="A12557" s="17"/>
      <c r="B12557" s="17"/>
      <c r="C12557" s="17"/>
      <c r="D12557" s="18"/>
      <c r="E12557" s="18"/>
      <c r="F12557" s="18"/>
      <c r="G12557" s="18"/>
      <c r="H12557" s="18"/>
      <c r="I12557" s="18"/>
      <c r="J12557" s="18"/>
      <c r="K12557" s="18"/>
      <c r="L12557" s="18"/>
      <c r="M12557" s="18"/>
      <c r="N12557" s="18"/>
      <c r="O12557" s="18"/>
      <c r="P12557" s="19"/>
      <c r="Q12557" s="19"/>
      <c r="R12557" s="19"/>
      <c r="S12557" s="19"/>
      <c r="T12557" s="19"/>
      <c r="U12557" s="19"/>
      <c r="V12557" s="19"/>
      <c r="W12557" s="19"/>
      <c r="X12557" s="19"/>
      <c r="Y12557" s="19"/>
      <c r="Z12557" s="19"/>
      <c r="AA12557" s="19"/>
    </row>
    <row r="12558" spans="1:27" s="1" customFormat="1" ht="14.1" customHeight="1" outlineLevel="3" x14ac:dyDescent="0.2">
      <c r="A12558" s="17">
        <v>11425</v>
      </c>
      <c r="B12558" s="17"/>
      <c r="C12558" s="17"/>
      <c r="D12558" s="18" t="s">
        <v>6236</v>
      </c>
      <c r="E12558" s="18"/>
      <c r="F12558" s="18"/>
      <c r="G12558" s="18"/>
      <c r="H12558" s="18"/>
      <c r="I12558" s="18"/>
      <c r="J12558" s="18"/>
      <c r="K12558" s="18"/>
      <c r="L12558" s="18"/>
      <c r="M12558" s="18"/>
      <c r="N12558" s="18"/>
      <c r="O12558" s="18"/>
      <c r="P12558" s="19">
        <v>450</v>
      </c>
      <c r="Q12558" s="19"/>
      <c r="R12558" s="19"/>
      <c r="S12558" s="19"/>
      <c r="T12558" s="19">
        <v>160</v>
      </c>
      <c r="U12558" s="19"/>
      <c r="V12558" s="19"/>
      <c r="W12558" s="19"/>
      <c r="X12558" s="19">
        <v>36</v>
      </c>
      <c r="Y12558" s="19"/>
      <c r="Z12558" s="19"/>
      <c r="AA12558" s="19"/>
    </row>
    <row r="12559" spans="1:27" s="1" customFormat="1" ht="14.1" customHeight="1" outlineLevel="3" x14ac:dyDescent="0.2">
      <c r="A12559" s="17"/>
      <c r="B12559" s="17"/>
      <c r="C12559" s="17"/>
      <c r="D12559" s="18"/>
      <c r="E12559" s="18"/>
      <c r="F12559" s="18"/>
      <c r="G12559" s="18"/>
      <c r="H12559" s="18"/>
      <c r="I12559" s="18"/>
      <c r="J12559" s="18"/>
      <c r="K12559" s="18"/>
      <c r="L12559" s="18"/>
      <c r="M12559" s="18"/>
      <c r="N12559" s="18"/>
      <c r="O12559" s="18"/>
      <c r="P12559" s="19"/>
      <c r="Q12559" s="19"/>
      <c r="R12559" s="19"/>
      <c r="S12559" s="19"/>
      <c r="T12559" s="19"/>
      <c r="U12559" s="19"/>
      <c r="V12559" s="19"/>
      <c r="W12559" s="19"/>
      <c r="X12559" s="19"/>
      <c r="Y12559" s="19"/>
      <c r="Z12559" s="19"/>
      <c r="AA12559" s="19"/>
    </row>
    <row r="12560" spans="1:27" s="1" customFormat="1" ht="14.1" customHeight="1" outlineLevel="3" x14ac:dyDescent="0.2">
      <c r="A12560" s="17">
        <v>11424</v>
      </c>
      <c r="B12560" s="17"/>
      <c r="C12560" s="17"/>
      <c r="D12560" s="18" t="s">
        <v>6237</v>
      </c>
      <c r="E12560" s="18"/>
      <c r="F12560" s="18"/>
      <c r="G12560" s="18"/>
      <c r="H12560" s="18"/>
      <c r="I12560" s="18"/>
      <c r="J12560" s="18"/>
      <c r="K12560" s="18"/>
      <c r="L12560" s="18"/>
      <c r="M12560" s="18"/>
      <c r="N12560" s="18"/>
      <c r="O12560" s="18"/>
      <c r="P12560" s="19">
        <v>450</v>
      </c>
      <c r="Q12560" s="19"/>
      <c r="R12560" s="19"/>
      <c r="S12560" s="19"/>
      <c r="T12560" s="19">
        <v>160</v>
      </c>
      <c r="U12560" s="19"/>
      <c r="V12560" s="19"/>
      <c r="W12560" s="19"/>
      <c r="X12560" s="19">
        <v>25</v>
      </c>
      <c r="Y12560" s="19"/>
      <c r="Z12560" s="19"/>
      <c r="AA12560" s="19"/>
    </row>
    <row r="12561" spans="1:27" s="1" customFormat="1" ht="14.1" customHeight="1" outlineLevel="3" x14ac:dyDescent="0.2">
      <c r="A12561" s="17"/>
      <c r="B12561" s="17"/>
      <c r="C12561" s="17"/>
      <c r="D12561" s="18"/>
      <c r="E12561" s="18"/>
      <c r="F12561" s="18"/>
      <c r="G12561" s="18"/>
      <c r="H12561" s="18"/>
      <c r="I12561" s="18"/>
      <c r="J12561" s="18"/>
      <c r="K12561" s="18"/>
      <c r="L12561" s="18"/>
      <c r="M12561" s="18"/>
      <c r="N12561" s="18"/>
      <c r="O12561" s="18"/>
      <c r="P12561" s="19"/>
      <c r="Q12561" s="19"/>
      <c r="R12561" s="19"/>
      <c r="S12561" s="19"/>
      <c r="T12561" s="19"/>
      <c r="U12561" s="19"/>
      <c r="V12561" s="19"/>
      <c r="W12561" s="19"/>
      <c r="X12561" s="19"/>
      <c r="Y12561" s="19"/>
      <c r="Z12561" s="19"/>
      <c r="AA12561" s="19"/>
    </row>
    <row r="12562" spans="1:27" s="1" customFormat="1" ht="14.1" customHeight="1" outlineLevel="3" x14ac:dyDescent="0.2">
      <c r="A12562" s="17">
        <v>12735</v>
      </c>
      <c r="B12562" s="17"/>
      <c r="C12562" s="17"/>
      <c r="D12562" s="18" t="s">
        <v>6238</v>
      </c>
      <c r="E12562" s="18"/>
      <c r="F12562" s="18"/>
      <c r="G12562" s="18"/>
      <c r="H12562" s="18"/>
      <c r="I12562" s="18"/>
      <c r="J12562" s="18"/>
      <c r="K12562" s="18"/>
      <c r="L12562" s="18"/>
      <c r="M12562" s="18"/>
      <c r="N12562" s="18"/>
      <c r="O12562" s="18"/>
      <c r="P12562" s="19">
        <v>300</v>
      </c>
      <c r="Q12562" s="19"/>
      <c r="R12562" s="19"/>
      <c r="S12562" s="19"/>
      <c r="T12562" s="19">
        <v>150</v>
      </c>
      <c r="U12562" s="19"/>
      <c r="V12562" s="19"/>
      <c r="W12562" s="19"/>
      <c r="X12562" s="19">
        <v>10</v>
      </c>
      <c r="Y12562" s="19"/>
      <c r="Z12562" s="19"/>
      <c r="AA12562" s="19"/>
    </row>
    <row r="12563" spans="1:27" s="1" customFormat="1" ht="14.1" customHeight="1" outlineLevel="3" x14ac:dyDescent="0.2">
      <c r="A12563" s="17"/>
      <c r="B12563" s="17"/>
      <c r="C12563" s="17"/>
      <c r="D12563" s="18"/>
      <c r="E12563" s="18"/>
      <c r="F12563" s="18"/>
      <c r="G12563" s="18"/>
      <c r="H12563" s="18"/>
      <c r="I12563" s="18"/>
      <c r="J12563" s="18"/>
      <c r="K12563" s="18"/>
      <c r="L12563" s="18"/>
      <c r="M12563" s="18"/>
      <c r="N12563" s="18"/>
      <c r="O12563" s="18"/>
      <c r="P12563" s="19"/>
      <c r="Q12563" s="19"/>
      <c r="R12563" s="19"/>
      <c r="S12563" s="19"/>
      <c r="T12563" s="19"/>
      <c r="U12563" s="19"/>
      <c r="V12563" s="19"/>
      <c r="W12563" s="19"/>
      <c r="X12563" s="19"/>
      <c r="Y12563" s="19"/>
      <c r="Z12563" s="19"/>
      <c r="AA12563" s="19"/>
    </row>
    <row r="12564" spans="1:27" s="1" customFormat="1" ht="11.1" customHeight="1" outlineLevel="2" x14ac:dyDescent="0.2">
      <c r="A12564" s="16" t="s">
        <v>6239</v>
      </c>
      <c r="B12564" s="16"/>
      <c r="C12564" s="16"/>
      <c r="D12564" s="16"/>
      <c r="E12564" s="16"/>
      <c r="F12564" s="16"/>
      <c r="G12564" s="16"/>
      <c r="H12564" s="16"/>
      <c r="I12564" s="16"/>
      <c r="J12564" s="16"/>
      <c r="K12564" s="16"/>
      <c r="L12564" s="16"/>
      <c r="M12564" s="16"/>
      <c r="N12564" s="16"/>
      <c r="O12564" s="16"/>
      <c r="P12564" s="16"/>
      <c r="Q12564" s="16"/>
      <c r="R12564" s="16"/>
      <c r="S12564" s="16"/>
      <c r="T12564" s="16"/>
      <c r="U12564" s="16"/>
      <c r="V12564" s="16"/>
      <c r="W12564" s="16"/>
      <c r="X12564" s="16"/>
      <c r="Y12564" s="16"/>
      <c r="Z12564" s="16"/>
      <c r="AA12564" s="16"/>
    </row>
    <row r="12565" spans="1:27" s="1" customFormat="1" ht="11.1" customHeight="1" outlineLevel="2" x14ac:dyDescent="0.2">
      <c r="A12565" s="16"/>
      <c r="B12565" s="16"/>
      <c r="C12565" s="16"/>
      <c r="D12565" s="16"/>
      <c r="E12565" s="16"/>
      <c r="F12565" s="16"/>
      <c r="G12565" s="16"/>
      <c r="H12565" s="16"/>
      <c r="I12565" s="16"/>
      <c r="J12565" s="16"/>
      <c r="K12565" s="16"/>
      <c r="L12565" s="16"/>
      <c r="M12565" s="16"/>
      <c r="N12565" s="16"/>
      <c r="O12565" s="16"/>
      <c r="P12565" s="16"/>
      <c r="Q12565" s="16"/>
      <c r="R12565" s="16"/>
      <c r="S12565" s="16"/>
      <c r="T12565" s="16"/>
      <c r="U12565" s="16"/>
      <c r="V12565" s="16"/>
      <c r="W12565" s="16"/>
      <c r="X12565" s="16"/>
      <c r="Y12565" s="16"/>
      <c r="Z12565" s="16"/>
      <c r="AA12565" s="16"/>
    </row>
    <row r="12566" spans="1:27" s="1" customFormat="1" ht="14.1" customHeight="1" outlineLevel="3" x14ac:dyDescent="0.2">
      <c r="A12566" s="17">
        <v>14686</v>
      </c>
      <c r="B12566" s="17"/>
      <c r="C12566" s="17"/>
      <c r="D12566" s="18" t="s">
        <v>6240</v>
      </c>
      <c r="E12566" s="18"/>
      <c r="F12566" s="18"/>
      <c r="G12566" s="18"/>
      <c r="H12566" s="18"/>
      <c r="I12566" s="18"/>
      <c r="J12566" s="18"/>
      <c r="K12566" s="18"/>
      <c r="L12566" s="18"/>
      <c r="M12566" s="18"/>
      <c r="N12566" s="18"/>
      <c r="O12566" s="18"/>
      <c r="P12566" s="19">
        <v>490</v>
      </c>
      <c r="Q12566" s="19"/>
      <c r="R12566" s="19"/>
      <c r="S12566" s="19"/>
      <c r="T12566" s="19">
        <v>370</v>
      </c>
      <c r="U12566" s="19"/>
      <c r="V12566" s="19"/>
      <c r="W12566" s="19"/>
      <c r="X12566" s="19">
        <v>2</v>
      </c>
      <c r="Y12566" s="19"/>
      <c r="Z12566" s="19"/>
      <c r="AA12566" s="19"/>
    </row>
    <row r="12567" spans="1:27" s="1" customFormat="1" ht="14.1" customHeight="1" outlineLevel="3" x14ac:dyDescent="0.2">
      <c r="A12567" s="17"/>
      <c r="B12567" s="17"/>
      <c r="C12567" s="17"/>
      <c r="D12567" s="18"/>
      <c r="E12567" s="18"/>
      <c r="F12567" s="18"/>
      <c r="G12567" s="18"/>
      <c r="H12567" s="18"/>
      <c r="I12567" s="18"/>
      <c r="J12567" s="18"/>
      <c r="K12567" s="18"/>
      <c r="L12567" s="18"/>
      <c r="M12567" s="18"/>
      <c r="N12567" s="18"/>
      <c r="O12567" s="18"/>
      <c r="P12567" s="19"/>
      <c r="Q12567" s="19"/>
      <c r="R12567" s="19"/>
      <c r="S12567" s="19"/>
      <c r="T12567" s="19"/>
      <c r="U12567" s="19"/>
      <c r="V12567" s="19"/>
      <c r="W12567" s="19"/>
      <c r="X12567" s="19"/>
      <c r="Y12567" s="19"/>
      <c r="Z12567" s="19"/>
      <c r="AA12567" s="19"/>
    </row>
    <row r="12568" spans="1:27" s="1" customFormat="1" ht="14.1" customHeight="1" outlineLevel="3" x14ac:dyDescent="0.2">
      <c r="A12568" s="17">
        <v>14685</v>
      </c>
      <c r="B12568" s="17"/>
      <c r="C12568" s="17"/>
      <c r="D12568" s="18" t="s">
        <v>6241</v>
      </c>
      <c r="E12568" s="18"/>
      <c r="F12568" s="18"/>
      <c r="G12568" s="18"/>
      <c r="H12568" s="18"/>
      <c r="I12568" s="18"/>
      <c r="J12568" s="18"/>
      <c r="K12568" s="18"/>
      <c r="L12568" s="18"/>
      <c r="M12568" s="18"/>
      <c r="N12568" s="18"/>
      <c r="O12568" s="18"/>
      <c r="P12568" s="19">
        <v>490</v>
      </c>
      <c r="Q12568" s="19"/>
      <c r="R12568" s="19"/>
      <c r="S12568" s="19"/>
      <c r="T12568" s="19">
        <v>370</v>
      </c>
      <c r="U12568" s="19"/>
      <c r="V12568" s="19"/>
      <c r="W12568" s="19"/>
      <c r="X12568" s="19">
        <v>1</v>
      </c>
      <c r="Y12568" s="19"/>
      <c r="Z12568" s="19"/>
      <c r="AA12568" s="19"/>
    </row>
    <row r="12569" spans="1:27" s="1" customFormat="1" ht="14.1" customHeight="1" outlineLevel="3" x14ac:dyDescent="0.2">
      <c r="A12569" s="17"/>
      <c r="B12569" s="17"/>
      <c r="C12569" s="17"/>
      <c r="D12569" s="18"/>
      <c r="E12569" s="18"/>
      <c r="F12569" s="18"/>
      <c r="G12569" s="18"/>
      <c r="H12569" s="18"/>
      <c r="I12569" s="18"/>
      <c r="J12569" s="18"/>
      <c r="K12569" s="18"/>
      <c r="L12569" s="18"/>
      <c r="M12569" s="18"/>
      <c r="N12569" s="18"/>
      <c r="O12569" s="18"/>
      <c r="P12569" s="19"/>
      <c r="Q12569" s="19"/>
      <c r="R12569" s="19"/>
      <c r="S12569" s="19"/>
      <c r="T12569" s="19"/>
      <c r="U12569" s="19"/>
      <c r="V12569" s="19"/>
      <c r="W12569" s="19"/>
      <c r="X12569" s="19"/>
      <c r="Y12569" s="19"/>
      <c r="Z12569" s="19"/>
      <c r="AA12569" s="19"/>
    </row>
    <row r="12570" spans="1:27" s="1" customFormat="1" ht="14.1" customHeight="1" outlineLevel="3" x14ac:dyDescent="0.2">
      <c r="A12570" s="17">
        <v>14684</v>
      </c>
      <c r="B12570" s="17"/>
      <c r="C12570" s="17"/>
      <c r="D12570" s="18" t="s">
        <v>6242</v>
      </c>
      <c r="E12570" s="18"/>
      <c r="F12570" s="18"/>
      <c r="G12570" s="18"/>
      <c r="H12570" s="18"/>
      <c r="I12570" s="18"/>
      <c r="J12570" s="18"/>
      <c r="K12570" s="18"/>
      <c r="L12570" s="18"/>
      <c r="M12570" s="18"/>
      <c r="N12570" s="18"/>
      <c r="O12570" s="18"/>
      <c r="P12570" s="19">
        <v>490</v>
      </c>
      <c r="Q12570" s="19"/>
      <c r="R12570" s="19"/>
      <c r="S12570" s="19"/>
      <c r="T12570" s="19">
        <v>370</v>
      </c>
      <c r="U12570" s="19"/>
      <c r="V12570" s="19"/>
      <c r="W12570" s="19"/>
      <c r="X12570" s="19">
        <v>1</v>
      </c>
      <c r="Y12570" s="19"/>
      <c r="Z12570" s="19"/>
      <c r="AA12570" s="19"/>
    </row>
    <row r="12571" spans="1:27" s="1" customFormat="1" ht="14.1" customHeight="1" outlineLevel="3" x14ac:dyDescent="0.2">
      <c r="A12571" s="17"/>
      <c r="B12571" s="17"/>
      <c r="C12571" s="17"/>
      <c r="D12571" s="18"/>
      <c r="E12571" s="18"/>
      <c r="F12571" s="18"/>
      <c r="G12571" s="18"/>
      <c r="H12571" s="18"/>
      <c r="I12571" s="18"/>
      <c r="J12571" s="18"/>
      <c r="K12571" s="18"/>
      <c r="L12571" s="18"/>
      <c r="M12571" s="18"/>
      <c r="N12571" s="18"/>
      <c r="O12571" s="18"/>
      <c r="P12571" s="19"/>
      <c r="Q12571" s="19"/>
      <c r="R12571" s="19"/>
      <c r="S12571" s="19"/>
      <c r="T12571" s="19"/>
      <c r="U12571" s="19"/>
      <c r="V12571" s="19"/>
      <c r="W12571" s="19"/>
      <c r="X12571" s="19"/>
      <c r="Y12571" s="19"/>
      <c r="Z12571" s="19"/>
      <c r="AA12571" s="19"/>
    </row>
    <row r="12572" spans="1:27" s="1" customFormat="1" ht="14.1" customHeight="1" outlineLevel="3" x14ac:dyDescent="0.2">
      <c r="A12572" s="17">
        <v>14691</v>
      </c>
      <c r="B12572" s="17"/>
      <c r="C12572" s="17"/>
      <c r="D12572" s="18" t="s">
        <v>6243</v>
      </c>
      <c r="E12572" s="18"/>
      <c r="F12572" s="18"/>
      <c r="G12572" s="18"/>
      <c r="H12572" s="18"/>
      <c r="I12572" s="18"/>
      <c r="J12572" s="18"/>
      <c r="K12572" s="18"/>
      <c r="L12572" s="18"/>
      <c r="M12572" s="18"/>
      <c r="N12572" s="18"/>
      <c r="O12572" s="18"/>
      <c r="P12572" s="19">
        <v>490</v>
      </c>
      <c r="Q12572" s="19"/>
      <c r="R12572" s="19"/>
      <c r="S12572" s="19"/>
      <c r="T12572" s="19">
        <v>370</v>
      </c>
      <c r="U12572" s="19"/>
      <c r="V12572" s="19"/>
      <c r="W12572" s="19"/>
      <c r="X12572" s="19">
        <v>1</v>
      </c>
      <c r="Y12572" s="19"/>
      <c r="Z12572" s="19"/>
      <c r="AA12572" s="19"/>
    </row>
    <row r="12573" spans="1:27" s="1" customFormat="1" ht="14.1" customHeight="1" outlineLevel="3" x14ac:dyDescent="0.2">
      <c r="A12573" s="17"/>
      <c r="B12573" s="17"/>
      <c r="C12573" s="17"/>
      <c r="D12573" s="18"/>
      <c r="E12573" s="18"/>
      <c r="F12573" s="18"/>
      <c r="G12573" s="18"/>
      <c r="H12573" s="18"/>
      <c r="I12573" s="18"/>
      <c r="J12573" s="18"/>
      <c r="K12573" s="18"/>
      <c r="L12573" s="18"/>
      <c r="M12573" s="18"/>
      <c r="N12573" s="18"/>
      <c r="O12573" s="18"/>
      <c r="P12573" s="19"/>
      <c r="Q12573" s="19"/>
      <c r="R12573" s="19"/>
      <c r="S12573" s="19"/>
      <c r="T12573" s="19"/>
      <c r="U12573" s="19"/>
      <c r="V12573" s="19"/>
      <c r="W12573" s="19"/>
      <c r="X12573" s="19"/>
      <c r="Y12573" s="19"/>
      <c r="Z12573" s="19"/>
      <c r="AA12573" s="19"/>
    </row>
    <row r="12574" spans="1:27" s="1" customFormat="1" ht="14.1" customHeight="1" outlineLevel="3" x14ac:dyDescent="0.2">
      <c r="A12574" s="17">
        <v>14692</v>
      </c>
      <c r="B12574" s="17"/>
      <c r="C12574" s="17"/>
      <c r="D12574" s="18" t="s">
        <v>6244</v>
      </c>
      <c r="E12574" s="18"/>
      <c r="F12574" s="18"/>
      <c r="G12574" s="18"/>
      <c r="H12574" s="18"/>
      <c r="I12574" s="18"/>
      <c r="J12574" s="18"/>
      <c r="K12574" s="18"/>
      <c r="L12574" s="18"/>
      <c r="M12574" s="18"/>
      <c r="N12574" s="18"/>
      <c r="O12574" s="18"/>
      <c r="P12574" s="19">
        <v>490</v>
      </c>
      <c r="Q12574" s="19"/>
      <c r="R12574" s="19"/>
      <c r="S12574" s="19"/>
      <c r="T12574" s="19">
        <v>370</v>
      </c>
      <c r="U12574" s="19"/>
      <c r="V12574" s="19"/>
      <c r="W12574" s="19"/>
      <c r="X12574" s="19">
        <v>1</v>
      </c>
      <c r="Y12574" s="19"/>
      <c r="Z12574" s="19"/>
      <c r="AA12574" s="19"/>
    </row>
    <row r="12575" spans="1:27" s="1" customFormat="1" ht="14.1" customHeight="1" outlineLevel="3" x14ac:dyDescent="0.2">
      <c r="A12575" s="17"/>
      <c r="B12575" s="17"/>
      <c r="C12575" s="17"/>
      <c r="D12575" s="18"/>
      <c r="E12575" s="18"/>
      <c r="F12575" s="18"/>
      <c r="G12575" s="18"/>
      <c r="H12575" s="18"/>
      <c r="I12575" s="18"/>
      <c r="J12575" s="18"/>
      <c r="K12575" s="18"/>
      <c r="L12575" s="18"/>
      <c r="M12575" s="18"/>
      <c r="N12575" s="18"/>
      <c r="O12575" s="18"/>
      <c r="P12575" s="19"/>
      <c r="Q12575" s="19"/>
      <c r="R12575" s="19"/>
      <c r="S12575" s="19"/>
      <c r="T12575" s="19"/>
      <c r="U12575" s="19"/>
      <c r="V12575" s="19"/>
      <c r="W12575" s="19"/>
      <c r="X12575" s="19"/>
      <c r="Y12575" s="19"/>
      <c r="Z12575" s="19"/>
      <c r="AA12575" s="19"/>
    </row>
    <row r="12576" spans="1:27" s="1" customFormat="1" ht="14.1" customHeight="1" outlineLevel="3" x14ac:dyDescent="0.2">
      <c r="A12576" s="17">
        <v>14693</v>
      </c>
      <c r="B12576" s="17"/>
      <c r="C12576" s="17"/>
      <c r="D12576" s="18" t="s">
        <v>6245</v>
      </c>
      <c r="E12576" s="18"/>
      <c r="F12576" s="18"/>
      <c r="G12576" s="18"/>
      <c r="H12576" s="18"/>
      <c r="I12576" s="18"/>
      <c r="J12576" s="18"/>
      <c r="K12576" s="18"/>
      <c r="L12576" s="18"/>
      <c r="M12576" s="18"/>
      <c r="N12576" s="18"/>
      <c r="O12576" s="18"/>
      <c r="P12576" s="19">
        <v>490</v>
      </c>
      <c r="Q12576" s="19"/>
      <c r="R12576" s="19"/>
      <c r="S12576" s="19"/>
      <c r="T12576" s="19">
        <v>370</v>
      </c>
      <c r="U12576" s="19"/>
      <c r="V12576" s="19"/>
      <c r="W12576" s="19"/>
      <c r="X12576" s="19">
        <v>1</v>
      </c>
      <c r="Y12576" s="19"/>
      <c r="Z12576" s="19"/>
      <c r="AA12576" s="19"/>
    </row>
    <row r="12577" spans="1:27" s="1" customFormat="1" ht="14.1" customHeight="1" outlineLevel="3" x14ac:dyDescent="0.2">
      <c r="A12577" s="17"/>
      <c r="B12577" s="17"/>
      <c r="C12577" s="17"/>
      <c r="D12577" s="18"/>
      <c r="E12577" s="18"/>
      <c r="F12577" s="18"/>
      <c r="G12577" s="18"/>
      <c r="H12577" s="18"/>
      <c r="I12577" s="18"/>
      <c r="J12577" s="18"/>
      <c r="K12577" s="18"/>
      <c r="L12577" s="18"/>
      <c r="M12577" s="18"/>
      <c r="N12577" s="18"/>
      <c r="O12577" s="18"/>
      <c r="P12577" s="19"/>
      <c r="Q12577" s="19"/>
      <c r="R12577" s="19"/>
      <c r="S12577" s="19"/>
      <c r="T12577" s="19"/>
      <c r="U12577" s="19"/>
      <c r="V12577" s="19"/>
      <c r="W12577" s="19"/>
      <c r="X12577" s="19"/>
      <c r="Y12577" s="19"/>
      <c r="Z12577" s="19"/>
      <c r="AA12577" s="19"/>
    </row>
    <row r="12578" spans="1:27" s="1" customFormat="1" ht="14.1" customHeight="1" outlineLevel="3" x14ac:dyDescent="0.2">
      <c r="A12578" s="17">
        <v>14689</v>
      </c>
      <c r="B12578" s="17"/>
      <c r="C12578" s="17"/>
      <c r="D12578" s="18" t="s">
        <v>6246</v>
      </c>
      <c r="E12578" s="18"/>
      <c r="F12578" s="18"/>
      <c r="G12578" s="18"/>
      <c r="H12578" s="18"/>
      <c r="I12578" s="18"/>
      <c r="J12578" s="18"/>
      <c r="K12578" s="18"/>
      <c r="L12578" s="18"/>
      <c r="M12578" s="18"/>
      <c r="N12578" s="18"/>
      <c r="O12578" s="18"/>
      <c r="P12578" s="19">
        <v>490</v>
      </c>
      <c r="Q12578" s="19"/>
      <c r="R12578" s="19"/>
      <c r="S12578" s="19"/>
      <c r="T12578" s="19">
        <v>370</v>
      </c>
      <c r="U12578" s="19"/>
      <c r="V12578" s="19"/>
      <c r="W12578" s="19"/>
      <c r="X12578" s="19">
        <v>2</v>
      </c>
      <c r="Y12578" s="19"/>
      <c r="Z12578" s="19"/>
      <c r="AA12578" s="19"/>
    </row>
    <row r="12579" spans="1:27" s="1" customFormat="1" ht="14.1" customHeight="1" outlineLevel="3" x14ac:dyDescent="0.2">
      <c r="A12579" s="17"/>
      <c r="B12579" s="17"/>
      <c r="C12579" s="17"/>
      <c r="D12579" s="18"/>
      <c r="E12579" s="18"/>
      <c r="F12579" s="18"/>
      <c r="G12579" s="18"/>
      <c r="H12579" s="18"/>
      <c r="I12579" s="18"/>
      <c r="J12579" s="18"/>
      <c r="K12579" s="18"/>
      <c r="L12579" s="18"/>
      <c r="M12579" s="18"/>
      <c r="N12579" s="18"/>
      <c r="O12579" s="18"/>
      <c r="P12579" s="19"/>
      <c r="Q12579" s="19"/>
      <c r="R12579" s="19"/>
      <c r="S12579" s="19"/>
      <c r="T12579" s="19"/>
      <c r="U12579" s="19"/>
      <c r="V12579" s="19"/>
      <c r="W12579" s="19"/>
      <c r="X12579" s="19"/>
      <c r="Y12579" s="19"/>
      <c r="Z12579" s="19"/>
      <c r="AA12579" s="19"/>
    </row>
    <row r="12580" spans="1:27" s="1" customFormat="1" ht="11.1" customHeight="1" outlineLevel="3" x14ac:dyDescent="0.2">
      <c r="A12580" s="17">
        <v>12239</v>
      </c>
      <c r="B12580" s="17"/>
      <c r="C12580" s="17"/>
      <c r="D12580" s="18" t="s">
        <v>6247</v>
      </c>
      <c r="E12580" s="18"/>
      <c r="F12580" s="18"/>
      <c r="G12580" s="18"/>
      <c r="H12580" s="18"/>
      <c r="I12580" s="18"/>
      <c r="J12580" s="18"/>
      <c r="K12580" s="18"/>
      <c r="L12580" s="18"/>
      <c r="M12580" s="18"/>
      <c r="N12580" s="18"/>
      <c r="O12580" s="18"/>
      <c r="P12580" s="19">
        <v>150</v>
      </c>
      <c r="Q12580" s="19"/>
      <c r="R12580" s="19"/>
      <c r="S12580" s="19"/>
      <c r="T12580" s="19">
        <v>90</v>
      </c>
      <c r="U12580" s="19"/>
      <c r="V12580" s="19"/>
      <c r="W12580" s="19"/>
      <c r="X12580" s="19">
        <v>1</v>
      </c>
      <c r="Y12580" s="19"/>
      <c r="Z12580" s="19"/>
      <c r="AA12580" s="19"/>
    </row>
    <row r="12581" spans="1:27" s="1" customFormat="1" ht="11.1" customHeight="1" outlineLevel="3" x14ac:dyDescent="0.2">
      <c r="A12581" s="17"/>
      <c r="B12581" s="17"/>
      <c r="C12581" s="17"/>
      <c r="D12581" s="18"/>
      <c r="E12581" s="18"/>
      <c r="F12581" s="18"/>
      <c r="G12581" s="18"/>
      <c r="H12581" s="18"/>
      <c r="I12581" s="18"/>
      <c r="J12581" s="18"/>
      <c r="K12581" s="18"/>
      <c r="L12581" s="18"/>
      <c r="M12581" s="18"/>
      <c r="N12581" s="18"/>
      <c r="O12581" s="18"/>
      <c r="P12581" s="19"/>
      <c r="Q12581" s="19"/>
      <c r="R12581" s="19"/>
      <c r="S12581" s="19"/>
      <c r="T12581" s="19"/>
      <c r="U12581" s="19"/>
      <c r="V12581" s="19"/>
      <c r="W12581" s="19"/>
      <c r="X12581" s="19"/>
      <c r="Y12581" s="19"/>
      <c r="Z12581" s="19"/>
      <c r="AA12581" s="19"/>
    </row>
    <row r="12582" spans="1:27" s="1" customFormat="1" ht="11.1" customHeight="1" outlineLevel="3" x14ac:dyDescent="0.2">
      <c r="A12582" s="17">
        <v>12237</v>
      </c>
      <c r="B12582" s="17"/>
      <c r="C12582" s="17"/>
      <c r="D12582" s="18" t="s">
        <v>6248</v>
      </c>
      <c r="E12582" s="18"/>
      <c r="F12582" s="18"/>
      <c r="G12582" s="18"/>
      <c r="H12582" s="18"/>
      <c r="I12582" s="18"/>
      <c r="J12582" s="18"/>
      <c r="K12582" s="18"/>
      <c r="L12582" s="18"/>
      <c r="M12582" s="18"/>
      <c r="N12582" s="18"/>
      <c r="O12582" s="18"/>
      <c r="P12582" s="19">
        <v>150</v>
      </c>
      <c r="Q12582" s="19"/>
      <c r="R12582" s="19"/>
      <c r="S12582" s="19"/>
      <c r="T12582" s="19">
        <v>90</v>
      </c>
      <c r="U12582" s="19"/>
      <c r="V12582" s="19"/>
      <c r="W12582" s="19"/>
      <c r="X12582" s="19">
        <v>2</v>
      </c>
      <c r="Y12582" s="19"/>
      <c r="Z12582" s="19"/>
      <c r="AA12582" s="19"/>
    </row>
    <row r="12583" spans="1:27" s="1" customFormat="1" ht="11.1" customHeight="1" outlineLevel="3" x14ac:dyDescent="0.2">
      <c r="A12583" s="17"/>
      <c r="B12583" s="17"/>
      <c r="C12583" s="17"/>
      <c r="D12583" s="18"/>
      <c r="E12583" s="18"/>
      <c r="F12583" s="18"/>
      <c r="G12583" s="18"/>
      <c r="H12583" s="18"/>
      <c r="I12583" s="18"/>
      <c r="J12583" s="18"/>
      <c r="K12583" s="18"/>
      <c r="L12583" s="18"/>
      <c r="M12583" s="18"/>
      <c r="N12583" s="18"/>
      <c r="O12583" s="18"/>
      <c r="P12583" s="19"/>
      <c r="Q12583" s="19"/>
      <c r="R12583" s="19"/>
      <c r="S12583" s="19"/>
      <c r="T12583" s="19"/>
      <c r="U12583" s="19"/>
      <c r="V12583" s="19"/>
      <c r="W12583" s="19"/>
      <c r="X12583" s="19"/>
      <c r="Y12583" s="19"/>
      <c r="Z12583" s="19"/>
      <c r="AA12583" s="19"/>
    </row>
    <row r="12584" spans="1:27" s="1" customFormat="1" ht="11.1" customHeight="1" outlineLevel="3" x14ac:dyDescent="0.2">
      <c r="A12584" s="17">
        <v>12236</v>
      </c>
      <c r="B12584" s="17"/>
      <c r="C12584" s="17"/>
      <c r="D12584" s="18" t="s">
        <v>6249</v>
      </c>
      <c r="E12584" s="18"/>
      <c r="F12584" s="18"/>
      <c r="G12584" s="18"/>
      <c r="H12584" s="18"/>
      <c r="I12584" s="18"/>
      <c r="J12584" s="18"/>
      <c r="K12584" s="18"/>
      <c r="L12584" s="18"/>
      <c r="M12584" s="18"/>
      <c r="N12584" s="18"/>
      <c r="O12584" s="18"/>
      <c r="P12584" s="19">
        <v>150</v>
      </c>
      <c r="Q12584" s="19"/>
      <c r="R12584" s="19"/>
      <c r="S12584" s="19"/>
      <c r="T12584" s="19">
        <v>90</v>
      </c>
      <c r="U12584" s="19"/>
      <c r="V12584" s="19"/>
      <c r="W12584" s="19"/>
      <c r="X12584" s="19">
        <v>1</v>
      </c>
      <c r="Y12584" s="19"/>
      <c r="Z12584" s="19"/>
      <c r="AA12584" s="19"/>
    </row>
    <row r="12585" spans="1:27" s="1" customFormat="1" ht="11.1" customHeight="1" outlineLevel="3" x14ac:dyDescent="0.2">
      <c r="A12585" s="17"/>
      <c r="B12585" s="17"/>
      <c r="C12585" s="17"/>
      <c r="D12585" s="18"/>
      <c r="E12585" s="18"/>
      <c r="F12585" s="18"/>
      <c r="G12585" s="18"/>
      <c r="H12585" s="18"/>
      <c r="I12585" s="18"/>
      <c r="J12585" s="18"/>
      <c r="K12585" s="18"/>
      <c r="L12585" s="18"/>
      <c r="M12585" s="18"/>
      <c r="N12585" s="18"/>
      <c r="O12585" s="18"/>
      <c r="P12585" s="19"/>
      <c r="Q12585" s="19"/>
      <c r="R12585" s="19"/>
      <c r="S12585" s="19"/>
      <c r="T12585" s="19"/>
      <c r="U12585" s="19"/>
      <c r="V12585" s="19"/>
      <c r="W12585" s="19"/>
      <c r="X12585" s="19"/>
      <c r="Y12585" s="19"/>
      <c r="Z12585" s="19"/>
      <c r="AA12585" s="19"/>
    </row>
    <row r="12586" spans="1:27" s="1" customFormat="1" ht="11.1" customHeight="1" outlineLevel="3" x14ac:dyDescent="0.2">
      <c r="A12586" s="17">
        <v>12238</v>
      </c>
      <c r="B12586" s="17"/>
      <c r="C12586" s="17"/>
      <c r="D12586" s="18" t="s">
        <v>6250</v>
      </c>
      <c r="E12586" s="18"/>
      <c r="F12586" s="18"/>
      <c r="G12586" s="18"/>
      <c r="H12586" s="18"/>
      <c r="I12586" s="18"/>
      <c r="J12586" s="18"/>
      <c r="K12586" s="18"/>
      <c r="L12586" s="18"/>
      <c r="M12586" s="18"/>
      <c r="N12586" s="18"/>
      <c r="O12586" s="18"/>
      <c r="P12586" s="19">
        <v>150</v>
      </c>
      <c r="Q12586" s="19"/>
      <c r="R12586" s="19"/>
      <c r="S12586" s="19"/>
      <c r="T12586" s="19">
        <v>90</v>
      </c>
      <c r="U12586" s="19"/>
      <c r="V12586" s="19"/>
      <c r="W12586" s="19"/>
      <c r="X12586" s="19">
        <v>2</v>
      </c>
      <c r="Y12586" s="19"/>
      <c r="Z12586" s="19"/>
      <c r="AA12586" s="19"/>
    </row>
    <row r="12587" spans="1:27" s="1" customFormat="1" ht="11.1" customHeight="1" outlineLevel="3" x14ac:dyDescent="0.2">
      <c r="A12587" s="17"/>
      <c r="B12587" s="17"/>
      <c r="C12587" s="17"/>
      <c r="D12587" s="18"/>
      <c r="E12587" s="18"/>
      <c r="F12587" s="18"/>
      <c r="G12587" s="18"/>
      <c r="H12587" s="18"/>
      <c r="I12587" s="18"/>
      <c r="J12587" s="18"/>
      <c r="K12587" s="18"/>
      <c r="L12587" s="18"/>
      <c r="M12587" s="18"/>
      <c r="N12587" s="18"/>
      <c r="O12587" s="18"/>
      <c r="P12587" s="19"/>
      <c r="Q12587" s="19"/>
      <c r="R12587" s="19"/>
      <c r="S12587" s="19"/>
      <c r="T12587" s="19"/>
      <c r="U12587" s="19"/>
      <c r="V12587" s="19"/>
      <c r="W12587" s="19"/>
      <c r="X12587" s="19"/>
      <c r="Y12587" s="19"/>
      <c r="Z12587" s="19"/>
      <c r="AA12587" s="19"/>
    </row>
    <row r="12588" spans="1:27" s="1" customFormat="1" ht="11.1" customHeight="1" outlineLevel="3" x14ac:dyDescent="0.2">
      <c r="A12588" s="17">
        <v>10223</v>
      </c>
      <c r="B12588" s="17"/>
      <c r="C12588" s="17"/>
      <c r="D12588" s="18" t="s">
        <v>6251</v>
      </c>
      <c r="E12588" s="18"/>
      <c r="F12588" s="18"/>
      <c r="G12588" s="18"/>
      <c r="H12588" s="18"/>
      <c r="I12588" s="18"/>
      <c r="J12588" s="18"/>
      <c r="K12588" s="18"/>
      <c r="L12588" s="18"/>
      <c r="M12588" s="18"/>
      <c r="N12588" s="18"/>
      <c r="O12588" s="18"/>
      <c r="P12588" s="19">
        <v>100</v>
      </c>
      <c r="Q12588" s="19"/>
      <c r="R12588" s="19"/>
      <c r="S12588" s="19"/>
      <c r="T12588" s="19">
        <v>70</v>
      </c>
      <c r="U12588" s="19"/>
      <c r="V12588" s="19"/>
      <c r="W12588" s="19"/>
      <c r="X12588" s="19">
        <v>1</v>
      </c>
      <c r="Y12588" s="19"/>
      <c r="Z12588" s="19"/>
      <c r="AA12588" s="19"/>
    </row>
    <row r="12589" spans="1:27" s="1" customFormat="1" ht="11.1" customHeight="1" outlineLevel="3" x14ac:dyDescent="0.2">
      <c r="A12589" s="17"/>
      <c r="B12589" s="17"/>
      <c r="C12589" s="17"/>
      <c r="D12589" s="18"/>
      <c r="E12589" s="18"/>
      <c r="F12589" s="18"/>
      <c r="G12589" s="18"/>
      <c r="H12589" s="18"/>
      <c r="I12589" s="18"/>
      <c r="J12589" s="18"/>
      <c r="K12589" s="18"/>
      <c r="L12589" s="18"/>
      <c r="M12589" s="18"/>
      <c r="N12589" s="18"/>
      <c r="O12589" s="18"/>
      <c r="P12589" s="19"/>
      <c r="Q12589" s="19"/>
      <c r="R12589" s="19"/>
      <c r="S12589" s="19"/>
      <c r="T12589" s="19"/>
      <c r="U12589" s="19"/>
      <c r="V12589" s="19"/>
      <c r="W12589" s="19"/>
      <c r="X12589" s="19"/>
      <c r="Y12589" s="19"/>
      <c r="Z12589" s="19"/>
      <c r="AA12589" s="19"/>
    </row>
    <row r="12590" spans="1:27" s="1" customFormat="1" ht="11.1" customHeight="1" outlineLevel="3" x14ac:dyDescent="0.2">
      <c r="A12590" s="17">
        <v>10222</v>
      </c>
      <c r="B12590" s="17"/>
      <c r="C12590" s="17"/>
      <c r="D12590" s="18" t="s">
        <v>6252</v>
      </c>
      <c r="E12590" s="18"/>
      <c r="F12590" s="18"/>
      <c r="G12590" s="18"/>
      <c r="H12590" s="18"/>
      <c r="I12590" s="18"/>
      <c r="J12590" s="18"/>
      <c r="K12590" s="18"/>
      <c r="L12590" s="18"/>
      <c r="M12590" s="18"/>
      <c r="N12590" s="18"/>
      <c r="O12590" s="18"/>
      <c r="P12590" s="19">
        <v>100</v>
      </c>
      <c r="Q12590" s="19"/>
      <c r="R12590" s="19"/>
      <c r="S12590" s="19"/>
      <c r="T12590" s="19">
        <v>70</v>
      </c>
      <c r="U12590" s="19"/>
      <c r="V12590" s="19"/>
      <c r="W12590" s="19"/>
      <c r="X12590" s="19">
        <v>1</v>
      </c>
      <c r="Y12590" s="19"/>
      <c r="Z12590" s="19"/>
      <c r="AA12590" s="19"/>
    </row>
    <row r="12591" spans="1:27" s="1" customFormat="1" ht="11.1" customHeight="1" outlineLevel="3" x14ac:dyDescent="0.2">
      <c r="A12591" s="17"/>
      <c r="B12591" s="17"/>
      <c r="C12591" s="17"/>
      <c r="D12591" s="18"/>
      <c r="E12591" s="18"/>
      <c r="F12591" s="18"/>
      <c r="G12591" s="18"/>
      <c r="H12591" s="18"/>
      <c r="I12591" s="18"/>
      <c r="J12591" s="18"/>
      <c r="K12591" s="18"/>
      <c r="L12591" s="18"/>
      <c r="M12591" s="18"/>
      <c r="N12591" s="18"/>
      <c r="O12591" s="18"/>
      <c r="P12591" s="19"/>
      <c r="Q12591" s="19"/>
      <c r="R12591" s="19"/>
      <c r="S12591" s="19"/>
      <c r="T12591" s="19"/>
      <c r="U12591" s="19"/>
      <c r="V12591" s="19"/>
      <c r="W12591" s="19"/>
      <c r="X12591" s="19"/>
      <c r="Y12591" s="19"/>
      <c r="Z12591" s="19"/>
      <c r="AA12591" s="19"/>
    </row>
    <row r="12592" spans="1:27" s="1" customFormat="1" ht="11.1" customHeight="1" outlineLevel="3" x14ac:dyDescent="0.2">
      <c r="A12592" s="17">
        <v>9430</v>
      </c>
      <c r="B12592" s="17"/>
      <c r="C12592" s="17"/>
      <c r="D12592" s="18" t="s">
        <v>6253</v>
      </c>
      <c r="E12592" s="18"/>
      <c r="F12592" s="18"/>
      <c r="G12592" s="18"/>
      <c r="H12592" s="18"/>
      <c r="I12592" s="18"/>
      <c r="J12592" s="18"/>
      <c r="K12592" s="18"/>
      <c r="L12592" s="18"/>
      <c r="M12592" s="18"/>
      <c r="N12592" s="18"/>
      <c r="O12592" s="18"/>
      <c r="P12592" s="19">
        <v>100</v>
      </c>
      <c r="Q12592" s="19"/>
      <c r="R12592" s="19"/>
      <c r="S12592" s="19"/>
      <c r="T12592" s="19">
        <v>70</v>
      </c>
      <c r="U12592" s="19"/>
      <c r="V12592" s="19"/>
      <c r="W12592" s="19"/>
      <c r="X12592" s="19">
        <v>5</v>
      </c>
      <c r="Y12592" s="19"/>
      <c r="Z12592" s="19"/>
      <c r="AA12592" s="19"/>
    </row>
    <row r="12593" spans="1:27" s="1" customFormat="1" ht="11.1" customHeight="1" outlineLevel="3" x14ac:dyDescent="0.2">
      <c r="A12593" s="17"/>
      <c r="B12593" s="17"/>
      <c r="C12593" s="17"/>
      <c r="D12593" s="18"/>
      <c r="E12593" s="18"/>
      <c r="F12593" s="18"/>
      <c r="G12593" s="18"/>
      <c r="H12593" s="18"/>
      <c r="I12593" s="18"/>
      <c r="J12593" s="18"/>
      <c r="K12593" s="18"/>
      <c r="L12593" s="18"/>
      <c r="M12593" s="18"/>
      <c r="N12593" s="18"/>
      <c r="O12593" s="18"/>
      <c r="P12593" s="19"/>
      <c r="Q12593" s="19"/>
      <c r="R12593" s="19"/>
      <c r="S12593" s="19"/>
      <c r="T12593" s="19"/>
      <c r="U12593" s="19"/>
      <c r="V12593" s="19"/>
      <c r="W12593" s="19"/>
      <c r="X12593" s="19"/>
      <c r="Y12593" s="19"/>
      <c r="Z12593" s="19"/>
      <c r="AA12593" s="19"/>
    </row>
    <row r="12594" spans="1:27" s="1" customFormat="1" ht="11.1" customHeight="1" outlineLevel="3" x14ac:dyDescent="0.2">
      <c r="A12594" s="17">
        <v>10225</v>
      </c>
      <c r="B12594" s="17"/>
      <c r="C12594" s="17"/>
      <c r="D12594" s="18" t="s">
        <v>6254</v>
      </c>
      <c r="E12594" s="18"/>
      <c r="F12594" s="18"/>
      <c r="G12594" s="18"/>
      <c r="H12594" s="18"/>
      <c r="I12594" s="18"/>
      <c r="J12594" s="18"/>
      <c r="K12594" s="18"/>
      <c r="L12594" s="18"/>
      <c r="M12594" s="18"/>
      <c r="N12594" s="18"/>
      <c r="O12594" s="18"/>
      <c r="P12594" s="19">
        <v>100</v>
      </c>
      <c r="Q12594" s="19"/>
      <c r="R12594" s="19"/>
      <c r="S12594" s="19"/>
      <c r="T12594" s="19">
        <v>70</v>
      </c>
      <c r="U12594" s="19"/>
      <c r="V12594" s="19"/>
      <c r="W12594" s="19"/>
      <c r="X12594" s="19">
        <v>2</v>
      </c>
      <c r="Y12594" s="19"/>
      <c r="Z12594" s="19"/>
      <c r="AA12594" s="19"/>
    </row>
    <row r="12595" spans="1:27" s="1" customFormat="1" ht="11.1" customHeight="1" outlineLevel="3" x14ac:dyDescent="0.2">
      <c r="A12595" s="17"/>
      <c r="B12595" s="17"/>
      <c r="C12595" s="17"/>
      <c r="D12595" s="18"/>
      <c r="E12595" s="18"/>
      <c r="F12595" s="18"/>
      <c r="G12595" s="18"/>
      <c r="H12595" s="18"/>
      <c r="I12595" s="18"/>
      <c r="J12595" s="18"/>
      <c r="K12595" s="18"/>
      <c r="L12595" s="18"/>
      <c r="M12595" s="18"/>
      <c r="N12595" s="18"/>
      <c r="O12595" s="18"/>
      <c r="P12595" s="19"/>
      <c r="Q12595" s="19"/>
      <c r="R12595" s="19"/>
      <c r="S12595" s="19"/>
      <c r="T12595" s="19"/>
      <c r="U12595" s="19"/>
      <c r="V12595" s="19"/>
      <c r="W12595" s="19"/>
      <c r="X12595" s="19"/>
      <c r="Y12595" s="19"/>
      <c r="Z12595" s="19"/>
      <c r="AA12595" s="19"/>
    </row>
    <row r="12596" spans="1:27" s="1" customFormat="1" ht="11.1" customHeight="1" outlineLevel="3" x14ac:dyDescent="0.2">
      <c r="A12596" s="17">
        <v>9428</v>
      </c>
      <c r="B12596" s="17"/>
      <c r="C12596" s="17"/>
      <c r="D12596" s="18" t="s">
        <v>6255</v>
      </c>
      <c r="E12596" s="18"/>
      <c r="F12596" s="18"/>
      <c r="G12596" s="18"/>
      <c r="H12596" s="18"/>
      <c r="I12596" s="18"/>
      <c r="J12596" s="18"/>
      <c r="K12596" s="18"/>
      <c r="L12596" s="18"/>
      <c r="M12596" s="18"/>
      <c r="N12596" s="18"/>
      <c r="O12596" s="18"/>
      <c r="P12596" s="19">
        <v>100</v>
      </c>
      <c r="Q12596" s="19"/>
      <c r="R12596" s="19"/>
      <c r="S12596" s="19"/>
      <c r="T12596" s="19">
        <v>70</v>
      </c>
      <c r="U12596" s="19"/>
      <c r="V12596" s="19"/>
      <c r="W12596" s="19"/>
      <c r="X12596" s="19">
        <v>1</v>
      </c>
      <c r="Y12596" s="19"/>
      <c r="Z12596" s="19"/>
      <c r="AA12596" s="19"/>
    </row>
    <row r="12597" spans="1:27" s="1" customFormat="1" ht="11.1" customHeight="1" outlineLevel="3" x14ac:dyDescent="0.2">
      <c r="A12597" s="17"/>
      <c r="B12597" s="17"/>
      <c r="C12597" s="17"/>
      <c r="D12597" s="18"/>
      <c r="E12597" s="18"/>
      <c r="F12597" s="18"/>
      <c r="G12597" s="18"/>
      <c r="H12597" s="18"/>
      <c r="I12597" s="18"/>
      <c r="J12597" s="18"/>
      <c r="K12597" s="18"/>
      <c r="L12597" s="18"/>
      <c r="M12597" s="18"/>
      <c r="N12597" s="18"/>
      <c r="O12597" s="18"/>
      <c r="P12597" s="19"/>
      <c r="Q12597" s="19"/>
      <c r="R12597" s="19"/>
      <c r="S12597" s="19"/>
      <c r="T12597" s="19"/>
      <c r="U12597" s="19"/>
      <c r="V12597" s="19"/>
      <c r="W12597" s="19"/>
      <c r="X12597" s="19"/>
      <c r="Y12597" s="19"/>
      <c r="Z12597" s="19"/>
      <c r="AA12597" s="19"/>
    </row>
    <row r="12598" spans="1:27" s="1" customFormat="1" ht="11.1" customHeight="1" outlineLevel="3" x14ac:dyDescent="0.2">
      <c r="A12598" s="17">
        <v>7507</v>
      </c>
      <c r="B12598" s="17"/>
      <c r="C12598" s="17"/>
      <c r="D12598" s="18" t="s">
        <v>6256</v>
      </c>
      <c r="E12598" s="18"/>
      <c r="F12598" s="18"/>
      <c r="G12598" s="18"/>
      <c r="H12598" s="18"/>
      <c r="I12598" s="18"/>
      <c r="J12598" s="18"/>
      <c r="K12598" s="18"/>
      <c r="L12598" s="18"/>
      <c r="M12598" s="18"/>
      <c r="N12598" s="18"/>
      <c r="O12598" s="18"/>
      <c r="P12598" s="19">
        <v>100</v>
      </c>
      <c r="Q12598" s="19"/>
      <c r="R12598" s="19"/>
      <c r="S12598" s="19"/>
      <c r="T12598" s="19">
        <v>70</v>
      </c>
      <c r="U12598" s="19"/>
      <c r="V12598" s="19"/>
      <c r="W12598" s="19"/>
      <c r="X12598" s="19">
        <v>2</v>
      </c>
      <c r="Y12598" s="19"/>
      <c r="Z12598" s="19"/>
      <c r="AA12598" s="19"/>
    </row>
    <row r="12599" spans="1:27" s="1" customFormat="1" ht="11.1" customHeight="1" outlineLevel="3" x14ac:dyDescent="0.2">
      <c r="A12599" s="17"/>
      <c r="B12599" s="17"/>
      <c r="C12599" s="17"/>
      <c r="D12599" s="18"/>
      <c r="E12599" s="18"/>
      <c r="F12599" s="18"/>
      <c r="G12599" s="18"/>
      <c r="H12599" s="18"/>
      <c r="I12599" s="18"/>
      <c r="J12599" s="18"/>
      <c r="K12599" s="18"/>
      <c r="L12599" s="18"/>
      <c r="M12599" s="18"/>
      <c r="N12599" s="18"/>
      <c r="O12599" s="18"/>
      <c r="P12599" s="19"/>
      <c r="Q12599" s="19"/>
      <c r="R12599" s="19"/>
      <c r="S12599" s="19"/>
      <c r="T12599" s="19"/>
      <c r="U12599" s="19"/>
      <c r="V12599" s="19"/>
      <c r="W12599" s="19"/>
      <c r="X12599" s="19"/>
      <c r="Y12599" s="19"/>
      <c r="Z12599" s="19"/>
      <c r="AA12599" s="19"/>
    </row>
    <row r="12600" spans="1:27" s="1" customFormat="1" ht="11.1" customHeight="1" outlineLevel="3" x14ac:dyDescent="0.2">
      <c r="A12600" s="17">
        <v>11256</v>
      </c>
      <c r="B12600" s="17"/>
      <c r="C12600" s="17"/>
      <c r="D12600" s="18" t="s">
        <v>6257</v>
      </c>
      <c r="E12600" s="18"/>
      <c r="F12600" s="18"/>
      <c r="G12600" s="18"/>
      <c r="H12600" s="18"/>
      <c r="I12600" s="18"/>
      <c r="J12600" s="18"/>
      <c r="K12600" s="18"/>
      <c r="L12600" s="18"/>
      <c r="M12600" s="18"/>
      <c r="N12600" s="18"/>
      <c r="O12600" s="18"/>
      <c r="P12600" s="19">
        <v>100</v>
      </c>
      <c r="Q12600" s="19"/>
      <c r="R12600" s="19"/>
      <c r="S12600" s="19"/>
      <c r="T12600" s="19">
        <v>70</v>
      </c>
      <c r="U12600" s="19"/>
      <c r="V12600" s="19"/>
      <c r="W12600" s="19"/>
      <c r="X12600" s="19">
        <v>1</v>
      </c>
      <c r="Y12600" s="19"/>
      <c r="Z12600" s="19"/>
      <c r="AA12600" s="19"/>
    </row>
    <row r="12601" spans="1:27" s="1" customFormat="1" ht="11.1" customHeight="1" outlineLevel="3" x14ac:dyDescent="0.2">
      <c r="A12601" s="17"/>
      <c r="B12601" s="17"/>
      <c r="C12601" s="17"/>
      <c r="D12601" s="18"/>
      <c r="E12601" s="18"/>
      <c r="F12601" s="18"/>
      <c r="G12601" s="18"/>
      <c r="H12601" s="18"/>
      <c r="I12601" s="18"/>
      <c r="J12601" s="18"/>
      <c r="K12601" s="18"/>
      <c r="L12601" s="18"/>
      <c r="M12601" s="18"/>
      <c r="N12601" s="18"/>
      <c r="O12601" s="18"/>
      <c r="P12601" s="19"/>
      <c r="Q12601" s="19"/>
      <c r="R12601" s="19"/>
      <c r="S12601" s="19"/>
      <c r="T12601" s="19"/>
      <c r="U12601" s="19"/>
      <c r="V12601" s="19"/>
      <c r="W12601" s="19"/>
      <c r="X12601" s="19"/>
      <c r="Y12601" s="19"/>
      <c r="Z12601" s="19"/>
      <c r="AA12601" s="19"/>
    </row>
    <row r="12602" spans="1:27" s="1" customFormat="1" ht="14.1" customHeight="1" outlineLevel="3" x14ac:dyDescent="0.2">
      <c r="A12602" s="17">
        <v>14553</v>
      </c>
      <c r="B12602" s="17"/>
      <c r="C12602" s="17"/>
      <c r="D12602" s="18" t="s">
        <v>6258</v>
      </c>
      <c r="E12602" s="18"/>
      <c r="F12602" s="18"/>
      <c r="G12602" s="18"/>
      <c r="H12602" s="18"/>
      <c r="I12602" s="18"/>
      <c r="J12602" s="18"/>
      <c r="K12602" s="18"/>
      <c r="L12602" s="18"/>
      <c r="M12602" s="18"/>
      <c r="N12602" s="18"/>
      <c r="O12602" s="18"/>
      <c r="P12602" s="19">
        <v>100</v>
      </c>
      <c r="Q12602" s="19"/>
      <c r="R12602" s="19"/>
      <c r="S12602" s="19"/>
      <c r="T12602" s="19">
        <v>70</v>
      </c>
      <c r="U12602" s="19"/>
      <c r="V12602" s="19"/>
      <c r="W12602" s="19"/>
      <c r="X12602" s="19">
        <v>1</v>
      </c>
      <c r="Y12602" s="19"/>
      <c r="Z12602" s="19"/>
      <c r="AA12602" s="19"/>
    </row>
    <row r="12603" spans="1:27" s="1" customFormat="1" ht="14.1" customHeight="1" outlineLevel="3" x14ac:dyDescent="0.2">
      <c r="A12603" s="17"/>
      <c r="B12603" s="17"/>
      <c r="C12603" s="17"/>
      <c r="D12603" s="18"/>
      <c r="E12603" s="18"/>
      <c r="F12603" s="18"/>
      <c r="G12603" s="18"/>
      <c r="H12603" s="18"/>
      <c r="I12603" s="18"/>
      <c r="J12603" s="18"/>
      <c r="K12603" s="18"/>
      <c r="L12603" s="18"/>
      <c r="M12603" s="18"/>
      <c r="N12603" s="18"/>
      <c r="O12603" s="18"/>
      <c r="P12603" s="19"/>
      <c r="Q12603" s="19"/>
      <c r="R12603" s="19"/>
      <c r="S12603" s="19"/>
      <c r="T12603" s="19"/>
      <c r="U12603" s="19"/>
      <c r="V12603" s="19"/>
      <c r="W12603" s="19"/>
      <c r="X12603" s="19"/>
      <c r="Y12603" s="19"/>
      <c r="Z12603" s="19"/>
      <c r="AA12603" s="19"/>
    </row>
    <row r="12604" spans="1:27" s="1" customFormat="1" ht="11.1" customHeight="1" outlineLevel="3" x14ac:dyDescent="0.2">
      <c r="A12604" s="17">
        <v>14552</v>
      </c>
      <c r="B12604" s="17"/>
      <c r="C12604" s="17"/>
      <c r="D12604" s="18" t="s">
        <v>6259</v>
      </c>
      <c r="E12604" s="18"/>
      <c r="F12604" s="18"/>
      <c r="G12604" s="18"/>
      <c r="H12604" s="18"/>
      <c r="I12604" s="18"/>
      <c r="J12604" s="18"/>
      <c r="K12604" s="18"/>
      <c r="L12604" s="18"/>
      <c r="M12604" s="18"/>
      <c r="N12604" s="18"/>
      <c r="O12604" s="18"/>
      <c r="P12604" s="19">
        <v>100</v>
      </c>
      <c r="Q12604" s="19"/>
      <c r="R12604" s="19"/>
      <c r="S12604" s="19"/>
      <c r="T12604" s="19">
        <v>70</v>
      </c>
      <c r="U12604" s="19"/>
      <c r="V12604" s="19"/>
      <c r="W12604" s="19"/>
      <c r="X12604" s="19">
        <v>1</v>
      </c>
      <c r="Y12604" s="19"/>
      <c r="Z12604" s="19"/>
      <c r="AA12604" s="19"/>
    </row>
    <row r="12605" spans="1:27" s="1" customFormat="1" ht="11.1" customHeight="1" outlineLevel="3" x14ac:dyDescent="0.2">
      <c r="A12605" s="17"/>
      <c r="B12605" s="17"/>
      <c r="C12605" s="17"/>
      <c r="D12605" s="18"/>
      <c r="E12605" s="18"/>
      <c r="F12605" s="18"/>
      <c r="G12605" s="18"/>
      <c r="H12605" s="18"/>
      <c r="I12605" s="18"/>
      <c r="J12605" s="18"/>
      <c r="K12605" s="18"/>
      <c r="L12605" s="18"/>
      <c r="M12605" s="18"/>
      <c r="N12605" s="18"/>
      <c r="O12605" s="18"/>
      <c r="P12605" s="19"/>
      <c r="Q12605" s="19"/>
      <c r="R12605" s="19"/>
      <c r="S12605" s="19"/>
      <c r="T12605" s="19"/>
      <c r="U12605" s="19"/>
      <c r="V12605" s="19"/>
      <c r="W12605" s="19"/>
      <c r="X12605" s="19"/>
      <c r="Y12605" s="19"/>
      <c r="Z12605" s="19"/>
      <c r="AA12605" s="19"/>
    </row>
    <row r="12606" spans="1:27" s="1" customFormat="1" ht="11.1" customHeight="1" outlineLevel="3" x14ac:dyDescent="0.2">
      <c r="A12606" s="17">
        <v>7506</v>
      </c>
      <c r="B12606" s="17"/>
      <c r="C12606" s="17"/>
      <c r="D12606" s="18" t="s">
        <v>6260</v>
      </c>
      <c r="E12606" s="18"/>
      <c r="F12606" s="18"/>
      <c r="G12606" s="18"/>
      <c r="H12606" s="18"/>
      <c r="I12606" s="18"/>
      <c r="J12606" s="18"/>
      <c r="K12606" s="18"/>
      <c r="L12606" s="18"/>
      <c r="M12606" s="18"/>
      <c r="N12606" s="18"/>
      <c r="O12606" s="18"/>
      <c r="P12606" s="19">
        <v>100</v>
      </c>
      <c r="Q12606" s="19"/>
      <c r="R12606" s="19"/>
      <c r="S12606" s="19"/>
      <c r="T12606" s="19">
        <v>70</v>
      </c>
      <c r="U12606" s="19"/>
      <c r="V12606" s="19"/>
      <c r="W12606" s="19"/>
      <c r="X12606" s="19">
        <v>3</v>
      </c>
      <c r="Y12606" s="19"/>
      <c r="Z12606" s="19"/>
      <c r="AA12606" s="19"/>
    </row>
    <row r="12607" spans="1:27" s="1" customFormat="1" ht="11.1" customHeight="1" outlineLevel="3" x14ac:dyDescent="0.2">
      <c r="A12607" s="17"/>
      <c r="B12607" s="17"/>
      <c r="C12607" s="17"/>
      <c r="D12607" s="18"/>
      <c r="E12607" s="18"/>
      <c r="F12607" s="18"/>
      <c r="G12607" s="18"/>
      <c r="H12607" s="18"/>
      <c r="I12607" s="18"/>
      <c r="J12607" s="18"/>
      <c r="K12607" s="18"/>
      <c r="L12607" s="18"/>
      <c r="M12607" s="18"/>
      <c r="N12607" s="18"/>
      <c r="O12607" s="18"/>
      <c r="P12607" s="19"/>
      <c r="Q12607" s="19"/>
      <c r="R12607" s="19"/>
      <c r="S12607" s="19"/>
      <c r="T12607" s="19"/>
      <c r="U12607" s="19"/>
      <c r="V12607" s="19"/>
      <c r="W12607" s="19"/>
      <c r="X12607" s="19"/>
      <c r="Y12607" s="19"/>
      <c r="Z12607" s="19"/>
      <c r="AA12607" s="19"/>
    </row>
    <row r="12608" spans="1:27" s="1" customFormat="1" ht="11.1" customHeight="1" outlineLevel="3" x14ac:dyDescent="0.2">
      <c r="A12608" s="17">
        <v>15889</v>
      </c>
      <c r="B12608" s="17"/>
      <c r="C12608" s="17"/>
      <c r="D12608" s="18" t="s">
        <v>6260</v>
      </c>
      <c r="E12608" s="18"/>
      <c r="F12608" s="18"/>
      <c r="G12608" s="18"/>
      <c r="H12608" s="18"/>
      <c r="I12608" s="18"/>
      <c r="J12608" s="18"/>
      <c r="K12608" s="18"/>
      <c r="L12608" s="18"/>
      <c r="M12608" s="18"/>
      <c r="N12608" s="18"/>
      <c r="O12608" s="18"/>
      <c r="P12608" s="19">
        <v>150</v>
      </c>
      <c r="Q12608" s="19"/>
      <c r="R12608" s="19"/>
      <c r="S12608" s="19"/>
      <c r="T12608" s="19">
        <v>85</v>
      </c>
      <c r="U12608" s="19"/>
      <c r="V12608" s="19"/>
      <c r="W12608" s="19"/>
      <c r="X12608" s="19">
        <v>3</v>
      </c>
      <c r="Y12608" s="19"/>
      <c r="Z12608" s="19"/>
      <c r="AA12608" s="19"/>
    </row>
    <row r="12609" spans="1:27" s="1" customFormat="1" ht="11.1" customHeight="1" outlineLevel="3" x14ac:dyDescent="0.2">
      <c r="A12609" s="17"/>
      <c r="B12609" s="17"/>
      <c r="C12609" s="17"/>
      <c r="D12609" s="18"/>
      <c r="E12609" s="18"/>
      <c r="F12609" s="18"/>
      <c r="G12609" s="18"/>
      <c r="H12609" s="18"/>
      <c r="I12609" s="18"/>
      <c r="J12609" s="18"/>
      <c r="K12609" s="18"/>
      <c r="L12609" s="18"/>
      <c r="M12609" s="18"/>
      <c r="N12609" s="18"/>
      <c r="O12609" s="18"/>
      <c r="P12609" s="19"/>
      <c r="Q12609" s="19"/>
      <c r="R12609" s="19"/>
      <c r="S12609" s="19"/>
      <c r="T12609" s="19"/>
      <c r="U12609" s="19"/>
      <c r="V12609" s="19"/>
      <c r="W12609" s="19"/>
      <c r="X12609" s="19"/>
      <c r="Y12609" s="19"/>
      <c r="Z12609" s="19"/>
      <c r="AA12609" s="19"/>
    </row>
    <row r="12610" spans="1:27" s="1" customFormat="1" ht="11.1" customHeight="1" outlineLevel="3" x14ac:dyDescent="0.2">
      <c r="A12610" s="17">
        <v>10224</v>
      </c>
      <c r="B12610" s="17"/>
      <c r="C12610" s="17"/>
      <c r="D12610" s="18" t="s">
        <v>6261</v>
      </c>
      <c r="E12610" s="18"/>
      <c r="F12610" s="18"/>
      <c r="G12610" s="18"/>
      <c r="H12610" s="18"/>
      <c r="I12610" s="18"/>
      <c r="J12610" s="18"/>
      <c r="K12610" s="18"/>
      <c r="L12610" s="18"/>
      <c r="M12610" s="18"/>
      <c r="N12610" s="18"/>
      <c r="O12610" s="18"/>
      <c r="P12610" s="19">
        <v>100</v>
      </c>
      <c r="Q12610" s="19"/>
      <c r="R12610" s="19"/>
      <c r="S12610" s="19"/>
      <c r="T12610" s="19">
        <v>70</v>
      </c>
      <c r="U12610" s="19"/>
      <c r="V12610" s="19"/>
      <c r="W12610" s="19"/>
      <c r="X12610" s="19">
        <v>7</v>
      </c>
      <c r="Y12610" s="19"/>
      <c r="Z12610" s="19"/>
      <c r="AA12610" s="19"/>
    </row>
    <row r="12611" spans="1:27" s="1" customFormat="1" ht="11.1" customHeight="1" outlineLevel="3" x14ac:dyDescent="0.2">
      <c r="A12611" s="17"/>
      <c r="B12611" s="17"/>
      <c r="C12611" s="17"/>
      <c r="D12611" s="18"/>
      <c r="E12611" s="18"/>
      <c r="F12611" s="18"/>
      <c r="G12611" s="18"/>
      <c r="H12611" s="18"/>
      <c r="I12611" s="18"/>
      <c r="J12611" s="18"/>
      <c r="K12611" s="18"/>
      <c r="L12611" s="18"/>
      <c r="M12611" s="18"/>
      <c r="N12611" s="18"/>
      <c r="O12611" s="18"/>
      <c r="P12611" s="19"/>
      <c r="Q12611" s="19"/>
      <c r="R12611" s="19"/>
      <c r="S12611" s="19"/>
      <c r="T12611" s="19"/>
      <c r="U12611" s="19"/>
      <c r="V12611" s="19"/>
      <c r="W12611" s="19"/>
      <c r="X12611" s="19"/>
      <c r="Y12611" s="19"/>
      <c r="Z12611" s="19"/>
      <c r="AA12611" s="19"/>
    </row>
    <row r="12612" spans="1:27" s="1" customFormat="1" ht="11.1" customHeight="1" outlineLevel="3" x14ac:dyDescent="0.2">
      <c r="A12612" s="17">
        <v>10231</v>
      </c>
      <c r="B12612" s="17"/>
      <c r="C12612" s="17"/>
      <c r="D12612" s="18" t="s">
        <v>6262</v>
      </c>
      <c r="E12612" s="18"/>
      <c r="F12612" s="18"/>
      <c r="G12612" s="18"/>
      <c r="H12612" s="18"/>
      <c r="I12612" s="18"/>
      <c r="J12612" s="18"/>
      <c r="K12612" s="18"/>
      <c r="L12612" s="18"/>
      <c r="M12612" s="18"/>
      <c r="N12612" s="18"/>
      <c r="O12612" s="18"/>
      <c r="P12612" s="19">
        <v>100</v>
      </c>
      <c r="Q12612" s="19"/>
      <c r="R12612" s="19"/>
      <c r="S12612" s="19"/>
      <c r="T12612" s="19">
        <v>70</v>
      </c>
      <c r="U12612" s="19"/>
      <c r="V12612" s="19"/>
      <c r="W12612" s="19"/>
      <c r="X12612" s="19">
        <v>5</v>
      </c>
      <c r="Y12612" s="19"/>
      <c r="Z12612" s="19"/>
      <c r="AA12612" s="19"/>
    </row>
    <row r="12613" spans="1:27" s="1" customFormat="1" ht="11.1" customHeight="1" outlineLevel="3" x14ac:dyDescent="0.2">
      <c r="A12613" s="17"/>
      <c r="B12613" s="17"/>
      <c r="C12613" s="17"/>
      <c r="D12613" s="18"/>
      <c r="E12613" s="18"/>
      <c r="F12613" s="18"/>
      <c r="G12613" s="18"/>
      <c r="H12613" s="18"/>
      <c r="I12613" s="18"/>
      <c r="J12613" s="18"/>
      <c r="K12613" s="18"/>
      <c r="L12613" s="18"/>
      <c r="M12613" s="18"/>
      <c r="N12613" s="18"/>
      <c r="O12613" s="18"/>
      <c r="P12613" s="19"/>
      <c r="Q12613" s="19"/>
      <c r="R12613" s="19"/>
      <c r="S12613" s="19"/>
      <c r="T12613" s="19"/>
      <c r="U12613" s="19"/>
      <c r="V12613" s="19"/>
      <c r="W12613" s="19"/>
      <c r="X12613" s="19"/>
      <c r="Y12613" s="19"/>
      <c r="Z12613" s="19"/>
      <c r="AA12613" s="19"/>
    </row>
    <row r="12614" spans="1:27" s="1" customFormat="1" ht="11.1" customHeight="1" outlineLevel="3" x14ac:dyDescent="0.2">
      <c r="A12614" s="17">
        <v>10229</v>
      </c>
      <c r="B12614" s="17"/>
      <c r="C12614" s="17"/>
      <c r="D12614" s="18" t="s">
        <v>6263</v>
      </c>
      <c r="E12614" s="18"/>
      <c r="F12614" s="18"/>
      <c r="G12614" s="18"/>
      <c r="H12614" s="18"/>
      <c r="I12614" s="18"/>
      <c r="J12614" s="18"/>
      <c r="K12614" s="18"/>
      <c r="L12614" s="18"/>
      <c r="M12614" s="18"/>
      <c r="N12614" s="18"/>
      <c r="O12614" s="18"/>
      <c r="P12614" s="19">
        <v>100</v>
      </c>
      <c r="Q12614" s="19"/>
      <c r="R12614" s="19"/>
      <c r="S12614" s="19"/>
      <c r="T12614" s="19">
        <v>70</v>
      </c>
      <c r="U12614" s="19"/>
      <c r="V12614" s="19"/>
      <c r="W12614" s="19"/>
      <c r="X12614" s="19">
        <v>8</v>
      </c>
      <c r="Y12614" s="19"/>
      <c r="Z12614" s="19"/>
      <c r="AA12614" s="19"/>
    </row>
    <row r="12615" spans="1:27" s="1" customFormat="1" ht="11.1" customHeight="1" outlineLevel="3" x14ac:dyDescent="0.2">
      <c r="A12615" s="17"/>
      <c r="B12615" s="17"/>
      <c r="C12615" s="17"/>
      <c r="D12615" s="18"/>
      <c r="E12615" s="18"/>
      <c r="F12615" s="18"/>
      <c r="G12615" s="18"/>
      <c r="H12615" s="18"/>
      <c r="I12615" s="18"/>
      <c r="J12615" s="18"/>
      <c r="K12615" s="18"/>
      <c r="L12615" s="18"/>
      <c r="M12615" s="18"/>
      <c r="N12615" s="18"/>
      <c r="O12615" s="18"/>
      <c r="P12615" s="19"/>
      <c r="Q12615" s="19"/>
      <c r="R12615" s="19"/>
      <c r="S12615" s="19"/>
      <c r="T12615" s="19"/>
      <c r="U12615" s="19"/>
      <c r="V12615" s="19"/>
      <c r="W12615" s="19"/>
      <c r="X12615" s="19"/>
      <c r="Y12615" s="19"/>
      <c r="Z12615" s="19"/>
      <c r="AA12615" s="19"/>
    </row>
    <row r="12616" spans="1:27" s="1" customFormat="1" ht="11.1" customHeight="1" outlineLevel="3" x14ac:dyDescent="0.2">
      <c r="A12616" s="17">
        <v>10228</v>
      </c>
      <c r="B12616" s="17"/>
      <c r="C12616" s="17"/>
      <c r="D12616" s="18" t="s">
        <v>6264</v>
      </c>
      <c r="E12616" s="18"/>
      <c r="F12616" s="18"/>
      <c r="G12616" s="18"/>
      <c r="H12616" s="18"/>
      <c r="I12616" s="18"/>
      <c r="J12616" s="18"/>
      <c r="K12616" s="18"/>
      <c r="L12616" s="18"/>
      <c r="M12616" s="18"/>
      <c r="N12616" s="18"/>
      <c r="O12616" s="18"/>
      <c r="P12616" s="19">
        <v>100</v>
      </c>
      <c r="Q12616" s="19"/>
      <c r="R12616" s="19"/>
      <c r="S12616" s="19"/>
      <c r="T12616" s="19">
        <v>70</v>
      </c>
      <c r="U12616" s="19"/>
      <c r="V12616" s="19"/>
      <c r="W12616" s="19"/>
      <c r="X12616" s="19">
        <v>6</v>
      </c>
      <c r="Y12616" s="19"/>
      <c r="Z12616" s="19"/>
      <c r="AA12616" s="19"/>
    </row>
    <row r="12617" spans="1:27" s="1" customFormat="1" ht="11.1" customHeight="1" outlineLevel="3" x14ac:dyDescent="0.2">
      <c r="A12617" s="17"/>
      <c r="B12617" s="17"/>
      <c r="C12617" s="17"/>
      <c r="D12617" s="18"/>
      <c r="E12617" s="18"/>
      <c r="F12617" s="18"/>
      <c r="G12617" s="18"/>
      <c r="H12617" s="18"/>
      <c r="I12617" s="18"/>
      <c r="J12617" s="18"/>
      <c r="K12617" s="18"/>
      <c r="L12617" s="18"/>
      <c r="M12617" s="18"/>
      <c r="N12617" s="18"/>
      <c r="O12617" s="18"/>
      <c r="P12617" s="19"/>
      <c r="Q12617" s="19"/>
      <c r="R12617" s="19"/>
      <c r="S12617" s="19"/>
      <c r="T12617" s="19"/>
      <c r="U12617" s="19"/>
      <c r="V12617" s="19"/>
      <c r="W12617" s="19"/>
      <c r="X12617" s="19"/>
      <c r="Y12617" s="19"/>
      <c r="Z12617" s="19"/>
      <c r="AA12617" s="19"/>
    </row>
    <row r="12618" spans="1:27" s="1" customFormat="1" ht="11.1" customHeight="1" outlineLevel="3" x14ac:dyDescent="0.2">
      <c r="A12618" s="17">
        <v>10227</v>
      </c>
      <c r="B12618" s="17"/>
      <c r="C12618" s="17"/>
      <c r="D12618" s="18" t="s">
        <v>6265</v>
      </c>
      <c r="E12618" s="18"/>
      <c r="F12618" s="18"/>
      <c r="G12618" s="18"/>
      <c r="H12618" s="18"/>
      <c r="I12618" s="18"/>
      <c r="J12618" s="18"/>
      <c r="K12618" s="18"/>
      <c r="L12618" s="18"/>
      <c r="M12618" s="18"/>
      <c r="N12618" s="18"/>
      <c r="O12618" s="18"/>
      <c r="P12618" s="19">
        <v>100</v>
      </c>
      <c r="Q12618" s="19"/>
      <c r="R12618" s="19"/>
      <c r="S12618" s="19"/>
      <c r="T12618" s="19">
        <v>70</v>
      </c>
      <c r="U12618" s="19"/>
      <c r="V12618" s="19"/>
      <c r="W12618" s="19"/>
      <c r="X12618" s="19">
        <v>5</v>
      </c>
      <c r="Y12618" s="19"/>
      <c r="Z12618" s="19"/>
      <c r="AA12618" s="19"/>
    </row>
    <row r="12619" spans="1:27" s="1" customFormat="1" ht="11.1" customHeight="1" outlineLevel="3" x14ac:dyDescent="0.2">
      <c r="A12619" s="17"/>
      <c r="B12619" s="17"/>
      <c r="C12619" s="17"/>
      <c r="D12619" s="18"/>
      <c r="E12619" s="18"/>
      <c r="F12619" s="18"/>
      <c r="G12619" s="18"/>
      <c r="H12619" s="18"/>
      <c r="I12619" s="18"/>
      <c r="J12619" s="18"/>
      <c r="K12619" s="18"/>
      <c r="L12619" s="18"/>
      <c r="M12619" s="18"/>
      <c r="N12619" s="18"/>
      <c r="O12619" s="18"/>
      <c r="P12619" s="19"/>
      <c r="Q12619" s="19"/>
      <c r="R12619" s="19"/>
      <c r="S12619" s="19"/>
      <c r="T12619" s="19"/>
      <c r="U12619" s="19"/>
      <c r="V12619" s="19"/>
      <c r="W12619" s="19"/>
      <c r="X12619" s="19"/>
      <c r="Y12619" s="19"/>
      <c r="Z12619" s="19"/>
      <c r="AA12619" s="19"/>
    </row>
    <row r="12620" spans="1:27" s="1" customFormat="1" ht="11.1" customHeight="1" outlineLevel="3" x14ac:dyDescent="0.2">
      <c r="A12620" s="17">
        <v>10235</v>
      </c>
      <c r="B12620" s="17"/>
      <c r="C12620" s="17"/>
      <c r="D12620" s="18" t="s">
        <v>6266</v>
      </c>
      <c r="E12620" s="18"/>
      <c r="F12620" s="18"/>
      <c r="G12620" s="18"/>
      <c r="H12620" s="18"/>
      <c r="I12620" s="18"/>
      <c r="J12620" s="18"/>
      <c r="K12620" s="18"/>
      <c r="L12620" s="18"/>
      <c r="M12620" s="18"/>
      <c r="N12620" s="18"/>
      <c r="O12620" s="18"/>
      <c r="P12620" s="19">
        <v>100</v>
      </c>
      <c r="Q12620" s="19"/>
      <c r="R12620" s="19"/>
      <c r="S12620" s="19"/>
      <c r="T12620" s="19">
        <v>70</v>
      </c>
      <c r="U12620" s="19"/>
      <c r="V12620" s="19"/>
      <c r="W12620" s="19"/>
      <c r="X12620" s="19">
        <v>9</v>
      </c>
      <c r="Y12620" s="19"/>
      <c r="Z12620" s="19"/>
      <c r="AA12620" s="19"/>
    </row>
    <row r="12621" spans="1:27" s="1" customFormat="1" ht="11.1" customHeight="1" outlineLevel="3" x14ac:dyDescent="0.2">
      <c r="A12621" s="17"/>
      <c r="B12621" s="17"/>
      <c r="C12621" s="17"/>
      <c r="D12621" s="18"/>
      <c r="E12621" s="18"/>
      <c r="F12621" s="18"/>
      <c r="G12621" s="18"/>
      <c r="H12621" s="18"/>
      <c r="I12621" s="18"/>
      <c r="J12621" s="18"/>
      <c r="K12621" s="18"/>
      <c r="L12621" s="18"/>
      <c r="M12621" s="18"/>
      <c r="N12621" s="18"/>
      <c r="O12621" s="18"/>
      <c r="P12621" s="19"/>
      <c r="Q12621" s="19"/>
      <c r="R12621" s="19"/>
      <c r="S12621" s="19"/>
      <c r="T12621" s="19"/>
      <c r="U12621" s="19"/>
      <c r="V12621" s="19"/>
      <c r="W12621" s="19"/>
      <c r="X12621" s="19"/>
      <c r="Y12621" s="19"/>
      <c r="Z12621" s="19"/>
      <c r="AA12621" s="19"/>
    </row>
    <row r="12622" spans="1:27" s="1" customFormat="1" ht="11.1" customHeight="1" outlineLevel="3" x14ac:dyDescent="0.2">
      <c r="A12622" s="17">
        <v>10233</v>
      </c>
      <c r="B12622" s="17"/>
      <c r="C12622" s="17"/>
      <c r="D12622" s="18" t="s">
        <v>6267</v>
      </c>
      <c r="E12622" s="18"/>
      <c r="F12622" s="18"/>
      <c r="G12622" s="18"/>
      <c r="H12622" s="18"/>
      <c r="I12622" s="18"/>
      <c r="J12622" s="18"/>
      <c r="K12622" s="18"/>
      <c r="L12622" s="18"/>
      <c r="M12622" s="18"/>
      <c r="N12622" s="18"/>
      <c r="O12622" s="18"/>
      <c r="P12622" s="19">
        <v>100</v>
      </c>
      <c r="Q12622" s="19"/>
      <c r="R12622" s="19"/>
      <c r="S12622" s="19"/>
      <c r="T12622" s="19">
        <v>70</v>
      </c>
      <c r="U12622" s="19"/>
      <c r="V12622" s="19"/>
      <c r="W12622" s="19"/>
      <c r="X12622" s="19">
        <v>3</v>
      </c>
      <c r="Y12622" s="19"/>
      <c r="Z12622" s="19"/>
      <c r="AA12622" s="19"/>
    </row>
    <row r="12623" spans="1:27" s="1" customFormat="1" ht="11.1" customHeight="1" outlineLevel="3" x14ac:dyDescent="0.2">
      <c r="A12623" s="17"/>
      <c r="B12623" s="17"/>
      <c r="C12623" s="17"/>
      <c r="D12623" s="18"/>
      <c r="E12623" s="18"/>
      <c r="F12623" s="18"/>
      <c r="G12623" s="18"/>
      <c r="H12623" s="18"/>
      <c r="I12623" s="18"/>
      <c r="J12623" s="18"/>
      <c r="K12623" s="18"/>
      <c r="L12623" s="18"/>
      <c r="M12623" s="18"/>
      <c r="N12623" s="18"/>
      <c r="O12623" s="18"/>
      <c r="P12623" s="19"/>
      <c r="Q12623" s="19"/>
      <c r="R12623" s="19"/>
      <c r="S12623" s="19"/>
      <c r="T12623" s="19"/>
      <c r="U12623" s="19"/>
      <c r="V12623" s="19"/>
      <c r="W12623" s="19"/>
      <c r="X12623" s="19"/>
      <c r="Y12623" s="19"/>
      <c r="Z12623" s="19"/>
      <c r="AA12623" s="19"/>
    </row>
    <row r="12624" spans="1:27" s="1" customFormat="1" ht="11.1" customHeight="1" outlineLevel="3" x14ac:dyDescent="0.2">
      <c r="A12624" s="17">
        <v>10230</v>
      </c>
      <c r="B12624" s="17"/>
      <c r="C12624" s="17"/>
      <c r="D12624" s="18" t="s">
        <v>6268</v>
      </c>
      <c r="E12624" s="18"/>
      <c r="F12624" s="18"/>
      <c r="G12624" s="18"/>
      <c r="H12624" s="18"/>
      <c r="I12624" s="18"/>
      <c r="J12624" s="18"/>
      <c r="K12624" s="18"/>
      <c r="L12624" s="18"/>
      <c r="M12624" s="18"/>
      <c r="N12624" s="18"/>
      <c r="O12624" s="18"/>
      <c r="P12624" s="19">
        <v>100</v>
      </c>
      <c r="Q12624" s="19"/>
      <c r="R12624" s="19"/>
      <c r="S12624" s="19"/>
      <c r="T12624" s="19">
        <v>70</v>
      </c>
      <c r="U12624" s="19"/>
      <c r="V12624" s="19"/>
      <c r="W12624" s="19"/>
      <c r="X12624" s="19">
        <v>4</v>
      </c>
      <c r="Y12624" s="19"/>
      <c r="Z12624" s="19"/>
      <c r="AA12624" s="19"/>
    </row>
    <row r="12625" spans="1:27" s="1" customFormat="1" ht="11.1" customHeight="1" outlineLevel="3" x14ac:dyDescent="0.2">
      <c r="A12625" s="17"/>
      <c r="B12625" s="17"/>
      <c r="C12625" s="17"/>
      <c r="D12625" s="18"/>
      <c r="E12625" s="18"/>
      <c r="F12625" s="18"/>
      <c r="G12625" s="18"/>
      <c r="H12625" s="18"/>
      <c r="I12625" s="18"/>
      <c r="J12625" s="18"/>
      <c r="K12625" s="18"/>
      <c r="L12625" s="18"/>
      <c r="M12625" s="18"/>
      <c r="N12625" s="18"/>
      <c r="O12625" s="18"/>
      <c r="P12625" s="19"/>
      <c r="Q12625" s="19"/>
      <c r="R12625" s="19"/>
      <c r="S12625" s="19"/>
      <c r="T12625" s="19"/>
      <c r="U12625" s="19"/>
      <c r="V12625" s="19"/>
      <c r="W12625" s="19"/>
      <c r="X12625" s="19"/>
      <c r="Y12625" s="19"/>
      <c r="Z12625" s="19"/>
      <c r="AA12625" s="19"/>
    </row>
    <row r="12626" spans="1:27" s="1" customFormat="1" ht="11.1" customHeight="1" outlineLevel="3" x14ac:dyDescent="0.2">
      <c r="A12626" s="17">
        <v>11791</v>
      </c>
      <c r="B12626" s="17"/>
      <c r="C12626" s="17"/>
      <c r="D12626" s="18" t="s">
        <v>6269</v>
      </c>
      <c r="E12626" s="18"/>
      <c r="F12626" s="18"/>
      <c r="G12626" s="18"/>
      <c r="H12626" s="18"/>
      <c r="I12626" s="18"/>
      <c r="J12626" s="18"/>
      <c r="K12626" s="18"/>
      <c r="L12626" s="18"/>
      <c r="M12626" s="18"/>
      <c r="N12626" s="18"/>
      <c r="O12626" s="18"/>
      <c r="P12626" s="19">
        <v>100</v>
      </c>
      <c r="Q12626" s="19"/>
      <c r="R12626" s="19"/>
      <c r="S12626" s="19"/>
      <c r="T12626" s="19">
        <v>70</v>
      </c>
      <c r="U12626" s="19"/>
      <c r="V12626" s="19"/>
      <c r="W12626" s="19"/>
      <c r="X12626" s="19">
        <v>1</v>
      </c>
      <c r="Y12626" s="19"/>
      <c r="Z12626" s="19"/>
      <c r="AA12626" s="19"/>
    </row>
    <row r="12627" spans="1:27" s="1" customFormat="1" ht="11.1" customHeight="1" outlineLevel="3" x14ac:dyDescent="0.2">
      <c r="A12627" s="17"/>
      <c r="B12627" s="17"/>
      <c r="C12627" s="17"/>
      <c r="D12627" s="18"/>
      <c r="E12627" s="18"/>
      <c r="F12627" s="18"/>
      <c r="G12627" s="18"/>
      <c r="H12627" s="18"/>
      <c r="I12627" s="18"/>
      <c r="J12627" s="18"/>
      <c r="K12627" s="18"/>
      <c r="L12627" s="18"/>
      <c r="M12627" s="18"/>
      <c r="N12627" s="18"/>
      <c r="O12627" s="18"/>
      <c r="P12627" s="19"/>
      <c r="Q12627" s="19"/>
      <c r="R12627" s="19"/>
      <c r="S12627" s="19"/>
      <c r="T12627" s="19"/>
      <c r="U12627" s="19"/>
      <c r="V12627" s="19"/>
      <c r="W12627" s="19"/>
      <c r="X12627" s="19"/>
      <c r="Y12627" s="19"/>
      <c r="Z12627" s="19"/>
      <c r="AA12627" s="19"/>
    </row>
    <row r="12628" spans="1:27" s="1" customFormat="1" ht="11.1" customHeight="1" outlineLevel="3" x14ac:dyDescent="0.2">
      <c r="A12628" s="17">
        <v>10238</v>
      </c>
      <c r="B12628" s="17"/>
      <c r="C12628" s="17"/>
      <c r="D12628" s="18" t="s">
        <v>6270</v>
      </c>
      <c r="E12628" s="18"/>
      <c r="F12628" s="18"/>
      <c r="G12628" s="18"/>
      <c r="H12628" s="18"/>
      <c r="I12628" s="18"/>
      <c r="J12628" s="18"/>
      <c r="K12628" s="18"/>
      <c r="L12628" s="18"/>
      <c r="M12628" s="18"/>
      <c r="N12628" s="18"/>
      <c r="O12628" s="18"/>
      <c r="P12628" s="19">
        <v>100</v>
      </c>
      <c r="Q12628" s="19"/>
      <c r="R12628" s="19"/>
      <c r="S12628" s="19"/>
      <c r="T12628" s="19">
        <v>70</v>
      </c>
      <c r="U12628" s="19"/>
      <c r="V12628" s="19"/>
      <c r="W12628" s="19"/>
      <c r="X12628" s="19">
        <v>3</v>
      </c>
      <c r="Y12628" s="19"/>
      <c r="Z12628" s="19"/>
      <c r="AA12628" s="19"/>
    </row>
    <row r="12629" spans="1:27" s="1" customFormat="1" ht="11.1" customHeight="1" outlineLevel="3" x14ac:dyDescent="0.2">
      <c r="A12629" s="17"/>
      <c r="B12629" s="17"/>
      <c r="C12629" s="17"/>
      <c r="D12629" s="18"/>
      <c r="E12629" s="18"/>
      <c r="F12629" s="18"/>
      <c r="G12629" s="18"/>
      <c r="H12629" s="18"/>
      <c r="I12629" s="18"/>
      <c r="J12629" s="18"/>
      <c r="K12629" s="18"/>
      <c r="L12629" s="18"/>
      <c r="M12629" s="18"/>
      <c r="N12629" s="18"/>
      <c r="O12629" s="18"/>
      <c r="P12629" s="19"/>
      <c r="Q12629" s="19"/>
      <c r="R12629" s="19"/>
      <c r="S12629" s="19"/>
      <c r="T12629" s="19"/>
      <c r="U12629" s="19"/>
      <c r="V12629" s="19"/>
      <c r="W12629" s="19"/>
      <c r="X12629" s="19"/>
      <c r="Y12629" s="19"/>
      <c r="Z12629" s="19"/>
      <c r="AA12629" s="19"/>
    </row>
    <row r="12630" spans="1:27" s="1" customFormat="1" ht="11.1" customHeight="1" outlineLevel="3" x14ac:dyDescent="0.2">
      <c r="A12630" s="17">
        <v>10234</v>
      </c>
      <c r="B12630" s="17"/>
      <c r="C12630" s="17"/>
      <c r="D12630" s="18" t="s">
        <v>6271</v>
      </c>
      <c r="E12630" s="18"/>
      <c r="F12630" s="18"/>
      <c r="G12630" s="18"/>
      <c r="H12630" s="18"/>
      <c r="I12630" s="18"/>
      <c r="J12630" s="18"/>
      <c r="K12630" s="18"/>
      <c r="L12630" s="18"/>
      <c r="M12630" s="18"/>
      <c r="N12630" s="18"/>
      <c r="O12630" s="18"/>
      <c r="P12630" s="19">
        <v>100</v>
      </c>
      <c r="Q12630" s="19"/>
      <c r="R12630" s="19"/>
      <c r="S12630" s="19"/>
      <c r="T12630" s="19">
        <v>70</v>
      </c>
      <c r="U12630" s="19"/>
      <c r="V12630" s="19"/>
      <c r="W12630" s="19"/>
      <c r="X12630" s="19">
        <v>4</v>
      </c>
      <c r="Y12630" s="19"/>
      <c r="Z12630" s="19"/>
      <c r="AA12630" s="19"/>
    </row>
    <row r="12631" spans="1:27" s="1" customFormat="1" ht="11.1" customHeight="1" outlineLevel="3" x14ac:dyDescent="0.2">
      <c r="A12631" s="17"/>
      <c r="B12631" s="17"/>
      <c r="C12631" s="17"/>
      <c r="D12631" s="18"/>
      <c r="E12631" s="18"/>
      <c r="F12631" s="18"/>
      <c r="G12631" s="18"/>
      <c r="H12631" s="18"/>
      <c r="I12631" s="18"/>
      <c r="J12631" s="18"/>
      <c r="K12631" s="18"/>
      <c r="L12631" s="18"/>
      <c r="M12631" s="18"/>
      <c r="N12631" s="18"/>
      <c r="O12631" s="18"/>
      <c r="P12631" s="19"/>
      <c r="Q12631" s="19"/>
      <c r="R12631" s="19"/>
      <c r="S12631" s="19"/>
      <c r="T12631" s="19"/>
      <c r="U12631" s="19"/>
      <c r="V12631" s="19"/>
      <c r="W12631" s="19"/>
      <c r="X12631" s="19"/>
      <c r="Y12631" s="19"/>
      <c r="Z12631" s="19"/>
      <c r="AA12631" s="19"/>
    </row>
    <row r="12632" spans="1:27" s="1" customFormat="1" ht="11.1" customHeight="1" outlineLevel="3" x14ac:dyDescent="0.2">
      <c r="A12632" s="17">
        <v>10236</v>
      </c>
      <c r="B12632" s="17"/>
      <c r="C12632" s="17"/>
      <c r="D12632" s="18" t="s">
        <v>6272</v>
      </c>
      <c r="E12632" s="18"/>
      <c r="F12632" s="18"/>
      <c r="G12632" s="18"/>
      <c r="H12632" s="18"/>
      <c r="I12632" s="18"/>
      <c r="J12632" s="18"/>
      <c r="K12632" s="18"/>
      <c r="L12632" s="18"/>
      <c r="M12632" s="18"/>
      <c r="N12632" s="18"/>
      <c r="O12632" s="18"/>
      <c r="P12632" s="19">
        <v>150</v>
      </c>
      <c r="Q12632" s="19"/>
      <c r="R12632" s="19"/>
      <c r="S12632" s="19"/>
      <c r="T12632" s="19">
        <v>85</v>
      </c>
      <c r="U12632" s="19"/>
      <c r="V12632" s="19"/>
      <c r="W12632" s="19"/>
      <c r="X12632" s="19">
        <v>5</v>
      </c>
      <c r="Y12632" s="19"/>
      <c r="Z12632" s="19"/>
      <c r="AA12632" s="19"/>
    </row>
    <row r="12633" spans="1:27" s="1" customFormat="1" ht="11.1" customHeight="1" outlineLevel="3" x14ac:dyDescent="0.2">
      <c r="A12633" s="17"/>
      <c r="B12633" s="17"/>
      <c r="C12633" s="17"/>
      <c r="D12633" s="18"/>
      <c r="E12633" s="18"/>
      <c r="F12633" s="18"/>
      <c r="G12633" s="18"/>
      <c r="H12633" s="18"/>
      <c r="I12633" s="18"/>
      <c r="J12633" s="18"/>
      <c r="K12633" s="18"/>
      <c r="L12633" s="18"/>
      <c r="M12633" s="18"/>
      <c r="N12633" s="18"/>
      <c r="O12633" s="18"/>
      <c r="P12633" s="19"/>
      <c r="Q12633" s="19"/>
      <c r="R12633" s="19"/>
      <c r="S12633" s="19"/>
      <c r="T12633" s="19"/>
      <c r="U12633" s="19"/>
      <c r="V12633" s="19"/>
      <c r="W12633" s="19"/>
      <c r="X12633" s="19"/>
      <c r="Y12633" s="19"/>
      <c r="Z12633" s="19"/>
      <c r="AA12633" s="19"/>
    </row>
    <row r="12634" spans="1:27" s="1" customFormat="1" ht="11.1" customHeight="1" outlineLevel="3" x14ac:dyDescent="0.2">
      <c r="A12634" s="17">
        <v>10232</v>
      </c>
      <c r="B12634" s="17"/>
      <c r="C12634" s="17"/>
      <c r="D12634" s="18" t="s">
        <v>6273</v>
      </c>
      <c r="E12634" s="18"/>
      <c r="F12634" s="18"/>
      <c r="G12634" s="18"/>
      <c r="H12634" s="18"/>
      <c r="I12634" s="18"/>
      <c r="J12634" s="18"/>
      <c r="K12634" s="18"/>
      <c r="L12634" s="18"/>
      <c r="M12634" s="18"/>
      <c r="N12634" s="18"/>
      <c r="O12634" s="18"/>
      <c r="P12634" s="19">
        <v>100</v>
      </c>
      <c r="Q12634" s="19"/>
      <c r="R12634" s="19"/>
      <c r="S12634" s="19"/>
      <c r="T12634" s="19">
        <v>70</v>
      </c>
      <c r="U12634" s="19"/>
      <c r="V12634" s="19"/>
      <c r="W12634" s="19"/>
      <c r="X12634" s="19">
        <v>7</v>
      </c>
      <c r="Y12634" s="19"/>
      <c r="Z12634" s="19"/>
      <c r="AA12634" s="19"/>
    </row>
    <row r="12635" spans="1:27" s="1" customFormat="1" ht="11.1" customHeight="1" outlineLevel="3" x14ac:dyDescent="0.2">
      <c r="A12635" s="17"/>
      <c r="B12635" s="17"/>
      <c r="C12635" s="17"/>
      <c r="D12635" s="18"/>
      <c r="E12635" s="18"/>
      <c r="F12635" s="18"/>
      <c r="G12635" s="18"/>
      <c r="H12635" s="18"/>
      <c r="I12635" s="18"/>
      <c r="J12635" s="18"/>
      <c r="K12635" s="18"/>
      <c r="L12635" s="18"/>
      <c r="M12635" s="18"/>
      <c r="N12635" s="18"/>
      <c r="O12635" s="18"/>
      <c r="P12635" s="19"/>
      <c r="Q12635" s="19"/>
      <c r="R12635" s="19"/>
      <c r="S12635" s="19"/>
      <c r="T12635" s="19"/>
      <c r="U12635" s="19"/>
      <c r="V12635" s="19"/>
      <c r="W12635" s="19"/>
      <c r="X12635" s="19"/>
      <c r="Y12635" s="19"/>
      <c r="Z12635" s="19"/>
      <c r="AA12635" s="19"/>
    </row>
    <row r="12636" spans="1:27" s="1" customFormat="1" ht="11.1" customHeight="1" outlineLevel="3" x14ac:dyDescent="0.2">
      <c r="A12636" s="17">
        <v>15890</v>
      </c>
      <c r="B12636" s="17"/>
      <c r="C12636" s="17"/>
      <c r="D12636" s="18" t="s">
        <v>6274</v>
      </c>
      <c r="E12636" s="18"/>
      <c r="F12636" s="18"/>
      <c r="G12636" s="18"/>
      <c r="H12636" s="18"/>
      <c r="I12636" s="18"/>
      <c r="J12636" s="18"/>
      <c r="K12636" s="18"/>
      <c r="L12636" s="18"/>
      <c r="M12636" s="18"/>
      <c r="N12636" s="18"/>
      <c r="O12636" s="18"/>
      <c r="P12636" s="19">
        <v>150</v>
      </c>
      <c r="Q12636" s="19"/>
      <c r="R12636" s="19"/>
      <c r="S12636" s="19"/>
      <c r="T12636" s="19">
        <v>85</v>
      </c>
      <c r="U12636" s="19"/>
      <c r="V12636" s="19"/>
      <c r="W12636" s="19"/>
      <c r="X12636" s="19">
        <v>10</v>
      </c>
      <c r="Y12636" s="19"/>
      <c r="Z12636" s="19"/>
      <c r="AA12636" s="19"/>
    </row>
    <row r="12637" spans="1:27" s="1" customFormat="1" ht="11.1" customHeight="1" outlineLevel="3" x14ac:dyDescent="0.2">
      <c r="A12637" s="17"/>
      <c r="B12637" s="17"/>
      <c r="C12637" s="17"/>
      <c r="D12637" s="18"/>
      <c r="E12637" s="18"/>
      <c r="F12637" s="18"/>
      <c r="G12637" s="18"/>
      <c r="H12637" s="18"/>
      <c r="I12637" s="18"/>
      <c r="J12637" s="18"/>
      <c r="K12637" s="18"/>
      <c r="L12637" s="18"/>
      <c r="M12637" s="18"/>
      <c r="N12637" s="18"/>
      <c r="O12637" s="18"/>
      <c r="P12637" s="19"/>
      <c r="Q12637" s="19"/>
      <c r="R12637" s="19"/>
      <c r="S12637" s="19"/>
      <c r="T12637" s="19"/>
      <c r="U12637" s="19"/>
      <c r="V12637" s="19"/>
      <c r="W12637" s="19"/>
      <c r="X12637" s="19"/>
      <c r="Y12637" s="19"/>
      <c r="Z12637" s="19"/>
      <c r="AA12637" s="19"/>
    </row>
    <row r="12638" spans="1:27" s="1" customFormat="1" ht="11.1" customHeight="1" outlineLevel="3" x14ac:dyDescent="0.2">
      <c r="A12638" s="17">
        <v>12390</v>
      </c>
      <c r="B12638" s="17"/>
      <c r="C12638" s="17"/>
      <c r="D12638" s="18" t="s">
        <v>6275</v>
      </c>
      <c r="E12638" s="18"/>
      <c r="F12638" s="18"/>
      <c r="G12638" s="18"/>
      <c r="H12638" s="18"/>
      <c r="I12638" s="18"/>
      <c r="J12638" s="18"/>
      <c r="K12638" s="18"/>
      <c r="L12638" s="18"/>
      <c r="M12638" s="18"/>
      <c r="N12638" s="18"/>
      <c r="O12638" s="18"/>
      <c r="P12638" s="19">
        <v>250</v>
      </c>
      <c r="Q12638" s="19"/>
      <c r="R12638" s="19"/>
      <c r="S12638" s="19"/>
      <c r="T12638" s="19">
        <v>150</v>
      </c>
      <c r="U12638" s="19"/>
      <c r="V12638" s="19"/>
      <c r="W12638" s="19"/>
      <c r="X12638" s="19">
        <v>1</v>
      </c>
      <c r="Y12638" s="19"/>
      <c r="Z12638" s="19"/>
      <c r="AA12638" s="19"/>
    </row>
    <row r="12639" spans="1:27" s="1" customFormat="1" ht="11.1" customHeight="1" outlineLevel="3" x14ac:dyDescent="0.2">
      <c r="A12639" s="17"/>
      <c r="B12639" s="17"/>
      <c r="C12639" s="17"/>
      <c r="D12639" s="18"/>
      <c r="E12639" s="18"/>
      <c r="F12639" s="18"/>
      <c r="G12639" s="18"/>
      <c r="H12639" s="18"/>
      <c r="I12639" s="18"/>
      <c r="J12639" s="18"/>
      <c r="K12639" s="18"/>
      <c r="L12639" s="18"/>
      <c r="M12639" s="18"/>
      <c r="N12639" s="18"/>
      <c r="O12639" s="18"/>
      <c r="P12639" s="19"/>
      <c r="Q12639" s="19"/>
      <c r="R12639" s="19"/>
      <c r="S12639" s="19"/>
      <c r="T12639" s="19"/>
      <c r="U12639" s="19"/>
      <c r="V12639" s="19"/>
      <c r="W12639" s="19"/>
      <c r="X12639" s="19"/>
      <c r="Y12639" s="19"/>
      <c r="Z12639" s="19"/>
      <c r="AA12639" s="19"/>
    </row>
    <row r="12640" spans="1:27" s="1" customFormat="1" ht="11.1" customHeight="1" outlineLevel="3" x14ac:dyDescent="0.2">
      <c r="A12640" s="17">
        <v>12391</v>
      </c>
      <c r="B12640" s="17"/>
      <c r="C12640" s="17"/>
      <c r="D12640" s="18" t="s">
        <v>6276</v>
      </c>
      <c r="E12640" s="18"/>
      <c r="F12640" s="18"/>
      <c r="G12640" s="18"/>
      <c r="H12640" s="18"/>
      <c r="I12640" s="18"/>
      <c r="J12640" s="18"/>
      <c r="K12640" s="18"/>
      <c r="L12640" s="18"/>
      <c r="M12640" s="18"/>
      <c r="N12640" s="18"/>
      <c r="O12640" s="18"/>
      <c r="P12640" s="19">
        <v>250</v>
      </c>
      <c r="Q12640" s="19"/>
      <c r="R12640" s="19"/>
      <c r="S12640" s="19"/>
      <c r="T12640" s="19">
        <v>150</v>
      </c>
      <c r="U12640" s="19"/>
      <c r="V12640" s="19"/>
      <c r="W12640" s="19"/>
      <c r="X12640" s="19">
        <v>1</v>
      </c>
      <c r="Y12640" s="19"/>
      <c r="Z12640" s="19"/>
      <c r="AA12640" s="19"/>
    </row>
    <row r="12641" spans="1:27" s="1" customFormat="1" ht="11.1" customHeight="1" outlineLevel="3" x14ac:dyDescent="0.2">
      <c r="A12641" s="17"/>
      <c r="B12641" s="17"/>
      <c r="C12641" s="17"/>
      <c r="D12641" s="18"/>
      <c r="E12641" s="18"/>
      <c r="F12641" s="18"/>
      <c r="G12641" s="18"/>
      <c r="H12641" s="18"/>
      <c r="I12641" s="18"/>
      <c r="J12641" s="18"/>
      <c r="K12641" s="18"/>
      <c r="L12641" s="18"/>
      <c r="M12641" s="18"/>
      <c r="N12641" s="18"/>
      <c r="O12641" s="18"/>
      <c r="P12641" s="19"/>
      <c r="Q12641" s="19"/>
      <c r="R12641" s="19"/>
      <c r="S12641" s="19"/>
      <c r="T12641" s="19"/>
      <c r="U12641" s="19"/>
      <c r="V12641" s="19"/>
      <c r="W12641" s="19"/>
      <c r="X12641" s="19"/>
      <c r="Y12641" s="19"/>
      <c r="Z12641" s="19"/>
      <c r="AA12641" s="19"/>
    </row>
    <row r="12642" spans="1:27" s="1" customFormat="1" ht="11.1" customHeight="1" outlineLevel="2" x14ac:dyDescent="0.2">
      <c r="A12642" s="16" t="s">
        <v>6277</v>
      </c>
      <c r="B12642" s="16"/>
      <c r="C12642" s="16"/>
      <c r="D12642" s="16"/>
      <c r="E12642" s="16"/>
      <c r="F12642" s="16"/>
      <c r="G12642" s="16"/>
      <c r="H12642" s="16"/>
      <c r="I12642" s="16"/>
      <c r="J12642" s="16"/>
      <c r="K12642" s="16"/>
      <c r="L12642" s="16"/>
      <c r="M12642" s="16"/>
      <c r="N12642" s="16"/>
      <c r="O12642" s="16"/>
      <c r="P12642" s="16"/>
      <c r="Q12642" s="16"/>
      <c r="R12642" s="16"/>
      <c r="S12642" s="16"/>
      <c r="T12642" s="16"/>
      <c r="U12642" s="16"/>
      <c r="V12642" s="16"/>
      <c r="W12642" s="16"/>
      <c r="X12642" s="16"/>
      <c r="Y12642" s="16"/>
      <c r="Z12642" s="16"/>
      <c r="AA12642" s="16"/>
    </row>
    <row r="12643" spans="1:27" s="1" customFormat="1" ht="11.1" customHeight="1" outlineLevel="2" x14ac:dyDescent="0.2">
      <c r="A12643" s="16"/>
      <c r="B12643" s="16"/>
      <c r="C12643" s="16"/>
      <c r="D12643" s="16"/>
      <c r="E12643" s="16"/>
      <c r="F12643" s="16"/>
      <c r="G12643" s="16"/>
      <c r="H12643" s="16"/>
      <c r="I12643" s="16"/>
      <c r="J12643" s="16"/>
      <c r="K12643" s="16"/>
      <c r="L12643" s="16"/>
      <c r="M12643" s="16"/>
      <c r="N12643" s="16"/>
      <c r="O12643" s="16"/>
      <c r="P12643" s="16"/>
      <c r="Q12643" s="16"/>
      <c r="R12643" s="16"/>
      <c r="S12643" s="16"/>
      <c r="T12643" s="16"/>
      <c r="U12643" s="16"/>
      <c r="V12643" s="16"/>
      <c r="W12643" s="16"/>
      <c r="X12643" s="16"/>
      <c r="Y12643" s="16"/>
      <c r="Z12643" s="16"/>
      <c r="AA12643" s="16"/>
    </row>
    <row r="12644" spans="1:27" s="1" customFormat="1" ht="11.1" customHeight="1" outlineLevel="3" x14ac:dyDescent="0.2">
      <c r="A12644" s="16" t="s">
        <v>1164</v>
      </c>
      <c r="B12644" s="16"/>
      <c r="C12644" s="16"/>
      <c r="D12644" s="16"/>
      <c r="E12644" s="16"/>
      <c r="F12644" s="16"/>
      <c r="G12644" s="16"/>
      <c r="H12644" s="16"/>
      <c r="I12644" s="16"/>
      <c r="J12644" s="16"/>
      <c r="K12644" s="16"/>
      <c r="L12644" s="16"/>
      <c r="M12644" s="16"/>
      <c r="N12644" s="16"/>
      <c r="O12644" s="16"/>
      <c r="P12644" s="16"/>
      <c r="Q12644" s="16"/>
      <c r="R12644" s="16"/>
      <c r="S12644" s="16"/>
      <c r="T12644" s="16"/>
      <c r="U12644" s="16"/>
      <c r="V12644" s="16"/>
      <c r="W12644" s="16"/>
      <c r="X12644" s="16"/>
      <c r="Y12644" s="16"/>
      <c r="Z12644" s="16"/>
      <c r="AA12644" s="16"/>
    </row>
    <row r="12645" spans="1:27" s="1" customFormat="1" ht="11.1" customHeight="1" outlineLevel="3" x14ac:dyDescent="0.2">
      <c r="A12645" s="16"/>
      <c r="B12645" s="16"/>
      <c r="C12645" s="16"/>
      <c r="D12645" s="16"/>
      <c r="E12645" s="16"/>
      <c r="F12645" s="16"/>
      <c r="G12645" s="16"/>
      <c r="H12645" s="16"/>
      <c r="I12645" s="16"/>
      <c r="J12645" s="16"/>
      <c r="K12645" s="16"/>
      <c r="L12645" s="16"/>
      <c r="M12645" s="16"/>
      <c r="N12645" s="16"/>
      <c r="O12645" s="16"/>
      <c r="P12645" s="16"/>
      <c r="Q12645" s="16"/>
      <c r="R12645" s="16"/>
      <c r="S12645" s="16"/>
      <c r="T12645" s="16"/>
      <c r="U12645" s="16"/>
      <c r="V12645" s="16"/>
      <c r="W12645" s="16"/>
      <c r="X12645" s="16"/>
      <c r="Y12645" s="16"/>
      <c r="Z12645" s="16"/>
      <c r="AA12645" s="16"/>
    </row>
    <row r="12646" spans="1:27" s="1" customFormat="1" ht="21" customHeight="1" outlineLevel="4" x14ac:dyDescent="0.2">
      <c r="A12646" s="17">
        <v>5038</v>
      </c>
      <c r="B12646" s="17"/>
      <c r="C12646" s="17"/>
      <c r="D12646" s="18" t="s">
        <v>6278</v>
      </c>
      <c r="E12646" s="18"/>
      <c r="F12646" s="18"/>
      <c r="G12646" s="18"/>
      <c r="H12646" s="18"/>
      <c r="I12646" s="18"/>
      <c r="J12646" s="18"/>
      <c r="K12646" s="18"/>
      <c r="L12646" s="18"/>
      <c r="M12646" s="18"/>
      <c r="N12646" s="18"/>
      <c r="O12646" s="18"/>
      <c r="P12646" s="19">
        <v>90</v>
      </c>
      <c r="Q12646" s="19"/>
      <c r="R12646" s="19"/>
      <c r="S12646" s="19"/>
      <c r="T12646" s="19">
        <v>25</v>
      </c>
      <c r="U12646" s="19"/>
      <c r="V12646" s="19"/>
      <c r="W12646" s="19"/>
      <c r="X12646" s="19">
        <v>2</v>
      </c>
      <c r="Y12646" s="19"/>
      <c r="Z12646" s="19"/>
      <c r="AA12646" s="19"/>
    </row>
    <row r="12647" spans="1:27" s="1" customFormat="1" ht="21" customHeight="1" outlineLevel="4" x14ac:dyDescent="0.2">
      <c r="A12647" s="17"/>
      <c r="B12647" s="17"/>
      <c r="C12647" s="17"/>
      <c r="D12647" s="18"/>
      <c r="E12647" s="18"/>
      <c r="F12647" s="18"/>
      <c r="G12647" s="18"/>
      <c r="H12647" s="18"/>
      <c r="I12647" s="18"/>
      <c r="J12647" s="18"/>
      <c r="K12647" s="18"/>
      <c r="L12647" s="18"/>
      <c r="M12647" s="18"/>
      <c r="N12647" s="18"/>
      <c r="O12647" s="18"/>
      <c r="P12647" s="19"/>
      <c r="Q12647" s="19"/>
      <c r="R12647" s="19"/>
      <c r="S12647" s="19"/>
      <c r="T12647" s="19"/>
      <c r="U12647" s="19"/>
      <c r="V12647" s="19"/>
      <c r="W12647" s="19"/>
      <c r="X12647" s="19"/>
      <c r="Y12647" s="19"/>
      <c r="Z12647" s="19"/>
      <c r="AA12647" s="19"/>
    </row>
    <row r="12648" spans="1:27" s="1" customFormat="1" ht="14.1" customHeight="1" outlineLevel="4" x14ac:dyDescent="0.2">
      <c r="A12648" s="17">
        <v>4902</v>
      </c>
      <c r="B12648" s="17"/>
      <c r="C12648" s="17"/>
      <c r="D12648" s="18" t="s">
        <v>6279</v>
      </c>
      <c r="E12648" s="18"/>
      <c r="F12648" s="18"/>
      <c r="G12648" s="18"/>
      <c r="H12648" s="18"/>
      <c r="I12648" s="18"/>
      <c r="J12648" s="18"/>
      <c r="K12648" s="18"/>
      <c r="L12648" s="18"/>
      <c r="M12648" s="18"/>
      <c r="N12648" s="18"/>
      <c r="O12648" s="18"/>
      <c r="P12648" s="19">
        <v>90</v>
      </c>
      <c r="Q12648" s="19"/>
      <c r="R12648" s="19"/>
      <c r="S12648" s="19"/>
      <c r="T12648" s="19">
        <v>25</v>
      </c>
      <c r="U12648" s="19"/>
      <c r="V12648" s="19"/>
      <c r="W12648" s="19"/>
      <c r="X12648" s="19">
        <v>1</v>
      </c>
      <c r="Y12648" s="19"/>
      <c r="Z12648" s="19"/>
      <c r="AA12648" s="19"/>
    </row>
    <row r="12649" spans="1:27" s="1" customFormat="1" ht="14.1" customHeight="1" outlineLevel="4" x14ac:dyDescent="0.2">
      <c r="A12649" s="17"/>
      <c r="B12649" s="17"/>
      <c r="C12649" s="17"/>
      <c r="D12649" s="18"/>
      <c r="E12649" s="18"/>
      <c r="F12649" s="18"/>
      <c r="G12649" s="18"/>
      <c r="H12649" s="18"/>
      <c r="I12649" s="18"/>
      <c r="J12649" s="18"/>
      <c r="K12649" s="18"/>
      <c r="L12649" s="18"/>
      <c r="M12649" s="18"/>
      <c r="N12649" s="18"/>
      <c r="O12649" s="18"/>
      <c r="P12649" s="19"/>
      <c r="Q12649" s="19"/>
      <c r="R12649" s="19"/>
      <c r="S12649" s="19"/>
      <c r="T12649" s="19"/>
      <c r="U12649" s="19"/>
      <c r="V12649" s="19"/>
      <c r="W12649" s="19"/>
      <c r="X12649" s="19"/>
      <c r="Y12649" s="19"/>
      <c r="Z12649" s="19"/>
      <c r="AA12649" s="19"/>
    </row>
    <row r="12650" spans="1:27" s="1" customFormat="1" ht="14.1" customHeight="1" outlineLevel="4" x14ac:dyDescent="0.2">
      <c r="A12650" s="17">
        <v>4903</v>
      </c>
      <c r="B12650" s="17"/>
      <c r="C12650" s="17"/>
      <c r="D12650" s="18" t="s">
        <v>6280</v>
      </c>
      <c r="E12650" s="18"/>
      <c r="F12650" s="18"/>
      <c r="G12650" s="18"/>
      <c r="H12650" s="18"/>
      <c r="I12650" s="18"/>
      <c r="J12650" s="18"/>
      <c r="K12650" s="18"/>
      <c r="L12650" s="18"/>
      <c r="M12650" s="18"/>
      <c r="N12650" s="18"/>
      <c r="O12650" s="18"/>
      <c r="P12650" s="19">
        <v>90</v>
      </c>
      <c r="Q12650" s="19"/>
      <c r="R12650" s="19"/>
      <c r="S12650" s="19"/>
      <c r="T12650" s="19">
        <v>25</v>
      </c>
      <c r="U12650" s="19"/>
      <c r="V12650" s="19"/>
      <c r="W12650" s="19"/>
      <c r="X12650" s="19">
        <v>1</v>
      </c>
      <c r="Y12650" s="19"/>
      <c r="Z12650" s="19"/>
      <c r="AA12650" s="19"/>
    </row>
    <row r="12651" spans="1:27" s="1" customFormat="1" ht="14.1" customHeight="1" outlineLevel="4" x14ac:dyDescent="0.2">
      <c r="A12651" s="17"/>
      <c r="B12651" s="17"/>
      <c r="C12651" s="17"/>
      <c r="D12651" s="18"/>
      <c r="E12651" s="18"/>
      <c r="F12651" s="18"/>
      <c r="G12651" s="18"/>
      <c r="H12651" s="18"/>
      <c r="I12651" s="18"/>
      <c r="J12651" s="18"/>
      <c r="K12651" s="18"/>
      <c r="L12651" s="18"/>
      <c r="M12651" s="18"/>
      <c r="N12651" s="18"/>
      <c r="O12651" s="18"/>
      <c r="P12651" s="19"/>
      <c r="Q12651" s="19"/>
      <c r="R12651" s="19"/>
      <c r="S12651" s="19"/>
      <c r="T12651" s="19"/>
      <c r="U12651" s="19"/>
      <c r="V12651" s="19"/>
      <c r="W12651" s="19"/>
      <c r="X12651" s="19"/>
      <c r="Y12651" s="19"/>
      <c r="Z12651" s="19"/>
      <c r="AA12651" s="19"/>
    </row>
    <row r="12652" spans="1:27" s="1" customFormat="1" ht="11.1" customHeight="1" outlineLevel="4" x14ac:dyDescent="0.2">
      <c r="A12652" s="17">
        <v>6376</v>
      </c>
      <c r="B12652" s="17"/>
      <c r="C12652" s="17"/>
      <c r="D12652" s="18" t="s">
        <v>6281</v>
      </c>
      <c r="E12652" s="18"/>
      <c r="F12652" s="18"/>
      <c r="G12652" s="18"/>
      <c r="H12652" s="18"/>
      <c r="I12652" s="18"/>
      <c r="J12652" s="18"/>
      <c r="K12652" s="18"/>
      <c r="L12652" s="18"/>
      <c r="M12652" s="18"/>
      <c r="N12652" s="18"/>
      <c r="O12652" s="18"/>
      <c r="P12652" s="19">
        <v>90</v>
      </c>
      <c r="Q12652" s="19"/>
      <c r="R12652" s="19"/>
      <c r="S12652" s="19"/>
      <c r="T12652" s="19">
        <v>25</v>
      </c>
      <c r="U12652" s="19"/>
      <c r="V12652" s="19"/>
      <c r="W12652" s="19"/>
      <c r="X12652" s="19">
        <v>2</v>
      </c>
      <c r="Y12652" s="19"/>
      <c r="Z12652" s="19"/>
      <c r="AA12652" s="19"/>
    </row>
    <row r="12653" spans="1:27" s="1" customFormat="1" ht="11.1" customHeight="1" outlineLevel="4" x14ac:dyDescent="0.2">
      <c r="A12653" s="17"/>
      <c r="B12653" s="17"/>
      <c r="C12653" s="17"/>
      <c r="D12653" s="18"/>
      <c r="E12653" s="18"/>
      <c r="F12653" s="18"/>
      <c r="G12653" s="18"/>
      <c r="H12653" s="18"/>
      <c r="I12653" s="18"/>
      <c r="J12653" s="18"/>
      <c r="K12653" s="18"/>
      <c r="L12653" s="18"/>
      <c r="M12653" s="18"/>
      <c r="N12653" s="18"/>
      <c r="O12653" s="18"/>
      <c r="P12653" s="19"/>
      <c r="Q12653" s="19"/>
      <c r="R12653" s="19"/>
      <c r="S12653" s="19"/>
      <c r="T12653" s="19"/>
      <c r="U12653" s="19"/>
      <c r="V12653" s="19"/>
      <c r="W12653" s="19"/>
      <c r="X12653" s="19"/>
      <c r="Y12653" s="19"/>
      <c r="Z12653" s="19"/>
      <c r="AA12653" s="19"/>
    </row>
    <row r="12654" spans="1:27" s="1" customFormat="1" ht="14.1" customHeight="1" outlineLevel="4" x14ac:dyDescent="0.2">
      <c r="A12654" s="17">
        <v>4905</v>
      </c>
      <c r="B12654" s="17"/>
      <c r="C12654" s="17"/>
      <c r="D12654" s="18" t="s">
        <v>6282</v>
      </c>
      <c r="E12654" s="18"/>
      <c r="F12654" s="18"/>
      <c r="G12654" s="18"/>
      <c r="H12654" s="18"/>
      <c r="I12654" s="18"/>
      <c r="J12654" s="18"/>
      <c r="K12654" s="18"/>
      <c r="L12654" s="18"/>
      <c r="M12654" s="18"/>
      <c r="N12654" s="18"/>
      <c r="O12654" s="18"/>
      <c r="P12654" s="19">
        <v>90</v>
      </c>
      <c r="Q12654" s="19"/>
      <c r="R12654" s="19"/>
      <c r="S12654" s="19"/>
      <c r="T12654" s="19">
        <v>25</v>
      </c>
      <c r="U12654" s="19"/>
      <c r="V12654" s="19"/>
      <c r="W12654" s="19"/>
      <c r="X12654" s="19">
        <v>1</v>
      </c>
      <c r="Y12654" s="19"/>
      <c r="Z12654" s="19"/>
      <c r="AA12654" s="19"/>
    </row>
    <row r="12655" spans="1:27" s="1" customFormat="1" ht="14.1" customHeight="1" outlineLevel="4" x14ac:dyDescent="0.2">
      <c r="A12655" s="17"/>
      <c r="B12655" s="17"/>
      <c r="C12655" s="17"/>
      <c r="D12655" s="18"/>
      <c r="E12655" s="18"/>
      <c r="F12655" s="18"/>
      <c r="G12655" s="18"/>
      <c r="H12655" s="18"/>
      <c r="I12655" s="18"/>
      <c r="J12655" s="18"/>
      <c r="K12655" s="18"/>
      <c r="L12655" s="18"/>
      <c r="M12655" s="18"/>
      <c r="N12655" s="18"/>
      <c r="O12655" s="18"/>
      <c r="P12655" s="19"/>
      <c r="Q12655" s="19"/>
      <c r="R12655" s="19"/>
      <c r="S12655" s="19"/>
      <c r="T12655" s="19"/>
      <c r="U12655" s="19"/>
      <c r="V12655" s="19"/>
      <c r="W12655" s="19"/>
      <c r="X12655" s="19"/>
      <c r="Y12655" s="19"/>
      <c r="Z12655" s="19"/>
      <c r="AA12655" s="19"/>
    </row>
    <row r="12656" spans="1:27" s="1" customFormat="1" ht="14.1" customHeight="1" outlineLevel="4" x14ac:dyDescent="0.2">
      <c r="A12656" s="17">
        <v>4906</v>
      </c>
      <c r="B12656" s="17"/>
      <c r="C12656" s="17"/>
      <c r="D12656" s="18" t="s">
        <v>6283</v>
      </c>
      <c r="E12656" s="18"/>
      <c r="F12656" s="18"/>
      <c r="G12656" s="18"/>
      <c r="H12656" s="18"/>
      <c r="I12656" s="18"/>
      <c r="J12656" s="18"/>
      <c r="K12656" s="18"/>
      <c r="L12656" s="18"/>
      <c r="M12656" s="18"/>
      <c r="N12656" s="18"/>
      <c r="O12656" s="18"/>
      <c r="P12656" s="19">
        <v>90</v>
      </c>
      <c r="Q12656" s="19"/>
      <c r="R12656" s="19"/>
      <c r="S12656" s="19"/>
      <c r="T12656" s="19">
        <v>25</v>
      </c>
      <c r="U12656" s="19"/>
      <c r="V12656" s="19"/>
      <c r="W12656" s="19"/>
      <c r="X12656" s="19">
        <v>1</v>
      </c>
      <c r="Y12656" s="19"/>
      <c r="Z12656" s="19"/>
      <c r="AA12656" s="19"/>
    </row>
    <row r="12657" spans="1:27" s="1" customFormat="1" ht="14.1" customHeight="1" outlineLevel="4" x14ac:dyDescent="0.2">
      <c r="A12657" s="17"/>
      <c r="B12657" s="17"/>
      <c r="C12657" s="17"/>
      <c r="D12657" s="18"/>
      <c r="E12657" s="18"/>
      <c r="F12657" s="18"/>
      <c r="G12657" s="18"/>
      <c r="H12657" s="18"/>
      <c r="I12657" s="18"/>
      <c r="J12657" s="18"/>
      <c r="K12657" s="18"/>
      <c r="L12657" s="18"/>
      <c r="M12657" s="18"/>
      <c r="N12657" s="18"/>
      <c r="O12657" s="18"/>
      <c r="P12657" s="19"/>
      <c r="Q12657" s="19"/>
      <c r="R12657" s="19"/>
      <c r="S12657" s="19"/>
      <c r="T12657" s="19"/>
      <c r="U12657" s="19"/>
      <c r="V12657" s="19"/>
      <c r="W12657" s="19"/>
      <c r="X12657" s="19"/>
      <c r="Y12657" s="19"/>
      <c r="Z12657" s="19"/>
      <c r="AA12657" s="19"/>
    </row>
    <row r="12658" spans="1:27" s="1" customFormat="1" ht="14.1" customHeight="1" outlineLevel="4" x14ac:dyDescent="0.2">
      <c r="A12658" s="17">
        <v>6286</v>
      </c>
      <c r="B12658" s="17"/>
      <c r="C12658" s="17"/>
      <c r="D12658" s="18" t="s">
        <v>6284</v>
      </c>
      <c r="E12658" s="18"/>
      <c r="F12658" s="18"/>
      <c r="G12658" s="18"/>
      <c r="H12658" s="18"/>
      <c r="I12658" s="18"/>
      <c r="J12658" s="18"/>
      <c r="K12658" s="18"/>
      <c r="L12658" s="18"/>
      <c r="M12658" s="18"/>
      <c r="N12658" s="18"/>
      <c r="O12658" s="18"/>
      <c r="P12658" s="19">
        <v>90</v>
      </c>
      <c r="Q12658" s="19"/>
      <c r="R12658" s="19"/>
      <c r="S12658" s="19"/>
      <c r="T12658" s="19">
        <v>25</v>
      </c>
      <c r="U12658" s="19"/>
      <c r="V12658" s="19"/>
      <c r="W12658" s="19"/>
      <c r="X12658" s="19">
        <v>1</v>
      </c>
      <c r="Y12658" s="19"/>
      <c r="Z12658" s="19"/>
      <c r="AA12658" s="19"/>
    </row>
    <row r="12659" spans="1:27" s="1" customFormat="1" ht="14.1" customHeight="1" outlineLevel="4" x14ac:dyDescent="0.2">
      <c r="A12659" s="17"/>
      <c r="B12659" s="17"/>
      <c r="C12659" s="17"/>
      <c r="D12659" s="18"/>
      <c r="E12659" s="18"/>
      <c r="F12659" s="18"/>
      <c r="G12659" s="18"/>
      <c r="H12659" s="18"/>
      <c r="I12659" s="18"/>
      <c r="J12659" s="18"/>
      <c r="K12659" s="18"/>
      <c r="L12659" s="18"/>
      <c r="M12659" s="18"/>
      <c r="N12659" s="18"/>
      <c r="O12659" s="18"/>
      <c r="P12659" s="19"/>
      <c r="Q12659" s="19"/>
      <c r="R12659" s="19"/>
      <c r="S12659" s="19"/>
      <c r="T12659" s="19"/>
      <c r="U12659" s="19"/>
      <c r="V12659" s="19"/>
      <c r="W12659" s="19"/>
      <c r="X12659" s="19"/>
      <c r="Y12659" s="19"/>
      <c r="Z12659" s="19"/>
      <c r="AA12659" s="19"/>
    </row>
    <row r="12660" spans="1:27" s="1" customFormat="1" ht="11.1" customHeight="1" outlineLevel="3" x14ac:dyDescent="0.2">
      <c r="A12660" s="16" t="s">
        <v>1468</v>
      </c>
      <c r="B12660" s="16"/>
      <c r="C12660" s="16"/>
      <c r="D12660" s="16"/>
      <c r="E12660" s="16"/>
      <c r="F12660" s="16"/>
      <c r="G12660" s="16"/>
      <c r="H12660" s="16"/>
      <c r="I12660" s="16"/>
      <c r="J12660" s="16"/>
      <c r="K12660" s="16"/>
      <c r="L12660" s="16"/>
      <c r="M12660" s="16"/>
      <c r="N12660" s="16"/>
      <c r="O12660" s="16"/>
      <c r="P12660" s="16"/>
      <c r="Q12660" s="16"/>
      <c r="R12660" s="16"/>
      <c r="S12660" s="16"/>
      <c r="T12660" s="16"/>
      <c r="U12660" s="16"/>
      <c r="V12660" s="16"/>
      <c r="W12660" s="16"/>
      <c r="X12660" s="16"/>
      <c r="Y12660" s="16"/>
      <c r="Z12660" s="16"/>
      <c r="AA12660" s="16"/>
    </row>
    <row r="12661" spans="1:27" s="1" customFormat="1" ht="11.1" customHeight="1" outlineLevel="3" x14ac:dyDescent="0.2">
      <c r="A12661" s="16"/>
      <c r="B12661" s="16"/>
      <c r="C12661" s="16"/>
      <c r="D12661" s="16"/>
      <c r="E12661" s="16"/>
      <c r="F12661" s="16"/>
      <c r="G12661" s="16"/>
      <c r="H12661" s="16"/>
      <c r="I12661" s="16"/>
      <c r="J12661" s="16"/>
      <c r="K12661" s="16"/>
      <c r="L12661" s="16"/>
      <c r="M12661" s="16"/>
      <c r="N12661" s="16"/>
      <c r="O12661" s="16"/>
      <c r="P12661" s="16"/>
      <c r="Q12661" s="16"/>
      <c r="R12661" s="16"/>
      <c r="S12661" s="16"/>
      <c r="T12661" s="16"/>
      <c r="U12661" s="16"/>
      <c r="V12661" s="16"/>
      <c r="W12661" s="16"/>
      <c r="X12661" s="16"/>
      <c r="Y12661" s="16"/>
      <c r="Z12661" s="16"/>
      <c r="AA12661" s="16"/>
    </row>
    <row r="12662" spans="1:27" s="1" customFormat="1" ht="11.1" customHeight="1" outlineLevel="4" x14ac:dyDescent="0.2">
      <c r="A12662" s="17">
        <v>9244</v>
      </c>
      <c r="B12662" s="17"/>
      <c r="C12662" s="17"/>
      <c r="D12662" s="18" t="s">
        <v>6285</v>
      </c>
      <c r="E12662" s="18"/>
      <c r="F12662" s="18"/>
      <c r="G12662" s="18"/>
      <c r="H12662" s="18"/>
      <c r="I12662" s="18"/>
      <c r="J12662" s="18"/>
      <c r="K12662" s="18"/>
      <c r="L12662" s="18"/>
      <c r="M12662" s="18"/>
      <c r="N12662" s="18"/>
      <c r="O12662" s="18"/>
      <c r="P12662" s="19">
        <v>90</v>
      </c>
      <c r="Q12662" s="19"/>
      <c r="R12662" s="19"/>
      <c r="S12662" s="19"/>
      <c r="T12662" s="19">
        <v>25</v>
      </c>
      <c r="U12662" s="19"/>
      <c r="V12662" s="19"/>
      <c r="W12662" s="19"/>
      <c r="X12662" s="19">
        <v>1</v>
      </c>
      <c r="Y12662" s="19"/>
      <c r="Z12662" s="19"/>
      <c r="AA12662" s="19"/>
    </row>
    <row r="12663" spans="1:27" s="1" customFormat="1" ht="11.1" customHeight="1" outlineLevel="4" x14ac:dyDescent="0.2">
      <c r="A12663" s="17"/>
      <c r="B12663" s="17"/>
      <c r="C12663" s="17"/>
      <c r="D12663" s="18"/>
      <c r="E12663" s="18"/>
      <c r="F12663" s="18"/>
      <c r="G12663" s="18"/>
      <c r="H12663" s="18"/>
      <c r="I12663" s="18"/>
      <c r="J12663" s="18"/>
      <c r="K12663" s="18"/>
      <c r="L12663" s="18"/>
      <c r="M12663" s="18"/>
      <c r="N12663" s="18"/>
      <c r="O12663" s="18"/>
      <c r="P12663" s="19"/>
      <c r="Q12663" s="19"/>
      <c r="R12663" s="19"/>
      <c r="S12663" s="19"/>
      <c r="T12663" s="19"/>
      <c r="U12663" s="19"/>
      <c r="V12663" s="19"/>
      <c r="W12663" s="19"/>
      <c r="X12663" s="19"/>
      <c r="Y12663" s="19"/>
      <c r="Z12663" s="19"/>
      <c r="AA12663" s="19"/>
    </row>
    <row r="12664" spans="1:27" s="1" customFormat="1" ht="11.1" customHeight="1" outlineLevel="3" x14ac:dyDescent="0.2">
      <c r="A12664" s="16" t="s">
        <v>1172</v>
      </c>
      <c r="B12664" s="16"/>
      <c r="C12664" s="16"/>
      <c r="D12664" s="16"/>
      <c r="E12664" s="16"/>
      <c r="F12664" s="16"/>
      <c r="G12664" s="16"/>
      <c r="H12664" s="16"/>
      <c r="I12664" s="16"/>
      <c r="J12664" s="16"/>
      <c r="K12664" s="16"/>
      <c r="L12664" s="16"/>
      <c r="M12664" s="16"/>
      <c r="N12664" s="16"/>
      <c r="O12664" s="16"/>
      <c r="P12664" s="16"/>
      <c r="Q12664" s="16"/>
      <c r="R12664" s="16"/>
      <c r="S12664" s="16"/>
      <c r="T12664" s="16"/>
      <c r="U12664" s="16"/>
      <c r="V12664" s="16"/>
      <c r="W12664" s="16"/>
      <c r="X12664" s="16"/>
      <c r="Y12664" s="16"/>
      <c r="Z12664" s="16"/>
      <c r="AA12664" s="16"/>
    </row>
    <row r="12665" spans="1:27" s="1" customFormat="1" ht="11.1" customHeight="1" outlineLevel="3" x14ac:dyDescent="0.2">
      <c r="A12665" s="16"/>
      <c r="B12665" s="16"/>
      <c r="C12665" s="16"/>
      <c r="D12665" s="16"/>
      <c r="E12665" s="16"/>
      <c r="F12665" s="16"/>
      <c r="G12665" s="16"/>
      <c r="H12665" s="16"/>
      <c r="I12665" s="16"/>
      <c r="J12665" s="16"/>
      <c r="K12665" s="16"/>
      <c r="L12665" s="16"/>
      <c r="M12665" s="16"/>
      <c r="N12665" s="16"/>
      <c r="O12665" s="16"/>
      <c r="P12665" s="16"/>
      <c r="Q12665" s="16"/>
      <c r="R12665" s="16"/>
      <c r="S12665" s="16"/>
      <c r="T12665" s="16"/>
      <c r="U12665" s="16"/>
      <c r="V12665" s="16"/>
      <c r="W12665" s="16"/>
      <c r="X12665" s="16"/>
      <c r="Y12665" s="16"/>
      <c r="Z12665" s="16"/>
      <c r="AA12665" s="16"/>
    </row>
    <row r="12666" spans="1:27" s="1" customFormat="1" ht="14.1" customHeight="1" outlineLevel="4" x14ac:dyDescent="0.2">
      <c r="A12666" s="17">
        <v>4142</v>
      </c>
      <c r="B12666" s="17"/>
      <c r="C12666" s="17"/>
      <c r="D12666" s="18" t="s">
        <v>6286</v>
      </c>
      <c r="E12666" s="18"/>
      <c r="F12666" s="18"/>
      <c r="G12666" s="18"/>
      <c r="H12666" s="18"/>
      <c r="I12666" s="18"/>
      <c r="J12666" s="18"/>
      <c r="K12666" s="18"/>
      <c r="L12666" s="18"/>
      <c r="M12666" s="18"/>
      <c r="N12666" s="18"/>
      <c r="O12666" s="18"/>
      <c r="P12666" s="19">
        <v>190</v>
      </c>
      <c r="Q12666" s="19"/>
      <c r="R12666" s="19"/>
      <c r="S12666" s="19"/>
      <c r="T12666" s="19">
        <v>25</v>
      </c>
      <c r="U12666" s="19"/>
      <c r="V12666" s="19"/>
      <c r="W12666" s="19"/>
      <c r="X12666" s="19">
        <v>1</v>
      </c>
      <c r="Y12666" s="19"/>
      <c r="Z12666" s="19"/>
      <c r="AA12666" s="19"/>
    </row>
    <row r="12667" spans="1:27" s="1" customFormat="1" ht="14.1" customHeight="1" outlineLevel="4" x14ac:dyDescent="0.2">
      <c r="A12667" s="17"/>
      <c r="B12667" s="17"/>
      <c r="C12667" s="17"/>
      <c r="D12667" s="18"/>
      <c r="E12667" s="18"/>
      <c r="F12667" s="18"/>
      <c r="G12667" s="18"/>
      <c r="H12667" s="18"/>
      <c r="I12667" s="18"/>
      <c r="J12667" s="18"/>
      <c r="K12667" s="18"/>
      <c r="L12667" s="18"/>
      <c r="M12667" s="18"/>
      <c r="N12667" s="18"/>
      <c r="O12667" s="18"/>
      <c r="P12667" s="19"/>
      <c r="Q12667" s="19"/>
      <c r="R12667" s="19"/>
      <c r="S12667" s="19"/>
      <c r="T12667" s="19"/>
      <c r="U12667" s="19"/>
      <c r="V12667" s="19"/>
      <c r="W12667" s="19"/>
      <c r="X12667" s="19"/>
      <c r="Y12667" s="19"/>
      <c r="Z12667" s="19"/>
      <c r="AA12667" s="19"/>
    </row>
    <row r="12668" spans="1:27" s="1" customFormat="1" ht="11.1" customHeight="1" outlineLevel="3" x14ac:dyDescent="0.2">
      <c r="A12668" s="16" t="s">
        <v>1175</v>
      </c>
      <c r="B12668" s="16"/>
      <c r="C12668" s="16"/>
      <c r="D12668" s="16"/>
      <c r="E12668" s="16"/>
      <c r="F12668" s="16"/>
      <c r="G12668" s="16"/>
      <c r="H12668" s="16"/>
      <c r="I12668" s="16"/>
      <c r="J12668" s="16"/>
      <c r="K12668" s="16"/>
      <c r="L12668" s="16"/>
      <c r="M12668" s="16"/>
      <c r="N12668" s="16"/>
      <c r="O12668" s="16"/>
      <c r="P12668" s="16"/>
      <c r="Q12668" s="16"/>
      <c r="R12668" s="16"/>
      <c r="S12668" s="16"/>
      <c r="T12668" s="16"/>
      <c r="U12668" s="16"/>
      <c r="V12668" s="16"/>
      <c r="W12668" s="16"/>
      <c r="X12668" s="16"/>
      <c r="Y12668" s="16"/>
      <c r="Z12668" s="16"/>
      <c r="AA12668" s="16"/>
    </row>
    <row r="12669" spans="1:27" s="1" customFormat="1" ht="11.1" customHeight="1" outlineLevel="3" x14ac:dyDescent="0.2">
      <c r="A12669" s="16"/>
      <c r="B12669" s="16"/>
      <c r="C12669" s="16"/>
      <c r="D12669" s="16"/>
      <c r="E12669" s="16"/>
      <c r="F12669" s="16"/>
      <c r="G12669" s="16"/>
      <c r="H12669" s="16"/>
      <c r="I12669" s="16"/>
      <c r="J12669" s="16"/>
      <c r="K12669" s="16"/>
      <c r="L12669" s="16"/>
      <c r="M12669" s="16"/>
      <c r="N12669" s="16"/>
      <c r="O12669" s="16"/>
      <c r="P12669" s="16"/>
      <c r="Q12669" s="16"/>
      <c r="R12669" s="16"/>
      <c r="S12669" s="16"/>
      <c r="T12669" s="16"/>
      <c r="U12669" s="16"/>
      <c r="V12669" s="16"/>
      <c r="W12669" s="16"/>
      <c r="X12669" s="16"/>
      <c r="Y12669" s="16"/>
      <c r="Z12669" s="16"/>
      <c r="AA12669" s="16"/>
    </row>
    <row r="12670" spans="1:27" s="1" customFormat="1" ht="11.1" customHeight="1" outlineLevel="4" x14ac:dyDescent="0.2">
      <c r="A12670" s="17">
        <v>15729</v>
      </c>
      <c r="B12670" s="17"/>
      <c r="C12670" s="17"/>
      <c r="D12670" s="18" t="s">
        <v>6287</v>
      </c>
      <c r="E12670" s="18"/>
      <c r="F12670" s="18"/>
      <c r="G12670" s="18"/>
      <c r="H12670" s="18"/>
      <c r="I12670" s="18"/>
      <c r="J12670" s="18"/>
      <c r="K12670" s="18"/>
      <c r="L12670" s="18"/>
      <c r="M12670" s="18"/>
      <c r="N12670" s="18"/>
      <c r="O12670" s="18"/>
      <c r="P12670" s="19">
        <v>200</v>
      </c>
      <c r="Q12670" s="19"/>
      <c r="R12670" s="19"/>
      <c r="S12670" s="19"/>
      <c r="T12670" s="19">
        <v>60</v>
      </c>
      <c r="U12670" s="19"/>
      <c r="V12670" s="19"/>
      <c r="W12670" s="19"/>
      <c r="X12670" s="19">
        <v>4</v>
      </c>
      <c r="Y12670" s="19"/>
      <c r="Z12670" s="19"/>
      <c r="AA12670" s="19"/>
    </row>
    <row r="12671" spans="1:27" s="1" customFormat="1" ht="11.1" customHeight="1" outlineLevel="4" x14ac:dyDescent="0.2">
      <c r="A12671" s="17"/>
      <c r="B12671" s="17"/>
      <c r="C12671" s="17"/>
      <c r="D12671" s="18"/>
      <c r="E12671" s="18"/>
      <c r="F12671" s="18"/>
      <c r="G12671" s="18"/>
      <c r="H12671" s="18"/>
      <c r="I12671" s="18"/>
      <c r="J12671" s="18"/>
      <c r="K12671" s="18"/>
      <c r="L12671" s="18"/>
      <c r="M12671" s="18"/>
      <c r="N12671" s="18"/>
      <c r="O12671" s="18"/>
      <c r="P12671" s="19"/>
      <c r="Q12671" s="19"/>
      <c r="R12671" s="19"/>
      <c r="S12671" s="19"/>
      <c r="T12671" s="19"/>
      <c r="U12671" s="19"/>
      <c r="V12671" s="19"/>
      <c r="W12671" s="19"/>
      <c r="X12671" s="19"/>
      <c r="Y12671" s="19"/>
      <c r="Z12671" s="19"/>
      <c r="AA12671" s="19"/>
    </row>
    <row r="12672" spans="1:27" s="1" customFormat="1" ht="14.1" customHeight="1" outlineLevel="4" x14ac:dyDescent="0.2">
      <c r="A12672" s="17">
        <v>7153</v>
      </c>
      <c r="B12672" s="17"/>
      <c r="C12672" s="17"/>
      <c r="D12672" s="18" t="s">
        <v>6288</v>
      </c>
      <c r="E12672" s="18"/>
      <c r="F12672" s="18"/>
      <c r="G12672" s="18"/>
      <c r="H12672" s="18"/>
      <c r="I12672" s="18"/>
      <c r="J12672" s="18"/>
      <c r="K12672" s="18"/>
      <c r="L12672" s="18"/>
      <c r="M12672" s="18"/>
      <c r="N12672" s="18"/>
      <c r="O12672" s="18"/>
      <c r="P12672" s="19">
        <v>200</v>
      </c>
      <c r="Q12672" s="19"/>
      <c r="R12672" s="19"/>
      <c r="S12672" s="19"/>
      <c r="T12672" s="19">
        <v>60</v>
      </c>
      <c r="U12672" s="19"/>
      <c r="V12672" s="19"/>
      <c r="W12672" s="19"/>
      <c r="X12672" s="19">
        <v>6</v>
      </c>
      <c r="Y12672" s="19"/>
      <c r="Z12672" s="19"/>
      <c r="AA12672" s="19"/>
    </row>
    <row r="12673" spans="1:27" s="1" customFormat="1" ht="14.1" customHeight="1" outlineLevel="4" x14ac:dyDescent="0.2">
      <c r="A12673" s="17"/>
      <c r="B12673" s="17"/>
      <c r="C12673" s="17"/>
      <c r="D12673" s="18"/>
      <c r="E12673" s="18"/>
      <c r="F12673" s="18"/>
      <c r="G12673" s="18"/>
      <c r="H12673" s="18"/>
      <c r="I12673" s="18"/>
      <c r="J12673" s="18"/>
      <c r="K12673" s="18"/>
      <c r="L12673" s="18"/>
      <c r="M12673" s="18"/>
      <c r="N12673" s="18"/>
      <c r="O12673" s="18"/>
      <c r="P12673" s="19"/>
      <c r="Q12673" s="19"/>
      <c r="R12673" s="19"/>
      <c r="S12673" s="19"/>
      <c r="T12673" s="19"/>
      <c r="U12673" s="19"/>
      <c r="V12673" s="19"/>
      <c r="W12673" s="19"/>
      <c r="X12673" s="19"/>
      <c r="Y12673" s="19"/>
      <c r="Z12673" s="19"/>
      <c r="AA12673" s="19"/>
    </row>
    <row r="12674" spans="1:27" s="1" customFormat="1" ht="14.1" customHeight="1" outlineLevel="4" x14ac:dyDescent="0.2">
      <c r="A12674" s="17">
        <v>7394</v>
      </c>
      <c r="B12674" s="17"/>
      <c r="C12674" s="17"/>
      <c r="D12674" s="18" t="s">
        <v>6289</v>
      </c>
      <c r="E12674" s="18"/>
      <c r="F12674" s="18"/>
      <c r="G12674" s="18"/>
      <c r="H12674" s="18"/>
      <c r="I12674" s="18"/>
      <c r="J12674" s="18"/>
      <c r="K12674" s="18"/>
      <c r="L12674" s="18"/>
      <c r="M12674" s="18"/>
      <c r="N12674" s="18"/>
      <c r="O12674" s="18"/>
      <c r="P12674" s="19">
        <v>200</v>
      </c>
      <c r="Q12674" s="19"/>
      <c r="R12674" s="19"/>
      <c r="S12674" s="19"/>
      <c r="T12674" s="19">
        <v>60</v>
      </c>
      <c r="U12674" s="19"/>
      <c r="V12674" s="19"/>
      <c r="W12674" s="19"/>
      <c r="X12674" s="19">
        <v>2</v>
      </c>
      <c r="Y12674" s="19"/>
      <c r="Z12674" s="19"/>
      <c r="AA12674" s="19"/>
    </row>
    <row r="12675" spans="1:27" s="1" customFormat="1" ht="14.1" customHeight="1" outlineLevel="4" x14ac:dyDescent="0.2">
      <c r="A12675" s="17"/>
      <c r="B12675" s="17"/>
      <c r="C12675" s="17"/>
      <c r="D12675" s="18"/>
      <c r="E12675" s="18"/>
      <c r="F12675" s="18"/>
      <c r="G12675" s="18"/>
      <c r="H12675" s="18"/>
      <c r="I12675" s="18"/>
      <c r="J12675" s="18"/>
      <c r="K12675" s="18"/>
      <c r="L12675" s="18"/>
      <c r="M12675" s="18"/>
      <c r="N12675" s="18"/>
      <c r="O12675" s="18"/>
      <c r="P12675" s="19"/>
      <c r="Q12675" s="19"/>
      <c r="R12675" s="19"/>
      <c r="S12675" s="19"/>
      <c r="T12675" s="19"/>
      <c r="U12675" s="19"/>
      <c r="V12675" s="19"/>
      <c r="W12675" s="19"/>
      <c r="X12675" s="19"/>
      <c r="Y12675" s="19"/>
      <c r="Z12675" s="19"/>
      <c r="AA12675" s="19"/>
    </row>
    <row r="12676" spans="1:27" s="1" customFormat="1" ht="14.1" customHeight="1" outlineLevel="4" x14ac:dyDescent="0.2">
      <c r="A12676" s="17">
        <v>6924</v>
      </c>
      <c r="B12676" s="17"/>
      <c r="C12676" s="17"/>
      <c r="D12676" s="18" t="s">
        <v>6290</v>
      </c>
      <c r="E12676" s="18"/>
      <c r="F12676" s="18"/>
      <c r="G12676" s="18"/>
      <c r="H12676" s="18"/>
      <c r="I12676" s="18"/>
      <c r="J12676" s="18"/>
      <c r="K12676" s="18"/>
      <c r="L12676" s="18"/>
      <c r="M12676" s="18"/>
      <c r="N12676" s="18"/>
      <c r="O12676" s="18"/>
      <c r="P12676" s="19">
        <v>200</v>
      </c>
      <c r="Q12676" s="19"/>
      <c r="R12676" s="19"/>
      <c r="S12676" s="19"/>
      <c r="T12676" s="19">
        <v>60</v>
      </c>
      <c r="U12676" s="19"/>
      <c r="V12676" s="19"/>
      <c r="W12676" s="19"/>
      <c r="X12676" s="19">
        <v>16</v>
      </c>
      <c r="Y12676" s="19"/>
      <c r="Z12676" s="19"/>
      <c r="AA12676" s="19"/>
    </row>
    <row r="12677" spans="1:27" s="1" customFormat="1" ht="14.1" customHeight="1" outlineLevel="4" x14ac:dyDescent="0.2">
      <c r="A12677" s="17"/>
      <c r="B12677" s="17"/>
      <c r="C12677" s="17"/>
      <c r="D12677" s="18"/>
      <c r="E12677" s="18"/>
      <c r="F12677" s="18"/>
      <c r="G12677" s="18"/>
      <c r="H12677" s="18"/>
      <c r="I12677" s="18"/>
      <c r="J12677" s="18"/>
      <c r="K12677" s="18"/>
      <c r="L12677" s="18"/>
      <c r="M12677" s="18"/>
      <c r="N12677" s="18"/>
      <c r="O12677" s="18"/>
      <c r="P12677" s="19"/>
      <c r="Q12677" s="19"/>
      <c r="R12677" s="19"/>
      <c r="S12677" s="19"/>
      <c r="T12677" s="19"/>
      <c r="U12677" s="19"/>
      <c r="V12677" s="19"/>
      <c r="W12677" s="19"/>
      <c r="X12677" s="19"/>
      <c r="Y12677" s="19"/>
      <c r="Z12677" s="19"/>
      <c r="AA12677" s="19"/>
    </row>
    <row r="12678" spans="1:27" s="1" customFormat="1" ht="11.1" customHeight="1" outlineLevel="4" x14ac:dyDescent="0.2">
      <c r="A12678" s="17">
        <v>8003</v>
      </c>
      <c r="B12678" s="17"/>
      <c r="C12678" s="17"/>
      <c r="D12678" s="18" t="s">
        <v>6291</v>
      </c>
      <c r="E12678" s="18"/>
      <c r="F12678" s="18"/>
      <c r="G12678" s="18"/>
      <c r="H12678" s="18"/>
      <c r="I12678" s="18"/>
      <c r="J12678" s="18"/>
      <c r="K12678" s="18"/>
      <c r="L12678" s="18"/>
      <c r="M12678" s="18"/>
      <c r="N12678" s="18"/>
      <c r="O12678" s="18"/>
      <c r="P12678" s="19">
        <v>200</v>
      </c>
      <c r="Q12678" s="19"/>
      <c r="R12678" s="19"/>
      <c r="S12678" s="19"/>
      <c r="T12678" s="19">
        <v>60</v>
      </c>
      <c r="U12678" s="19"/>
      <c r="V12678" s="19"/>
      <c r="W12678" s="19"/>
      <c r="X12678" s="19">
        <v>7</v>
      </c>
      <c r="Y12678" s="19"/>
      <c r="Z12678" s="19"/>
      <c r="AA12678" s="19"/>
    </row>
    <row r="12679" spans="1:27" s="1" customFormat="1" ht="11.1" customHeight="1" outlineLevel="4" x14ac:dyDescent="0.2">
      <c r="A12679" s="17"/>
      <c r="B12679" s="17"/>
      <c r="C12679" s="17"/>
      <c r="D12679" s="18"/>
      <c r="E12679" s="18"/>
      <c r="F12679" s="18"/>
      <c r="G12679" s="18"/>
      <c r="H12679" s="18"/>
      <c r="I12679" s="18"/>
      <c r="J12679" s="18"/>
      <c r="K12679" s="18"/>
      <c r="L12679" s="18"/>
      <c r="M12679" s="18"/>
      <c r="N12679" s="18"/>
      <c r="O12679" s="18"/>
      <c r="P12679" s="19"/>
      <c r="Q12679" s="19"/>
      <c r="R12679" s="19"/>
      <c r="S12679" s="19"/>
      <c r="T12679" s="19"/>
      <c r="U12679" s="19"/>
      <c r="V12679" s="19"/>
      <c r="W12679" s="19"/>
      <c r="X12679" s="19"/>
      <c r="Y12679" s="19"/>
      <c r="Z12679" s="19"/>
      <c r="AA12679" s="19"/>
    </row>
    <row r="12680" spans="1:27" s="1" customFormat="1" ht="14.1" customHeight="1" outlineLevel="4" x14ac:dyDescent="0.2">
      <c r="A12680" s="17">
        <v>9284</v>
      </c>
      <c r="B12680" s="17"/>
      <c r="C12680" s="17"/>
      <c r="D12680" s="18" t="s">
        <v>6292</v>
      </c>
      <c r="E12680" s="18"/>
      <c r="F12680" s="18"/>
      <c r="G12680" s="18"/>
      <c r="H12680" s="18"/>
      <c r="I12680" s="18"/>
      <c r="J12680" s="18"/>
      <c r="K12680" s="18"/>
      <c r="L12680" s="18"/>
      <c r="M12680" s="18"/>
      <c r="N12680" s="18"/>
      <c r="O12680" s="18"/>
      <c r="P12680" s="19">
        <v>200</v>
      </c>
      <c r="Q12680" s="19"/>
      <c r="R12680" s="19"/>
      <c r="S12680" s="19"/>
      <c r="T12680" s="19">
        <v>60</v>
      </c>
      <c r="U12680" s="19"/>
      <c r="V12680" s="19"/>
      <c r="W12680" s="19"/>
      <c r="X12680" s="19">
        <v>24</v>
      </c>
      <c r="Y12680" s="19"/>
      <c r="Z12680" s="19"/>
      <c r="AA12680" s="19"/>
    </row>
    <row r="12681" spans="1:27" s="1" customFormat="1" ht="14.1" customHeight="1" outlineLevel="4" x14ac:dyDescent="0.2">
      <c r="A12681" s="17"/>
      <c r="B12681" s="17"/>
      <c r="C12681" s="17"/>
      <c r="D12681" s="18"/>
      <c r="E12681" s="18"/>
      <c r="F12681" s="18"/>
      <c r="G12681" s="18"/>
      <c r="H12681" s="18"/>
      <c r="I12681" s="18"/>
      <c r="J12681" s="18"/>
      <c r="K12681" s="18"/>
      <c r="L12681" s="18"/>
      <c r="M12681" s="18"/>
      <c r="N12681" s="18"/>
      <c r="O12681" s="18"/>
      <c r="P12681" s="19"/>
      <c r="Q12681" s="19"/>
      <c r="R12681" s="19"/>
      <c r="S12681" s="19"/>
      <c r="T12681" s="19"/>
      <c r="U12681" s="19"/>
      <c r="V12681" s="19"/>
      <c r="W12681" s="19"/>
      <c r="X12681" s="19"/>
      <c r="Y12681" s="19"/>
      <c r="Z12681" s="19"/>
      <c r="AA12681" s="19"/>
    </row>
    <row r="12682" spans="1:27" s="1" customFormat="1" ht="11.1" customHeight="1" outlineLevel="4" x14ac:dyDescent="0.2">
      <c r="A12682" s="17">
        <v>9863</v>
      </c>
      <c r="B12682" s="17"/>
      <c r="C12682" s="17"/>
      <c r="D12682" s="18" t="s">
        <v>6293</v>
      </c>
      <c r="E12682" s="18"/>
      <c r="F12682" s="18"/>
      <c r="G12682" s="18"/>
      <c r="H12682" s="18"/>
      <c r="I12682" s="18"/>
      <c r="J12682" s="18"/>
      <c r="K12682" s="18"/>
      <c r="L12682" s="18"/>
      <c r="M12682" s="18"/>
      <c r="N12682" s="18"/>
      <c r="O12682" s="18"/>
      <c r="P12682" s="19">
        <v>200</v>
      </c>
      <c r="Q12682" s="19"/>
      <c r="R12682" s="19"/>
      <c r="S12682" s="19"/>
      <c r="T12682" s="19">
        <v>60</v>
      </c>
      <c r="U12682" s="19"/>
      <c r="V12682" s="19"/>
      <c r="W12682" s="19"/>
      <c r="X12682" s="19">
        <v>24</v>
      </c>
      <c r="Y12682" s="19"/>
      <c r="Z12682" s="19"/>
      <c r="AA12682" s="19"/>
    </row>
    <row r="12683" spans="1:27" s="1" customFormat="1" ht="11.1" customHeight="1" outlineLevel="4" x14ac:dyDescent="0.2">
      <c r="A12683" s="17"/>
      <c r="B12683" s="17"/>
      <c r="C12683" s="17"/>
      <c r="D12683" s="18"/>
      <c r="E12683" s="18"/>
      <c r="F12683" s="18"/>
      <c r="G12683" s="18"/>
      <c r="H12683" s="18"/>
      <c r="I12683" s="18"/>
      <c r="J12683" s="18"/>
      <c r="K12683" s="18"/>
      <c r="L12683" s="18"/>
      <c r="M12683" s="18"/>
      <c r="N12683" s="18"/>
      <c r="O12683" s="18"/>
      <c r="P12683" s="19"/>
      <c r="Q12683" s="19"/>
      <c r="R12683" s="19"/>
      <c r="S12683" s="19"/>
      <c r="T12683" s="19"/>
      <c r="U12683" s="19"/>
      <c r="V12683" s="19"/>
      <c r="W12683" s="19"/>
      <c r="X12683" s="19"/>
      <c r="Y12683" s="19"/>
      <c r="Z12683" s="19"/>
      <c r="AA12683" s="19"/>
    </row>
    <row r="12684" spans="1:27" s="1" customFormat="1" ht="14.1" customHeight="1" outlineLevel="4" x14ac:dyDescent="0.2">
      <c r="A12684" s="17">
        <v>5075</v>
      </c>
      <c r="B12684" s="17"/>
      <c r="C12684" s="17"/>
      <c r="D12684" s="18" t="s">
        <v>6294</v>
      </c>
      <c r="E12684" s="18"/>
      <c r="F12684" s="18"/>
      <c r="G12684" s="18"/>
      <c r="H12684" s="18"/>
      <c r="I12684" s="18"/>
      <c r="J12684" s="18"/>
      <c r="K12684" s="18"/>
      <c r="L12684" s="18"/>
      <c r="M12684" s="18"/>
      <c r="N12684" s="18"/>
      <c r="O12684" s="18"/>
      <c r="P12684" s="19">
        <v>90</v>
      </c>
      <c r="Q12684" s="19"/>
      <c r="R12684" s="19"/>
      <c r="S12684" s="19"/>
      <c r="T12684" s="19">
        <v>25</v>
      </c>
      <c r="U12684" s="19"/>
      <c r="V12684" s="19"/>
      <c r="W12684" s="19"/>
      <c r="X12684" s="19">
        <v>1</v>
      </c>
      <c r="Y12684" s="19"/>
      <c r="Z12684" s="19"/>
      <c r="AA12684" s="19"/>
    </row>
    <row r="12685" spans="1:27" s="1" customFormat="1" ht="14.1" customHeight="1" outlineLevel="4" x14ac:dyDescent="0.2">
      <c r="A12685" s="17"/>
      <c r="B12685" s="17"/>
      <c r="C12685" s="17"/>
      <c r="D12685" s="18"/>
      <c r="E12685" s="18"/>
      <c r="F12685" s="18"/>
      <c r="G12685" s="18"/>
      <c r="H12685" s="18"/>
      <c r="I12685" s="18"/>
      <c r="J12685" s="18"/>
      <c r="K12685" s="18"/>
      <c r="L12685" s="18"/>
      <c r="M12685" s="18"/>
      <c r="N12685" s="18"/>
      <c r="O12685" s="18"/>
      <c r="P12685" s="19"/>
      <c r="Q12685" s="19"/>
      <c r="R12685" s="19"/>
      <c r="S12685" s="19"/>
      <c r="T12685" s="19"/>
      <c r="U12685" s="19"/>
      <c r="V12685" s="19"/>
      <c r="W12685" s="19"/>
      <c r="X12685" s="19"/>
      <c r="Y12685" s="19"/>
      <c r="Z12685" s="19"/>
      <c r="AA12685" s="19"/>
    </row>
    <row r="12686" spans="1:27" s="1" customFormat="1" ht="11.1" customHeight="1" outlineLevel="4" x14ac:dyDescent="0.2">
      <c r="A12686" s="17">
        <v>9207</v>
      </c>
      <c r="B12686" s="17"/>
      <c r="C12686" s="17"/>
      <c r="D12686" s="18" t="s">
        <v>6295</v>
      </c>
      <c r="E12686" s="18"/>
      <c r="F12686" s="18"/>
      <c r="G12686" s="18"/>
      <c r="H12686" s="18"/>
      <c r="I12686" s="18"/>
      <c r="J12686" s="18"/>
      <c r="K12686" s="18"/>
      <c r="L12686" s="18"/>
      <c r="M12686" s="18"/>
      <c r="N12686" s="18"/>
      <c r="O12686" s="18"/>
      <c r="P12686" s="19">
        <v>90</v>
      </c>
      <c r="Q12686" s="19"/>
      <c r="R12686" s="19"/>
      <c r="S12686" s="19"/>
      <c r="T12686" s="19">
        <v>25</v>
      </c>
      <c r="U12686" s="19"/>
      <c r="V12686" s="19"/>
      <c r="W12686" s="19"/>
      <c r="X12686" s="19">
        <v>1</v>
      </c>
      <c r="Y12686" s="19"/>
      <c r="Z12686" s="19"/>
      <c r="AA12686" s="19"/>
    </row>
    <row r="12687" spans="1:27" s="1" customFormat="1" ht="11.1" customHeight="1" outlineLevel="4" x14ac:dyDescent="0.2">
      <c r="A12687" s="17"/>
      <c r="B12687" s="17"/>
      <c r="C12687" s="17"/>
      <c r="D12687" s="18"/>
      <c r="E12687" s="18"/>
      <c r="F12687" s="18"/>
      <c r="G12687" s="18"/>
      <c r="H12687" s="18"/>
      <c r="I12687" s="18"/>
      <c r="J12687" s="18"/>
      <c r="K12687" s="18"/>
      <c r="L12687" s="18"/>
      <c r="M12687" s="18"/>
      <c r="N12687" s="18"/>
      <c r="O12687" s="18"/>
      <c r="P12687" s="19"/>
      <c r="Q12687" s="19"/>
      <c r="R12687" s="19"/>
      <c r="S12687" s="19"/>
      <c r="T12687" s="19"/>
      <c r="U12687" s="19"/>
      <c r="V12687" s="19"/>
      <c r="W12687" s="19"/>
      <c r="X12687" s="19"/>
      <c r="Y12687" s="19"/>
      <c r="Z12687" s="19"/>
      <c r="AA12687" s="19"/>
    </row>
    <row r="12688" spans="1:27" s="1" customFormat="1" ht="14.1" customHeight="1" outlineLevel="4" x14ac:dyDescent="0.2">
      <c r="A12688" s="17">
        <v>5539</v>
      </c>
      <c r="B12688" s="17"/>
      <c r="C12688" s="17"/>
      <c r="D12688" s="18" t="s">
        <v>6296</v>
      </c>
      <c r="E12688" s="18"/>
      <c r="F12688" s="18"/>
      <c r="G12688" s="18"/>
      <c r="H12688" s="18"/>
      <c r="I12688" s="18"/>
      <c r="J12688" s="18"/>
      <c r="K12688" s="18"/>
      <c r="L12688" s="18"/>
      <c r="M12688" s="18"/>
      <c r="N12688" s="18"/>
      <c r="O12688" s="18"/>
      <c r="P12688" s="19">
        <v>90</v>
      </c>
      <c r="Q12688" s="19"/>
      <c r="R12688" s="19"/>
      <c r="S12688" s="19"/>
      <c r="T12688" s="19">
        <v>25</v>
      </c>
      <c r="U12688" s="19"/>
      <c r="V12688" s="19"/>
      <c r="W12688" s="19"/>
      <c r="X12688" s="19">
        <v>1</v>
      </c>
      <c r="Y12688" s="19"/>
      <c r="Z12688" s="19"/>
      <c r="AA12688" s="19"/>
    </row>
    <row r="12689" spans="1:27" s="1" customFormat="1" ht="14.1" customHeight="1" outlineLevel="4" x14ac:dyDescent="0.2">
      <c r="A12689" s="17"/>
      <c r="B12689" s="17"/>
      <c r="C12689" s="17"/>
      <c r="D12689" s="18"/>
      <c r="E12689" s="18"/>
      <c r="F12689" s="18"/>
      <c r="G12689" s="18"/>
      <c r="H12689" s="18"/>
      <c r="I12689" s="18"/>
      <c r="J12689" s="18"/>
      <c r="K12689" s="18"/>
      <c r="L12689" s="18"/>
      <c r="M12689" s="18"/>
      <c r="N12689" s="18"/>
      <c r="O12689" s="18"/>
      <c r="P12689" s="19"/>
      <c r="Q12689" s="19"/>
      <c r="R12689" s="19"/>
      <c r="S12689" s="19"/>
      <c r="T12689" s="19"/>
      <c r="U12689" s="19"/>
      <c r="V12689" s="19"/>
      <c r="W12689" s="19"/>
      <c r="X12689" s="19"/>
      <c r="Y12689" s="19"/>
      <c r="Z12689" s="19"/>
      <c r="AA12689" s="19"/>
    </row>
    <row r="12690" spans="1:27" s="1" customFormat="1" ht="14.1" customHeight="1" outlineLevel="4" x14ac:dyDescent="0.2">
      <c r="A12690" s="17">
        <v>5724</v>
      </c>
      <c r="B12690" s="17"/>
      <c r="C12690" s="17"/>
      <c r="D12690" s="18" t="s">
        <v>6297</v>
      </c>
      <c r="E12690" s="18"/>
      <c r="F12690" s="18"/>
      <c r="G12690" s="18"/>
      <c r="H12690" s="18"/>
      <c r="I12690" s="18"/>
      <c r="J12690" s="18"/>
      <c r="K12690" s="18"/>
      <c r="L12690" s="18"/>
      <c r="M12690" s="18"/>
      <c r="N12690" s="18"/>
      <c r="O12690" s="18"/>
      <c r="P12690" s="19">
        <v>90</v>
      </c>
      <c r="Q12690" s="19"/>
      <c r="R12690" s="19"/>
      <c r="S12690" s="19"/>
      <c r="T12690" s="19">
        <v>25</v>
      </c>
      <c r="U12690" s="19"/>
      <c r="V12690" s="19"/>
      <c r="W12690" s="19"/>
      <c r="X12690" s="19">
        <v>1</v>
      </c>
      <c r="Y12690" s="19"/>
      <c r="Z12690" s="19"/>
      <c r="AA12690" s="19"/>
    </row>
    <row r="12691" spans="1:27" s="1" customFormat="1" ht="14.1" customHeight="1" outlineLevel="4" x14ac:dyDescent="0.2">
      <c r="A12691" s="17"/>
      <c r="B12691" s="17"/>
      <c r="C12691" s="17"/>
      <c r="D12691" s="18"/>
      <c r="E12691" s="18"/>
      <c r="F12691" s="18"/>
      <c r="G12691" s="18"/>
      <c r="H12691" s="18"/>
      <c r="I12691" s="18"/>
      <c r="J12691" s="18"/>
      <c r="K12691" s="18"/>
      <c r="L12691" s="18"/>
      <c r="M12691" s="18"/>
      <c r="N12691" s="18"/>
      <c r="O12691" s="18"/>
      <c r="P12691" s="19"/>
      <c r="Q12691" s="19"/>
      <c r="R12691" s="19"/>
      <c r="S12691" s="19"/>
      <c r="T12691" s="19"/>
      <c r="U12691" s="19"/>
      <c r="V12691" s="19"/>
      <c r="W12691" s="19"/>
      <c r="X12691" s="19"/>
      <c r="Y12691" s="19"/>
      <c r="Z12691" s="19"/>
      <c r="AA12691" s="19"/>
    </row>
    <row r="12692" spans="1:27" s="1" customFormat="1" ht="14.1" customHeight="1" outlineLevel="4" x14ac:dyDescent="0.2">
      <c r="A12692" s="17">
        <v>7994</v>
      </c>
      <c r="B12692" s="17"/>
      <c r="C12692" s="17"/>
      <c r="D12692" s="18" t="s">
        <v>6298</v>
      </c>
      <c r="E12692" s="18"/>
      <c r="F12692" s="18"/>
      <c r="G12692" s="18"/>
      <c r="H12692" s="18"/>
      <c r="I12692" s="18"/>
      <c r="J12692" s="18"/>
      <c r="K12692" s="18"/>
      <c r="L12692" s="18"/>
      <c r="M12692" s="18"/>
      <c r="N12692" s="18"/>
      <c r="O12692" s="18"/>
      <c r="P12692" s="19">
        <v>200</v>
      </c>
      <c r="Q12692" s="19"/>
      <c r="R12692" s="19"/>
      <c r="S12692" s="19"/>
      <c r="T12692" s="19">
        <v>60</v>
      </c>
      <c r="U12692" s="19"/>
      <c r="V12692" s="19"/>
      <c r="W12692" s="19"/>
      <c r="X12692" s="19">
        <v>21</v>
      </c>
      <c r="Y12692" s="19"/>
      <c r="Z12692" s="19"/>
      <c r="AA12692" s="19"/>
    </row>
    <row r="12693" spans="1:27" s="1" customFormat="1" ht="14.1" customHeight="1" outlineLevel="4" x14ac:dyDescent="0.2">
      <c r="A12693" s="17"/>
      <c r="B12693" s="17"/>
      <c r="C12693" s="17"/>
      <c r="D12693" s="18"/>
      <c r="E12693" s="18"/>
      <c r="F12693" s="18"/>
      <c r="G12693" s="18"/>
      <c r="H12693" s="18"/>
      <c r="I12693" s="18"/>
      <c r="J12693" s="18"/>
      <c r="K12693" s="18"/>
      <c r="L12693" s="18"/>
      <c r="M12693" s="18"/>
      <c r="N12693" s="18"/>
      <c r="O12693" s="18"/>
      <c r="P12693" s="19"/>
      <c r="Q12693" s="19"/>
      <c r="R12693" s="19"/>
      <c r="S12693" s="19"/>
      <c r="T12693" s="19"/>
      <c r="U12693" s="19"/>
      <c r="V12693" s="19"/>
      <c r="W12693" s="19"/>
      <c r="X12693" s="19"/>
      <c r="Y12693" s="19"/>
      <c r="Z12693" s="19"/>
      <c r="AA12693" s="19"/>
    </row>
    <row r="12694" spans="1:27" s="1" customFormat="1" ht="11.1" customHeight="1" outlineLevel="4" x14ac:dyDescent="0.2">
      <c r="A12694" s="17">
        <v>7889</v>
      </c>
      <c r="B12694" s="17"/>
      <c r="C12694" s="17"/>
      <c r="D12694" s="18" t="s">
        <v>6299</v>
      </c>
      <c r="E12694" s="18"/>
      <c r="F12694" s="18"/>
      <c r="G12694" s="18"/>
      <c r="H12694" s="18"/>
      <c r="I12694" s="18"/>
      <c r="J12694" s="18"/>
      <c r="K12694" s="18"/>
      <c r="L12694" s="18"/>
      <c r="M12694" s="18"/>
      <c r="N12694" s="18"/>
      <c r="O12694" s="18"/>
      <c r="P12694" s="19">
        <v>200</v>
      </c>
      <c r="Q12694" s="19"/>
      <c r="R12694" s="19"/>
      <c r="S12694" s="19"/>
      <c r="T12694" s="19">
        <v>60</v>
      </c>
      <c r="U12694" s="19"/>
      <c r="V12694" s="19"/>
      <c r="W12694" s="19"/>
      <c r="X12694" s="19">
        <v>21</v>
      </c>
      <c r="Y12694" s="19"/>
      <c r="Z12694" s="19"/>
      <c r="AA12694" s="19"/>
    </row>
    <row r="12695" spans="1:27" s="1" customFormat="1" ht="11.1" customHeight="1" outlineLevel="4" x14ac:dyDescent="0.2">
      <c r="A12695" s="17"/>
      <c r="B12695" s="17"/>
      <c r="C12695" s="17"/>
      <c r="D12695" s="18"/>
      <c r="E12695" s="18"/>
      <c r="F12695" s="18"/>
      <c r="G12695" s="18"/>
      <c r="H12695" s="18"/>
      <c r="I12695" s="18"/>
      <c r="J12695" s="18"/>
      <c r="K12695" s="18"/>
      <c r="L12695" s="18"/>
      <c r="M12695" s="18"/>
      <c r="N12695" s="18"/>
      <c r="O12695" s="18"/>
      <c r="P12695" s="19"/>
      <c r="Q12695" s="19"/>
      <c r="R12695" s="19"/>
      <c r="S12695" s="19"/>
      <c r="T12695" s="19"/>
      <c r="U12695" s="19"/>
      <c r="V12695" s="19"/>
      <c r="W12695" s="19"/>
      <c r="X12695" s="19"/>
      <c r="Y12695" s="19"/>
      <c r="Z12695" s="19"/>
      <c r="AA12695" s="19"/>
    </row>
    <row r="12696" spans="1:27" s="1" customFormat="1" ht="14.1" customHeight="1" outlineLevel="4" x14ac:dyDescent="0.2">
      <c r="A12696" s="17">
        <v>8273</v>
      </c>
      <c r="B12696" s="17"/>
      <c r="C12696" s="17"/>
      <c r="D12696" s="18" t="s">
        <v>6300</v>
      </c>
      <c r="E12696" s="18"/>
      <c r="F12696" s="18"/>
      <c r="G12696" s="18"/>
      <c r="H12696" s="18"/>
      <c r="I12696" s="18"/>
      <c r="J12696" s="18"/>
      <c r="K12696" s="18"/>
      <c r="L12696" s="18"/>
      <c r="M12696" s="18"/>
      <c r="N12696" s="18"/>
      <c r="O12696" s="18"/>
      <c r="P12696" s="19">
        <v>200</v>
      </c>
      <c r="Q12696" s="19"/>
      <c r="R12696" s="19"/>
      <c r="S12696" s="19"/>
      <c r="T12696" s="19">
        <v>60</v>
      </c>
      <c r="U12696" s="19"/>
      <c r="V12696" s="19"/>
      <c r="W12696" s="19"/>
      <c r="X12696" s="19">
        <v>35</v>
      </c>
      <c r="Y12696" s="19"/>
      <c r="Z12696" s="19"/>
      <c r="AA12696" s="19"/>
    </row>
    <row r="12697" spans="1:27" s="1" customFormat="1" ht="14.1" customHeight="1" outlineLevel="4" x14ac:dyDescent="0.2">
      <c r="A12697" s="17"/>
      <c r="B12697" s="17"/>
      <c r="C12697" s="17"/>
      <c r="D12697" s="18"/>
      <c r="E12697" s="18"/>
      <c r="F12697" s="18"/>
      <c r="G12697" s="18"/>
      <c r="H12697" s="18"/>
      <c r="I12697" s="18"/>
      <c r="J12697" s="18"/>
      <c r="K12697" s="18"/>
      <c r="L12697" s="18"/>
      <c r="M12697" s="18"/>
      <c r="N12697" s="18"/>
      <c r="O12697" s="18"/>
      <c r="P12697" s="19"/>
      <c r="Q12697" s="19"/>
      <c r="R12697" s="19"/>
      <c r="S12697" s="19"/>
      <c r="T12697" s="19"/>
      <c r="U12697" s="19"/>
      <c r="V12697" s="19"/>
      <c r="W12697" s="19"/>
      <c r="X12697" s="19"/>
      <c r="Y12697" s="19"/>
      <c r="Z12697" s="19"/>
      <c r="AA12697" s="19"/>
    </row>
    <row r="12698" spans="1:27" s="1" customFormat="1" ht="11.1" customHeight="1" outlineLevel="4" x14ac:dyDescent="0.2">
      <c r="A12698" s="17">
        <v>7188</v>
      </c>
      <c r="B12698" s="17"/>
      <c r="C12698" s="17"/>
      <c r="D12698" s="18" t="s">
        <v>6301</v>
      </c>
      <c r="E12698" s="18"/>
      <c r="F12698" s="18"/>
      <c r="G12698" s="18"/>
      <c r="H12698" s="18"/>
      <c r="I12698" s="18"/>
      <c r="J12698" s="18"/>
      <c r="K12698" s="18"/>
      <c r="L12698" s="18"/>
      <c r="M12698" s="18"/>
      <c r="N12698" s="18"/>
      <c r="O12698" s="18"/>
      <c r="P12698" s="19">
        <v>200</v>
      </c>
      <c r="Q12698" s="19"/>
      <c r="R12698" s="19"/>
      <c r="S12698" s="19"/>
      <c r="T12698" s="19">
        <v>60</v>
      </c>
      <c r="U12698" s="19"/>
      <c r="V12698" s="19"/>
      <c r="W12698" s="19"/>
      <c r="X12698" s="19">
        <v>9</v>
      </c>
      <c r="Y12698" s="19"/>
      <c r="Z12698" s="19"/>
      <c r="AA12698" s="19"/>
    </row>
    <row r="12699" spans="1:27" s="1" customFormat="1" ht="11.1" customHeight="1" outlineLevel="4" x14ac:dyDescent="0.2">
      <c r="A12699" s="17"/>
      <c r="B12699" s="17"/>
      <c r="C12699" s="17"/>
      <c r="D12699" s="18"/>
      <c r="E12699" s="18"/>
      <c r="F12699" s="18"/>
      <c r="G12699" s="18"/>
      <c r="H12699" s="18"/>
      <c r="I12699" s="18"/>
      <c r="J12699" s="18"/>
      <c r="K12699" s="18"/>
      <c r="L12699" s="18"/>
      <c r="M12699" s="18"/>
      <c r="N12699" s="18"/>
      <c r="O12699" s="18"/>
      <c r="P12699" s="19"/>
      <c r="Q12699" s="19"/>
      <c r="R12699" s="19"/>
      <c r="S12699" s="19"/>
      <c r="T12699" s="19"/>
      <c r="U12699" s="19"/>
      <c r="V12699" s="19"/>
      <c r="W12699" s="19"/>
      <c r="X12699" s="19"/>
      <c r="Y12699" s="19"/>
      <c r="Z12699" s="19"/>
      <c r="AA12699" s="19"/>
    </row>
    <row r="12700" spans="1:27" s="1" customFormat="1" ht="14.1" customHeight="1" outlineLevel="4" x14ac:dyDescent="0.2">
      <c r="A12700" s="17">
        <v>9865</v>
      </c>
      <c r="B12700" s="17"/>
      <c r="C12700" s="17"/>
      <c r="D12700" s="18" t="s">
        <v>6302</v>
      </c>
      <c r="E12700" s="18"/>
      <c r="F12700" s="18"/>
      <c r="G12700" s="18"/>
      <c r="H12700" s="18"/>
      <c r="I12700" s="18"/>
      <c r="J12700" s="18"/>
      <c r="K12700" s="18"/>
      <c r="L12700" s="18"/>
      <c r="M12700" s="18"/>
      <c r="N12700" s="18"/>
      <c r="O12700" s="18"/>
      <c r="P12700" s="19">
        <v>200</v>
      </c>
      <c r="Q12700" s="19"/>
      <c r="R12700" s="19"/>
      <c r="S12700" s="19"/>
      <c r="T12700" s="19">
        <v>60</v>
      </c>
      <c r="U12700" s="19"/>
      <c r="V12700" s="19"/>
      <c r="W12700" s="19"/>
      <c r="X12700" s="19">
        <v>22</v>
      </c>
      <c r="Y12700" s="19"/>
      <c r="Z12700" s="19"/>
      <c r="AA12700" s="19"/>
    </row>
    <row r="12701" spans="1:27" s="1" customFormat="1" ht="14.1" customHeight="1" outlineLevel="4" x14ac:dyDescent="0.2">
      <c r="A12701" s="17"/>
      <c r="B12701" s="17"/>
      <c r="C12701" s="17"/>
      <c r="D12701" s="18"/>
      <c r="E12701" s="18"/>
      <c r="F12701" s="18"/>
      <c r="G12701" s="18"/>
      <c r="H12701" s="18"/>
      <c r="I12701" s="18"/>
      <c r="J12701" s="18"/>
      <c r="K12701" s="18"/>
      <c r="L12701" s="18"/>
      <c r="M12701" s="18"/>
      <c r="N12701" s="18"/>
      <c r="O12701" s="18"/>
      <c r="P12701" s="19"/>
      <c r="Q12701" s="19"/>
      <c r="R12701" s="19"/>
      <c r="S12701" s="19"/>
      <c r="T12701" s="19"/>
      <c r="U12701" s="19"/>
      <c r="V12701" s="19"/>
      <c r="W12701" s="19"/>
      <c r="X12701" s="19"/>
      <c r="Y12701" s="19"/>
      <c r="Z12701" s="19"/>
      <c r="AA12701" s="19"/>
    </row>
    <row r="12702" spans="1:27" s="1" customFormat="1" ht="11.1" customHeight="1" outlineLevel="4" x14ac:dyDescent="0.2">
      <c r="A12702" s="17">
        <v>6925</v>
      </c>
      <c r="B12702" s="17"/>
      <c r="C12702" s="17"/>
      <c r="D12702" s="18" t="s">
        <v>6303</v>
      </c>
      <c r="E12702" s="18"/>
      <c r="F12702" s="18"/>
      <c r="G12702" s="18"/>
      <c r="H12702" s="18"/>
      <c r="I12702" s="18"/>
      <c r="J12702" s="18"/>
      <c r="K12702" s="18"/>
      <c r="L12702" s="18"/>
      <c r="M12702" s="18"/>
      <c r="N12702" s="18"/>
      <c r="O12702" s="18"/>
      <c r="P12702" s="19">
        <v>200</v>
      </c>
      <c r="Q12702" s="19"/>
      <c r="R12702" s="19"/>
      <c r="S12702" s="19"/>
      <c r="T12702" s="19">
        <v>60</v>
      </c>
      <c r="U12702" s="19"/>
      <c r="V12702" s="19"/>
      <c r="W12702" s="19"/>
      <c r="X12702" s="19">
        <v>1</v>
      </c>
      <c r="Y12702" s="19"/>
      <c r="Z12702" s="19"/>
      <c r="AA12702" s="19"/>
    </row>
    <row r="12703" spans="1:27" s="1" customFormat="1" ht="11.1" customHeight="1" outlineLevel="4" x14ac:dyDescent="0.2">
      <c r="A12703" s="17"/>
      <c r="B12703" s="17"/>
      <c r="C12703" s="17"/>
      <c r="D12703" s="18"/>
      <c r="E12703" s="18"/>
      <c r="F12703" s="18"/>
      <c r="G12703" s="18"/>
      <c r="H12703" s="18"/>
      <c r="I12703" s="18"/>
      <c r="J12703" s="18"/>
      <c r="K12703" s="18"/>
      <c r="L12703" s="18"/>
      <c r="M12703" s="18"/>
      <c r="N12703" s="18"/>
      <c r="O12703" s="18"/>
      <c r="P12703" s="19"/>
      <c r="Q12703" s="19"/>
      <c r="R12703" s="19"/>
      <c r="S12703" s="19"/>
      <c r="T12703" s="19"/>
      <c r="U12703" s="19"/>
      <c r="V12703" s="19"/>
      <c r="W12703" s="19"/>
      <c r="X12703" s="19"/>
      <c r="Y12703" s="19"/>
      <c r="Z12703" s="19"/>
      <c r="AA12703" s="19"/>
    </row>
    <row r="12704" spans="1:27" s="1" customFormat="1" ht="14.1" customHeight="1" outlineLevel="4" x14ac:dyDescent="0.2">
      <c r="A12704" s="17">
        <v>8274</v>
      </c>
      <c r="B12704" s="17"/>
      <c r="C12704" s="17"/>
      <c r="D12704" s="18" t="s">
        <v>6304</v>
      </c>
      <c r="E12704" s="18"/>
      <c r="F12704" s="18"/>
      <c r="G12704" s="18"/>
      <c r="H12704" s="18"/>
      <c r="I12704" s="18"/>
      <c r="J12704" s="18"/>
      <c r="K12704" s="18"/>
      <c r="L12704" s="18"/>
      <c r="M12704" s="18"/>
      <c r="N12704" s="18"/>
      <c r="O12704" s="18"/>
      <c r="P12704" s="19">
        <v>200</v>
      </c>
      <c r="Q12704" s="19"/>
      <c r="R12704" s="19"/>
      <c r="S12704" s="19"/>
      <c r="T12704" s="19">
        <v>60</v>
      </c>
      <c r="U12704" s="19"/>
      <c r="V12704" s="19"/>
      <c r="W12704" s="19"/>
      <c r="X12704" s="19">
        <v>16</v>
      </c>
      <c r="Y12704" s="19"/>
      <c r="Z12704" s="19"/>
      <c r="AA12704" s="19"/>
    </row>
    <row r="12705" spans="1:27" s="1" customFormat="1" ht="14.1" customHeight="1" outlineLevel="4" x14ac:dyDescent="0.2">
      <c r="A12705" s="17"/>
      <c r="B12705" s="17"/>
      <c r="C12705" s="17"/>
      <c r="D12705" s="18"/>
      <c r="E12705" s="18"/>
      <c r="F12705" s="18"/>
      <c r="G12705" s="18"/>
      <c r="H12705" s="18"/>
      <c r="I12705" s="18"/>
      <c r="J12705" s="18"/>
      <c r="K12705" s="18"/>
      <c r="L12705" s="18"/>
      <c r="M12705" s="18"/>
      <c r="N12705" s="18"/>
      <c r="O12705" s="18"/>
      <c r="P12705" s="19"/>
      <c r="Q12705" s="19"/>
      <c r="R12705" s="19"/>
      <c r="S12705" s="19"/>
      <c r="T12705" s="19"/>
      <c r="U12705" s="19"/>
      <c r="V12705" s="19"/>
      <c r="W12705" s="19"/>
      <c r="X12705" s="19"/>
      <c r="Y12705" s="19"/>
      <c r="Z12705" s="19"/>
      <c r="AA12705" s="19"/>
    </row>
    <row r="12706" spans="1:27" s="1" customFormat="1" ht="11.1" customHeight="1" outlineLevel="4" x14ac:dyDescent="0.2">
      <c r="A12706" s="17">
        <v>8275</v>
      </c>
      <c r="B12706" s="17"/>
      <c r="C12706" s="17"/>
      <c r="D12706" s="18" t="s">
        <v>6305</v>
      </c>
      <c r="E12706" s="18"/>
      <c r="F12706" s="18"/>
      <c r="G12706" s="18"/>
      <c r="H12706" s="18"/>
      <c r="I12706" s="18"/>
      <c r="J12706" s="18"/>
      <c r="K12706" s="18"/>
      <c r="L12706" s="18"/>
      <c r="M12706" s="18"/>
      <c r="N12706" s="18"/>
      <c r="O12706" s="18"/>
      <c r="P12706" s="19">
        <v>200</v>
      </c>
      <c r="Q12706" s="19"/>
      <c r="R12706" s="19"/>
      <c r="S12706" s="19"/>
      <c r="T12706" s="19">
        <v>60</v>
      </c>
      <c r="U12706" s="19"/>
      <c r="V12706" s="19"/>
      <c r="W12706" s="19"/>
      <c r="X12706" s="19">
        <v>8</v>
      </c>
      <c r="Y12706" s="19"/>
      <c r="Z12706" s="19"/>
      <c r="AA12706" s="19"/>
    </row>
    <row r="12707" spans="1:27" s="1" customFormat="1" ht="11.1" customHeight="1" outlineLevel="4" x14ac:dyDescent="0.2">
      <c r="A12707" s="17"/>
      <c r="B12707" s="17"/>
      <c r="C12707" s="17"/>
      <c r="D12707" s="18"/>
      <c r="E12707" s="18"/>
      <c r="F12707" s="18"/>
      <c r="G12707" s="18"/>
      <c r="H12707" s="18"/>
      <c r="I12707" s="18"/>
      <c r="J12707" s="18"/>
      <c r="K12707" s="18"/>
      <c r="L12707" s="18"/>
      <c r="M12707" s="18"/>
      <c r="N12707" s="18"/>
      <c r="O12707" s="18"/>
      <c r="P12707" s="19"/>
      <c r="Q12707" s="19"/>
      <c r="R12707" s="19"/>
      <c r="S12707" s="19"/>
      <c r="T12707" s="19"/>
      <c r="U12707" s="19"/>
      <c r="V12707" s="19"/>
      <c r="W12707" s="19"/>
      <c r="X12707" s="19"/>
      <c r="Y12707" s="19"/>
      <c r="Z12707" s="19"/>
      <c r="AA12707" s="19"/>
    </row>
    <row r="12708" spans="1:27" s="1" customFormat="1" ht="14.1" customHeight="1" outlineLevel="4" x14ac:dyDescent="0.2">
      <c r="A12708" s="17">
        <v>7888</v>
      </c>
      <c r="B12708" s="17"/>
      <c r="C12708" s="17"/>
      <c r="D12708" s="18" t="s">
        <v>6306</v>
      </c>
      <c r="E12708" s="18"/>
      <c r="F12708" s="18"/>
      <c r="G12708" s="18"/>
      <c r="H12708" s="18"/>
      <c r="I12708" s="18"/>
      <c r="J12708" s="18"/>
      <c r="K12708" s="18"/>
      <c r="L12708" s="18"/>
      <c r="M12708" s="18"/>
      <c r="N12708" s="18"/>
      <c r="O12708" s="18"/>
      <c r="P12708" s="19">
        <v>200</v>
      </c>
      <c r="Q12708" s="19"/>
      <c r="R12708" s="19"/>
      <c r="S12708" s="19"/>
      <c r="T12708" s="19">
        <v>60</v>
      </c>
      <c r="U12708" s="19"/>
      <c r="V12708" s="19"/>
      <c r="W12708" s="19"/>
      <c r="X12708" s="19">
        <v>2</v>
      </c>
      <c r="Y12708" s="19"/>
      <c r="Z12708" s="19"/>
      <c r="AA12708" s="19"/>
    </row>
    <row r="12709" spans="1:27" s="1" customFormat="1" ht="14.1" customHeight="1" outlineLevel="4" x14ac:dyDescent="0.2">
      <c r="A12709" s="17"/>
      <c r="B12709" s="17"/>
      <c r="C12709" s="17"/>
      <c r="D12709" s="18"/>
      <c r="E12709" s="18"/>
      <c r="F12709" s="18"/>
      <c r="G12709" s="18"/>
      <c r="H12709" s="18"/>
      <c r="I12709" s="18"/>
      <c r="J12709" s="18"/>
      <c r="K12709" s="18"/>
      <c r="L12709" s="18"/>
      <c r="M12709" s="18"/>
      <c r="N12709" s="18"/>
      <c r="O12709" s="18"/>
      <c r="P12709" s="19"/>
      <c r="Q12709" s="19"/>
      <c r="R12709" s="19"/>
      <c r="S12709" s="19"/>
      <c r="T12709" s="19"/>
      <c r="U12709" s="19"/>
      <c r="V12709" s="19"/>
      <c r="W12709" s="19"/>
      <c r="X12709" s="19"/>
      <c r="Y12709" s="19"/>
      <c r="Z12709" s="19"/>
      <c r="AA12709" s="19"/>
    </row>
    <row r="12710" spans="1:27" s="1" customFormat="1" ht="11.1" customHeight="1" outlineLevel="4" x14ac:dyDescent="0.2">
      <c r="A12710" s="17">
        <v>7578</v>
      </c>
      <c r="B12710" s="17"/>
      <c r="C12710" s="17"/>
      <c r="D12710" s="18" t="s">
        <v>6307</v>
      </c>
      <c r="E12710" s="18"/>
      <c r="F12710" s="18"/>
      <c r="G12710" s="18"/>
      <c r="H12710" s="18"/>
      <c r="I12710" s="18"/>
      <c r="J12710" s="18"/>
      <c r="K12710" s="18"/>
      <c r="L12710" s="18"/>
      <c r="M12710" s="18"/>
      <c r="N12710" s="18"/>
      <c r="O12710" s="18"/>
      <c r="P12710" s="19">
        <v>200</v>
      </c>
      <c r="Q12710" s="19"/>
      <c r="R12710" s="19"/>
      <c r="S12710" s="19"/>
      <c r="T12710" s="19">
        <v>60</v>
      </c>
      <c r="U12710" s="19"/>
      <c r="V12710" s="19"/>
      <c r="W12710" s="19"/>
      <c r="X12710" s="19">
        <v>14</v>
      </c>
      <c r="Y12710" s="19"/>
      <c r="Z12710" s="19"/>
      <c r="AA12710" s="19"/>
    </row>
    <row r="12711" spans="1:27" s="1" customFormat="1" ht="11.1" customHeight="1" outlineLevel="4" x14ac:dyDescent="0.2">
      <c r="A12711" s="17"/>
      <c r="B12711" s="17"/>
      <c r="C12711" s="17"/>
      <c r="D12711" s="18"/>
      <c r="E12711" s="18"/>
      <c r="F12711" s="18"/>
      <c r="G12711" s="18"/>
      <c r="H12711" s="18"/>
      <c r="I12711" s="18"/>
      <c r="J12711" s="18"/>
      <c r="K12711" s="18"/>
      <c r="L12711" s="18"/>
      <c r="M12711" s="18"/>
      <c r="N12711" s="18"/>
      <c r="O12711" s="18"/>
      <c r="P12711" s="19"/>
      <c r="Q12711" s="19"/>
      <c r="R12711" s="19"/>
      <c r="S12711" s="19"/>
      <c r="T12711" s="19"/>
      <c r="U12711" s="19"/>
      <c r="V12711" s="19"/>
      <c r="W12711" s="19"/>
      <c r="X12711" s="19"/>
      <c r="Y12711" s="19"/>
      <c r="Z12711" s="19"/>
      <c r="AA12711" s="19"/>
    </row>
    <row r="12712" spans="1:27" s="1" customFormat="1" ht="11.1" customHeight="1" outlineLevel="4" x14ac:dyDescent="0.2">
      <c r="A12712" s="17">
        <v>7579</v>
      </c>
      <c r="B12712" s="17"/>
      <c r="C12712" s="17"/>
      <c r="D12712" s="18" t="s">
        <v>6308</v>
      </c>
      <c r="E12712" s="18"/>
      <c r="F12712" s="18"/>
      <c r="G12712" s="18"/>
      <c r="H12712" s="18"/>
      <c r="I12712" s="18"/>
      <c r="J12712" s="18"/>
      <c r="K12712" s="18"/>
      <c r="L12712" s="18"/>
      <c r="M12712" s="18"/>
      <c r="N12712" s="18"/>
      <c r="O12712" s="18"/>
      <c r="P12712" s="19">
        <v>200</v>
      </c>
      <c r="Q12712" s="19"/>
      <c r="R12712" s="19"/>
      <c r="S12712" s="19"/>
      <c r="T12712" s="19">
        <v>60</v>
      </c>
      <c r="U12712" s="19"/>
      <c r="V12712" s="19"/>
      <c r="W12712" s="19"/>
      <c r="X12712" s="19">
        <v>22</v>
      </c>
      <c r="Y12712" s="19"/>
      <c r="Z12712" s="19"/>
      <c r="AA12712" s="19"/>
    </row>
    <row r="12713" spans="1:27" s="1" customFormat="1" ht="11.1" customHeight="1" outlineLevel="4" x14ac:dyDescent="0.2">
      <c r="A12713" s="17"/>
      <c r="B12713" s="17"/>
      <c r="C12713" s="17"/>
      <c r="D12713" s="18"/>
      <c r="E12713" s="18"/>
      <c r="F12713" s="18"/>
      <c r="G12713" s="18"/>
      <c r="H12713" s="18"/>
      <c r="I12713" s="18"/>
      <c r="J12713" s="18"/>
      <c r="K12713" s="18"/>
      <c r="L12713" s="18"/>
      <c r="M12713" s="18"/>
      <c r="N12713" s="18"/>
      <c r="O12713" s="18"/>
      <c r="P12713" s="19"/>
      <c r="Q12713" s="19"/>
      <c r="R12713" s="19"/>
      <c r="S12713" s="19"/>
      <c r="T12713" s="19"/>
      <c r="U12713" s="19"/>
      <c r="V12713" s="19"/>
      <c r="W12713" s="19"/>
      <c r="X12713" s="19"/>
      <c r="Y12713" s="19"/>
      <c r="Z12713" s="19"/>
      <c r="AA12713" s="19"/>
    </row>
    <row r="12714" spans="1:27" s="1" customFormat="1" ht="11.1" customHeight="1" outlineLevel="4" x14ac:dyDescent="0.2">
      <c r="A12714" s="17">
        <v>7157</v>
      </c>
      <c r="B12714" s="17"/>
      <c r="C12714" s="17"/>
      <c r="D12714" s="18" t="s">
        <v>6309</v>
      </c>
      <c r="E12714" s="18"/>
      <c r="F12714" s="18"/>
      <c r="G12714" s="18"/>
      <c r="H12714" s="18"/>
      <c r="I12714" s="18"/>
      <c r="J12714" s="18"/>
      <c r="K12714" s="18"/>
      <c r="L12714" s="18"/>
      <c r="M12714" s="18"/>
      <c r="N12714" s="18"/>
      <c r="O12714" s="18"/>
      <c r="P12714" s="19">
        <v>200</v>
      </c>
      <c r="Q12714" s="19"/>
      <c r="R12714" s="19"/>
      <c r="S12714" s="19"/>
      <c r="T12714" s="19">
        <v>60</v>
      </c>
      <c r="U12714" s="19"/>
      <c r="V12714" s="19"/>
      <c r="W12714" s="19"/>
      <c r="X12714" s="19">
        <v>9</v>
      </c>
      <c r="Y12714" s="19"/>
      <c r="Z12714" s="19"/>
      <c r="AA12714" s="19"/>
    </row>
    <row r="12715" spans="1:27" s="1" customFormat="1" ht="11.1" customHeight="1" outlineLevel="4" x14ac:dyDescent="0.2">
      <c r="A12715" s="17"/>
      <c r="B12715" s="17"/>
      <c r="C12715" s="17"/>
      <c r="D12715" s="18"/>
      <c r="E12715" s="18"/>
      <c r="F12715" s="18"/>
      <c r="G12715" s="18"/>
      <c r="H12715" s="18"/>
      <c r="I12715" s="18"/>
      <c r="J12715" s="18"/>
      <c r="K12715" s="18"/>
      <c r="L12715" s="18"/>
      <c r="M12715" s="18"/>
      <c r="N12715" s="18"/>
      <c r="O12715" s="18"/>
      <c r="P12715" s="19"/>
      <c r="Q12715" s="19"/>
      <c r="R12715" s="19"/>
      <c r="S12715" s="19"/>
      <c r="T12715" s="19"/>
      <c r="U12715" s="19"/>
      <c r="V12715" s="19"/>
      <c r="W12715" s="19"/>
      <c r="X12715" s="19"/>
      <c r="Y12715" s="19"/>
      <c r="Z12715" s="19"/>
      <c r="AA12715" s="19"/>
    </row>
    <row r="12716" spans="1:27" s="1" customFormat="1" ht="14.1" customHeight="1" outlineLevel="4" x14ac:dyDescent="0.2">
      <c r="A12716" s="17">
        <v>8271</v>
      </c>
      <c r="B12716" s="17"/>
      <c r="C12716" s="17"/>
      <c r="D12716" s="18" t="s">
        <v>6310</v>
      </c>
      <c r="E12716" s="18"/>
      <c r="F12716" s="18"/>
      <c r="G12716" s="18"/>
      <c r="H12716" s="18"/>
      <c r="I12716" s="18"/>
      <c r="J12716" s="18"/>
      <c r="K12716" s="18"/>
      <c r="L12716" s="18"/>
      <c r="M12716" s="18"/>
      <c r="N12716" s="18"/>
      <c r="O12716" s="18"/>
      <c r="P12716" s="19">
        <v>200</v>
      </c>
      <c r="Q12716" s="19"/>
      <c r="R12716" s="19"/>
      <c r="S12716" s="19"/>
      <c r="T12716" s="19">
        <v>60</v>
      </c>
      <c r="U12716" s="19"/>
      <c r="V12716" s="19"/>
      <c r="W12716" s="19"/>
      <c r="X12716" s="19">
        <v>19</v>
      </c>
      <c r="Y12716" s="19"/>
      <c r="Z12716" s="19"/>
      <c r="AA12716" s="19"/>
    </row>
    <row r="12717" spans="1:27" s="1" customFormat="1" ht="14.1" customHeight="1" outlineLevel="4" x14ac:dyDescent="0.2">
      <c r="A12717" s="17"/>
      <c r="B12717" s="17"/>
      <c r="C12717" s="17"/>
      <c r="D12717" s="18"/>
      <c r="E12717" s="18"/>
      <c r="F12717" s="18"/>
      <c r="G12717" s="18"/>
      <c r="H12717" s="18"/>
      <c r="I12717" s="18"/>
      <c r="J12717" s="18"/>
      <c r="K12717" s="18"/>
      <c r="L12717" s="18"/>
      <c r="M12717" s="18"/>
      <c r="N12717" s="18"/>
      <c r="O12717" s="18"/>
      <c r="P12717" s="19"/>
      <c r="Q12717" s="19"/>
      <c r="R12717" s="19"/>
      <c r="S12717" s="19"/>
      <c r="T12717" s="19"/>
      <c r="U12717" s="19"/>
      <c r="V12717" s="19"/>
      <c r="W12717" s="19"/>
      <c r="X12717" s="19"/>
      <c r="Y12717" s="19"/>
      <c r="Z12717" s="19"/>
      <c r="AA12717" s="19"/>
    </row>
    <row r="12718" spans="1:27" s="1" customFormat="1" ht="11.1" customHeight="1" outlineLevel="4" x14ac:dyDescent="0.2">
      <c r="A12718" s="17">
        <v>9861</v>
      </c>
      <c r="B12718" s="17"/>
      <c r="C12718" s="17"/>
      <c r="D12718" s="18" t="s">
        <v>6311</v>
      </c>
      <c r="E12718" s="18"/>
      <c r="F12718" s="18"/>
      <c r="G12718" s="18"/>
      <c r="H12718" s="18"/>
      <c r="I12718" s="18"/>
      <c r="J12718" s="18"/>
      <c r="K12718" s="18"/>
      <c r="L12718" s="18"/>
      <c r="M12718" s="18"/>
      <c r="N12718" s="18"/>
      <c r="O12718" s="18"/>
      <c r="P12718" s="19">
        <v>200</v>
      </c>
      <c r="Q12718" s="19"/>
      <c r="R12718" s="19"/>
      <c r="S12718" s="19"/>
      <c r="T12718" s="19">
        <v>60</v>
      </c>
      <c r="U12718" s="19"/>
      <c r="V12718" s="19"/>
      <c r="W12718" s="19"/>
      <c r="X12718" s="19">
        <v>3</v>
      </c>
      <c r="Y12718" s="19"/>
      <c r="Z12718" s="19"/>
      <c r="AA12718" s="19"/>
    </row>
    <row r="12719" spans="1:27" s="1" customFormat="1" ht="11.1" customHeight="1" outlineLevel="4" x14ac:dyDescent="0.2">
      <c r="A12719" s="17"/>
      <c r="B12719" s="17"/>
      <c r="C12719" s="17"/>
      <c r="D12719" s="18"/>
      <c r="E12719" s="18"/>
      <c r="F12719" s="18"/>
      <c r="G12719" s="18"/>
      <c r="H12719" s="18"/>
      <c r="I12719" s="18"/>
      <c r="J12719" s="18"/>
      <c r="K12719" s="18"/>
      <c r="L12719" s="18"/>
      <c r="M12719" s="18"/>
      <c r="N12719" s="18"/>
      <c r="O12719" s="18"/>
      <c r="P12719" s="19"/>
      <c r="Q12719" s="19"/>
      <c r="R12719" s="19"/>
      <c r="S12719" s="19"/>
      <c r="T12719" s="19"/>
      <c r="U12719" s="19"/>
      <c r="V12719" s="19"/>
      <c r="W12719" s="19"/>
      <c r="X12719" s="19"/>
      <c r="Y12719" s="19"/>
      <c r="Z12719" s="19"/>
      <c r="AA12719" s="19"/>
    </row>
    <row r="12720" spans="1:27" s="1" customFormat="1" ht="14.1" customHeight="1" outlineLevel="4" x14ac:dyDescent="0.2">
      <c r="A12720" s="17">
        <v>5663</v>
      </c>
      <c r="B12720" s="17"/>
      <c r="C12720" s="17"/>
      <c r="D12720" s="18" t="s">
        <v>6312</v>
      </c>
      <c r="E12720" s="18"/>
      <c r="F12720" s="18"/>
      <c r="G12720" s="18"/>
      <c r="H12720" s="18"/>
      <c r="I12720" s="18"/>
      <c r="J12720" s="18"/>
      <c r="K12720" s="18"/>
      <c r="L12720" s="18"/>
      <c r="M12720" s="18"/>
      <c r="N12720" s="18"/>
      <c r="O12720" s="18"/>
      <c r="P12720" s="19">
        <v>90</v>
      </c>
      <c r="Q12720" s="19"/>
      <c r="R12720" s="19"/>
      <c r="S12720" s="19"/>
      <c r="T12720" s="19">
        <v>25</v>
      </c>
      <c r="U12720" s="19"/>
      <c r="V12720" s="19"/>
      <c r="W12720" s="19"/>
      <c r="X12720" s="19">
        <v>1</v>
      </c>
      <c r="Y12720" s="19"/>
      <c r="Z12720" s="19"/>
      <c r="AA12720" s="19"/>
    </row>
    <row r="12721" spans="1:27" s="1" customFormat="1" ht="14.1" customHeight="1" outlineLevel="4" x14ac:dyDescent="0.2">
      <c r="A12721" s="17"/>
      <c r="B12721" s="17"/>
      <c r="C12721" s="17"/>
      <c r="D12721" s="18"/>
      <c r="E12721" s="18"/>
      <c r="F12721" s="18"/>
      <c r="G12721" s="18"/>
      <c r="H12721" s="18"/>
      <c r="I12721" s="18"/>
      <c r="J12721" s="18"/>
      <c r="K12721" s="18"/>
      <c r="L12721" s="18"/>
      <c r="M12721" s="18"/>
      <c r="N12721" s="18"/>
      <c r="O12721" s="18"/>
      <c r="P12721" s="19"/>
      <c r="Q12721" s="19"/>
      <c r="R12721" s="19"/>
      <c r="S12721" s="19"/>
      <c r="T12721" s="19"/>
      <c r="U12721" s="19"/>
      <c r="V12721" s="19"/>
      <c r="W12721" s="19"/>
      <c r="X12721" s="19"/>
      <c r="Y12721" s="19"/>
      <c r="Z12721" s="19"/>
      <c r="AA12721" s="19"/>
    </row>
    <row r="12722" spans="1:27" s="1" customFormat="1" ht="11.1" customHeight="1" outlineLevel="4" x14ac:dyDescent="0.2">
      <c r="A12722" s="17">
        <v>7156</v>
      </c>
      <c r="B12722" s="17"/>
      <c r="C12722" s="17"/>
      <c r="D12722" s="18" t="s">
        <v>6313</v>
      </c>
      <c r="E12722" s="18"/>
      <c r="F12722" s="18"/>
      <c r="G12722" s="18"/>
      <c r="H12722" s="18"/>
      <c r="I12722" s="18"/>
      <c r="J12722" s="18"/>
      <c r="K12722" s="18"/>
      <c r="L12722" s="18"/>
      <c r="M12722" s="18"/>
      <c r="N12722" s="18"/>
      <c r="O12722" s="18"/>
      <c r="P12722" s="19">
        <v>200</v>
      </c>
      <c r="Q12722" s="19"/>
      <c r="R12722" s="19"/>
      <c r="S12722" s="19"/>
      <c r="T12722" s="19">
        <v>60</v>
      </c>
      <c r="U12722" s="19"/>
      <c r="V12722" s="19"/>
      <c r="W12722" s="19"/>
      <c r="X12722" s="19">
        <v>3</v>
      </c>
      <c r="Y12722" s="19"/>
      <c r="Z12722" s="19"/>
      <c r="AA12722" s="19"/>
    </row>
    <row r="12723" spans="1:27" s="1" customFormat="1" ht="11.1" customHeight="1" outlineLevel="4" x14ac:dyDescent="0.2">
      <c r="A12723" s="17"/>
      <c r="B12723" s="17"/>
      <c r="C12723" s="17"/>
      <c r="D12723" s="18"/>
      <c r="E12723" s="18"/>
      <c r="F12723" s="18"/>
      <c r="G12723" s="18"/>
      <c r="H12723" s="18"/>
      <c r="I12723" s="18"/>
      <c r="J12723" s="18"/>
      <c r="K12723" s="18"/>
      <c r="L12723" s="18"/>
      <c r="M12723" s="18"/>
      <c r="N12723" s="18"/>
      <c r="O12723" s="18"/>
      <c r="P12723" s="19"/>
      <c r="Q12723" s="19"/>
      <c r="R12723" s="19"/>
      <c r="S12723" s="19"/>
      <c r="T12723" s="19"/>
      <c r="U12723" s="19"/>
      <c r="V12723" s="19"/>
      <c r="W12723" s="19"/>
      <c r="X12723" s="19"/>
      <c r="Y12723" s="19"/>
      <c r="Z12723" s="19"/>
      <c r="AA12723" s="19"/>
    </row>
    <row r="12724" spans="1:27" s="1" customFormat="1" ht="14.1" customHeight="1" outlineLevel="4" x14ac:dyDescent="0.2">
      <c r="A12724" s="17">
        <v>10195</v>
      </c>
      <c r="B12724" s="17"/>
      <c r="C12724" s="17"/>
      <c r="D12724" s="18" t="s">
        <v>6314</v>
      </c>
      <c r="E12724" s="18"/>
      <c r="F12724" s="18"/>
      <c r="G12724" s="18"/>
      <c r="H12724" s="18"/>
      <c r="I12724" s="18"/>
      <c r="J12724" s="18"/>
      <c r="K12724" s="18"/>
      <c r="L12724" s="18"/>
      <c r="M12724" s="18"/>
      <c r="N12724" s="18"/>
      <c r="O12724" s="18"/>
      <c r="P12724" s="19">
        <v>200</v>
      </c>
      <c r="Q12724" s="19"/>
      <c r="R12724" s="19"/>
      <c r="S12724" s="19"/>
      <c r="T12724" s="19">
        <v>60</v>
      </c>
      <c r="U12724" s="19"/>
      <c r="V12724" s="19"/>
      <c r="W12724" s="19"/>
      <c r="X12724" s="19">
        <v>35</v>
      </c>
      <c r="Y12724" s="19"/>
      <c r="Z12724" s="19"/>
      <c r="AA12724" s="19"/>
    </row>
    <row r="12725" spans="1:27" s="1" customFormat="1" ht="14.1" customHeight="1" outlineLevel="4" x14ac:dyDescent="0.2">
      <c r="A12725" s="17"/>
      <c r="B12725" s="17"/>
      <c r="C12725" s="17"/>
      <c r="D12725" s="18"/>
      <c r="E12725" s="18"/>
      <c r="F12725" s="18"/>
      <c r="G12725" s="18"/>
      <c r="H12725" s="18"/>
      <c r="I12725" s="18"/>
      <c r="J12725" s="18"/>
      <c r="K12725" s="18"/>
      <c r="L12725" s="18"/>
      <c r="M12725" s="18"/>
      <c r="N12725" s="18"/>
      <c r="O12725" s="18"/>
      <c r="P12725" s="19"/>
      <c r="Q12725" s="19"/>
      <c r="R12725" s="19"/>
      <c r="S12725" s="19"/>
      <c r="T12725" s="19"/>
      <c r="U12725" s="19"/>
      <c r="V12725" s="19"/>
      <c r="W12725" s="19"/>
      <c r="X12725" s="19"/>
      <c r="Y12725" s="19"/>
      <c r="Z12725" s="19"/>
      <c r="AA12725" s="19"/>
    </row>
    <row r="12726" spans="1:27" s="1" customFormat="1" ht="14.1" customHeight="1" outlineLevel="4" x14ac:dyDescent="0.2">
      <c r="A12726" s="17">
        <v>9786</v>
      </c>
      <c r="B12726" s="17"/>
      <c r="C12726" s="17"/>
      <c r="D12726" s="18" t="s">
        <v>6315</v>
      </c>
      <c r="E12726" s="18"/>
      <c r="F12726" s="18"/>
      <c r="G12726" s="18"/>
      <c r="H12726" s="18"/>
      <c r="I12726" s="18"/>
      <c r="J12726" s="18"/>
      <c r="K12726" s="18"/>
      <c r="L12726" s="18"/>
      <c r="M12726" s="18"/>
      <c r="N12726" s="18"/>
      <c r="O12726" s="18"/>
      <c r="P12726" s="19">
        <v>200</v>
      </c>
      <c r="Q12726" s="19"/>
      <c r="R12726" s="19"/>
      <c r="S12726" s="19"/>
      <c r="T12726" s="19">
        <v>60</v>
      </c>
      <c r="U12726" s="19"/>
      <c r="V12726" s="19"/>
      <c r="W12726" s="19"/>
      <c r="X12726" s="19">
        <v>37</v>
      </c>
      <c r="Y12726" s="19"/>
      <c r="Z12726" s="19"/>
      <c r="AA12726" s="19"/>
    </row>
    <row r="12727" spans="1:27" s="1" customFormat="1" ht="14.1" customHeight="1" outlineLevel="4" x14ac:dyDescent="0.2">
      <c r="A12727" s="17"/>
      <c r="B12727" s="17"/>
      <c r="C12727" s="17"/>
      <c r="D12727" s="18"/>
      <c r="E12727" s="18"/>
      <c r="F12727" s="18"/>
      <c r="G12727" s="18"/>
      <c r="H12727" s="18"/>
      <c r="I12727" s="18"/>
      <c r="J12727" s="18"/>
      <c r="K12727" s="18"/>
      <c r="L12727" s="18"/>
      <c r="M12727" s="18"/>
      <c r="N12727" s="18"/>
      <c r="O12727" s="18"/>
      <c r="P12727" s="19"/>
      <c r="Q12727" s="19"/>
      <c r="R12727" s="19"/>
      <c r="S12727" s="19"/>
      <c r="T12727" s="19"/>
      <c r="U12727" s="19"/>
      <c r="V12727" s="19"/>
      <c r="W12727" s="19"/>
      <c r="X12727" s="19"/>
      <c r="Y12727" s="19"/>
      <c r="Z12727" s="19"/>
      <c r="AA12727" s="19"/>
    </row>
    <row r="12728" spans="1:27" s="1" customFormat="1" ht="11.1" customHeight="1" outlineLevel="4" x14ac:dyDescent="0.2">
      <c r="A12728" s="17">
        <v>7154</v>
      </c>
      <c r="B12728" s="17"/>
      <c r="C12728" s="17"/>
      <c r="D12728" s="18" t="s">
        <v>6316</v>
      </c>
      <c r="E12728" s="18"/>
      <c r="F12728" s="18"/>
      <c r="G12728" s="18"/>
      <c r="H12728" s="18"/>
      <c r="I12728" s="18"/>
      <c r="J12728" s="18"/>
      <c r="K12728" s="18"/>
      <c r="L12728" s="18"/>
      <c r="M12728" s="18"/>
      <c r="N12728" s="18"/>
      <c r="O12728" s="18"/>
      <c r="P12728" s="19">
        <v>200</v>
      </c>
      <c r="Q12728" s="19"/>
      <c r="R12728" s="19"/>
      <c r="S12728" s="19"/>
      <c r="T12728" s="19">
        <v>60</v>
      </c>
      <c r="U12728" s="19"/>
      <c r="V12728" s="19"/>
      <c r="W12728" s="19"/>
      <c r="X12728" s="19">
        <v>25</v>
      </c>
      <c r="Y12728" s="19"/>
      <c r="Z12728" s="19"/>
      <c r="AA12728" s="19"/>
    </row>
    <row r="12729" spans="1:27" s="1" customFormat="1" ht="11.1" customHeight="1" outlineLevel="4" x14ac:dyDescent="0.2">
      <c r="A12729" s="17"/>
      <c r="B12729" s="17"/>
      <c r="C12729" s="17"/>
      <c r="D12729" s="18"/>
      <c r="E12729" s="18"/>
      <c r="F12729" s="18"/>
      <c r="G12729" s="18"/>
      <c r="H12729" s="18"/>
      <c r="I12729" s="18"/>
      <c r="J12729" s="18"/>
      <c r="K12729" s="18"/>
      <c r="L12729" s="18"/>
      <c r="M12729" s="18"/>
      <c r="N12729" s="18"/>
      <c r="O12729" s="18"/>
      <c r="P12729" s="19"/>
      <c r="Q12729" s="19"/>
      <c r="R12729" s="19"/>
      <c r="S12729" s="19"/>
      <c r="T12729" s="19"/>
      <c r="U12729" s="19"/>
      <c r="V12729" s="19"/>
      <c r="W12729" s="19"/>
      <c r="X12729" s="19"/>
      <c r="Y12729" s="19"/>
      <c r="Z12729" s="19"/>
      <c r="AA12729" s="19"/>
    </row>
    <row r="12730" spans="1:27" s="1" customFormat="1" ht="14.1" customHeight="1" outlineLevel="4" x14ac:dyDescent="0.2">
      <c r="A12730" s="17">
        <v>11770</v>
      </c>
      <c r="B12730" s="17"/>
      <c r="C12730" s="17"/>
      <c r="D12730" s="18" t="s">
        <v>6317</v>
      </c>
      <c r="E12730" s="18"/>
      <c r="F12730" s="18"/>
      <c r="G12730" s="18"/>
      <c r="H12730" s="18"/>
      <c r="I12730" s="18"/>
      <c r="J12730" s="18"/>
      <c r="K12730" s="18"/>
      <c r="L12730" s="18"/>
      <c r="M12730" s="18"/>
      <c r="N12730" s="18"/>
      <c r="O12730" s="18"/>
      <c r="P12730" s="19">
        <v>200</v>
      </c>
      <c r="Q12730" s="19"/>
      <c r="R12730" s="19"/>
      <c r="S12730" s="19"/>
      <c r="T12730" s="19">
        <v>60</v>
      </c>
      <c r="U12730" s="19"/>
      <c r="V12730" s="19"/>
      <c r="W12730" s="19"/>
      <c r="X12730" s="19">
        <v>19</v>
      </c>
      <c r="Y12730" s="19"/>
      <c r="Z12730" s="19"/>
      <c r="AA12730" s="19"/>
    </row>
    <row r="12731" spans="1:27" s="1" customFormat="1" ht="14.1" customHeight="1" outlineLevel="4" x14ac:dyDescent="0.2">
      <c r="A12731" s="17"/>
      <c r="B12731" s="17"/>
      <c r="C12731" s="17"/>
      <c r="D12731" s="18"/>
      <c r="E12731" s="18"/>
      <c r="F12731" s="18"/>
      <c r="G12731" s="18"/>
      <c r="H12731" s="18"/>
      <c r="I12731" s="18"/>
      <c r="J12731" s="18"/>
      <c r="K12731" s="18"/>
      <c r="L12731" s="18"/>
      <c r="M12731" s="18"/>
      <c r="N12731" s="18"/>
      <c r="O12731" s="18"/>
      <c r="P12731" s="19"/>
      <c r="Q12731" s="19"/>
      <c r="R12731" s="19"/>
      <c r="S12731" s="19"/>
      <c r="T12731" s="19"/>
      <c r="U12731" s="19"/>
      <c r="V12731" s="19"/>
      <c r="W12731" s="19"/>
      <c r="X12731" s="19"/>
      <c r="Y12731" s="19"/>
      <c r="Z12731" s="19"/>
      <c r="AA12731" s="19"/>
    </row>
    <row r="12732" spans="1:27" s="1" customFormat="1" ht="11.1" customHeight="1" outlineLevel="3" x14ac:dyDescent="0.2">
      <c r="A12732" s="16" t="s">
        <v>1634</v>
      </c>
      <c r="B12732" s="16"/>
      <c r="C12732" s="16"/>
      <c r="D12732" s="16"/>
      <c r="E12732" s="16"/>
      <c r="F12732" s="16"/>
      <c r="G12732" s="16"/>
      <c r="H12732" s="16"/>
      <c r="I12732" s="16"/>
      <c r="J12732" s="16"/>
      <c r="K12732" s="16"/>
      <c r="L12732" s="16"/>
      <c r="M12732" s="16"/>
      <c r="N12732" s="16"/>
      <c r="O12732" s="16"/>
      <c r="P12732" s="16"/>
      <c r="Q12732" s="16"/>
      <c r="R12732" s="16"/>
      <c r="S12732" s="16"/>
      <c r="T12732" s="16"/>
      <c r="U12732" s="16"/>
      <c r="V12732" s="16"/>
      <c r="W12732" s="16"/>
      <c r="X12732" s="16"/>
      <c r="Y12732" s="16"/>
      <c r="Z12732" s="16"/>
      <c r="AA12732" s="16"/>
    </row>
    <row r="12733" spans="1:27" s="1" customFormat="1" ht="11.1" customHeight="1" outlineLevel="3" x14ac:dyDescent="0.2">
      <c r="A12733" s="16"/>
      <c r="B12733" s="16"/>
      <c r="C12733" s="16"/>
      <c r="D12733" s="16"/>
      <c r="E12733" s="16"/>
      <c r="F12733" s="16"/>
      <c r="G12733" s="16"/>
      <c r="H12733" s="16"/>
      <c r="I12733" s="16"/>
      <c r="J12733" s="16"/>
      <c r="K12733" s="16"/>
      <c r="L12733" s="16"/>
      <c r="M12733" s="16"/>
      <c r="N12733" s="16"/>
      <c r="O12733" s="16"/>
      <c r="P12733" s="16"/>
      <c r="Q12733" s="16"/>
      <c r="R12733" s="16"/>
      <c r="S12733" s="16"/>
      <c r="T12733" s="16"/>
      <c r="U12733" s="16"/>
      <c r="V12733" s="16"/>
      <c r="W12733" s="16"/>
      <c r="X12733" s="16"/>
      <c r="Y12733" s="16"/>
      <c r="Z12733" s="16"/>
      <c r="AA12733" s="16"/>
    </row>
    <row r="12734" spans="1:27" s="1" customFormat="1" ht="11.1" customHeight="1" outlineLevel="4" x14ac:dyDescent="0.2">
      <c r="A12734" s="17">
        <v>5641</v>
      </c>
      <c r="B12734" s="17"/>
      <c r="C12734" s="17"/>
      <c r="D12734" s="18" t="s">
        <v>6318</v>
      </c>
      <c r="E12734" s="18"/>
      <c r="F12734" s="18"/>
      <c r="G12734" s="18"/>
      <c r="H12734" s="18"/>
      <c r="I12734" s="18"/>
      <c r="J12734" s="18"/>
      <c r="K12734" s="18"/>
      <c r="L12734" s="18"/>
      <c r="M12734" s="18"/>
      <c r="N12734" s="18"/>
      <c r="O12734" s="18"/>
      <c r="P12734" s="19">
        <v>90</v>
      </c>
      <c r="Q12734" s="19"/>
      <c r="R12734" s="19"/>
      <c r="S12734" s="19"/>
      <c r="T12734" s="19">
        <v>25</v>
      </c>
      <c r="U12734" s="19"/>
      <c r="V12734" s="19"/>
      <c r="W12734" s="19"/>
      <c r="X12734" s="19">
        <v>1</v>
      </c>
      <c r="Y12734" s="19"/>
      <c r="Z12734" s="19"/>
      <c r="AA12734" s="19"/>
    </row>
    <row r="12735" spans="1:27" s="1" customFormat="1" ht="11.1" customHeight="1" outlineLevel="4" x14ac:dyDescent="0.2">
      <c r="A12735" s="17"/>
      <c r="B12735" s="17"/>
      <c r="C12735" s="17"/>
      <c r="D12735" s="18"/>
      <c r="E12735" s="18"/>
      <c r="F12735" s="18"/>
      <c r="G12735" s="18"/>
      <c r="H12735" s="18"/>
      <c r="I12735" s="18"/>
      <c r="J12735" s="18"/>
      <c r="K12735" s="18"/>
      <c r="L12735" s="18"/>
      <c r="M12735" s="18"/>
      <c r="N12735" s="18"/>
      <c r="O12735" s="18"/>
      <c r="P12735" s="19"/>
      <c r="Q12735" s="19"/>
      <c r="R12735" s="19"/>
      <c r="S12735" s="19"/>
      <c r="T12735" s="19"/>
      <c r="U12735" s="19"/>
      <c r="V12735" s="19"/>
      <c r="W12735" s="19"/>
      <c r="X12735" s="19"/>
      <c r="Y12735" s="19"/>
      <c r="Z12735" s="19"/>
      <c r="AA12735" s="19"/>
    </row>
    <row r="12736" spans="1:27" s="1" customFormat="1" ht="11.1" customHeight="1" outlineLevel="3" x14ac:dyDescent="0.2">
      <c r="A12736" s="16" t="s">
        <v>1651</v>
      </c>
      <c r="B12736" s="16"/>
      <c r="C12736" s="16"/>
      <c r="D12736" s="16"/>
      <c r="E12736" s="16"/>
      <c r="F12736" s="16"/>
      <c r="G12736" s="16"/>
      <c r="H12736" s="16"/>
      <c r="I12736" s="16"/>
      <c r="J12736" s="16"/>
      <c r="K12736" s="16"/>
      <c r="L12736" s="16"/>
      <c r="M12736" s="16"/>
      <c r="N12736" s="16"/>
      <c r="O12736" s="16"/>
      <c r="P12736" s="16"/>
      <c r="Q12736" s="16"/>
      <c r="R12736" s="16"/>
      <c r="S12736" s="16"/>
      <c r="T12736" s="16"/>
      <c r="U12736" s="16"/>
      <c r="V12736" s="16"/>
      <c r="W12736" s="16"/>
      <c r="X12736" s="16"/>
      <c r="Y12736" s="16"/>
      <c r="Z12736" s="16"/>
      <c r="AA12736" s="16"/>
    </row>
    <row r="12737" spans="1:27" s="1" customFormat="1" ht="11.1" customHeight="1" outlineLevel="3" x14ac:dyDescent="0.2">
      <c r="A12737" s="16"/>
      <c r="B12737" s="16"/>
      <c r="C12737" s="16"/>
      <c r="D12737" s="16"/>
      <c r="E12737" s="16"/>
      <c r="F12737" s="16"/>
      <c r="G12737" s="16"/>
      <c r="H12737" s="16"/>
      <c r="I12737" s="16"/>
      <c r="J12737" s="16"/>
      <c r="K12737" s="16"/>
      <c r="L12737" s="16"/>
      <c r="M12737" s="16"/>
      <c r="N12737" s="16"/>
      <c r="O12737" s="16"/>
      <c r="P12737" s="16"/>
      <c r="Q12737" s="16"/>
      <c r="R12737" s="16"/>
      <c r="S12737" s="16"/>
      <c r="T12737" s="16"/>
      <c r="U12737" s="16"/>
      <c r="V12737" s="16"/>
      <c r="W12737" s="16"/>
      <c r="X12737" s="16"/>
      <c r="Y12737" s="16"/>
      <c r="Z12737" s="16"/>
      <c r="AA12737" s="16"/>
    </row>
    <row r="12738" spans="1:27" s="1" customFormat="1" ht="14.1" customHeight="1" outlineLevel="4" x14ac:dyDescent="0.2">
      <c r="A12738" s="17">
        <v>4135</v>
      </c>
      <c r="B12738" s="17"/>
      <c r="C12738" s="17"/>
      <c r="D12738" s="18" t="s">
        <v>6319</v>
      </c>
      <c r="E12738" s="18"/>
      <c r="F12738" s="18"/>
      <c r="G12738" s="18"/>
      <c r="H12738" s="18"/>
      <c r="I12738" s="18"/>
      <c r="J12738" s="18"/>
      <c r="K12738" s="18"/>
      <c r="L12738" s="18"/>
      <c r="M12738" s="18"/>
      <c r="N12738" s="18"/>
      <c r="O12738" s="18"/>
      <c r="P12738" s="19">
        <v>90</v>
      </c>
      <c r="Q12738" s="19"/>
      <c r="R12738" s="19"/>
      <c r="S12738" s="19"/>
      <c r="T12738" s="19">
        <v>25</v>
      </c>
      <c r="U12738" s="19"/>
      <c r="V12738" s="19"/>
      <c r="W12738" s="19"/>
      <c r="X12738" s="19">
        <v>2</v>
      </c>
      <c r="Y12738" s="19"/>
      <c r="Z12738" s="19"/>
      <c r="AA12738" s="19"/>
    </row>
    <row r="12739" spans="1:27" s="1" customFormat="1" ht="14.1" customHeight="1" outlineLevel="4" x14ac:dyDescent="0.2">
      <c r="A12739" s="17"/>
      <c r="B12739" s="17"/>
      <c r="C12739" s="17"/>
      <c r="D12739" s="18"/>
      <c r="E12739" s="18"/>
      <c r="F12739" s="18"/>
      <c r="G12739" s="18"/>
      <c r="H12739" s="18"/>
      <c r="I12739" s="18"/>
      <c r="J12739" s="18"/>
      <c r="K12739" s="18"/>
      <c r="L12739" s="18"/>
      <c r="M12739" s="18"/>
      <c r="N12739" s="18"/>
      <c r="O12739" s="18"/>
      <c r="P12739" s="19"/>
      <c r="Q12739" s="19"/>
      <c r="R12739" s="19"/>
      <c r="S12739" s="19"/>
      <c r="T12739" s="19"/>
      <c r="U12739" s="19"/>
      <c r="V12739" s="19"/>
      <c r="W12739" s="19"/>
      <c r="X12739" s="19"/>
      <c r="Y12739" s="19"/>
      <c r="Z12739" s="19"/>
      <c r="AA12739" s="19"/>
    </row>
    <row r="12740" spans="1:27" s="1" customFormat="1" ht="14.1" customHeight="1" outlineLevel="4" x14ac:dyDescent="0.2">
      <c r="A12740" s="17">
        <v>4134</v>
      </c>
      <c r="B12740" s="17"/>
      <c r="C12740" s="17"/>
      <c r="D12740" s="18" t="s">
        <v>6320</v>
      </c>
      <c r="E12740" s="18"/>
      <c r="F12740" s="18"/>
      <c r="G12740" s="18"/>
      <c r="H12740" s="18"/>
      <c r="I12740" s="18"/>
      <c r="J12740" s="18"/>
      <c r="K12740" s="18"/>
      <c r="L12740" s="18"/>
      <c r="M12740" s="18"/>
      <c r="N12740" s="18"/>
      <c r="O12740" s="18"/>
      <c r="P12740" s="19">
        <v>190</v>
      </c>
      <c r="Q12740" s="19"/>
      <c r="R12740" s="19"/>
      <c r="S12740" s="19"/>
      <c r="T12740" s="19">
        <v>25</v>
      </c>
      <c r="U12740" s="19"/>
      <c r="V12740" s="19"/>
      <c r="W12740" s="19"/>
      <c r="X12740" s="19">
        <v>2</v>
      </c>
      <c r="Y12740" s="19"/>
      <c r="Z12740" s="19"/>
      <c r="AA12740" s="19"/>
    </row>
    <row r="12741" spans="1:27" s="1" customFormat="1" ht="14.1" customHeight="1" outlineLevel="4" x14ac:dyDescent="0.2">
      <c r="A12741" s="17"/>
      <c r="B12741" s="17"/>
      <c r="C12741" s="17"/>
      <c r="D12741" s="18"/>
      <c r="E12741" s="18"/>
      <c r="F12741" s="18"/>
      <c r="G12741" s="18"/>
      <c r="H12741" s="18"/>
      <c r="I12741" s="18"/>
      <c r="J12741" s="18"/>
      <c r="K12741" s="18"/>
      <c r="L12741" s="18"/>
      <c r="M12741" s="18"/>
      <c r="N12741" s="18"/>
      <c r="O12741" s="18"/>
      <c r="P12741" s="19"/>
      <c r="Q12741" s="19"/>
      <c r="R12741" s="19"/>
      <c r="S12741" s="19"/>
      <c r="T12741" s="19"/>
      <c r="U12741" s="19"/>
      <c r="V12741" s="19"/>
      <c r="W12741" s="19"/>
      <c r="X12741" s="19"/>
      <c r="Y12741" s="19"/>
      <c r="Z12741" s="19"/>
      <c r="AA12741" s="19"/>
    </row>
    <row r="12742" spans="1:27" s="1" customFormat="1" ht="14.1" customHeight="1" outlineLevel="4" x14ac:dyDescent="0.2">
      <c r="A12742" s="17">
        <v>4137</v>
      </c>
      <c r="B12742" s="17"/>
      <c r="C12742" s="17"/>
      <c r="D12742" s="18" t="s">
        <v>6321</v>
      </c>
      <c r="E12742" s="18"/>
      <c r="F12742" s="18"/>
      <c r="G12742" s="18"/>
      <c r="H12742" s="18"/>
      <c r="I12742" s="18"/>
      <c r="J12742" s="18"/>
      <c r="K12742" s="18"/>
      <c r="L12742" s="18"/>
      <c r="M12742" s="18"/>
      <c r="N12742" s="18"/>
      <c r="O12742" s="18"/>
      <c r="P12742" s="19">
        <v>190</v>
      </c>
      <c r="Q12742" s="19"/>
      <c r="R12742" s="19"/>
      <c r="S12742" s="19"/>
      <c r="T12742" s="19">
        <v>25</v>
      </c>
      <c r="U12742" s="19"/>
      <c r="V12742" s="19"/>
      <c r="W12742" s="19"/>
      <c r="X12742" s="19">
        <v>1</v>
      </c>
      <c r="Y12742" s="19"/>
      <c r="Z12742" s="19"/>
      <c r="AA12742" s="19"/>
    </row>
    <row r="12743" spans="1:27" s="1" customFormat="1" ht="14.1" customHeight="1" outlineLevel="4" x14ac:dyDescent="0.2">
      <c r="A12743" s="17"/>
      <c r="B12743" s="17"/>
      <c r="C12743" s="17"/>
      <c r="D12743" s="18"/>
      <c r="E12743" s="18"/>
      <c r="F12743" s="18"/>
      <c r="G12743" s="18"/>
      <c r="H12743" s="18"/>
      <c r="I12743" s="18"/>
      <c r="J12743" s="18"/>
      <c r="K12743" s="18"/>
      <c r="L12743" s="18"/>
      <c r="M12743" s="18"/>
      <c r="N12743" s="18"/>
      <c r="O12743" s="18"/>
      <c r="P12743" s="19"/>
      <c r="Q12743" s="19"/>
      <c r="R12743" s="19"/>
      <c r="S12743" s="19"/>
      <c r="T12743" s="19"/>
      <c r="U12743" s="19"/>
      <c r="V12743" s="19"/>
      <c r="W12743" s="19"/>
      <c r="X12743" s="19"/>
      <c r="Y12743" s="19"/>
      <c r="Z12743" s="19"/>
      <c r="AA12743" s="19"/>
    </row>
    <row r="12744" spans="1:27" s="1" customFormat="1" ht="14.1" customHeight="1" outlineLevel="4" x14ac:dyDescent="0.2">
      <c r="A12744" s="17">
        <v>4133</v>
      </c>
      <c r="B12744" s="17"/>
      <c r="C12744" s="17"/>
      <c r="D12744" s="18" t="s">
        <v>6322</v>
      </c>
      <c r="E12744" s="18"/>
      <c r="F12744" s="18"/>
      <c r="G12744" s="18"/>
      <c r="H12744" s="18"/>
      <c r="I12744" s="18"/>
      <c r="J12744" s="18"/>
      <c r="K12744" s="18"/>
      <c r="L12744" s="18"/>
      <c r="M12744" s="18"/>
      <c r="N12744" s="18"/>
      <c r="O12744" s="18"/>
      <c r="P12744" s="19">
        <v>190</v>
      </c>
      <c r="Q12744" s="19"/>
      <c r="R12744" s="19"/>
      <c r="S12744" s="19"/>
      <c r="T12744" s="19">
        <v>25</v>
      </c>
      <c r="U12744" s="19"/>
      <c r="V12744" s="19"/>
      <c r="W12744" s="19"/>
      <c r="X12744" s="19">
        <v>1</v>
      </c>
      <c r="Y12744" s="19"/>
      <c r="Z12744" s="19"/>
      <c r="AA12744" s="19"/>
    </row>
    <row r="12745" spans="1:27" s="1" customFormat="1" ht="14.1" customHeight="1" outlineLevel="4" x14ac:dyDescent="0.2">
      <c r="A12745" s="17"/>
      <c r="B12745" s="17"/>
      <c r="C12745" s="17"/>
      <c r="D12745" s="18"/>
      <c r="E12745" s="18"/>
      <c r="F12745" s="18"/>
      <c r="G12745" s="18"/>
      <c r="H12745" s="18"/>
      <c r="I12745" s="18"/>
      <c r="J12745" s="18"/>
      <c r="K12745" s="18"/>
      <c r="L12745" s="18"/>
      <c r="M12745" s="18"/>
      <c r="N12745" s="18"/>
      <c r="O12745" s="18"/>
      <c r="P12745" s="19"/>
      <c r="Q12745" s="19"/>
      <c r="R12745" s="19"/>
      <c r="S12745" s="19"/>
      <c r="T12745" s="19"/>
      <c r="U12745" s="19"/>
      <c r="V12745" s="19"/>
      <c r="W12745" s="19"/>
      <c r="X12745" s="19"/>
      <c r="Y12745" s="19"/>
      <c r="Z12745" s="19"/>
      <c r="AA12745" s="19"/>
    </row>
    <row r="12746" spans="1:27" s="1" customFormat="1" ht="11.1" customHeight="1" outlineLevel="3" x14ac:dyDescent="0.2">
      <c r="A12746" s="16" t="s">
        <v>1202</v>
      </c>
      <c r="B12746" s="16"/>
      <c r="C12746" s="16"/>
      <c r="D12746" s="16"/>
      <c r="E12746" s="16"/>
      <c r="F12746" s="16"/>
      <c r="G12746" s="16"/>
      <c r="H12746" s="16"/>
      <c r="I12746" s="16"/>
      <c r="J12746" s="16"/>
      <c r="K12746" s="16"/>
      <c r="L12746" s="16"/>
      <c r="M12746" s="16"/>
      <c r="N12746" s="16"/>
      <c r="O12746" s="16"/>
      <c r="P12746" s="16"/>
      <c r="Q12746" s="16"/>
      <c r="R12746" s="16"/>
      <c r="S12746" s="16"/>
      <c r="T12746" s="16"/>
      <c r="U12746" s="16"/>
      <c r="V12746" s="16"/>
      <c r="W12746" s="16"/>
      <c r="X12746" s="16"/>
      <c r="Y12746" s="16"/>
      <c r="Z12746" s="16"/>
      <c r="AA12746" s="16"/>
    </row>
    <row r="12747" spans="1:27" s="1" customFormat="1" ht="11.1" customHeight="1" outlineLevel="3" x14ac:dyDescent="0.2">
      <c r="A12747" s="16"/>
      <c r="B12747" s="16"/>
      <c r="C12747" s="16"/>
      <c r="D12747" s="16"/>
      <c r="E12747" s="16"/>
      <c r="F12747" s="16"/>
      <c r="G12747" s="16"/>
      <c r="H12747" s="16"/>
      <c r="I12747" s="16"/>
      <c r="J12747" s="16"/>
      <c r="K12747" s="16"/>
      <c r="L12747" s="16"/>
      <c r="M12747" s="16"/>
      <c r="N12747" s="16"/>
      <c r="O12747" s="16"/>
      <c r="P12747" s="16"/>
      <c r="Q12747" s="16"/>
      <c r="R12747" s="16"/>
      <c r="S12747" s="16"/>
      <c r="T12747" s="16"/>
      <c r="U12747" s="16"/>
      <c r="V12747" s="16"/>
      <c r="W12747" s="16"/>
      <c r="X12747" s="16"/>
      <c r="Y12747" s="16"/>
      <c r="Z12747" s="16"/>
      <c r="AA12747" s="16"/>
    </row>
    <row r="12748" spans="1:27" s="1" customFormat="1" ht="14.1" customHeight="1" outlineLevel="4" x14ac:dyDescent="0.2">
      <c r="A12748" s="17">
        <v>5780</v>
      </c>
      <c r="B12748" s="17"/>
      <c r="C12748" s="17"/>
      <c r="D12748" s="18" t="s">
        <v>6323</v>
      </c>
      <c r="E12748" s="18"/>
      <c r="F12748" s="18"/>
      <c r="G12748" s="18"/>
      <c r="H12748" s="18"/>
      <c r="I12748" s="18"/>
      <c r="J12748" s="18"/>
      <c r="K12748" s="18"/>
      <c r="L12748" s="18"/>
      <c r="M12748" s="18"/>
      <c r="N12748" s="18"/>
      <c r="O12748" s="18"/>
      <c r="P12748" s="19">
        <v>90</v>
      </c>
      <c r="Q12748" s="19"/>
      <c r="R12748" s="19"/>
      <c r="S12748" s="19"/>
      <c r="T12748" s="19">
        <v>25</v>
      </c>
      <c r="U12748" s="19"/>
      <c r="V12748" s="19"/>
      <c r="W12748" s="19"/>
      <c r="X12748" s="19">
        <v>1</v>
      </c>
      <c r="Y12748" s="19"/>
      <c r="Z12748" s="19"/>
      <c r="AA12748" s="19"/>
    </row>
    <row r="12749" spans="1:27" s="1" customFormat="1" ht="14.1" customHeight="1" outlineLevel="4" x14ac:dyDescent="0.2">
      <c r="A12749" s="17"/>
      <c r="B12749" s="17"/>
      <c r="C12749" s="17"/>
      <c r="D12749" s="18"/>
      <c r="E12749" s="18"/>
      <c r="F12749" s="18"/>
      <c r="G12749" s="18"/>
      <c r="H12749" s="18"/>
      <c r="I12749" s="18"/>
      <c r="J12749" s="18"/>
      <c r="K12749" s="18"/>
      <c r="L12749" s="18"/>
      <c r="M12749" s="18"/>
      <c r="N12749" s="18"/>
      <c r="O12749" s="18"/>
      <c r="P12749" s="19"/>
      <c r="Q12749" s="19"/>
      <c r="R12749" s="19"/>
      <c r="S12749" s="19"/>
      <c r="T12749" s="19"/>
      <c r="U12749" s="19"/>
      <c r="V12749" s="19"/>
      <c r="W12749" s="19"/>
      <c r="X12749" s="19"/>
      <c r="Y12749" s="19"/>
      <c r="Z12749" s="19"/>
      <c r="AA12749" s="19"/>
    </row>
    <row r="12750" spans="1:27" s="1" customFormat="1" ht="14.1" customHeight="1" outlineLevel="4" x14ac:dyDescent="0.2">
      <c r="A12750" s="17">
        <v>5984</v>
      </c>
      <c r="B12750" s="17"/>
      <c r="C12750" s="17"/>
      <c r="D12750" s="18" t="s">
        <v>6324</v>
      </c>
      <c r="E12750" s="18"/>
      <c r="F12750" s="18"/>
      <c r="G12750" s="18"/>
      <c r="H12750" s="18"/>
      <c r="I12750" s="18"/>
      <c r="J12750" s="18"/>
      <c r="K12750" s="18"/>
      <c r="L12750" s="18"/>
      <c r="M12750" s="18"/>
      <c r="N12750" s="18"/>
      <c r="O12750" s="18"/>
      <c r="P12750" s="19">
        <v>90</v>
      </c>
      <c r="Q12750" s="19"/>
      <c r="R12750" s="19"/>
      <c r="S12750" s="19"/>
      <c r="T12750" s="19">
        <v>25</v>
      </c>
      <c r="U12750" s="19"/>
      <c r="V12750" s="19"/>
      <c r="W12750" s="19"/>
      <c r="X12750" s="19">
        <v>1</v>
      </c>
      <c r="Y12750" s="19"/>
      <c r="Z12750" s="19"/>
      <c r="AA12750" s="19"/>
    </row>
    <row r="12751" spans="1:27" s="1" customFormat="1" ht="14.1" customHeight="1" outlineLevel="4" x14ac:dyDescent="0.2">
      <c r="A12751" s="17"/>
      <c r="B12751" s="17"/>
      <c r="C12751" s="17"/>
      <c r="D12751" s="18"/>
      <c r="E12751" s="18"/>
      <c r="F12751" s="18"/>
      <c r="G12751" s="18"/>
      <c r="H12751" s="18"/>
      <c r="I12751" s="18"/>
      <c r="J12751" s="18"/>
      <c r="K12751" s="18"/>
      <c r="L12751" s="18"/>
      <c r="M12751" s="18"/>
      <c r="N12751" s="18"/>
      <c r="O12751" s="18"/>
      <c r="P12751" s="19"/>
      <c r="Q12751" s="19"/>
      <c r="R12751" s="19"/>
      <c r="S12751" s="19"/>
      <c r="T12751" s="19"/>
      <c r="U12751" s="19"/>
      <c r="V12751" s="19"/>
      <c r="W12751" s="19"/>
      <c r="X12751" s="19"/>
      <c r="Y12751" s="19"/>
      <c r="Z12751" s="19"/>
      <c r="AA12751" s="19"/>
    </row>
    <row r="12752" spans="1:27" s="1" customFormat="1" ht="11.1" customHeight="1" outlineLevel="3" x14ac:dyDescent="0.2">
      <c r="A12752" s="16" t="s">
        <v>1678</v>
      </c>
      <c r="B12752" s="16"/>
      <c r="C12752" s="16"/>
      <c r="D12752" s="16"/>
      <c r="E12752" s="16"/>
      <c r="F12752" s="16"/>
      <c r="G12752" s="16"/>
      <c r="H12752" s="16"/>
      <c r="I12752" s="16"/>
      <c r="J12752" s="16"/>
      <c r="K12752" s="16"/>
      <c r="L12752" s="16"/>
      <c r="M12752" s="16"/>
      <c r="N12752" s="16"/>
      <c r="O12752" s="16"/>
      <c r="P12752" s="16"/>
      <c r="Q12752" s="16"/>
      <c r="R12752" s="16"/>
      <c r="S12752" s="16"/>
      <c r="T12752" s="16"/>
      <c r="U12752" s="16"/>
      <c r="V12752" s="16"/>
      <c r="W12752" s="16"/>
      <c r="X12752" s="16"/>
      <c r="Y12752" s="16"/>
      <c r="Z12752" s="16"/>
      <c r="AA12752" s="16"/>
    </row>
    <row r="12753" spans="1:27" s="1" customFormat="1" ht="11.1" customHeight="1" outlineLevel="3" x14ac:dyDescent="0.2">
      <c r="A12753" s="16"/>
      <c r="B12753" s="16"/>
      <c r="C12753" s="16"/>
      <c r="D12753" s="16"/>
      <c r="E12753" s="16"/>
      <c r="F12753" s="16"/>
      <c r="G12753" s="16"/>
      <c r="H12753" s="16"/>
      <c r="I12753" s="16"/>
      <c r="J12753" s="16"/>
      <c r="K12753" s="16"/>
      <c r="L12753" s="16"/>
      <c r="M12753" s="16"/>
      <c r="N12753" s="16"/>
      <c r="O12753" s="16"/>
      <c r="P12753" s="16"/>
      <c r="Q12753" s="16"/>
      <c r="R12753" s="16"/>
      <c r="S12753" s="16"/>
      <c r="T12753" s="16"/>
      <c r="U12753" s="16"/>
      <c r="V12753" s="16"/>
      <c r="W12753" s="16"/>
      <c r="X12753" s="16"/>
      <c r="Y12753" s="16"/>
      <c r="Z12753" s="16"/>
      <c r="AA12753" s="16"/>
    </row>
    <row r="12754" spans="1:27" s="1" customFormat="1" ht="14.1" customHeight="1" outlineLevel="4" x14ac:dyDescent="0.2">
      <c r="A12754" s="17">
        <v>4106</v>
      </c>
      <c r="B12754" s="17"/>
      <c r="C12754" s="17"/>
      <c r="D12754" s="18" t="s">
        <v>6325</v>
      </c>
      <c r="E12754" s="18"/>
      <c r="F12754" s="18"/>
      <c r="G12754" s="18"/>
      <c r="H12754" s="18"/>
      <c r="I12754" s="18"/>
      <c r="J12754" s="18"/>
      <c r="K12754" s="18"/>
      <c r="L12754" s="18"/>
      <c r="M12754" s="18"/>
      <c r="N12754" s="18"/>
      <c r="O12754" s="18"/>
      <c r="P12754" s="19">
        <v>90</v>
      </c>
      <c r="Q12754" s="19"/>
      <c r="R12754" s="19"/>
      <c r="S12754" s="19"/>
      <c r="T12754" s="19">
        <v>25</v>
      </c>
      <c r="U12754" s="19"/>
      <c r="V12754" s="19"/>
      <c r="W12754" s="19"/>
      <c r="X12754" s="19">
        <v>1</v>
      </c>
      <c r="Y12754" s="19"/>
      <c r="Z12754" s="19"/>
      <c r="AA12754" s="19"/>
    </row>
    <row r="12755" spans="1:27" s="1" customFormat="1" ht="14.1" customHeight="1" outlineLevel="4" x14ac:dyDescent="0.2">
      <c r="A12755" s="17"/>
      <c r="B12755" s="17"/>
      <c r="C12755" s="17"/>
      <c r="D12755" s="18"/>
      <c r="E12755" s="18"/>
      <c r="F12755" s="18"/>
      <c r="G12755" s="18"/>
      <c r="H12755" s="18"/>
      <c r="I12755" s="18"/>
      <c r="J12755" s="18"/>
      <c r="K12755" s="18"/>
      <c r="L12755" s="18"/>
      <c r="M12755" s="18"/>
      <c r="N12755" s="18"/>
      <c r="O12755" s="18"/>
      <c r="P12755" s="19"/>
      <c r="Q12755" s="19"/>
      <c r="R12755" s="19"/>
      <c r="S12755" s="19"/>
      <c r="T12755" s="19"/>
      <c r="U12755" s="19"/>
      <c r="V12755" s="19"/>
      <c r="W12755" s="19"/>
      <c r="X12755" s="19"/>
      <c r="Y12755" s="19"/>
      <c r="Z12755" s="19"/>
      <c r="AA12755" s="19"/>
    </row>
    <row r="12756" spans="1:27" s="1" customFormat="1" ht="14.1" customHeight="1" outlineLevel="4" x14ac:dyDescent="0.2">
      <c r="A12756" s="17">
        <v>4107</v>
      </c>
      <c r="B12756" s="17"/>
      <c r="C12756" s="17"/>
      <c r="D12756" s="18" t="s">
        <v>6326</v>
      </c>
      <c r="E12756" s="18"/>
      <c r="F12756" s="18"/>
      <c r="G12756" s="18"/>
      <c r="H12756" s="18"/>
      <c r="I12756" s="18"/>
      <c r="J12756" s="18"/>
      <c r="K12756" s="18"/>
      <c r="L12756" s="18"/>
      <c r="M12756" s="18"/>
      <c r="N12756" s="18"/>
      <c r="O12756" s="18"/>
      <c r="P12756" s="19">
        <v>90</v>
      </c>
      <c r="Q12756" s="19"/>
      <c r="R12756" s="19"/>
      <c r="S12756" s="19"/>
      <c r="T12756" s="19">
        <v>25</v>
      </c>
      <c r="U12756" s="19"/>
      <c r="V12756" s="19"/>
      <c r="W12756" s="19"/>
      <c r="X12756" s="19">
        <v>1</v>
      </c>
      <c r="Y12756" s="19"/>
      <c r="Z12756" s="19"/>
      <c r="AA12756" s="19"/>
    </row>
    <row r="12757" spans="1:27" s="1" customFormat="1" ht="14.1" customHeight="1" outlineLevel="4" x14ac:dyDescent="0.2">
      <c r="A12757" s="17"/>
      <c r="B12757" s="17"/>
      <c r="C12757" s="17"/>
      <c r="D12757" s="18"/>
      <c r="E12757" s="18"/>
      <c r="F12757" s="18"/>
      <c r="G12757" s="18"/>
      <c r="H12757" s="18"/>
      <c r="I12757" s="18"/>
      <c r="J12757" s="18"/>
      <c r="K12757" s="18"/>
      <c r="L12757" s="18"/>
      <c r="M12757" s="18"/>
      <c r="N12757" s="18"/>
      <c r="O12757" s="18"/>
      <c r="P12757" s="19"/>
      <c r="Q12757" s="19"/>
      <c r="R12757" s="19"/>
      <c r="S12757" s="19"/>
      <c r="T12757" s="19"/>
      <c r="U12757" s="19"/>
      <c r="V12757" s="19"/>
      <c r="W12757" s="19"/>
      <c r="X12757" s="19"/>
      <c r="Y12757" s="19"/>
      <c r="Z12757" s="19"/>
      <c r="AA12757" s="19"/>
    </row>
    <row r="12758" spans="1:27" s="1" customFormat="1" ht="14.1" customHeight="1" outlineLevel="4" x14ac:dyDescent="0.2">
      <c r="A12758" s="17">
        <v>4108</v>
      </c>
      <c r="B12758" s="17"/>
      <c r="C12758" s="17"/>
      <c r="D12758" s="18" t="s">
        <v>6327</v>
      </c>
      <c r="E12758" s="18"/>
      <c r="F12758" s="18"/>
      <c r="G12758" s="18"/>
      <c r="H12758" s="18"/>
      <c r="I12758" s="18"/>
      <c r="J12758" s="18"/>
      <c r="K12758" s="18"/>
      <c r="L12758" s="18"/>
      <c r="M12758" s="18"/>
      <c r="N12758" s="18"/>
      <c r="O12758" s="18"/>
      <c r="P12758" s="19">
        <v>90</v>
      </c>
      <c r="Q12758" s="19"/>
      <c r="R12758" s="19"/>
      <c r="S12758" s="19"/>
      <c r="T12758" s="19">
        <v>25</v>
      </c>
      <c r="U12758" s="19"/>
      <c r="V12758" s="19"/>
      <c r="W12758" s="19"/>
      <c r="X12758" s="19">
        <v>1</v>
      </c>
      <c r="Y12758" s="19"/>
      <c r="Z12758" s="19"/>
      <c r="AA12758" s="19"/>
    </row>
    <row r="12759" spans="1:27" s="1" customFormat="1" ht="14.1" customHeight="1" outlineLevel="4" x14ac:dyDescent="0.2">
      <c r="A12759" s="17"/>
      <c r="B12759" s="17"/>
      <c r="C12759" s="17"/>
      <c r="D12759" s="18"/>
      <c r="E12759" s="18"/>
      <c r="F12759" s="18"/>
      <c r="G12759" s="18"/>
      <c r="H12759" s="18"/>
      <c r="I12759" s="18"/>
      <c r="J12759" s="18"/>
      <c r="K12759" s="18"/>
      <c r="L12759" s="18"/>
      <c r="M12759" s="18"/>
      <c r="N12759" s="18"/>
      <c r="O12759" s="18"/>
      <c r="P12759" s="19"/>
      <c r="Q12759" s="19"/>
      <c r="R12759" s="19"/>
      <c r="S12759" s="19"/>
      <c r="T12759" s="19"/>
      <c r="U12759" s="19"/>
      <c r="V12759" s="19"/>
      <c r="W12759" s="19"/>
      <c r="X12759" s="19"/>
      <c r="Y12759" s="19"/>
      <c r="Z12759" s="19"/>
      <c r="AA12759" s="19"/>
    </row>
    <row r="12760" spans="1:27" s="1" customFormat="1" ht="11.1" customHeight="1" outlineLevel="4" x14ac:dyDescent="0.2">
      <c r="A12760" s="17">
        <v>7158</v>
      </c>
      <c r="B12760" s="17"/>
      <c r="C12760" s="17"/>
      <c r="D12760" s="18" t="s">
        <v>6328</v>
      </c>
      <c r="E12760" s="18"/>
      <c r="F12760" s="18"/>
      <c r="G12760" s="18"/>
      <c r="H12760" s="18"/>
      <c r="I12760" s="18"/>
      <c r="J12760" s="18"/>
      <c r="K12760" s="18"/>
      <c r="L12760" s="18"/>
      <c r="M12760" s="18"/>
      <c r="N12760" s="18"/>
      <c r="O12760" s="18"/>
      <c r="P12760" s="19">
        <v>200</v>
      </c>
      <c r="Q12760" s="19"/>
      <c r="R12760" s="19"/>
      <c r="S12760" s="19"/>
      <c r="T12760" s="19">
        <v>60</v>
      </c>
      <c r="U12760" s="19"/>
      <c r="V12760" s="19"/>
      <c r="W12760" s="19"/>
      <c r="X12760" s="19">
        <v>5</v>
      </c>
      <c r="Y12760" s="19"/>
      <c r="Z12760" s="19"/>
      <c r="AA12760" s="19"/>
    </row>
    <row r="12761" spans="1:27" s="1" customFormat="1" ht="11.1" customHeight="1" outlineLevel="4" x14ac:dyDescent="0.2">
      <c r="A12761" s="17"/>
      <c r="B12761" s="17"/>
      <c r="C12761" s="17"/>
      <c r="D12761" s="18"/>
      <c r="E12761" s="18"/>
      <c r="F12761" s="18"/>
      <c r="G12761" s="18"/>
      <c r="H12761" s="18"/>
      <c r="I12761" s="18"/>
      <c r="J12761" s="18"/>
      <c r="K12761" s="18"/>
      <c r="L12761" s="18"/>
      <c r="M12761" s="18"/>
      <c r="N12761" s="18"/>
      <c r="O12761" s="18"/>
      <c r="P12761" s="19"/>
      <c r="Q12761" s="19"/>
      <c r="R12761" s="19"/>
      <c r="S12761" s="19"/>
      <c r="T12761" s="19"/>
      <c r="U12761" s="19"/>
      <c r="V12761" s="19"/>
      <c r="W12761" s="19"/>
      <c r="X12761" s="19"/>
      <c r="Y12761" s="19"/>
      <c r="Z12761" s="19"/>
      <c r="AA12761" s="19"/>
    </row>
    <row r="12762" spans="1:27" s="1" customFormat="1" ht="14.1" customHeight="1" outlineLevel="4" x14ac:dyDescent="0.2">
      <c r="A12762" s="17">
        <v>5810</v>
      </c>
      <c r="B12762" s="17"/>
      <c r="C12762" s="17"/>
      <c r="D12762" s="18" t="s">
        <v>6329</v>
      </c>
      <c r="E12762" s="18"/>
      <c r="F12762" s="18"/>
      <c r="G12762" s="18"/>
      <c r="H12762" s="18"/>
      <c r="I12762" s="18"/>
      <c r="J12762" s="18"/>
      <c r="K12762" s="18"/>
      <c r="L12762" s="18"/>
      <c r="M12762" s="18"/>
      <c r="N12762" s="18"/>
      <c r="O12762" s="18"/>
      <c r="P12762" s="19">
        <v>150</v>
      </c>
      <c r="Q12762" s="19"/>
      <c r="R12762" s="19"/>
      <c r="S12762" s="19"/>
      <c r="T12762" s="19">
        <v>25</v>
      </c>
      <c r="U12762" s="19"/>
      <c r="V12762" s="19"/>
      <c r="W12762" s="19"/>
      <c r="X12762" s="19">
        <v>1</v>
      </c>
      <c r="Y12762" s="19"/>
      <c r="Z12762" s="19"/>
      <c r="AA12762" s="19"/>
    </row>
    <row r="12763" spans="1:27" s="1" customFormat="1" ht="14.1" customHeight="1" outlineLevel="4" x14ac:dyDescent="0.2">
      <c r="A12763" s="17"/>
      <c r="B12763" s="17"/>
      <c r="C12763" s="17"/>
      <c r="D12763" s="18"/>
      <c r="E12763" s="18"/>
      <c r="F12763" s="18"/>
      <c r="G12763" s="18"/>
      <c r="H12763" s="18"/>
      <c r="I12763" s="18"/>
      <c r="J12763" s="18"/>
      <c r="K12763" s="18"/>
      <c r="L12763" s="18"/>
      <c r="M12763" s="18"/>
      <c r="N12763" s="18"/>
      <c r="O12763" s="18"/>
      <c r="P12763" s="19"/>
      <c r="Q12763" s="19"/>
      <c r="R12763" s="19"/>
      <c r="S12763" s="19"/>
      <c r="T12763" s="19"/>
      <c r="U12763" s="19"/>
      <c r="V12763" s="19"/>
      <c r="W12763" s="19"/>
      <c r="X12763" s="19"/>
      <c r="Y12763" s="19"/>
      <c r="Z12763" s="19"/>
      <c r="AA12763" s="19"/>
    </row>
    <row r="12764" spans="1:27" s="1" customFormat="1" ht="11.1" customHeight="1" outlineLevel="4" x14ac:dyDescent="0.2">
      <c r="A12764" s="17">
        <v>7159</v>
      </c>
      <c r="B12764" s="17"/>
      <c r="C12764" s="17"/>
      <c r="D12764" s="18" t="s">
        <v>6330</v>
      </c>
      <c r="E12764" s="18"/>
      <c r="F12764" s="18"/>
      <c r="G12764" s="18"/>
      <c r="H12764" s="18"/>
      <c r="I12764" s="18"/>
      <c r="J12764" s="18"/>
      <c r="K12764" s="18"/>
      <c r="L12764" s="18"/>
      <c r="M12764" s="18"/>
      <c r="N12764" s="18"/>
      <c r="O12764" s="18"/>
      <c r="P12764" s="19">
        <v>200</v>
      </c>
      <c r="Q12764" s="19"/>
      <c r="R12764" s="19"/>
      <c r="S12764" s="19"/>
      <c r="T12764" s="19">
        <v>60</v>
      </c>
      <c r="U12764" s="19"/>
      <c r="V12764" s="19"/>
      <c r="W12764" s="19"/>
      <c r="X12764" s="19">
        <v>4</v>
      </c>
      <c r="Y12764" s="19"/>
      <c r="Z12764" s="19"/>
      <c r="AA12764" s="19"/>
    </row>
    <row r="12765" spans="1:27" s="1" customFormat="1" ht="11.1" customHeight="1" outlineLevel="4" x14ac:dyDescent="0.2">
      <c r="A12765" s="17"/>
      <c r="B12765" s="17"/>
      <c r="C12765" s="17"/>
      <c r="D12765" s="18"/>
      <c r="E12765" s="18"/>
      <c r="F12765" s="18"/>
      <c r="G12765" s="18"/>
      <c r="H12765" s="18"/>
      <c r="I12765" s="18"/>
      <c r="J12765" s="18"/>
      <c r="K12765" s="18"/>
      <c r="L12765" s="18"/>
      <c r="M12765" s="18"/>
      <c r="N12765" s="18"/>
      <c r="O12765" s="18"/>
      <c r="P12765" s="19"/>
      <c r="Q12765" s="19"/>
      <c r="R12765" s="19"/>
      <c r="S12765" s="19"/>
      <c r="T12765" s="19"/>
      <c r="U12765" s="19"/>
      <c r="V12765" s="19"/>
      <c r="W12765" s="19"/>
      <c r="X12765" s="19"/>
      <c r="Y12765" s="19"/>
      <c r="Z12765" s="19"/>
      <c r="AA12765" s="19"/>
    </row>
    <row r="12766" spans="1:27" s="1" customFormat="1" ht="11.1" customHeight="1" outlineLevel="3" x14ac:dyDescent="0.2">
      <c r="A12766" s="16" t="s">
        <v>1700</v>
      </c>
      <c r="B12766" s="16"/>
      <c r="C12766" s="16"/>
      <c r="D12766" s="16"/>
      <c r="E12766" s="16"/>
      <c r="F12766" s="16"/>
      <c r="G12766" s="16"/>
      <c r="H12766" s="16"/>
      <c r="I12766" s="16"/>
      <c r="J12766" s="16"/>
      <c r="K12766" s="16"/>
      <c r="L12766" s="16"/>
      <c r="M12766" s="16"/>
      <c r="N12766" s="16"/>
      <c r="O12766" s="16"/>
      <c r="P12766" s="16"/>
      <c r="Q12766" s="16"/>
      <c r="R12766" s="16"/>
      <c r="S12766" s="16"/>
      <c r="T12766" s="16"/>
      <c r="U12766" s="16"/>
      <c r="V12766" s="16"/>
      <c r="W12766" s="16"/>
      <c r="X12766" s="16"/>
      <c r="Y12766" s="16"/>
      <c r="Z12766" s="16"/>
      <c r="AA12766" s="16"/>
    </row>
    <row r="12767" spans="1:27" s="1" customFormat="1" ht="11.1" customHeight="1" outlineLevel="3" x14ac:dyDescent="0.2">
      <c r="A12767" s="16"/>
      <c r="B12767" s="16"/>
      <c r="C12767" s="16"/>
      <c r="D12767" s="16"/>
      <c r="E12767" s="16"/>
      <c r="F12767" s="16"/>
      <c r="G12767" s="16"/>
      <c r="H12767" s="16"/>
      <c r="I12767" s="16"/>
      <c r="J12767" s="16"/>
      <c r="K12767" s="16"/>
      <c r="L12767" s="16"/>
      <c r="M12767" s="16"/>
      <c r="N12767" s="16"/>
      <c r="O12767" s="16"/>
      <c r="P12767" s="16"/>
      <c r="Q12767" s="16"/>
      <c r="R12767" s="16"/>
      <c r="S12767" s="16"/>
      <c r="T12767" s="16"/>
      <c r="U12767" s="16"/>
      <c r="V12767" s="16"/>
      <c r="W12767" s="16"/>
      <c r="X12767" s="16"/>
      <c r="Y12767" s="16"/>
      <c r="Z12767" s="16"/>
      <c r="AA12767" s="16"/>
    </row>
    <row r="12768" spans="1:27" s="1" customFormat="1" ht="11.1" customHeight="1" outlineLevel="4" x14ac:dyDescent="0.2">
      <c r="A12768" s="17">
        <v>7152</v>
      </c>
      <c r="B12768" s="17"/>
      <c r="C12768" s="17"/>
      <c r="D12768" s="18" t="s">
        <v>6331</v>
      </c>
      <c r="E12768" s="18"/>
      <c r="F12768" s="18"/>
      <c r="G12768" s="18"/>
      <c r="H12768" s="18"/>
      <c r="I12768" s="18"/>
      <c r="J12768" s="18"/>
      <c r="K12768" s="18"/>
      <c r="L12768" s="18"/>
      <c r="M12768" s="18"/>
      <c r="N12768" s="18"/>
      <c r="O12768" s="18"/>
      <c r="P12768" s="19">
        <v>200</v>
      </c>
      <c r="Q12768" s="19"/>
      <c r="R12768" s="19"/>
      <c r="S12768" s="19"/>
      <c r="T12768" s="19">
        <v>60</v>
      </c>
      <c r="U12768" s="19"/>
      <c r="V12768" s="19"/>
      <c r="W12768" s="19"/>
      <c r="X12768" s="19">
        <v>7</v>
      </c>
      <c r="Y12768" s="19"/>
      <c r="Z12768" s="19"/>
      <c r="AA12768" s="19"/>
    </row>
    <row r="12769" spans="1:27" s="1" customFormat="1" ht="11.1" customHeight="1" outlineLevel="4" x14ac:dyDescent="0.2">
      <c r="A12769" s="17"/>
      <c r="B12769" s="17"/>
      <c r="C12769" s="17"/>
      <c r="D12769" s="18"/>
      <c r="E12769" s="18"/>
      <c r="F12769" s="18"/>
      <c r="G12769" s="18"/>
      <c r="H12769" s="18"/>
      <c r="I12769" s="18"/>
      <c r="J12769" s="18"/>
      <c r="K12769" s="18"/>
      <c r="L12769" s="18"/>
      <c r="M12769" s="18"/>
      <c r="N12769" s="18"/>
      <c r="O12769" s="18"/>
      <c r="P12769" s="19"/>
      <c r="Q12769" s="19"/>
      <c r="R12769" s="19"/>
      <c r="S12769" s="19"/>
      <c r="T12769" s="19"/>
      <c r="U12769" s="19"/>
      <c r="V12769" s="19"/>
      <c r="W12769" s="19"/>
      <c r="X12769" s="19"/>
      <c r="Y12769" s="19"/>
      <c r="Z12769" s="19"/>
      <c r="AA12769" s="19"/>
    </row>
    <row r="12770" spans="1:27" s="1" customFormat="1" ht="14.1" customHeight="1" outlineLevel="4" x14ac:dyDescent="0.2">
      <c r="A12770" s="17">
        <v>15614</v>
      </c>
      <c r="B12770" s="17"/>
      <c r="C12770" s="17"/>
      <c r="D12770" s="18" t="s">
        <v>6332</v>
      </c>
      <c r="E12770" s="18"/>
      <c r="F12770" s="18"/>
      <c r="G12770" s="18"/>
      <c r="H12770" s="18"/>
      <c r="I12770" s="18"/>
      <c r="J12770" s="18"/>
      <c r="K12770" s="18"/>
      <c r="L12770" s="18"/>
      <c r="M12770" s="18"/>
      <c r="N12770" s="18"/>
      <c r="O12770" s="18"/>
      <c r="P12770" s="19">
        <v>200</v>
      </c>
      <c r="Q12770" s="19"/>
      <c r="R12770" s="19"/>
      <c r="S12770" s="19"/>
      <c r="T12770" s="19">
        <v>60</v>
      </c>
      <c r="U12770" s="19"/>
      <c r="V12770" s="19"/>
      <c r="W12770" s="19"/>
      <c r="X12770" s="19">
        <v>5</v>
      </c>
      <c r="Y12770" s="19"/>
      <c r="Z12770" s="19"/>
      <c r="AA12770" s="19"/>
    </row>
    <row r="12771" spans="1:27" s="1" customFormat="1" ht="14.1" customHeight="1" outlineLevel="4" x14ac:dyDescent="0.2">
      <c r="A12771" s="17"/>
      <c r="B12771" s="17"/>
      <c r="C12771" s="17"/>
      <c r="D12771" s="18"/>
      <c r="E12771" s="18"/>
      <c r="F12771" s="18"/>
      <c r="G12771" s="18"/>
      <c r="H12771" s="18"/>
      <c r="I12771" s="18"/>
      <c r="J12771" s="18"/>
      <c r="K12771" s="18"/>
      <c r="L12771" s="18"/>
      <c r="M12771" s="18"/>
      <c r="N12771" s="18"/>
      <c r="O12771" s="18"/>
      <c r="P12771" s="19"/>
      <c r="Q12771" s="19"/>
      <c r="R12771" s="19"/>
      <c r="S12771" s="19"/>
      <c r="T12771" s="19"/>
      <c r="U12771" s="19"/>
      <c r="V12771" s="19"/>
      <c r="W12771" s="19"/>
      <c r="X12771" s="19"/>
      <c r="Y12771" s="19"/>
      <c r="Z12771" s="19"/>
      <c r="AA12771" s="19"/>
    </row>
    <row r="12772" spans="1:27" s="1" customFormat="1" ht="14.1" customHeight="1" outlineLevel="4" x14ac:dyDescent="0.2">
      <c r="A12772" s="17">
        <v>15615</v>
      </c>
      <c r="B12772" s="17"/>
      <c r="C12772" s="17"/>
      <c r="D12772" s="18" t="s">
        <v>6333</v>
      </c>
      <c r="E12772" s="18"/>
      <c r="F12772" s="18"/>
      <c r="G12772" s="18"/>
      <c r="H12772" s="18"/>
      <c r="I12772" s="18"/>
      <c r="J12772" s="18"/>
      <c r="K12772" s="18"/>
      <c r="L12772" s="18"/>
      <c r="M12772" s="18"/>
      <c r="N12772" s="18"/>
      <c r="O12772" s="18"/>
      <c r="P12772" s="19">
        <v>200</v>
      </c>
      <c r="Q12772" s="19"/>
      <c r="R12772" s="19"/>
      <c r="S12772" s="19"/>
      <c r="T12772" s="19">
        <v>60</v>
      </c>
      <c r="U12772" s="19"/>
      <c r="V12772" s="19"/>
      <c r="W12772" s="19"/>
      <c r="X12772" s="19">
        <v>10</v>
      </c>
      <c r="Y12772" s="19"/>
      <c r="Z12772" s="19"/>
      <c r="AA12772" s="19"/>
    </row>
    <row r="12773" spans="1:27" s="1" customFormat="1" ht="14.1" customHeight="1" outlineLevel="4" x14ac:dyDescent="0.2">
      <c r="A12773" s="17"/>
      <c r="B12773" s="17"/>
      <c r="C12773" s="17"/>
      <c r="D12773" s="18"/>
      <c r="E12773" s="18"/>
      <c r="F12773" s="18"/>
      <c r="G12773" s="18"/>
      <c r="H12773" s="18"/>
      <c r="I12773" s="18"/>
      <c r="J12773" s="18"/>
      <c r="K12773" s="18"/>
      <c r="L12773" s="18"/>
      <c r="M12773" s="18"/>
      <c r="N12773" s="18"/>
      <c r="O12773" s="18"/>
      <c r="P12773" s="19"/>
      <c r="Q12773" s="19"/>
      <c r="R12773" s="19"/>
      <c r="S12773" s="19"/>
      <c r="T12773" s="19"/>
      <c r="U12773" s="19"/>
      <c r="V12773" s="19"/>
      <c r="W12773" s="19"/>
      <c r="X12773" s="19"/>
      <c r="Y12773" s="19"/>
      <c r="Z12773" s="19"/>
      <c r="AA12773" s="19"/>
    </row>
    <row r="12774" spans="1:27" s="1" customFormat="1" ht="11.1" customHeight="1" outlineLevel="4" x14ac:dyDescent="0.2">
      <c r="A12774" s="17">
        <v>15613</v>
      </c>
      <c r="B12774" s="17"/>
      <c r="C12774" s="17"/>
      <c r="D12774" s="18" t="s">
        <v>6334</v>
      </c>
      <c r="E12774" s="18"/>
      <c r="F12774" s="18"/>
      <c r="G12774" s="18"/>
      <c r="H12774" s="18"/>
      <c r="I12774" s="18"/>
      <c r="J12774" s="18"/>
      <c r="K12774" s="18"/>
      <c r="L12774" s="18"/>
      <c r="M12774" s="18"/>
      <c r="N12774" s="18"/>
      <c r="O12774" s="18"/>
      <c r="P12774" s="19">
        <v>200</v>
      </c>
      <c r="Q12774" s="19"/>
      <c r="R12774" s="19"/>
      <c r="S12774" s="19"/>
      <c r="T12774" s="19">
        <v>60</v>
      </c>
      <c r="U12774" s="19"/>
      <c r="V12774" s="19"/>
      <c r="W12774" s="19"/>
      <c r="X12774" s="19">
        <v>7</v>
      </c>
      <c r="Y12774" s="19"/>
      <c r="Z12774" s="19"/>
      <c r="AA12774" s="19"/>
    </row>
    <row r="12775" spans="1:27" s="1" customFormat="1" ht="11.1" customHeight="1" outlineLevel="4" x14ac:dyDescent="0.2">
      <c r="A12775" s="17"/>
      <c r="B12775" s="17"/>
      <c r="C12775" s="17"/>
      <c r="D12775" s="18"/>
      <c r="E12775" s="18"/>
      <c r="F12775" s="18"/>
      <c r="G12775" s="18"/>
      <c r="H12775" s="18"/>
      <c r="I12775" s="18"/>
      <c r="J12775" s="18"/>
      <c r="K12775" s="18"/>
      <c r="L12775" s="18"/>
      <c r="M12775" s="18"/>
      <c r="N12775" s="18"/>
      <c r="O12775" s="18"/>
      <c r="P12775" s="19"/>
      <c r="Q12775" s="19"/>
      <c r="R12775" s="19"/>
      <c r="S12775" s="19"/>
      <c r="T12775" s="19"/>
      <c r="U12775" s="19"/>
      <c r="V12775" s="19"/>
      <c r="W12775" s="19"/>
      <c r="X12775" s="19"/>
      <c r="Y12775" s="19"/>
      <c r="Z12775" s="19"/>
      <c r="AA12775" s="19"/>
    </row>
    <row r="12776" spans="1:27" s="1" customFormat="1" ht="11.1" customHeight="1" outlineLevel="3" x14ac:dyDescent="0.2">
      <c r="A12776" s="16" t="s">
        <v>1212</v>
      </c>
      <c r="B12776" s="16"/>
      <c r="C12776" s="16"/>
      <c r="D12776" s="16"/>
      <c r="E12776" s="16"/>
      <c r="F12776" s="16"/>
      <c r="G12776" s="16"/>
      <c r="H12776" s="16"/>
      <c r="I12776" s="16"/>
      <c r="J12776" s="16"/>
      <c r="K12776" s="16"/>
      <c r="L12776" s="16"/>
      <c r="M12776" s="16"/>
      <c r="N12776" s="16"/>
      <c r="O12776" s="16"/>
      <c r="P12776" s="16"/>
      <c r="Q12776" s="16"/>
      <c r="R12776" s="16"/>
      <c r="S12776" s="16"/>
      <c r="T12776" s="16"/>
      <c r="U12776" s="16"/>
      <c r="V12776" s="16"/>
      <c r="W12776" s="16"/>
      <c r="X12776" s="16"/>
      <c r="Y12776" s="16"/>
      <c r="Z12776" s="16"/>
      <c r="AA12776" s="16"/>
    </row>
    <row r="12777" spans="1:27" s="1" customFormat="1" ht="11.1" customHeight="1" outlineLevel="3" x14ac:dyDescent="0.2">
      <c r="A12777" s="16"/>
      <c r="B12777" s="16"/>
      <c r="C12777" s="16"/>
      <c r="D12777" s="16"/>
      <c r="E12777" s="16"/>
      <c r="F12777" s="16"/>
      <c r="G12777" s="16"/>
      <c r="H12777" s="16"/>
      <c r="I12777" s="16"/>
      <c r="J12777" s="16"/>
      <c r="K12777" s="16"/>
      <c r="L12777" s="16"/>
      <c r="M12777" s="16"/>
      <c r="N12777" s="16"/>
      <c r="O12777" s="16"/>
      <c r="P12777" s="16"/>
      <c r="Q12777" s="16"/>
      <c r="R12777" s="16"/>
      <c r="S12777" s="16"/>
      <c r="T12777" s="16"/>
      <c r="U12777" s="16"/>
      <c r="V12777" s="16"/>
      <c r="W12777" s="16"/>
      <c r="X12777" s="16"/>
      <c r="Y12777" s="16"/>
      <c r="Z12777" s="16"/>
      <c r="AA12777" s="16"/>
    </row>
    <row r="12778" spans="1:27" s="1" customFormat="1" ht="11.1" customHeight="1" outlineLevel="4" x14ac:dyDescent="0.2">
      <c r="A12778" s="17">
        <v>4026</v>
      </c>
      <c r="B12778" s="17"/>
      <c r="C12778" s="17"/>
      <c r="D12778" s="18" t="s">
        <v>6335</v>
      </c>
      <c r="E12778" s="18"/>
      <c r="F12778" s="18"/>
      <c r="G12778" s="18"/>
      <c r="H12778" s="18"/>
      <c r="I12778" s="18"/>
      <c r="J12778" s="18"/>
      <c r="K12778" s="18"/>
      <c r="L12778" s="18"/>
      <c r="M12778" s="18"/>
      <c r="N12778" s="18"/>
      <c r="O12778" s="18"/>
      <c r="P12778" s="19">
        <v>50</v>
      </c>
      <c r="Q12778" s="19"/>
      <c r="R12778" s="19"/>
      <c r="S12778" s="19"/>
      <c r="T12778" s="19">
        <v>25</v>
      </c>
      <c r="U12778" s="19"/>
      <c r="V12778" s="19"/>
      <c r="W12778" s="19"/>
      <c r="X12778" s="19">
        <v>3</v>
      </c>
      <c r="Y12778" s="19"/>
      <c r="Z12778" s="19"/>
      <c r="AA12778" s="19"/>
    </row>
    <row r="12779" spans="1:27" s="1" customFormat="1" ht="11.1" customHeight="1" outlineLevel="4" x14ac:dyDescent="0.2">
      <c r="A12779" s="17"/>
      <c r="B12779" s="17"/>
      <c r="C12779" s="17"/>
      <c r="D12779" s="18"/>
      <c r="E12779" s="18"/>
      <c r="F12779" s="18"/>
      <c r="G12779" s="18"/>
      <c r="H12779" s="18"/>
      <c r="I12779" s="18"/>
      <c r="J12779" s="18"/>
      <c r="K12779" s="18"/>
      <c r="L12779" s="18"/>
      <c r="M12779" s="18"/>
      <c r="N12779" s="18"/>
      <c r="O12779" s="18"/>
      <c r="P12779" s="19"/>
      <c r="Q12779" s="19"/>
      <c r="R12779" s="19"/>
      <c r="S12779" s="19"/>
      <c r="T12779" s="19"/>
      <c r="U12779" s="19"/>
      <c r="V12779" s="19"/>
      <c r="W12779" s="19"/>
      <c r="X12779" s="19"/>
      <c r="Y12779" s="19"/>
      <c r="Z12779" s="19"/>
      <c r="AA12779" s="19"/>
    </row>
    <row r="12780" spans="1:27" s="1" customFormat="1" ht="14.1" customHeight="1" outlineLevel="4" x14ac:dyDescent="0.2">
      <c r="A12780" s="17">
        <v>4099</v>
      </c>
      <c r="B12780" s="17"/>
      <c r="C12780" s="17"/>
      <c r="D12780" s="18" t="s">
        <v>6336</v>
      </c>
      <c r="E12780" s="18"/>
      <c r="F12780" s="18"/>
      <c r="G12780" s="18"/>
      <c r="H12780" s="18"/>
      <c r="I12780" s="18"/>
      <c r="J12780" s="18"/>
      <c r="K12780" s="18"/>
      <c r="L12780" s="18"/>
      <c r="M12780" s="18"/>
      <c r="N12780" s="18"/>
      <c r="O12780" s="18"/>
      <c r="P12780" s="19">
        <v>90</v>
      </c>
      <c r="Q12780" s="19"/>
      <c r="R12780" s="19"/>
      <c r="S12780" s="19"/>
      <c r="T12780" s="19">
        <v>25</v>
      </c>
      <c r="U12780" s="19"/>
      <c r="V12780" s="19"/>
      <c r="W12780" s="19"/>
      <c r="X12780" s="19">
        <v>1</v>
      </c>
      <c r="Y12780" s="19"/>
      <c r="Z12780" s="19"/>
      <c r="AA12780" s="19"/>
    </row>
    <row r="12781" spans="1:27" s="1" customFormat="1" ht="14.1" customHeight="1" outlineLevel="4" x14ac:dyDescent="0.2">
      <c r="A12781" s="17"/>
      <c r="B12781" s="17"/>
      <c r="C12781" s="17"/>
      <c r="D12781" s="18"/>
      <c r="E12781" s="18"/>
      <c r="F12781" s="18"/>
      <c r="G12781" s="18"/>
      <c r="H12781" s="18"/>
      <c r="I12781" s="18"/>
      <c r="J12781" s="18"/>
      <c r="K12781" s="18"/>
      <c r="L12781" s="18"/>
      <c r="M12781" s="18"/>
      <c r="N12781" s="18"/>
      <c r="O12781" s="18"/>
      <c r="P12781" s="19"/>
      <c r="Q12781" s="19"/>
      <c r="R12781" s="19"/>
      <c r="S12781" s="19"/>
      <c r="T12781" s="19"/>
      <c r="U12781" s="19"/>
      <c r="V12781" s="19"/>
      <c r="W12781" s="19"/>
      <c r="X12781" s="19"/>
      <c r="Y12781" s="19"/>
      <c r="Z12781" s="19"/>
      <c r="AA12781" s="19"/>
    </row>
    <row r="12782" spans="1:27" s="1" customFormat="1" ht="14.1" customHeight="1" outlineLevel="4" x14ac:dyDescent="0.2">
      <c r="A12782" s="17">
        <v>6941</v>
      </c>
      <c r="B12782" s="17"/>
      <c r="C12782" s="17"/>
      <c r="D12782" s="18" t="s">
        <v>6337</v>
      </c>
      <c r="E12782" s="18"/>
      <c r="F12782" s="18"/>
      <c r="G12782" s="18"/>
      <c r="H12782" s="18"/>
      <c r="I12782" s="18"/>
      <c r="J12782" s="18"/>
      <c r="K12782" s="18"/>
      <c r="L12782" s="18"/>
      <c r="M12782" s="18"/>
      <c r="N12782" s="18"/>
      <c r="O12782" s="18"/>
      <c r="P12782" s="19">
        <v>200</v>
      </c>
      <c r="Q12782" s="19"/>
      <c r="R12782" s="19"/>
      <c r="S12782" s="19"/>
      <c r="T12782" s="19">
        <v>60</v>
      </c>
      <c r="U12782" s="19"/>
      <c r="V12782" s="19"/>
      <c r="W12782" s="19"/>
      <c r="X12782" s="19">
        <v>14</v>
      </c>
      <c r="Y12782" s="19"/>
      <c r="Z12782" s="19"/>
      <c r="AA12782" s="19"/>
    </row>
    <row r="12783" spans="1:27" s="1" customFormat="1" ht="14.1" customHeight="1" outlineLevel="4" x14ac:dyDescent="0.2">
      <c r="A12783" s="17"/>
      <c r="B12783" s="17"/>
      <c r="C12783" s="17"/>
      <c r="D12783" s="18"/>
      <c r="E12783" s="18"/>
      <c r="F12783" s="18"/>
      <c r="G12783" s="18"/>
      <c r="H12783" s="18"/>
      <c r="I12783" s="18"/>
      <c r="J12783" s="18"/>
      <c r="K12783" s="18"/>
      <c r="L12783" s="18"/>
      <c r="M12783" s="18"/>
      <c r="N12783" s="18"/>
      <c r="O12783" s="18"/>
      <c r="P12783" s="19"/>
      <c r="Q12783" s="19"/>
      <c r="R12783" s="19"/>
      <c r="S12783" s="19"/>
      <c r="T12783" s="19"/>
      <c r="U12783" s="19"/>
      <c r="V12783" s="19"/>
      <c r="W12783" s="19"/>
      <c r="X12783" s="19"/>
      <c r="Y12783" s="19"/>
      <c r="Z12783" s="19"/>
      <c r="AA12783" s="19"/>
    </row>
    <row r="12784" spans="1:27" s="1" customFormat="1" ht="14.1" customHeight="1" outlineLevel="4" x14ac:dyDescent="0.2">
      <c r="A12784" s="17">
        <v>7986</v>
      </c>
      <c r="B12784" s="17"/>
      <c r="C12784" s="17"/>
      <c r="D12784" s="18" t="s">
        <v>6338</v>
      </c>
      <c r="E12784" s="18"/>
      <c r="F12784" s="18"/>
      <c r="G12784" s="18"/>
      <c r="H12784" s="18"/>
      <c r="I12784" s="18"/>
      <c r="J12784" s="18"/>
      <c r="K12784" s="18"/>
      <c r="L12784" s="18"/>
      <c r="M12784" s="18"/>
      <c r="N12784" s="18"/>
      <c r="O12784" s="18"/>
      <c r="P12784" s="19">
        <v>90</v>
      </c>
      <c r="Q12784" s="19"/>
      <c r="R12784" s="19"/>
      <c r="S12784" s="19"/>
      <c r="T12784" s="19">
        <v>25</v>
      </c>
      <c r="U12784" s="19"/>
      <c r="V12784" s="19"/>
      <c r="W12784" s="19"/>
      <c r="X12784" s="19">
        <v>1</v>
      </c>
      <c r="Y12784" s="19"/>
      <c r="Z12784" s="19"/>
      <c r="AA12784" s="19"/>
    </row>
    <row r="12785" spans="1:27" s="1" customFormat="1" ht="14.1" customHeight="1" outlineLevel="4" x14ac:dyDescent="0.2">
      <c r="A12785" s="17"/>
      <c r="B12785" s="17"/>
      <c r="C12785" s="17"/>
      <c r="D12785" s="18"/>
      <c r="E12785" s="18"/>
      <c r="F12785" s="18"/>
      <c r="G12785" s="18"/>
      <c r="H12785" s="18"/>
      <c r="I12785" s="18"/>
      <c r="J12785" s="18"/>
      <c r="K12785" s="18"/>
      <c r="L12785" s="18"/>
      <c r="M12785" s="18"/>
      <c r="N12785" s="18"/>
      <c r="O12785" s="18"/>
      <c r="P12785" s="19"/>
      <c r="Q12785" s="19"/>
      <c r="R12785" s="19"/>
      <c r="S12785" s="19"/>
      <c r="T12785" s="19"/>
      <c r="U12785" s="19"/>
      <c r="V12785" s="19"/>
      <c r="W12785" s="19"/>
      <c r="X12785" s="19"/>
      <c r="Y12785" s="19"/>
      <c r="Z12785" s="19"/>
      <c r="AA12785" s="19"/>
    </row>
    <row r="12786" spans="1:27" s="1" customFormat="1" ht="14.1" customHeight="1" outlineLevel="4" x14ac:dyDescent="0.2">
      <c r="A12786" s="17">
        <v>9423</v>
      </c>
      <c r="B12786" s="17"/>
      <c r="C12786" s="17"/>
      <c r="D12786" s="18" t="s">
        <v>6339</v>
      </c>
      <c r="E12786" s="18"/>
      <c r="F12786" s="18"/>
      <c r="G12786" s="18"/>
      <c r="H12786" s="18"/>
      <c r="I12786" s="18"/>
      <c r="J12786" s="18"/>
      <c r="K12786" s="18"/>
      <c r="L12786" s="18"/>
      <c r="M12786" s="18"/>
      <c r="N12786" s="18"/>
      <c r="O12786" s="18"/>
      <c r="P12786" s="19">
        <v>200</v>
      </c>
      <c r="Q12786" s="19"/>
      <c r="R12786" s="19"/>
      <c r="S12786" s="19"/>
      <c r="T12786" s="19">
        <v>60</v>
      </c>
      <c r="U12786" s="19"/>
      <c r="V12786" s="19"/>
      <c r="W12786" s="19"/>
      <c r="X12786" s="19">
        <v>4</v>
      </c>
      <c r="Y12786" s="19"/>
      <c r="Z12786" s="19"/>
      <c r="AA12786" s="19"/>
    </row>
    <row r="12787" spans="1:27" s="1" customFormat="1" ht="14.1" customHeight="1" outlineLevel="4" x14ac:dyDescent="0.2">
      <c r="A12787" s="17"/>
      <c r="B12787" s="17"/>
      <c r="C12787" s="17"/>
      <c r="D12787" s="18"/>
      <c r="E12787" s="18"/>
      <c r="F12787" s="18"/>
      <c r="G12787" s="18"/>
      <c r="H12787" s="18"/>
      <c r="I12787" s="18"/>
      <c r="J12787" s="18"/>
      <c r="K12787" s="18"/>
      <c r="L12787" s="18"/>
      <c r="M12787" s="18"/>
      <c r="N12787" s="18"/>
      <c r="O12787" s="18"/>
      <c r="P12787" s="19"/>
      <c r="Q12787" s="19"/>
      <c r="R12787" s="19"/>
      <c r="S12787" s="19"/>
      <c r="T12787" s="19"/>
      <c r="U12787" s="19"/>
      <c r="V12787" s="19"/>
      <c r="W12787" s="19"/>
      <c r="X12787" s="19"/>
      <c r="Y12787" s="19"/>
      <c r="Z12787" s="19"/>
      <c r="AA12787" s="19"/>
    </row>
    <row r="12788" spans="1:27" s="1" customFormat="1" ht="14.1" customHeight="1" outlineLevel="4" x14ac:dyDescent="0.2">
      <c r="A12788" s="17">
        <v>7160</v>
      </c>
      <c r="B12788" s="17"/>
      <c r="C12788" s="17"/>
      <c r="D12788" s="18" t="s">
        <v>6340</v>
      </c>
      <c r="E12788" s="18"/>
      <c r="F12788" s="18"/>
      <c r="G12788" s="18"/>
      <c r="H12788" s="18"/>
      <c r="I12788" s="18"/>
      <c r="J12788" s="18"/>
      <c r="K12788" s="18"/>
      <c r="L12788" s="18"/>
      <c r="M12788" s="18"/>
      <c r="N12788" s="18"/>
      <c r="O12788" s="18"/>
      <c r="P12788" s="19">
        <v>200</v>
      </c>
      <c r="Q12788" s="19"/>
      <c r="R12788" s="19"/>
      <c r="S12788" s="19"/>
      <c r="T12788" s="19">
        <v>60</v>
      </c>
      <c r="U12788" s="19"/>
      <c r="V12788" s="19"/>
      <c r="W12788" s="19"/>
      <c r="X12788" s="19">
        <v>9</v>
      </c>
      <c r="Y12788" s="19"/>
      <c r="Z12788" s="19"/>
      <c r="AA12788" s="19"/>
    </row>
    <row r="12789" spans="1:27" s="1" customFormat="1" ht="14.1" customHeight="1" outlineLevel="4" x14ac:dyDescent="0.2">
      <c r="A12789" s="17"/>
      <c r="B12789" s="17"/>
      <c r="C12789" s="17"/>
      <c r="D12789" s="18"/>
      <c r="E12789" s="18"/>
      <c r="F12789" s="18"/>
      <c r="G12789" s="18"/>
      <c r="H12789" s="18"/>
      <c r="I12789" s="18"/>
      <c r="J12789" s="18"/>
      <c r="K12789" s="18"/>
      <c r="L12789" s="18"/>
      <c r="M12789" s="18"/>
      <c r="N12789" s="18"/>
      <c r="O12789" s="18"/>
      <c r="P12789" s="19"/>
      <c r="Q12789" s="19"/>
      <c r="R12789" s="19"/>
      <c r="S12789" s="19"/>
      <c r="T12789" s="19"/>
      <c r="U12789" s="19"/>
      <c r="V12789" s="19"/>
      <c r="W12789" s="19"/>
      <c r="X12789" s="19"/>
      <c r="Y12789" s="19"/>
      <c r="Z12789" s="19"/>
      <c r="AA12789" s="19"/>
    </row>
    <row r="12790" spans="1:27" s="1" customFormat="1" ht="14.1" customHeight="1" outlineLevel="4" x14ac:dyDescent="0.2">
      <c r="A12790" s="17">
        <v>8544</v>
      </c>
      <c r="B12790" s="17"/>
      <c r="C12790" s="17"/>
      <c r="D12790" s="18" t="s">
        <v>6341</v>
      </c>
      <c r="E12790" s="18"/>
      <c r="F12790" s="18"/>
      <c r="G12790" s="18"/>
      <c r="H12790" s="18"/>
      <c r="I12790" s="18"/>
      <c r="J12790" s="18"/>
      <c r="K12790" s="18"/>
      <c r="L12790" s="18"/>
      <c r="M12790" s="18"/>
      <c r="N12790" s="18"/>
      <c r="O12790" s="18"/>
      <c r="P12790" s="19">
        <v>200</v>
      </c>
      <c r="Q12790" s="19"/>
      <c r="R12790" s="19"/>
      <c r="S12790" s="19"/>
      <c r="T12790" s="19">
        <v>60</v>
      </c>
      <c r="U12790" s="19"/>
      <c r="V12790" s="19"/>
      <c r="W12790" s="19"/>
      <c r="X12790" s="19">
        <v>16</v>
      </c>
      <c r="Y12790" s="19"/>
      <c r="Z12790" s="19"/>
      <c r="AA12790" s="19"/>
    </row>
    <row r="12791" spans="1:27" s="1" customFormat="1" ht="14.1" customHeight="1" outlineLevel="4" x14ac:dyDescent="0.2">
      <c r="A12791" s="17"/>
      <c r="B12791" s="17"/>
      <c r="C12791" s="17"/>
      <c r="D12791" s="18"/>
      <c r="E12791" s="18"/>
      <c r="F12791" s="18"/>
      <c r="G12791" s="18"/>
      <c r="H12791" s="18"/>
      <c r="I12791" s="18"/>
      <c r="J12791" s="18"/>
      <c r="K12791" s="18"/>
      <c r="L12791" s="18"/>
      <c r="M12791" s="18"/>
      <c r="N12791" s="18"/>
      <c r="O12791" s="18"/>
      <c r="P12791" s="19"/>
      <c r="Q12791" s="19"/>
      <c r="R12791" s="19"/>
      <c r="S12791" s="19"/>
      <c r="T12791" s="19"/>
      <c r="U12791" s="19"/>
      <c r="V12791" s="19"/>
      <c r="W12791" s="19"/>
      <c r="X12791" s="19"/>
      <c r="Y12791" s="19"/>
      <c r="Z12791" s="19"/>
      <c r="AA12791" s="19"/>
    </row>
    <row r="12792" spans="1:27" s="1" customFormat="1" ht="14.1" customHeight="1" outlineLevel="4" x14ac:dyDescent="0.2">
      <c r="A12792" s="17">
        <v>10194</v>
      </c>
      <c r="B12792" s="17"/>
      <c r="C12792" s="17"/>
      <c r="D12792" s="18" t="s">
        <v>6342</v>
      </c>
      <c r="E12792" s="18"/>
      <c r="F12792" s="18"/>
      <c r="G12792" s="18"/>
      <c r="H12792" s="18"/>
      <c r="I12792" s="18"/>
      <c r="J12792" s="18"/>
      <c r="K12792" s="18"/>
      <c r="L12792" s="18"/>
      <c r="M12792" s="18"/>
      <c r="N12792" s="18"/>
      <c r="O12792" s="18"/>
      <c r="P12792" s="19">
        <v>200</v>
      </c>
      <c r="Q12792" s="19"/>
      <c r="R12792" s="19"/>
      <c r="S12792" s="19"/>
      <c r="T12792" s="19">
        <v>60</v>
      </c>
      <c r="U12792" s="19"/>
      <c r="V12792" s="19"/>
      <c r="W12792" s="19"/>
      <c r="X12792" s="19">
        <v>3</v>
      </c>
      <c r="Y12792" s="19"/>
      <c r="Z12792" s="19"/>
      <c r="AA12792" s="19"/>
    </row>
    <row r="12793" spans="1:27" s="1" customFormat="1" ht="14.1" customHeight="1" outlineLevel="4" x14ac:dyDescent="0.2">
      <c r="A12793" s="17"/>
      <c r="B12793" s="17"/>
      <c r="C12793" s="17"/>
      <c r="D12793" s="18"/>
      <c r="E12793" s="18"/>
      <c r="F12793" s="18"/>
      <c r="G12793" s="18"/>
      <c r="H12793" s="18"/>
      <c r="I12793" s="18"/>
      <c r="J12793" s="18"/>
      <c r="K12793" s="18"/>
      <c r="L12793" s="18"/>
      <c r="M12793" s="18"/>
      <c r="N12793" s="18"/>
      <c r="O12793" s="18"/>
      <c r="P12793" s="19"/>
      <c r="Q12793" s="19"/>
      <c r="R12793" s="19"/>
      <c r="S12793" s="19"/>
      <c r="T12793" s="19"/>
      <c r="U12793" s="19"/>
      <c r="V12793" s="19"/>
      <c r="W12793" s="19"/>
      <c r="X12793" s="19"/>
      <c r="Y12793" s="19"/>
      <c r="Z12793" s="19"/>
      <c r="AA12793" s="19"/>
    </row>
    <row r="12794" spans="1:27" s="1" customFormat="1" ht="14.1" customHeight="1" outlineLevel="4" x14ac:dyDescent="0.2">
      <c r="A12794" s="17">
        <v>11246</v>
      </c>
      <c r="B12794" s="17"/>
      <c r="C12794" s="17"/>
      <c r="D12794" s="18" t="s">
        <v>6343</v>
      </c>
      <c r="E12794" s="18"/>
      <c r="F12794" s="18"/>
      <c r="G12794" s="18"/>
      <c r="H12794" s="18"/>
      <c r="I12794" s="18"/>
      <c r="J12794" s="18"/>
      <c r="K12794" s="18"/>
      <c r="L12794" s="18"/>
      <c r="M12794" s="18"/>
      <c r="N12794" s="18"/>
      <c r="O12794" s="18"/>
      <c r="P12794" s="19">
        <v>200</v>
      </c>
      <c r="Q12794" s="19"/>
      <c r="R12794" s="19"/>
      <c r="S12794" s="19"/>
      <c r="T12794" s="19">
        <v>60</v>
      </c>
      <c r="U12794" s="19"/>
      <c r="V12794" s="19"/>
      <c r="W12794" s="19"/>
      <c r="X12794" s="19">
        <v>17</v>
      </c>
      <c r="Y12794" s="19"/>
      <c r="Z12794" s="19"/>
      <c r="AA12794" s="19"/>
    </row>
    <row r="12795" spans="1:27" s="1" customFormat="1" ht="14.1" customHeight="1" outlineLevel="4" x14ac:dyDescent="0.2">
      <c r="A12795" s="17"/>
      <c r="B12795" s="17"/>
      <c r="C12795" s="17"/>
      <c r="D12795" s="18"/>
      <c r="E12795" s="18"/>
      <c r="F12795" s="18"/>
      <c r="G12795" s="18"/>
      <c r="H12795" s="18"/>
      <c r="I12795" s="18"/>
      <c r="J12795" s="18"/>
      <c r="K12795" s="18"/>
      <c r="L12795" s="18"/>
      <c r="M12795" s="18"/>
      <c r="N12795" s="18"/>
      <c r="O12795" s="18"/>
      <c r="P12795" s="19"/>
      <c r="Q12795" s="19"/>
      <c r="R12795" s="19"/>
      <c r="S12795" s="19"/>
      <c r="T12795" s="19"/>
      <c r="U12795" s="19"/>
      <c r="V12795" s="19"/>
      <c r="W12795" s="19"/>
      <c r="X12795" s="19"/>
      <c r="Y12795" s="19"/>
      <c r="Z12795" s="19"/>
      <c r="AA12795" s="19"/>
    </row>
    <row r="12796" spans="1:27" s="1" customFormat="1" ht="11.1" customHeight="1" outlineLevel="4" x14ac:dyDescent="0.2">
      <c r="A12796" s="17">
        <v>15730</v>
      </c>
      <c r="B12796" s="17"/>
      <c r="C12796" s="17"/>
      <c r="D12796" s="18" t="s">
        <v>6344</v>
      </c>
      <c r="E12796" s="18"/>
      <c r="F12796" s="18"/>
      <c r="G12796" s="18"/>
      <c r="H12796" s="18"/>
      <c r="I12796" s="18"/>
      <c r="J12796" s="18"/>
      <c r="K12796" s="18"/>
      <c r="L12796" s="18"/>
      <c r="M12796" s="18"/>
      <c r="N12796" s="18"/>
      <c r="O12796" s="18"/>
      <c r="P12796" s="19">
        <v>200</v>
      </c>
      <c r="Q12796" s="19"/>
      <c r="R12796" s="19"/>
      <c r="S12796" s="19"/>
      <c r="T12796" s="19">
        <v>60</v>
      </c>
      <c r="U12796" s="19"/>
      <c r="V12796" s="19"/>
      <c r="W12796" s="19"/>
      <c r="X12796" s="19">
        <v>4</v>
      </c>
      <c r="Y12796" s="19"/>
      <c r="Z12796" s="19"/>
      <c r="AA12796" s="19"/>
    </row>
    <row r="12797" spans="1:27" s="1" customFormat="1" ht="11.1" customHeight="1" outlineLevel="4" x14ac:dyDescent="0.2">
      <c r="A12797" s="17"/>
      <c r="B12797" s="17"/>
      <c r="C12797" s="17"/>
      <c r="D12797" s="18"/>
      <c r="E12797" s="18"/>
      <c r="F12797" s="18"/>
      <c r="G12797" s="18"/>
      <c r="H12797" s="18"/>
      <c r="I12797" s="18"/>
      <c r="J12797" s="18"/>
      <c r="K12797" s="18"/>
      <c r="L12797" s="18"/>
      <c r="M12797" s="18"/>
      <c r="N12797" s="18"/>
      <c r="O12797" s="18"/>
      <c r="P12797" s="19"/>
      <c r="Q12797" s="19"/>
      <c r="R12797" s="19"/>
      <c r="S12797" s="19"/>
      <c r="T12797" s="19"/>
      <c r="U12797" s="19"/>
      <c r="V12797" s="19"/>
      <c r="W12797" s="19"/>
      <c r="X12797" s="19"/>
      <c r="Y12797" s="19"/>
      <c r="Z12797" s="19"/>
      <c r="AA12797" s="19"/>
    </row>
    <row r="12798" spans="1:27" s="1" customFormat="1" ht="14.1" customHeight="1" outlineLevel="4" x14ac:dyDescent="0.2">
      <c r="A12798" s="17">
        <v>8543</v>
      </c>
      <c r="B12798" s="17"/>
      <c r="C12798" s="17"/>
      <c r="D12798" s="18" t="s">
        <v>6345</v>
      </c>
      <c r="E12798" s="18"/>
      <c r="F12798" s="18"/>
      <c r="G12798" s="18"/>
      <c r="H12798" s="18"/>
      <c r="I12798" s="18"/>
      <c r="J12798" s="18"/>
      <c r="K12798" s="18"/>
      <c r="L12798" s="18"/>
      <c r="M12798" s="18"/>
      <c r="N12798" s="18"/>
      <c r="O12798" s="18"/>
      <c r="P12798" s="19">
        <v>200</v>
      </c>
      <c r="Q12798" s="19"/>
      <c r="R12798" s="19"/>
      <c r="S12798" s="19"/>
      <c r="T12798" s="19">
        <v>60</v>
      </c>
      <c r="U12798" s="19"/>
      <c r="V12798" s="19"/>
      <c r="W12798" s="19"/>
      <c r="X12798" s="19">
        <v>19</v>
      </c>
      <c r="Y12798" s="19"/>
      <c r="Z12798" s="19"/>
      <c r="AA12798" s="19"/>
    </row>
    <row r="12799" spans="1:27" s="1" customFormat="1" ht="14.1" customHeight="1" outlineLevel="4" x14ac:dyDescent="0.2">
      <c r="A12799" s="17"/>
      <c r="B12799" s="17"/>
      <c r="C12799" s="17"/>
      <c r="D12799" s="18"/>
      <c r="E12799" s="18"/>
      <c r="F12799" s="18"/>
      <c r="G12799" s="18"/>
      <c r="H12799" s="18"/>
      <c r="I12799" s="18"/>
      <c r="J12799" s="18"/>
      <c r="K12799" s="18"/>
      <c r="L12799" s="18"/>
      <c r="M12799" s="18"/>
      <c r="N12799" s="18"/>
      <c r="O12799" s="18"/>
      <c r="P12799" s="19"/>
      <c r="Q12799" s="19"/>
      <c r="R12799" s="19"/>
      <c r="S12799" s="19"/>
      <c r="T12799" s="19"/>
      <c r="U12799" s="19"/>
      <c r="V12799" s="19"/>
      <c r="W12799" s="19"/>
      <c r="X12799" s="19"/>
      <c r="Y12799" s="19"/>
      <c r="Z12799" s="19"/>
      <c r="AA12799" s="19"/>
    </row>
    <row r="12800" spans="1:27" s="1" customFormat="1" ht="14.1" customHeight="1" outlineLevel="4" x14ac:dyDescent="0.2">
      <c r="A12800" s="17">
        <v>9424</v>
      </c>
      <c r="B12800" s="17"/>
      <c r="C12800" s="17"/>
      <c r="D12800" s="18" t="s">
        <v>6346</v>
      </c>
      <c r="E12800" s="18"/>
      <c r="F12800" s="18"/>
      <c r="G12800" s="18"/>
      <c r="H12800" s="18"/>
      <c r="I12800" s="18"/>
      <c r="J12800" s="18"/>
      <c r="K12800" s="18"/>
      <c r="L12800" s="18"/>
      <c r="M12800" s="18"/>
      <c r="N12800" s="18"/>
      <c r="O12800" s="18"/>
      <c r="P12800" s="19">
        <v>200</v>
      </c>
      <c r="Q12800" s="19"/>
      <c r="R12800" s="19"/>
      <c r="S12800" s="19"/>
      <c r="T12800" s="19">
        <v>60</v>
      </c>
      <c r="U12800" s="19"/>
      <c r="V12800" s="19"/>
      <c r="W12800" s="19"/>
      <c r="X12800" s="19">
        <v>19</v>
      </c>
      <c r="Y12800" s="19"/>
      <c r="Z12800" s="19"/>
      <c r="AA12800" s="19"/>
    </row>
    <row r="12801" spans="1:27" s="1" customFormat="1" ht="14.1" customHeight="1" outlineLevel="4" x14ac:dyDescent="0.2">
      <c r="A12801" s="17"/>
      <c r="B12801" s="17"/>
      <c r="C12801" s="17"/>
      <c r="D12801" s="18"/>
      <c r="E12801" s="18"/>
      <c r="F12801" s="18"/>
      <c r="G12801" s="18"/>
      <c r="H12801" s="18"/>
      <c r="I12801" s="18"/>
      <c r="J12801" s="18"/>
      <c r="K12801" s="18"/>
      <c r="L12801" s="18"/>
      <c r="M12801" s="18"/>
      <c r="N12801" s="18"/>
      <c r="O12801" s="18"/>
      <c r="P12801" s="19"/>
      <c r="Q12801" s="19"/>
      <c r="R12801" s="19"/>
      <c r="S12801" s="19"/>
      <c r="T12801" s="19"/>
      <c r="U12801" s="19"/>
      <c r="V12801" s="19"/>
      <c r="W12801" s="19"/>
      <c r="X12801" s="19"/>
      <c r="Y12801" s="19"/>
      <c r="Z12801" s="19"/>
      <c r="AA12801" s="19"/>
    </row>
    <row r="12802" spans="1:27" s="1" customFormat="1" ht="14.1" customHeight="1" outlineLevel="4" x14ac:dyDescent="0.2">
      <c r="A12802" s="17">
        <v>9854</v>
      </c>
      <c r="B12802" s="17"/>
      <c r="C12802" s="17"/>
      <c r="D12802" s="18" t="s">
        <v>6347</v>
      </c>
      <c r="E12802" s="18"/>
      <c r="F12802" s="18"/>
      <c r="G12802" s="18"/>
      <c r="H12802" s="18"/>
      <c r="I12802" s="18"/>
      <c r="J12802" s="18"/>
      <c r="K12802" s="18"/>
      <c r="L12802" s="18"/>
      <c r="M12802" s="18"/>
      <c r="N12802" s="18"/>
      <c r="O12802" s="18"/>
      <c r="P12802" s="19">
        <v>200</v>
      </c>
      <c r="Q12802" s="19"/>
      <c r="R12802" s="19"/>
      <c r="S12802" s="19"/>
      <c r="T12802" s="19">
        <v>60</v>
      </c>
      <c r="U12802" s="19"/>
      <c r="V12802" s="19"/>
      <c r="W12802" s="19"/>
      <c r="X12802" s="19">
        <v>20</v>
      </c>
      <c r="Y12802" s="19"/>
      <c r="Z12802" s="19"/>
      <c r="AA12802" s="19"/>
    </row>
    <row r="12803" spans="1:27" s="1" customFormat="1" ht="14.1" customHeight="1" outlineLevel="4" x14ac:dyDescent="0.2">
      <c r="A12803" s="17"/>
      <c r="B12803" s="17"/>
      <c r="C12803" s="17"/>
      <c r="D12803" s="18"/>
      <c r="E12803" s="18"/>
      <c r="F12803" s="18"/>
      <c r="G12803" s="18"/>
      <c r="H12803" s="18"/>
      <c r="I12803" s="18"/>
      <c r="J12803" s="18"/>
      <c r="K12803" s="18"/>
      <c r="L12803" s="18"/>
      <c r="M12803" s="18"/>
      <c r="N12803" s="18"/>
      <c r="O12803" s="18"/>
      <c r="P12803" s="19"/>
      <c r="Q12803" s="19"/>
      <c r="R12803" s="19"/>
      <c r="S12803" s="19"/>
      <c r="T12803" s="19"/>
      <c r="U12803" s="19"/>
      <c r="V12803" s="19"/>
      <c r="W12803" s="19"/>
      <c r="X12803" s="19"/>
      <c r="Y12803" s="19"/>
      <c r="Z12803" s="19"/>
      <c r="AA12803" s="19"/>
    </row>
    <row r="12804" spans="1:27" s="1" customFormat="1" ht="14.1" customHeight="1" outlineLevel="4" x14ac:dyDescent="0.2">
      <c r="A12804" s="17">
        <v>4760</v>
      </c>
      <c r="B12804" s="17"/>
      <c r="C12804" s="17"/>
      <c r="D12804" s="18" t="s">
        <v>6348</v>
      </c>
      <c r="E12804" s="18"/>
      <c r="F12804" s="18"/>
      <c r="G12804" s="18"/>
      <c r="H12804" s="18"/>
      <c r="I12804" s="18"/>
      <c r="J12804" s="18"/>
      <c r="K12804" s="18"/>
      <c r="L12804" s="18"/>
      <c r="M12804" s="18"/>
      <c r="N12804" s="18"/>
      <c r="O12804" s="18"/>
      <c r="P12804" s="19">
        <v>90</v>
      </c>
      <c r="Q12804" s="19"/>
      <c r="R12804" s="19"/>
      <c r="S12804" s="19"/>
      <c r="T12804" s="19">
        <v>25</v>
      </c>
      <c r="U12804" s="19"/>
      <c r="V12804" s="19"/>
      <c r="W12804" s="19"/>
      <c r="X12804" s="19">
        <v>1</v>
      </c>
      <c r="Y12804" s="19"/>
      <c r="Z12804" s="19"/>
      <c r="AA12804" s="19"/>
    </row>
    <row r="12805" spans="1:27" s="1" customFormat="1" ht="14.1" customHeight="1" outlineLevel="4" x14ac:dyDescent="0.2">
      <c r="A12805" s="17"/>
      <c r="B12805" s="17"/>
      <c r="C12805" s="17"/>
      <c r="D12805" s="18"/>
      <c r="E12805" s="18"/>
      <c r="F12805" s="18"/>
      <c r="G12805" s="18"/>
      <c r="H12805" s="18"/>
      <c r="I12805" s="18"/>
      <c r="J12805" s="18"/>
      <c r="K12805" s="18"/>
      <c r="L12805" s="18"/>
      <c r="M12805" s="18"/>
      <c r="N12805" s="18"/>
      <c r="O12805" s="18"/>
      <c r="P12805" s="19"/>
      <c r="Q12805" s="19"/>
      <c r="R12805" s="19"/>
      <c r="S12805" s="19"/>
      <c r="T12805" s="19"/>
      <c r="U12805" s="19"/>
      <c r="V12805" s="19"/>
      <c r="W12805" s="19"/>
      <c r="X12805" s="19"/>
      <c r="Y12805" s="19"/>
      <c r="Z12805" s="19"/>
      <c r="AA12805" s="19"/>
    </row>
    <row r="12806" spans="1:27" s="1" customFormat="1" ht="14.1" customHeight="1" outlineLevel="4" x14ac:dyDescent="0.2">
      <c r="A12806" s="17">
        <v>6950</v>
      </c>
      <c r="B12806" s="17"/>
      <c r="C12806" s="17"/>
      <c r="D12806" s="18" t="s">
        <v>6349</v>
      </c>
      <c r="E12806" s="18"/>
      <c r="F12806" s="18"/>
      <c r="G12806" s="18"/>
      <c r="H12806" s="18"/>
      <c r="I12806" s="18"/>
      <c r="J12806" s="18"/>
      <c r="K12806" s="18"/>
      <c r="L12806" s="18"/>
      <c r="M12806" s="18"/>
      <c r="N12806" s="18"/>
      <c r="O12806" s="18"/>
      <c r="P12806" s="19">
        <v>200</v>
      </c>
      <c r="Q12806" s="19"/>
      <c r="R12806" s="19"/>
      <c r="S12806" s="19"/>
      <c r="T12806" s="19">
        <v>60</v>
      </c>
      <c r="U12806" s="19"/>
      <c r="V12806" s="19"/>
      <c r="W12806" s="19"/>
      <c r="X12806" s="19">
        <v>27</v>
      </c>
      <c r="Y12806" s="19"/>
      <c r="Z12806" s="19"/>
      <c r="AA12806" s="19"/>
    </row>
    <row r="12807" spans="1:27" s="1" customFormat="1" ht="14.1" customHeight="1" outlineLevel="4" x14ac:dyDescent="0.2">
      <c r="A12807" s="17"/>
      <c r="B12807" s="17"/>
      <c r="C12807" s="17"/>
      <c r="D12807" s="18"/>
      <c r="E12807" s="18"/>
      <c r="F12807" s="18"/>
      <c r="G12807" s="18"/>
      <c r="H12807" s="18"/>
      <c r="I12807" s="18"/>
      <c r="J12807" s="18"/>
      <c r="K12807" s="18"/>
      <c r="L12807" s="18"/>
      <c r="M12807" s="18"/>
      <c r="N12807" s="18"/>
      <c r="O12807" s="18"/>
      <c r="P12807" s="19"/>
      <c r="Q12807" s="19"/>
      <c r="R12807" s="19"/>
      <c r="S12807" s="19"/>
      <c r="T12807" s="19"/>
      <c r="U12807" s="19"/>
      <c r="V12807" s="19"/>
      <c r="W12807" s="19"/>
      <c r="X12807" s="19"/>
      <c r="Y12807" s="19"/>
      <c r="Z12807" s="19"/>
      <c r="AA12807" s="19"/>
    </row>
    <row r="12808" spans="1:27" s="1" customFormat="1" ht="14.1" customHeight="1" outlineLevel="4" x14ac:dyDescent="0.2">
      <c r="A12808" s="17">
        <v>7162</v>
      </c>
      <c r="B12808" s="17"/>
      <c r="C12808" s="17"/>
      <c r="D12808" s="18" t="s">
        <v>6350</v>
      </c>
      <c r="E12808" s="18"/>
      <c r="F12808" s="18"/>
      <c r="G12808" s="18"/>
      <c r="H12808" s="18"/>
      <c r="I12808" s="18"/>
      <c r="J12808" s="18"/>
      <c r="K12808" s="18"/>
      <c r="L12808" s="18"/>
      <c r="M12808" s="18"/>
      <c r="N12808" s="18"/>
      <c r="O12808" s="18"/>
      <c r="P12808" s="19">
        <v>200</v>
      </c>
      <c r="Q12808" s="19"/>
      <c r="R12808" s="19"/>
      <c r="S12808" s="19"/>
      <c r="T12808" s="19">
        <v>60</v>
      </c>
      <c r="U12808" s="19"/>
      <c r="V12808" s="19"/>
      <c r="W12808" s="19"/>
      <c r="X12808" s="19">
        <v>25</v>
      </c>
      <c r="Y12808" s="19"/>
      <c r="Z12808" s="19"/>
      <c r="AA12808" s="19"/>
    </row>
    <row r="12809" spans="1:27" s="1" customFormat="1" ht="14.1" customHeight="1" outlineLevel="4" x14ac:dyDescent="0.2">
      <c r="A12809" s="17"/>
      <c r="B12809" s="17"/>
      <c r="C12809" s="17"/>
      <c r="D12809" s="18"/>
      <c r="E12809" s="18"/>
      <c r="F12809" s="18"/>
      <c r="G12809" s="18"/>
      <c r="H12809" s="18"/>
      <c r="I12809" s="18"/>
      <c r="J12809" s="18"/>
      <c r="K12809" s="18"/>
      <c r="L12809" s="18"/>
      <c r="M12809" s="18"/>
      <c r="N12809" s="18"/>
      <c r="O12809" s="18"/>
      <c r="P12809" s="19"/>
      <c r="Q12809" s="19"/>
      <c r="R12809" s="19"/>
      <c r="S12809" s="19"/>
      <c r="T12809" s="19"/>
      <c r="U12809" s="19"/>
      <c r="V12809" s="19"/>
      <c r="W12809" s="19"/>
      <c r="X12809" s="19"/>
      <c r="Y12809" s="19"/>
      <c r="Z12809" s="19"/>
      <c r="AA12809" s="19"/>
    </row>
    <row r="12810" spans="1:27" s="1" customFormat="1" ht="14.1" customHeight="1" outlineLevel="4" x14ac:dyDescent="0.2">
      <c r="A12810" s="17">
        <v>9063</v>
      </c>
      <c r="B12810" s="17"/>
      <c r="C12810" s="17"/>
      <c r="D12810" s="18" t="s">
        <v>6351</v>
      </c>
      <c r="E12810" s="18"/>
      <c r="F12810" s="18"/>
      <c r="G12810" s="18"/>
      <c r="H12810" s="18"/>
      <c r="I12810" s="18"/>
      <c r="J12810" s="18"/>
      <c r="K12810" s="18"/>
      <c r="L12810" s="18"/>
      <c r="M12810" s="18"/>
      <c r="N12810" s="18"/>
      <c r="O12810" s="18"/>
      <c r="P12810" s="19">
        <v>200</v>
      </c>
      <c r="Q12810" s="19"/>
      <c r="R12810" s="19"/>
      <c r="S12810" s="19"/>
      <c r="T12810" s="19">
        <v>60</v>
      </c>
      <c r="U12810" s="19"/>
      <c r="V12810" s="19"/>
      <c r="W12810" s="19"/>
      <c r="X12810" s="19">
        <v>30</v>
      </c>
      <c r="Y12810" s="19"/>
      <c r="Z12810" s="19"/>
      <c r="AA12810" s="19"/>
    </row>
    <row r="12811" spans="1:27" s="1" customFormat="1" ht="14.1" customHeight="1" outlineLevel="4" x14ac:dyDescent="0.2">
      <c r="A12811" s="17"/>
      <c r="B12811" s="17"/>
      <c r="C12811" s="17"/>
      <c r="D12811" s="18"/>
      <c r="E12811" s="18"/>
      <c r="F12811" s="18"/>
      <c r="G12811" s="18"/>
      <c r="H12811" s="18"/>
      <c r="I12811" s="18"/>
      <c r="J12811" s="18"/>
      <c r="K12811" s="18"/>
      <c r="L12811" s="18"/>
      <c r="M12811" s="18"/>
      <c r="N12811" s="18"/>
      <c r="O12811" s="18"/>
      <c r="P12811" s="19"/>
      <c r="Q12811" s="19"/>
      <c r="R12811" s="19"/>
      <c r="S12811" s="19"/>
      <c r="T12811" s="19"/>
      <c r="U12811" s="19"/>
      <c r="V12811" s="19"/>
      <c r="W12811" s="19"/>
      <c r="X12811" s="19"/>
      <c r="Y12811" s="19"/>
      <c r="Z12811" s="19"/>
      <c r="AA12811" s="19"/>
    </row>
    <row r="12812" spans="1:27" s="1" customFormat="1" ht="14.1" customHeight="1" outlineLevel="4" x14ac:dyDescent="0.2">
      <c r="A12812" s="17">
        <v>12260</v>
      </c>
      <c r="B12812" s="17"/>
      <c r="C12812" s="17"/>
      <c r="D12812" s="18" t="s">
        <v>6352</v>
      </c>
      <c r="E12812" s="18"/>
      <c r="F12812" s="18"/>
      <c r="G12812" s="18"/>
      <c r="H12812" s="18"/>
      <c r="I12812" s="18"/>
      <c r="J12812" s="18"/>
      <c r="K12812" s="18"/>
      <c r="L12812" s="18"/>
      <c r="M12812" s="18"/>
      <c r="N12812" s="18"/>
      <c r="O12812" s="18"/>
      <c r="P12812" s="19">
        <v>200</v>
      </c>
      <c r="Q12812" s="19"/>
      <c r="R12812" s="19"/>
      <c r="S12812" s="19"/>
      <c r="T12812" s="19">
        <v>60</v>
      </c>
      <c r="U12812" s="19"/>
      <c r="V12812" s="19"/>
      <c r="W12812" s="19"/>
      <c r="X12812" s="19">
        <v>11</v>
      </c>
      <c r="Y12812" s="19"/>
      <c r="Z12812" s="19"/>
      <c r="AA12812" s="19"/>
    </row>
    <row r="12813" spans="1:27" s="1" customFormat="1" ht="14.1" customHeight="1" outlineLevel="4" x14ac:dyDescent="0.2">
      <c r="A12813" s="17"/>
      <c r="B12813" s="17"/>
      <c r="C12813" s="17"/>
      <c r="D12813" s="18"/>
      <c r="E12813" s="18"/>
      <c r="F12813" s="18"/>
      <c r="G12813" s="18"/>
      <c r="H12813" s="18"/>
      <c r="I12813" s="18"/>
      <c r="J12813" s="18"/>
      <c r="K12813" s="18"/>
      <c r="L12813" s="18"/>
      <c r="M12813" s="18"/>
      <c r="N12813" s="18"/>
      <c r="O12813" s="18"/>
      <c r="P12813" s="19"/>
      <c r="Q12813" s="19"/>
      <c r="R12813" s="19"/>
      <c r="S12813" s="19"/>
      <c r="T12813" s="19"/>
      <c r="U12813" s="19"/>
      <c r="V12813" s="19"/>
      <c r="W12813" s="19"/>
      <c r="X12813" s="19"/>
      <c r="Y12813" s="19"/>
      <c r="Z12813" s="19"/>
      <c r="AA12813" s="19"/>
    </row>
    <row r="12814" spans="1:27" s="1" customFormat="1" ht="14.1" customHeight="1" outlineLevel="4" x14ac:dyDescent="0.2">
      <c r="A12814" s="17">
        <v>7163</v>
      </c>
      <c r="B12814" s="17"/>
      <c r="C12814" s="17"/>
      <c r="D12814" s="18" t="s">
        <v>6353</v>
      </c>
      <c r="E12814" s="18"/>
      <c r="F12814" s="18"/>
      <c r="G12814" s="18"/>
      <c r="H12814" s="18"/>
      <c r="I12814" s="18"/>
      <c r="J12814" s="18"/>
      <c r="K12814" s="18"/>
      <c r="L12814" s="18"/>
      <c r="M12814" s="18"/>
      <c r="N12814" s="18"/>
      <c r="O12814" s="18"/>
      <c r="P12814" s="19">
        <v>200</v>
      </c>
      <c r="Q12814" s="19"/>
      <c r="R12814" s="19"/>
      <c r="S12814" s="19"/>
      <c r="T12814" s="19">
        <v>60</v>
      </c>
      <c r="U12814" s="19"/>
      <c r="V12814" s="19"/>
      <c r="W12814" s="19"/>
      <c r="X12814" s="19">
        <v>24</v>
      </c>
      <c r="Y12814" s="19"/>
      <c r="Z12814" s="19"/>
      <c r="AA12814" s="19"/>
    </row>
    <row r="12815" spans="1:27" s="1" customFormat="1" ht="14.1" customHeight="1" outlineLevel="4" x14ac:dyDescent="0.2">
      <c r="A12815" s="17"/>
      <c r="B12815" s="17"/>
      <c r="C12815" s="17"/>
      <c r="D12815" s="18"/>
      <c r="E12815" s="18"/>
      <c r="F12815" s="18"/>
      <c r="G12815" s="18"/>
      <c r="H12815" s="18"/>
      <c r="I12815" s="18"/>
      <c r="J12815" s="18"/>
      <c r="K12815" s="18"/>
      <c r="L12815" s="18"/>
      <c r="M12815" s="18"/>
      <c r="N12815" s="18"/>
      <c r="O12815" s="18"/>
      <c r="P12815" s="19"/>
      <c r="Q12815" s="19"/>
      <c r="R12815" s="19"/>
      <c r="S12815" s="19"/>
      <c r="T12815" s="19"/>
      <c r="U12815" s="19"/>
      <c r="V12815" s="19"/>
      <c r="W12815" s="19"/>
      <c r="X12815" s="19"/>
      <c r="Y12815" s="19"/>
      <c r="Z12815" s="19"/>
      <c r="AA12815" s="19"/>
    </row>
    <row r="12816" spans="1:27" s="1" customFormat="1" ht="14.1" customHeight="1" outlineLevel="4" x14ac:dyDescent="0.2">
      <c r="A12816" s="17">
        <v>9425</v>
      </c>
      <c r="B12816" s="17"/>
      <c r="C12816" s="17"/>
      <c r="D12816" s="18" t="s">
        <v>6354</v>
      </c>
      <c r="E12816" s="18"/>
      <c r="F12816" s="18"/>
      <c r="G12816" s="18"/>
      <c r="H12816" s="18"/>
      <c r="I12816" s="18"/>
      <c r="J12816" s="18"/>
      <c r="K12816" s="18"/>
      <c r="L12816" s="18"/>
      <c r="M12816" s="18"/>
      <c r="N12816" s="18"/>
      <c r="O12816" s="18"/>
      <c r="P12816" s="19">
        <v>200</v>
      </c>
      <c r="Q12816" s="19"/>
      <c r="R12816" s="19"/>
      <c r="S12816" s="19"/>
      <c r="T12816" s="19">
        <v>60</v>
      </c>
      <c r="U12816" s="19"/>
      <c r="V12816" s="19"/>
      <c r="W12816" s="19"/>
      <c r="X12816" s="19">
        <v>27</v>
      </c>
      <c r="Y12816" s="19"/>
      <c r="Z12816" s="19"/>
      <c r="AA12816" s="19"/>
    </row>
    <row r="12817" spans="1:27" s="1" customFormat="1" ht="14.1" customHeight="1" outlineLevel="4" x14ac:dyDescent="0.2">
      <c r="A12817" s="17"/>
      <c r="B12817" s="17"/>
      <c r="C12817" s="17"/>
      <c r="D12817" s="18"/>
      <c r="E12817" s="18"/>
      <c r="F12817" s="18"/>
      <c r="G12817" s="18"/>
      <c r="H12817" s="18"/>
      <c r="I12817" s="18"/>
      <c r="J12817" s="18"/>
      <c r="K12817" s="18"/>
      <c r="L12817" s="18"/>
      <c r="M12817" s="18"/>
      <c r="N12817" s="18"/>
      <c r="O12817" s="18"/>
      <c r="P12817" s="19"/>
      <c r="Q12817" s="19"/>
      <c r="R12817" s="19"/>
      <c r="S12817" s="19"/>
      <c r="T12817" s="19"/>
      <c r="U12817" s="19"/>
      <c r="V12817" s="19"/>
      <c r="W12817" s="19"/>
      <c r="X12817" s="19"/>
      <c r="Y12817" s="19"/>
      <c r="Z12817" s="19"/>
      <c r="AA12817" s="19"/>
    </row>
    <row r="12818" spans="1:27" s="1" customFormat="1" ht="14.1" customHeight="1" outlineLevel="4" x14ac:dyDescent="0.2">
      <c r="A12818" s="17">
        <v>4765</v>
      </c>
      <c r="B12818" s="17"/>
      <c r="C12818" s="17"/>
      <c r="D12818" s="18" t="s">
        <v>6355</v>
      </c>
      <c r="E12818" s="18"/>
      <c r="F12818" s="18"/>
      <c r="G12818" s="18"/>
      <c r="H12818" s="18"/>
      <c r="I12818" s="18"/>
      <c r="J12818" s="18"/>
      <c r="K12818" s="18"/>
      <c r="L12818" s="18"/>
      <c r="M12818" s="18"/>
      <c r="N12818" s="18"/>
      <c r="O12818" s="18"/>
      <c r="P12818" s="19">
        <v>90</v>
      </c>
      <c r="Q12818" s="19"/>
      <c r="R12818" s="19"/>
      <c r="S12818" s="19"/>
      <c r="T12818" s="19">
        <v>25</v>
      </c>
      <c r="U12818" s="19"/>
      <c r="V12818" s="19"/>
      <c r="W12818" s="19"/>
      <c r="X12818" s="19">
        <v>17</v>
      </c>
      <c r="Y12818" s="19"/>
      <c r="Z12818" s="19"/>
      <c r="AA12818" s="19"/>
    </row>
    <row r="12819" spans="1:27" s="1" customFormat="1" ht="14.1" customHeight="1" outlineLevel="4" x14ac:dyDescent="0.2">
      <c r="A12819" s="17"/>
      <c r="B12819" s="17"/>
      <c r="C12819" s="17"/>
      <c r="D12819" s="18"/>
      <c r="E12819" s="18"/>
      <c r="F12819" s="18"/>
      <c r="G12819" s="18"/>
      <c r="H12819" s="18"/>
      <c r="I12819" s="18"/>
      <c r="J12819" s="18"/>
      <c r="K12819" s="18"/>
      <c r="L12819" s="18"/>
      <c r="M12819" s="18"/>
      <c r="N12819" s="18"/>
      <c r="O12819" s="18"/>
      <c r="P12819" s="19"/>
      <c r="Q12819" s="19"/>
      <c r="R12819" s="19"/>
      <c r="S12819" s="19"/>
      <c r="T12819" s="19"/>
      <c r="U12819" s="19"/>
      <c r="V12819" s="19"/>
      <c r="W12819" s="19"/>
      <c r="X12819" s="19"/>
      <c r="Y12819" s="19"/>
      <c r="Z12819" s="19"/>
      <c r="AA12819" s="19"/>
    </row>
    <row r="12820" spans="1:27" s="1" customFormat="1" ht="14.1" customHeight="1" outlineLevel="4" x14ac:dyDescent="0.2">
      <c r="A12820" s="17">
        <v>16594</v>
      </c>
      <c r="B12820" s="17"/>
      <c r="C12820" s="17"/>
      <c r="D12820" s="18" t="s">
        <v>6356</v>
      </c>
      <c r="E12820" s="18"/>
      <c r="F12820" s="18"/>
      <c r="G12820" s="18"/>
      <c r="H12820" s="18"/>
      <c r="I12820" s="18"/>
      <c r="J12820" s="18"/>
      <c r="K12820" s="18"/>
      <c r="L12820" s="18"/>
      <c r="M12820" s="18"/>
      <c r="N12820" s="18"/>
      <c r="O12820" s="18"/>
      <c r="P12820" s="19">
        <v>200</v>
      </c>
      <c r="Q12820" s="19"/>
      <c r="R12820" s="19"/>
      <c r="S12820" s="19"/>
      <c r="T12820" s="19">
        <v>60</v>
      </c>
      <c r="U12820" s="19"/>
      <c r="V12820" s="19"/>
      <c r="W12820" s="19"/>
      <c r="X12820" s="19">
        <v>25</v>
      </c>
      <c r="Y12820" s="19"/>
      <c r="Z12820" s="19"/>
      <c r="AA12820" s="19"/>
    </row>
    <row r="12821" spans="1:27" s="1" customFormat="1" ht="14.1" customHeight="1" outlineLevel="4" x14ac:dyDescent="0.2">
      <c r="A12821" s="17"/>
      <c r="B12821" s="17"/>
      <c r="C12821" s="17"/>
      <c r="D12821" s="18"/>
      <c r="E12821" s="18"/>
      <c r="F12821" s="18"/>
      <c r="G12821" s="18"/>
      <c r="H12821" s="18"/>
      <c r="I12821" s="18"/>
      <c r="J12821" s="18"/>
      <c r="K12821" s="18"/>
      <c r="L12821" s="18"/>
      <c r="M12821" s="18"/>
      <c r="N12821" s="18"/>
      <c r="O12821" s="18"/>
      <c r="P12821" s="19"/>
      <c r="Q12821" s="19"/>
      <c r="R12821" s="19"/>
      <c r="S12821" s="19"/>
      <c r="T12821" s="19"/>
      <c r="U12821" s="19"/>
      <c r="V12821" s="19"/>
      <c r="W12821" s="19"/>
      <c r="X12821" s="19"/>
      <c r="Y12821" s="19"/>
      <c r="Z12821" s="19"/>
      <c r="AA12821" s="19"/>
    </row>
    <row r="12822" spans="1:27" s="1" customFormat="1" ht="14.1" customHeight="1" outlineLevel="4" x14ac:dyDescent="0.2">
      <c r="A12822" s="17">
        <v>9062</v>
      </c>
      <c r="B12822" s="17"/>
      <c r="C12822" s="17"/>
      <c r="D12822" s="18" t="s">
        <v>6357</v>
      </c>
      <c r="E12822" s="18"/>
      <c r="F12822" s="18"/>
      <c r="G12822" s="18"/>
      <c r="H12822" s="18"/>
      <c r="I12822" s="18"/>
      <c r="J12822" s="18"/>
      <c r="K12822" s="18"/>
      <c r="L12822" s="18"/>
      <c r="M12822" s="18"/>
      <c r="N12822" s="18"/>
      <c r="O12822" s="18"/>
      <c r="P12822" s="19">
        <v>200</v>
      </c>
      <c r="Q12822" s="19"/>
      <c r="R12822" s="19"/>
      <c r="S12822" s="19"/>
      <c r="T12822" s="19">
        <v>60</v>
      </c>
      <c r="U12822" s="19"/>
      <c r="V12822" s="19"/>
      <c r="W12822" s="19"/>
      <c r="X12822" s="19">
        <v>2</v>
      </c>
      <c r="Y12822" s="19"/>
      <c r="Z12822" s="19"/>
      <c r="AA12822" s="19"/>
    </row>
    <row r="12823" spans="1:27" s="1" customFormat="1" ht="14.1" customHeight="1" outlineLevel="4" x14ac:dyDescent="0.2">
      <c r="A12823" s="17"/>
      <c r="B12823" s="17"/>
      <c r="C12823" s="17"/>
      <c r="D12823" s="18"/>
      <c r="E12823" s="18"/>
      <c r="F12823" s="18"/>
      <c r="G12823" s="18"/>
      <c r="H12823" s="18"/>
      <c r="I12823" s="18"/>
      <c r="J12823" s="18"/>
      <c r="K12823" s="18"/>
      <c r="L12823" s="18"/>
      <c r="M12823" s="18"/>
      <c r="N12823" s="18"/>
      <c r="O12823" s="18"/>
      <c r="P12823" s="19"/>
      <c r="Q12823" s="19"/>
      <c r="R12823" s="19"/>
      <c r="S12823" s="19"/>
      <c r="T12823" s="19"/>
      <c r="U12823" s="19"/>
      <c r="V12823" s="19"/>
      <c r="W12823" s="19"/>
      <c r="X12823" s="19"/>
      <c r="Y12823" s="19"/>
      <c r="Z12823" s="19"/>
      <c r="AA12823" s="19"/>
    </row>
    <row r="12824" spans="1:27" s="1" customFormat="1" ht="14.1" customHeight="1" outlineLevel="4" x14ac:dyDescent="0.2">
      <c r="A12824" s="17">
        <v>12261</v>
      </c>
      <c r="B12824" s="17"/>
      <c r="C12824" s="17"/>
      <c r="D12824" s="18" t="s">
        <v>6358</v>
      </c>
      <c r="E12824" s="18"/>
      <c r="F12824" s="18"/>
      <c r="G12824" s="18"/>
      <c r="H12824" s="18"/>
      <c r="I12824" s="18"/>
      <c r="J12824" s="18"/>
      <c r="K12824" s="18"/>
      <c r="L12824" s="18"/>
      <c r="M12824" s="18"/>
      <c r="N12824" s="18"/>
      <c r="O12824" s="18"/>
      <c r="P12824" s="19">
        <v>200</v>
      </c>
      <c r="Q12824" s="19"/>
      <c r="R12824" s="19"/>
      <c r="S12824" s="19"/>
      <c r="T12824" s="19">
        <v>60</v>
      </c>
      <c r="U12824" s="19"/>
      <c r="V12824" s="19"/>
      <c r="W12824" s="19"/>
      <c r="X12824" s="19">
        <v>9</v>
      </c>
      <c r="Y12824" s="19"/>
      <c r="Z12824" s="19"/>
      <c r="AA12824" s="19"/>
    </row>
    <row r="12825" spans="1:27" s="1" customFormat="1" ht="14.1" customHeight="1" outlineLevel="4" x14ac:dyDescent="0.2">
      <c r="A12825" s="17"/>
      <c r="B12825" s="17"/>
      <c r="C12825" s="17"/>
      <c r="D12825" s="18"/>
      <c r="E12825" s="18"/>
      <c r="F12825" s="18"/>
      <c r="G12825" s="18"/>
      <c r="H12825" s="18"/>
      <c r="I12825" s="18"/>
      <c r="J12825" s="18"/>
      <c r="K12825" s="18"/>
      <c r="L12825" s="18"/>
      <c r="M12825" s="18"/>
      <c r="N12825" s="18"/>
      <c r="O12825" s="18"/>
      <c r="P12825" s="19"/>
      <c r="Q12825" s="19"/>
      <c r="R12825" s="19"/>
      <c r="S12825" s="19"/>
      <c r="T12825" s="19"/>
      <c r="U12825" s="19"/>
      <c r="V12825" s="19"/>
      <c r="W12825" s="19"/>
      <c r="X12825" s="19"/>
      <c r="Y12825" s="19"/>
      <c r="Z12825" s="19"/>
      <c r="AA12825" s="19"/>
    </row>
    <row r="12826" spans="1:27" s="1" customFormat="1" ht="14.1" customHeight="1" outlineLevel="4" x14ac:dyDescent="0.2">
      <c r="A12826" s="17">
        <v>6949</v>
      </c>
      <c r="B12826" s="17"/>
      <c r="C12826" s="17"/>
      <c r="D12826" s="18" t="s">
        <v>6359</v>
      </c>
      <c r="E12826" s="18"/>
      <c r="F12826" s="18"/>
      <c r="G12826" s="18"/>
      <c r="H12826" s="18"/>
      <c r="I12826" s="18"/>
      <c r="J12826" s="18"/>
      <c r="K12826" s="18"/>
      <c r="L12826" s="18"/>
      <c r="M12826" s="18"/>
      <c r="N12826" s="18"/>
      <c r="O12826" s="18"/>
      <c r="P12826" s="19">
        <v>200</v>
      </c>
      <c r="Q12826" s="19"/>
      <c r="R12826" s="19"/>
      <c r="S12826" s="19"/>
      <c r="T12826" s="19">
        <v>60</v>
      </c>
      <c r="U12826" s="19"/>
      <c r="V12826" s="19"/>
      <c r="W12826" s="19"/>
      <c r="X12826" s="19">
        <v>21</v>
      </c>
      <c r="Y12826" s="19"/>
      <c r="Z12826" s="19"/>
      <c r="AA12826" s="19"/>
    </row>
    <row r="12827" spans="1:27" s="1" customFormat="1" ht="14.1" customHeight="1" outlineLevel="4" x14ac:dyDescent="0.2">
      <c r="A12827" s="17"/>
      <c r="B12827" s="17"/>
      <c r="C12827" s="17"/>
      <c r="D12827" s="18"/>
      <c r="E12827" s="18"/>
      <c r="F12827" s="18"/>
      <c r="G12827" s="18"/>
      <c r="H12827" s="18"/>
      <c r="I12827" s="18"/>
      <c r="J12827" s="18"/>
      <c r="K12827" s="18"/>
      <c r="L12827" s="18"/>
      <c r="M12827" s="18"/>
      <c r="N12827" s="18"/>
      <c r="O12827" s="18"/>
      <c r="P12827" s="19"/>
      <c r="Q12827" s="19"/>
      <c r="R12827" s="19"/>
      <c r="S12827" s="19"/>
      <c r="T12827" s="19"/>
      <c r="U12827" s="19"/>
      <c r="V12827" s="19"/>
      <c r="W12827" s="19"/>
      <c r="X12827" s="19"/>
      <c r="Y12827" s="19"/>
      <c r="Z12827" s="19"/>
      <c r="AA12827" s="19"/>
    </row>
    <row r="12828" spans="1:27" s="1" customFormat="1" ht="14.1" customHeight="1" outlineLevel="4" x14ac:dyDescent="0.2">
      <c r="A12828" s="17">
        <v>6268</v>
      </c>
      <c r="B12828" s="17"/>
      <c r="C12828" s="17"/>
      <c r="D12828" s="18" t="s">
        <v>6360</v>
      </c>
      <c r="E12828" s="18"/>
      <c r="F12828" s="18"/>
      <c r="G12828" s="18"/>
      <c r="H12828" s="18"/>
      <c r="I12828" s="18"/>
      <c r="J12828" s="18"/>
      <c r="K12828" s="18"/>
      <c r="L12828" s="18"/>
      <c r="M12828" s="18"/>
      <c r="N12828" s="18"/>
      <c r="O12828" s="18"/>
      <c r="P12828" s="19">
        <v>90</v>
      </c>
      <c r="Q12828" s="19"/>
      <c r="R12828" s="19"/>
      <c r="S12828" s="19"/>
      <c r="T12828" s="19">
        <v>25</v>
      </c>
      <c r="U12828" s="19"/>
      <c r="V12828" s="19"/>
      <c r="W12828" s="19"/>
      <c r="X12828" s="19">
        <v>1</v>
      </c>
      <c r="Y12828" s="19"/>
      <c r="Z12828" s="19"/>
      <c r="AA12828" s="19"/>
    </row>
    <row r="12829" spans="1:27" s="1" customFormat="1" ht="14.1" customHeight="1" outlineLevel="4" x14ac:dyDescent="0.2">
      <c r="A12829" s="17"/>
      <c r="B12829" s="17"/>
      <c r="C12829" s="17"/>
      <c r="D12829" s="18"/>
      <c r="E12829" s="18"/>
      <c r="F12829" s="18"/>
      <c r="G12829" s="18"/>
      <c r="H12829" s="18"/>
      <c r="I12829" s="18"/>
      <c r="J12829" s="18"/>
      <c r="K12829" s="18"/>
      <c r="L12829" s="18"/>
      <c r="M12829" s="18"/>
      <c r="N12829" s="18"/>
      <c r="O12829" s="18"/>
      <c r="P12829" s="19"/>
      <c r="Q12829" s="19"/>
      <c r="R12829" s="19"/>
      <c r="S12829" s="19"/>
      <c r="T12829" s="19"/>
      <c r="U12829" s="19"/>
      <c r="V12829" s="19"/>
      <c r="W12829" s="19"/>
      <c r="X12829" s="19"/>
      <c r="Y12829" s="19"/>
      <c r="Z12829" s="19"/>
      <c r="AA12829" s="19"/>
    </row>
    <row r="12830" spans="1:27" s="1" customFormat="1" ht="14.1" customHeight="1" outlineLevel="4" x14ac:dyDescent="0.2">
      <c r="A12830" s="17">
        <v>6942</v>
      </c>
      <c r="B12830" s="17"/>
      <c r="C12830" s="17"/>
      <c r="D12830" s="18" t="s">
        <v>6361</v>
      </c>
      <c r="E12830" s="18"/>
      <c r="F12830" s="18"/>
      <c r="G12830" s="18"/>
      <c r="H12830" s="18"/>
      <c r="I12830" s="18"/>
      <c r="J12830" s="18"/>
      <c r="K12830" s="18"/>
      <c r="L12830" s="18"/>
      <c r="M12830" s="18"/>
      <c r="N12830" s="18"/>
      <c r="O12830" s="18"/>
      <c r="P12830" s="19">
        <v>200</v>
      </c>
      <c r="Q12830" s="19"/>
      <c r="R12830" s="19"/>
      <c r="S12830" s="19"/>
      <c r="T12830" s="19">
        <v>60</v>
      </c>
      <c r="U12830" s="19"/>
      <c r="V12830" s="19"/>
      <c r="W12830" s="19"/>
      <c r="X12830" s="19">
        <v>14</v>
      </c>
      <c r="Y12830" s="19"/>
      <c r="Z12830" s="19"/>
      <c r="AA12830" s="19"/>
    </row>
    <row r="12831" spans="1:27" s="1" customFormat="1" ht="14.1" customHeight="1" outlineLevel="4" x14ac:dyDescent="0.2">
      <c r="A12831" s="17"/>
      <c r="B12831" s="17"/>
      <c r="C12831" s="17"/>
      <c r="D12831" s="18"/>
      <c r="E12831" s="18"/>
      <c r="F12831" s="18"/>
      <c r="G12831" s="18"/>
      <c r="H12831" s="18"/>
      <c r="I12831" s="18"/>
      <c r="J12831" s="18"/>
      <c r="K12831" s="18"/>
      <c r="L12831" s="18"/>
      <c r="M12831" s="18"/>
      <c r="N12831" s="18"/>
      <c r="O12831" s="18"/>
      <c r="P12831" s="19"/>
      <c r="Q12831" s="19"/>
      <c r="R12831" s="19"/>
      <c r="S12831" s="19"/>
      <c r="T12831" s="19"/>
      <c r="U12831" s="19"/>
      <c r="V12831" s="19"/>
      <c r="W12831" s="19"/>
      <c r="X12831" s="19"/>
      <c r="Y12831" s="19"/>
      <c r="Z12831" s="19"/>
      <c r="AA12831" s="19"/>
    </row>
    <row r="12832" spans="1:27" s="1" customFormat="1" ht="14.1" customHeight="1" outlineLevel="4" x14ac:dyDescent="0.2">
      <c r="A12832" s="17">
        <v>7164</v>
      </c>
      <c r="B12832" s="17"/>
      <c r="C12832" s="17"/>
      <c r="D12832" s="18" t="s">
        <v>6362</v>
      </c>
      <c r="E12832" s="18"/>
      <c r="F12832" s="18"/>
      <c r="G12832" s="18"/>
      <c r="H12832" s="18"/>
      <c r="I12832" s="18"/>
      <c r="J12832" s="18"/>
      <c r="K12832" s="18"/>
      <c r="L12832" s="18"/>
      <c r="M12832" s="18"/>
      <c r="N12832" s="18"/>
      <c r="O12832" s="18"/>
      <c r="P12832" s="19">
        <v>200</v>
      </c>
      <c r="Q12832" s="19"/>
      <c r="R12832" s="19"/>
      <c r="S12832" s="19"/>
      <c r="T12832" s="19">
        <v>60</v>
      </c>
      <c r="U12832" s="19"/>
      <c r="V12832" s="19"/>
      <c r="W12832" s="19"/>
      <c r="X12832" s="19">
        <v>28</v>
      </c>
      <c r="Y12832" s="19"/>
      <c r="Z12832" s="19"/>
      <c r="AA12832" s="19"/>
    </row>
    <row r="12833" spans="1:27" s="1" customFormat="1" ht="14.1" customHeight="1" outlineLevel="4" x14ac:dyDescent="0.2">
      <c r="A12833" s="17"/>
      <c r="B12833" s="17"/>
      <c r="C12833" s="17"/>
      <c r="D12833" s="18"/>
      <c r="E12833" s="18"/>
      <c r="F12833" s="18"/>
      <c r="G12833" s="18"/>
      <c r="H12833" s="18"/>
      <c r="I12833" s="18"/>
      <c r="J12833" s="18"/>
      <c r="K12833" s="18"/>
      <c r="L12833" s="18"/>
      <c r="M12833" s="18"/>
      <c r="N12833" s="18"/>
      <c r="O12833" s="18"/>
      <c r="P12833" s="19"/>
      <c r="Q12833" s="19"/>
      <c r="R12833" s="19"/>
      <c r="S12833" s="19"/>
      <c r="T12833" s="19"/>
      <c r="U12833" s="19"/>
      <c r="V12833" s="19"/>
      <c r="W12833" s="19"/>
      <c r="X12833" s="19"/>
      <c r="Y12833" s="19"/>
      <c r="Z12833" s="19"/>
      <c r="AA12833" s="19"/>
    </row>
    <row r="12834" spans="1:27" s="1" customFormat="1" ht="14.1" customHeight="1" outlineLevel="4" x14ac:dyDescent="0.2">
      <c r="A12834" s="17">
        <v>4766</v>
      </c>
      <c r="B12834" s="17"/>
      <c r="C12834" s="17"/>
      <c r="D12834" s="18" t="s">
        <v>6363</v>
      </c>
      <c r="E12834" s="18"/>
      <c r="F12834" s="18"/>
      <c r="G12834" s="18"/>
      <c r="H12834" s="18"/>
      <c r="I12834" s="18"/>
      <c r="J12834" s="18"/>
      <c r="K12834" s="18"/>
      <c r="L12834" s="18"/>
      <c r="M12834" s="18"/>
      <c r="N12834" s="18"/>
      <c r="O12834" s="18"/>
      <c r="P12834" s="19">
        <v>90</v>
      </c>
      <c r="Q12834" s="19"/>
      <c r="R12834" s="19"/>
      <c r="S12834" s="19"/>
      <c r="T12834" s="19">
        <v>25</v>
      </c>
      <c r="U12834" s="19"/>
      <c r="V12834" s="19"/>
      <c r="W12834" s="19"/>
      <c r="X12834" s="19">
        <v>2</v>
      </c>
      <c r="Y12834" s="19"/>
      <c r="Z12834" s="19"/>
      <c r="AA12834" s="19"/>
    </row>
    <row r="12835" spans="1:27" s="1" customFormat="1" ht="14.1" customHeight="1" outlineLevel="4" x14ac:dyDescent="0.2">
      <c r="A12835" s="17"/>
      <c r="B12835" s="17"/>
      <c r="C12835" s="17"/>
      <c r="D12835" s="18"/>
      <c r="E12835" s="18"/>
      <c r="F12835" s="18"/>
      <c r="G12835" s="18"/>
      <c r="H12835" s="18"/>
      <c r="I12835" s="18"/>
      <c r="J12835" s="18"/>
      <c r="K12835" s="18"/>
      <c r="L12835" s="18"/>
      <c r="M12835" s="18"/>
      <c r="N12835" s="18"/>
      <c r="O12835" s="18"/>
      <c r="P12835" s="19"/>
      <c r="Q12835" s="19"/>
      <c r="R12835" s="19"/>
      <c r="S12835" s="19"/>
      <c r="T12835" s="19"/>
      <c r="U12835" s="19"/>
      <c r="V12835" s="19"/>
      <c r="W12835" s="19"/>
      <c r="X12835" s="19"/>
      <c r="Y12835" s="19"/>
      <c r="Z12835" s="19"/>
      <c r="AA12835" s="19"/>
    </row>
    <row r="12836" spans="1:27" s="1" customFormat="1" ht="14.1" customHeight="1" outlineLevel="4" x14ac:dyDescent="0.2">
      <c r="A12836" s="17">
        <v>9066</v>
      </c>
      <c r="B12836" s="17"/>
      <c r="C12836" s="17"/>
      <c r="D12836" s="18" t="s">
        <v>6364</v>
      </c>
      <c r="E12836" s="18"/>
      <c r="F12836" s="18"/>
      <c r="G12836" s="18"/>
      <c r="H12836" s="18"/>
      <c r="I12836" s="18"/>
      <c r="J12836" s="18"/>
      <c r="K12836" s="18"/>
      <c r="L12836" s="18"/>
      <c r="M12836" s="18"/>
      <c r="N12836" s="18"/>
      <c r="O12836" s="18"/>
      <c r="P12836" s="19">
        <v>200</v>
      </c>
      <c r="Q12836" s="19"/>
      <c r="R12836" s="19"/>
      <c r="S12836" s="19"/>
      <c r="T12836" s="19">
        <v>60</v>
      </c>
      <c r="U12836" s="19"/>
      <c r="V12836" s="19"/>
      <c r="W12836" s="19"/>
      <c r="X12836" s="19">
        <v>9</v>
      </c>
      <c r="Y12836" s="19"/>
      <c r="Z12836" s="19"/>
      <c r="AA12836" s="19"/>
    </row>
    <row r="12837" spans="1:27" s="1" customFormat="1" ht="14.1" customHeight="1" outlineLevel="4" x14ac:dyDescent="0.2">
      <c r="A12837" s="17"/>
      <c r="B12837" s="17"/>
      <c r="C12837" s="17"/>
      <c r="D12837" s="18"/>
      <c r="E12837" s="18"/>
      <c r="F12837" s="18"/>
      <c r="G12837" s="18"/>
      <c r="H12837" s="18"/>
      <c r="I12837" s="18"/>
      <c r="J12837" s="18"/>
      <c r="K12837" s="18"/>
      <c r="L12837" s="18"/>
      <c r="M12837" s="18"/>
      <c r="N12837" s="18"/>
      <c r="O12837" s="18"/>
      <c r="P12837" s="19"/>
      <c r="Q12837" s="19"/>
      <c r="R12837" s="19"/>
      <c r="S12837" s="19"/>
      <c r="T12837" s="19"/>
      <c r="U12837" s="19"/>
      <c r="V12837" s="19"/>
      <c r="W12837" s="19"/>
      <c r="X12837" s="19"/>
      <c r="Y12837" s="19"/>
      <c r="Z12837" s="19"/>
      <c r="AA12837" s="19"/>
    </row>
    <row r="12838" spans="1:27" s="1" customFormat="1" ht="14.1" customHeight="1" outlineLevel="4" x14ac:dyDescent="0.2">
      <c r="A12838" s="17">
        <v>6951</v>
      </c>
      <c r="B12838" s="17"/>
      <c r="C12838" s="17"/>
      <c r="D12838" s="18" t="s">
        <v>6365</v>
      </c>
      <c r="E12838" s="18"/>
      <c r="F12838" s="18"/>
      <c r="G12838" s="18"/>
      <c r="H12838" s="18"/>
      <c r="I12838" s="18"/>
      <c r="J12838" s="18"/>
      <c r="K12838" s="18"/>
      <c r="L12838" s="18"/>
      <c r="M12838" s="18"/>
      <c r="N12838" s="18"/>
      <c r="O12838" s="18"/>
      <c r="P12838" s="19">
        <v>200</v>
      </c>
      <c r="Q12838" s="19"/>
      <c r="R12838" s="19"/>
      <c r="S12838" s="19"/>
      <c r="T12838" s="19">
        <v>60</v>
      </c>
      <c r="U12838" s="19"/>
      <c r="V12838" s="19"/>
      <c r="W12838" s="19"/>
      <c r="X12838" s="19">
        <v>13</v>
      </c>
      <c r="Y12838" s="19"/>
      <c r="Z12838" s="19"/>
      <c r="AA12838" s="19"/>
    </row>
    <row r="12839" spans="1:27" s="1" customFormat="1" ht="14.1" customHeight="1" outlineLevel="4" x14ac:dyDescent="0.2">
      <c r="A12839" s="17"/>
      <c r="B12839" s="17"/>
      <c r="C12839" s="17"/>
      <c r="D12839" s="18"/>
      <c r="E12839" s="18"/>
      <c r="F12839" s="18"/>
      <c r="G12839" s="18"/>
      <c r="H12839" s="18"/>
      <c r="I12839" s="18"/>
      <c r="J12839" s="18"/>
      <c r="K12839" s="18"/>
      <c r="L12839" s="18"/>
      <c r="M12839" s="18"/>
      <c r="N12839" s="18"/>
      <c r="O12839" s="18"/>
      <c r="P12839" s="19"/>
      <c r="Q12839" s="19"/>
      <c r="R12839" s="19"/>
      <c r="S12839" s="19"/>
      <c r="T12839" s="19"/>
      <c r="U12839" s="19"/>
      <c r="V12839" s="19"/>
      <c r="W12839" s="19"/>
      <c r="X12839" s="19"/>
      <c r="Y12839" s="19"/>
      <c r="Z12839" s="19"/>
      <c r="AA12839" s="19"/>
    </row>
    <row r="12840" spans="1:27" s="1" customFormat="1" ht="14.1" customHeight="1" outlineLevel="4" x14ac:dyDescent="0.2">
      <c r="A12840" s="17">
        <v>7940</v>
      </c>
      <c r="B12840" s="17"/>
      <c r="C12840" s="17"/>
      <c r="D12840" s="18" t="s">
        <v>6366</v>
      </c>
      <c r="E12840" s="18"/>
      <c r="F12840" s="18"/>
      <c r="G12840" s="18"/>
      <c r="H12840" s="18"/>
      <c r="I12840" s="18"/>
      <c r="J12840" s="18"/>
      <c r="K12840" s="18"/>
      <c r="L12840" s="18"/>
      <c r="M12840" s="18"/>
      <c r="N12840" s="18"/>
      <c r="O12840" s="18"/>
      <c r="P12840" s="19">
        <v>200</v>
      </c>
      <c r="Q12840" s="19"/>
      <c r="R12840" s="19"/>
      <c r="S12840" s="19"/>
      <c r="T12840" s="19">
        <v>60</v>
      </c>
      <c r="U12840" s="19"/>
      <c r="V12840" s="19"/>
      <c r="W12840" s="19"/>
      <c r="X12840" s="19">
        <v>7</v>
      </c>
      <c r="Y12840" s="19"/>
      <c r="Z12840" s="19"/>
      <c r="AA12840" s="19"/>
    </row>
    <row r="12841" spans="1:27" s="1" customFormat="1" ht="14.1" customHeight="1" outlineLevel="4" x14ac:dyDescent="0.2">
      <c r="A12841" s="17"/>
      <c r="B12841" s="17"/>
      <c r="C12841" s="17"/>
      <c r="D12841" s="18"/>
      <c r="E12841" s="18"/>
      <c r="F12841" s="18"/>
      <c r="G12841" s="18"/>
      <c r="H12841" s="18"/>
      <c r="I12841" s="18"/>
      <c r="J12841" s="18"/>
      <c r="K12841" s="18"/>
      <c r="L12841" s="18"/>
      <c r="M12841" s="18"/>
      <c r="N12841" s="18"/>
      <c r="O12841" s="18"/>
      <c r="P12841" s="19"/>
      <c r="Q12841" s="19"/>
      <c r="R12841" s="19"/>
      <c r="S12841" s="19"/>
      <c r="T12841" s="19"/>
      <c r="U12841" s="19"/>
      <c r="V12841" s="19"/>
      <c r="W12841" s="19"/>
      <c r="X12841" s="19"/>
      <c r="Y12841" s="19"/>
      <c r="Z12841" s="19"/>
      <c r="AA12841" s="19"/>
    </row>
    <row r="12842" spans="1:27" s="1" customFormat="1" ht="14.1" customHeight="1" outlineLevel="4" x14ac:dyDescent="0.2">
      <c r="A12842" s="17">
        <v>9065</v>
      </c>
      <c r="B12842" s="17"/>
      <c r="C12842" s="17"/>
      <c r="D12842" s="18" t="s">
        <v>6367</v>
      </c>
      <c r="E12842" s="18"/>
      <c r="F12842" s="18"/>
      <c r="G12842" s="18"/>
      <c r="H12842" s="18"/>
      <c r="I12842" s="18"/>
      <c r="J12842" s="18"/>
      <c r="K12842" s="18"/>
      <c r="L12842" s="18"/>
      <c r="M12842" s="18"/>
      <c r="N12842" s="18"/>
      <c r="O12842" s="18"/>
      <c r="P12842" s="19">
        <v>200</v>
      </c>
      <c r="Q12842" s="19"/>
      <c r="R12842" s="19"/>
      <c r="S12842" s="19"/>
      <c r="T12842" s="19">
        <v>60</v>
      </c>
      <c r="U12842" s="19"/>
      <c r="V12842" s="19"/>
      <c r="W12842" s="19"/>
      <c r="X12842" s="19">
        <v>68</v>
      </c>
      <c r="Y12842" s="19"/>
      <c r="Z12842" s="19"/>
      <c r="AA12842" s="19"/>
    </row>
    <row r="12843" spans="1:27" s="1" customFormat="1" ht="14.1" customHeight="1" outlineLevel="4" x14ac:dyDescent="0.2">
      <c r="A12843" s="17"/>
      <c r="B12843" s="17"/>
      <c r="C12843" s="17"/>
      <c r="D12843" s="18"/>
      <c r="E12843" s="18"/>
      <c r="F12843" s="18"/>
      <c r="G12843" s="18"/>
      <c r="H12843" s="18"/>
      <c r="I12843" s="18"/>
      <c r="J12843" s="18"/>
      <c r="K12843" s="18"/>
      <c r="L12843" s="18"/>
      <c r="M12843" s="18"/>
      <c r="N12843" s="18"/>
      <c r="O12843" s="18"/>
      <c r="P12843" s="19"/>
      <c r="Q12843" s="19"/>
      <c r="R12843" s="19"/>
      <c r="S12843" s="19"/>
      <c r="T12843" s="19"/>
      <c r="U12843" s="19"/>
      <c r="V12843" s="19"/>
      <c r="W12843" s="19"/>
      <c r="X12843" s="19"/>
      <c r="Y12843" s="19"/>
      <c r="Z12843" s="19"/>
      <c r="AA12843" s="19"/>
    </row>
    <row r="12844" spans="1:27" s="1" customFormat="1" ht="14.1" customHeight="1" outlineLevel="4" x14ac:dyDescent="0.2">
      <c r="A12844" s="17">
        <v>6940</v>
      </c>
      <c r="B12844" s="17"/>
      <c r="C12844" s="17"/>
      <c r="D12844" s="18" t="s">
        <v>6368</v>
      </c>
      <c r="E12844" s="18"/>
      <c r="F12844" s="18"/>
      <c r="G12844" s="18"/>
      <c r="H12844" s="18"/>
      <c r="I12844" s="18"/>
      <c r="J12844" s="18"/>
      <c r="K12844" s="18"/>
      <c r="L12844" s="18"/>
      <c r="M12844" s="18"/>
      <c r="N12844" s="18"/>
      <c r="O12844" s="18"/>
      <c r="P12844" s="19">
        <v>200</v>
      </c>
      <c r="Q12844" s="19"/>
      <c r="R12844" s="19"/>
      <c r="S12844" s="19"/>
      <c r="T12844" s="19">
        <v>60</v>
      </c>
      <c r="U12844" s="19"/>
      <c r="V12844" s="19"/>
      <c r="W12844" s="19"/>
      <c r="X12844" s="19">
        <v>8</v>
      </c>
      <c r="Y12844" s="19"/>
      <c r="Z12844" s="19"/>
      <c r="AA12844" s="19"/>
    </row>
    <row r="12845" spans="1:27" s="1" customFormat="1" ht="14.1" customHeight="1" outlineLevel="4" x14ac:dyDescent="0.2">
      <c r="A12845" s="17"/>
      <c r="B12845" s="17"/>
      <c r="C12845" s="17"/>
      <c r="D12845" s="18"/>
      <c r="E12845" s="18"/>
      <c r="F12845" s="18"/>
      <c r="G12845" s="18"/>
      <c r="H12845" s="18"/>
      <c r="I12845" s="18"/>
      <c r="J12845" s="18"/>
      <c r="K12845" s="18"/>
      <c r="L12845" s="18"/>
      <c r="M12845" s="18"/>
      <c r="N12845" s="18"/>
      <c r="O12845" s="18"/>
      <c r="P12845" s="19"/>
      <c r="Q12845" s="19"/>
      <c r="R12845" s="19"/>
      <c r="S12845" s="19"/>
      <c r="T12845" s="19"/>
      <c r="U12845" s="19"/>
      <c r="V12845" s="19"/>
      <c r="W12845" s="19"/>
      <c r="X12845" s="19"/>
      <c r="Y12845" s="19"/>
      <c r="Z12845" s="19"/>
      <c r="AA12845" s="19"/>
    </row>
    <row r="12846" spans="1:27" s="1" customFormat="1" ht="14.1" customHeight="1" outlineLevel="4" x14ac:dyDescent="0.2">
      <c r="A12846" s="17">
        <v>6946</v>
      </c>
      <c r="B12846" s="17"/>
      <c r="C12846" s="17"/>
      <c r="D12846" s="18" t="s">
        <v>6369</v>
      </c>
      <c r="E12846" s="18"/>
      <c r="F12846" s="18"/>
      <c r="G12846" s="18"/>
      <c r="H12846" s="18"/>
      <c r="I12846" s="18"/>
      <c r="J12846" s="18"/>
      <c r="K12846" s="18"/>
      <c r="L12846" s="18"/>
      <c r="M12846" s="18"/>
      <c r="N12846" s="18"/>
      <c r="O12846" s="18"/>
      <c r="P12846" s="19">
        <v>200</v>
      </c>
      <c r="Q12846" s="19"/>
      <c r="R12846" s="19"/>
      <c r="S12846" s="19"/>
      <c r="T12846" s="19">
        <v>60</v>
      </c>
      <c r="U12846" s="19"/>
      <c r="V12846" s="19"/>
      <c r="W12846" s="19"/>
      <c r="X12846" s="19">
        <v>17</v>
      </c>
      <c r="Y12846" s="19"/>
      <c r="Z12846" s="19"/>
      <c r="AA12846" s="19"/>
    </row>
    <row r="12847" spans="1:27" s="1" customFormat="1" ht="14.1" customHeight="1" outlineLevel="4" x14ac:dyDescent="0.2">
      <c r="A12847" s="17"/>
      <c r="B12847" s="17"/>
      <c r="C12847" s="17"/>
      <c r="D12847" s="18"/>
      <c r="E12847" s="18"/>
      <c r="F12847" s="18"/>
      <c r="G12847" s="18"/>
      <c r="H12847" s="18"/>
      <c r="I12847" s="18"/>
      <c r="J12847" s="18"/>
      <c r="K12847" s="18"/>
      <c r="L12847" s="18"/>
      <c r="M12847" s="18"/>
      <c r="N12847" s="18"/>
      <c r="O12847" s="18"/>
      <c r="P12847" s="19"/>
      <c r="Q12847" s="19"/>
      <c r="R12847" s="19"/>
      <c r="S12847" s="19"/>
      <c r="T12847" s="19"/>
      <c r="U12847" s="19"/>
      <c r="V12847" s="19"/>
      <c r="W12847" s="19"/>
      <c r="X12847" s="19"/>
      <c r="Y12847" s="19"/>
      <c r="Z12847" s="19"/>
      <c r="AA12847" s="19"/>
    </row>
    <row r="12848" spans="1:27" s="1" customFormat="1" ht="14.1" customHeight="1" outlineLevel="4" x14ac:dyDescent="0.2">
      <c r="A12848" s="17">
        <v>8266</v>
      </c>
      <c r="B12848" s="17"/>
      <c r="C12848" s="17"/>
      <c r="D12848" s="18" t="s">
        <v>6370</v>
      </c>
      <c r="E12848" s="18"/>
      <c r="F12848" s="18"/>
      <c r="G12848" s="18"/>
      <c r="H12848" s="18"/>
      <c r="I12848" s="18"/>
      <c r="J12848" s="18"/>
      <c r="K12848" s="18"/>
      <c r="L12848" s="18"/>
      <c r="M12848" s="18"/>
      <c r="N12848" s="18"/>
      <c r="O12848" s="18"/>
      <c r="P12848" s="19">
        <v>200</v>
      </c>
      <c r="Q12848" s="19"/>
      <c r="R12848" s="19"/>
      <c r="S12848" s="19"/>
      <c r="T12848" s="19">
        <v>60</v>
      </c>
      <c r="U12848" s="19"/>
      <c r="V12848" s="19"/>
      <c r="W12848" s="19"/>
      <c r="X12848" s="19">
        <v>31</v>
      </c>
      <c r="Y12848" s="19"/>
      <c r="Z12848" s="19"/>
      <c r="AA12848" s="19"/>
    </row>
    <row r="12849" spans="1:27" s="1" customFormat="1" ht="14.1" customHeight="1" outlineLevel="4" x14ac:dyDescent="0.2">
      <c r="A12849" s="17"/>
      <c r="B12849" s="17"/>
      <c r="C12849" s="17"/>
      <c r="D12849" s="18"/>
      <c r="E12849" s="18"/>
      <c r="F12849" s="18"/>
      <c r="G12849" s="18"/>
      <c r="H12849" s="18"/>
      <c r="I12849" s="18"/>
      <c r="J12849" s="18"/>
      <c r="K12849" s="18"/>
      <c r="L12849" s="18"/>
      <c r="M12849" s="18"/>
      <c r="N12849" s="18"/>
      <c r="O12849" s="18"/>
      <c r="P12849" s="19"/>
      <c r="Q12849" s="19"/>
      <c r="R12849" s="19"/>
      <c r="S12849" s="19"/>
      <c r="T12849" s="19"/>
      <c r="U12849" s="19"/>
      <c r="V12849" s="19"/>
      <c r="W12849" s="19"/>
      <c r="X12849" s="19"/>
      <c r="Y12849" s="19"/>
      <c r="Z12849" s="19"/>
      <c r="AA12849" s="19"/>
    </row>
    <row r="12850" spans="1:27" s="1" customFormat="1" ht="14.1" customHeight="1" outlineLevel="4" x14ac:dyDescent="0.2">
      <c r="A12850" s="17">
        <v>6952</v>
      </c>
      <c r="B12850" s="17"/>
      <c r="C12850" s="17"/>
      <c r="D12850" s="18" t="s">
        <v>6371</v>
      </c>
      <c r="E12850" s="18"/>
      <c r="F12850" s="18"/>
      <c r="G12850" s="18"/>
      <c r="H12850" s="18"/>
      <c r="I12850" s="18"/>
      <c r="J12850" s="18"/>
      <c r="K12850" s="18"/>
      <c r="L12850" s="18"/>
      <c r="M12850" s="18"/>
      <c r="N12850" s="18"/>
      <c r="O12850" s="18"/>
      <c r="P12850" s="19">
        <v>200</v>
      </c>
      <c r="Q12850" s="19"/>
      <c r="R12850" s="19"/>
      <c r="S12850" s="19"/>
      <c r="T12850" s="19">
        <v>60</v>
      </c>
      <c r="U12850" s="19"/>
      <c r="V12850" s="19"/>
      <c r="W12850" s="19"/>
      <c r="X12850" s="19">
        <v>39</v>
      </c>
      <c r="Y12850" s="19"/>
      <c r="Z12850" s="19"/>
      <c r="AA12850" s="19"/>
    </row>
    <row r="12851" spans="1:27" s="1" customFormat="1" ht="14.1" customHeight="1" outlineLevel="4" x14ac:dyDescent="0.2">
      <c r="A12851" s="17"/>
      <c r="B12851" s="17"/>
      <c r="C12851" s="17"/>
      <c r="D12851" s="18"/>
      <c r="E12851" s="18"/>
      <c r="F12851" s="18"/>
      <c r="G12851" s="18"/>
      <c r="H12851" s="18"/>
      <c r="I12851" s="18"/>
      <c r="J12851" s="18"/>
      <c r="K12851" s="18"/>
      <c r="L12851" s="18"/>
      <c r="M12851" s="18"/>
      <c r="N12851" s="18"/>
      <c r="O12851" s="18"/>
      <c r="P12851" s="19"/>
      <c r="Q12851" s="19"/>
      <c r="R12851" s="19"/>
      <c r="S12851" s="19"/>
      <c r="T12851" s="19"/>
      <c r="U12851" s="19"/>
      <c r="V12851" s="19"/>
      <c r="W12851" s="19"/>
      <c r="X12851" s="19"/>
      <c r="Y12851" s="19"/>
      <c r="Z12851" s="19"/>
      <c r="AA12851" s="19"/>
    </row>
    <row r="12852" spans="1:27" s="1" customFormat="1" ht="11.1" customHeight="1" outlineLevel="4" x14ac:dyDescent="0.2">
      <c r="A12852" s="17">
        <v>8265</v>
      </c>
      <c r="B12852" s="17"/>
      <c r="C12852" s="17"/>
      <c r="D12852" s="18" t="s">
        <v>6372</v>
      </c>
      <c r="E12852" s="18"/>
      <c r="F12852" s="18"/>
      <c r="G12852" s="18"/>
      <c r="H12852" s="18"/>
      <c r="I12852" s="18"/>
      <c r="J12852" s="18"/>
      <c r="K12852" s="18"/>
      <c r="L12852" s="18"/>
      <c r="M12852" s="18"/>
      <c r="N12852" s="18"/>
      <c r="O12852" s="18"/>
      <c r="P12852" s="19">
        <v>200</v>
      </c>
      <c r="Q12852" s="19"/>
      <c r="R12852" s="19"/>
      <c r="S12852" s="19"/>
      <c r="T12852" s="19">
        <v>60</v>
      </c>
      <c r="U12852" s="19"/>
      <c r="V12852" s="19"/>
      <c r="W12852" s="19"/>
      <c r="X12852" s="19">
        <v>14</v>
      </c>
      <c r="Y12852" s="19"/>
      <c r="Z12852" s="19"/>
      <c r="AA12852" s="19"/>
    </row>
    <row r="12853" spans="1:27" s="1" customFormat="1" ht="11.1" customHeight="1" outlineLevel="4" x14ac:dyDescent="0.2">
      <c r="A12853" s="17"/>
      <c r="B12853" s="17"/>
      <c r="C12853" s="17"/>
      <c r="D12853" s="18"/>
      <c r="E12853" s="18"/>
      <c r="F12853" s="18"/>
      <c r="G12853" s="18"/>
      <c r="H12853" s="18"/>
      <c r="I12853" s="18"/>
      <c r="J12853" s="18"/>
      <c r="K12853" s="18"/>
      <c r="L12853" s="18"/>
      <c r="M12853" s="18"/>
      <c r="N12853" s="18"/>
      <c r="O12853" s="18"/>
      <c r="P12853" s="19"/>
      <c r="Q12853" s="19"/>
      <c r="R12853" s="19"/>
      <c r="S12853" s="19"/>
      <c r="T12853" s="19"/>
      <c r="U12853" s="19"/>
      <c r="V12853" s="19"/>
      <c r="W12853" s="19"/>
      <c r="X12853" s="19"/>
      <c r="Y12853" s="19"/>
      <c r="Z12853" s="19"/>
      <c r="AA12853" s="19"/>
    </row>
    <row r="12854" spans="1:27" s="1" customFormat="1" ht="14.1" customHeight="1" outlineLevel="4" x14ac:dyDescent="0.2">
      <c r="A12854" s="17">
        <v>4907</v>
      </c>
      <c r="B12854" s="17"/>
      <c r="C12854" s="17"/>
      <c r="D12854" s="18" t="s">
        <v>6373</v>
      </c>
      <c r="E12854" s="18"/>
      <c r="F12854" s="18"/>
      <c r="G12854" s="18"/>
      <c r="H12854" s="18"/>
      <c r="I12854" s="18"/>
      <c r="J12854" s="18"/>
      <c r="K12854" s="18"/>
      <c r="L12854" s="18"/>
      <c r="M12854" s="18"/>
      <c r="N12854" s="18"/>
      <c r="O12854" s="18"/>
      <c r="P12854" s="19">
        <v>90</v>
      </c>
      <c r="Q12854" s="19"/>
      <c r="R12854" s="19"/>
      <c r="S12854" s="19"/>
      <c r="T12854" s="19">
        <v>25</v>
      </c>
      <c r="U12854" s="19"/>
      <c r="V12854" s="19"/>
      <c r="W12854" s="19"/>
      <c r="X12854" s="19">
        <v>1</v>
      </c>
      <c r="Y12854" s="19"/>
      <c r="Z12854" s="19"/>
      <c r="AA12854" s="19"/>
    </row>
    <row r="12855" spans="1:27" s="1" customFormat="1" ht="14.1" customHeight="1" outlineLevel="4" x14ac:dyDescent="0.2">
      <c r="A12855" s="17"/>
      <c r="B12855" s="17"/>
      <c r="C12855" s="17"/>
      <c r="D12855" s="18"/>
      <c r="E12855" s="18"/>
      <c r="F12855" s="18"/>
      <c r="G12855" s="18"/>
      <c r="H12855" s="18"/>
      <c r="I12855" s="18"/>
      <c r="J12855" s="18"/>
      <c r="K12855" s="18"/>
      <c r="L12855" s="18"/>
      <c r="M12855" s="18"/>
      <c r="N12855" s="18"/>
      <c r="O12855" s="18"/>
      <c r="P12855" s="19"/>
      <c r="Q12855" s="19"/>
      <c r="R12855" s="19"/>
      <c r="S12855" s="19"/>
      <c r="T12855" s="19"/>
      <c r="U12855" s="19"/>
      <c r="V12855" s="19"/>
      <c r="W12855" s="19"/>
      <c r="X12855" s="19"/>
      <c r="Y12855" s="19"/>
      <c r="Z12855" s="19"/>
      <c r="AA12855" s="19"/>
    </row>
    <row r="12856" spans="1:27" s="1" customFormat="1" ht="14.1" customHeight="1" outlineLevel="4" x14ac:dyDescent="0.2">
      <c r="A12856" s="17">
        <v>5080</v>
      </c>
      <c r="B12856" s="17"/>
      <c r="C12856" s="17"/>
      <c r="D12856" s="18" t="s">
        <v>6374</v>
      </c>
      <c r="E12856" s="18"/>
      <c r="F12856" s="18"/>
      <c r="G12856" s="18"/>
      <c r="H12856" s="18"/>
      <c r="I12856" s="18"/>
      <c r="J12856" s="18"/>
      <c r="K12856" s="18"/>
      <c r="L12856" s="18"/>
      <c r="M12856" s="18"/>
      <c r="N12856" s="18"/>
      <c r="O12856" s="18"/>
      <c r="P12856" s="19">
        <v>90</v>
      </c>
      <c r="Q12856" s="19"/>
      <c r="R12856" s="19"/>
      <c r="S12856" s="19"/>
      <c r="T12856" s="19">
        <v>25</v>
      </c>
      <c r="U12856" s="19"/>
      <c r="V12856" s="19"/>
      <c r="W12856" s="19"/>
      <c r="X12856" s="19">
        <v>1</v>
      </c>
      <c r="Y12856" s="19"/>
      <c r="Z12856" s="19"/>
      <c r="AA12856" s="19"/>
    </row>
    <row r="12857" spans="1:27" s="1" customFormat="1" ht="14.1" customHeight="1" outlineLevel="4" x14ac:dyDescent="0.2">
      <c r="A12857" s="17"/>
      <c r="B12857" s="17"/>
      <c r="C12857" s="17"/>
      <c r="D12857" s="18"/>
      <c r="E12857" s="18"/>
      <c r="F12857" s="18"/>
      <c r="G12857" s="18"/>
      <c r="H12857" s="18"/>
      <c r="I12857" s="18"/>
      <c r="J12857" s="18"/>
      <c r="K12857" s="18"/>
      <c r="L12857" s="18"/>
      <c r="M12857" s="18"/>
      <c r="N12857" s="18"/>
      <c r="O12857" s="18"/>
      <c r="P12857" s="19"/>
      <c r="Q12857" s="19"/>
      <c r="R12857" s="19"/>
      <c r="S12857" s="19"/>
      <c r="T12857" s="19"/>
      <c r="U12857" s="19"/>
      <c r="V12857" s="19"/>
      <c r="W12857" s="19"/>
      <c r="X12857" s="19"/>
      <c r="Y12857" s="19"/>
      <c r="Z12857" s="19"/>
      <c r="AA12857" s="19"/>
    </row>
    <row r="12858" spans="1:27" s="1" customFormat="1" ht="14.1" customHeight="1" outlineLevel="4" x14ac:dyDescent="0.2">
      <c r="A12858" s="17">
        <v>4768</v>
      </c>
      <c r="B12858" s="17"/>
      <c r="C12858" s="17"/>
      <c r="D12858" s="18" t="s">
        <v>6375</v>
      </c>
      <c r="E12858" s="18"/>
      <c r="F12858" s="18"/>
      <c r="G12858" s="18"/>
      <c r="H12858" s="18"/>
      <c r="I12858" s="18"/>
      <c r="J12858" s="18"/>
      <c r="K12858" s="18"/>
      <c r="L12858" s="18"/>
      <c r="M12858" s="18"/>
      <c r="N12858" s="18"/>
      <c r="O12858" s="18"/>
      <c r="P12858" s="19">
        <v>190</v>
      </c>
      <c r="Q12858" s="19"/>
      <c r="R12858" s="19"/>
      <c r="S12858" s="19"/>
      <c r="T12858" s="19">
        <v>25</v>
      </c>
      <c r="U12858" s="19"/>
      <c r="V12858" s="19"/>
      <c r="W12858" s="19"/>
      <c r="X12858" s="19">
        <v>1</v>
      </c>
      <c r="Y12858" s="19"/>
      <c r="Z12858" s="19"/>
      <c r="AA12858" s="19"/>
    </row>
    <row r="12859" spans="1:27" s="1" customFormat="1" ht="14.1" customHeight="1" outlineLevel="4" x14ac:dyDescent="0.2">
      <c r="A12859" s="17"/>
      <c r="B12859" s="17"/>
      <c r="C12859" s="17"/>
      <c r="D12859" s="18"/>
      <c r="E12859" s="18"/>
      <c r="F12859" s="18"/>
      <c r="G12859" s="18"/>
      <c r="H12859" s="18"/>
      <c r="I12859" s="18"/>
      <c r="J12859" s="18"/>
      <c r="K12859" s="18"/>
      <c r="L12859" s="18"/>
      <c r="M12859" s="18"/>
      <c r="N12859" s="18"/>
      <c r="O12859" s="18"/>
      <c r="P12859" s="19"/>
      <c r="Q12859" s="19"/>
      <c r="R12859" s="19"/>
      <c r="S12859" s="19"/>
      <c r="T12859" s="19"/>
      <c r="U12859" s="19"/>
      <c r="V12859" s="19"/>
      <c r="W12859" s="19"/>
      <c r="X12859" s="19"/>
      <c r="Y12859" s="19"/>
      <c r="Z12859" s="19"/>
      <c r="AA12859" s="19"/>
    </row>
    <row r="12860" spans="1:27" s="1" customFormat="1" ht="14.1" customHeight="1" outlineLevel="4" x14ac:dyDescent="0.2">
      <c r="A12860" s="17">
        <v>6956</v>
      </c>
      <c r="B12860" s="17"/>
      <c r="C12860" s="17"/>
      <c r="D12860" s="18" t="s">
        <v>6376</v>
      </c>
      <c r="E12860" s="18"/>
      <c r="F12860" s="18"/>
      <c r="G12860" s="18"/>
      <c r="H12860" s="18"/>
      <c r="I12860" s="18"/>
      <c r="J12860" s="18"/>
      <c r="K12860" s="18"/>
      <c r="L12860" s="18"/>
      <c r="M12860" s="18"/>
      <c r="N12860" s="18"/>
      <c r="O12860" s="18"/>
      <c r="P12860" s="19">
        <v>200</v>
      </c>
      <c r="Q12860" s="19"/>
      <c r="R12860" s="19"/>
      <c r="S12860" s="19"/>
      <c r="T12860" s="19">
        <v>60</v>
      </c>
      <c r="U12860" s="19"/>
      <c r="V12860" s="19"/>
      <c r="W12860" s="19"/>
      <c r="X12860" s="19">
        <v>16</v>
      </c>
      <c r="Y12860" s="19"/>
      <c r="Z12860" s="19"/>
      <c r="AA12860" s="19"/>
    </row>
    <row r="12861" spans="1:27" s="1" customFormat="1" ht="14.1" customHeight="1" outlineLevel="4" x14ac:dyDescent="0.2">
      <c r="A12861" s="17"/>
      <c r="B12861" s="17"/>
      <c r="C12861" s="17"/>
      <c r="D12861" s="18"/>
      <c r="E12861" s="18"/>
      <c r="F12861" s="18"/>
      <c r="G12861" s="18"/>
      <c r="H12861" s="18"/>
      <c r="I12861" s="18"/>
      <c r="J12861" s="18"/>
      <c r="K12861" s="18"/>
      <c r="L12861" s="18"/>
      <c r="M12861" s="18"/>
      <c r="N12861" s="18"/>
      <c r="O12861" s="18"/>
      <c r="P12861" s="19"/>
      <c r="Q12861" s="19"/>
      <c r="R12861" s="19"/>
      <c r="S12861" s="19"/>
      <c r="T12861" s="19"/>
      <c r="U12861" s="19"/>
      <c r="V12861" s="19"/>
      <c r="W12861" s="19"/>
      <c r="X12861" s="19"/>
      <c r="Y12861" s="19"/>
      <c r="Z12861" s="19"/>
      <c r="AA12861" s="19"/>
    </row>
    <row r="12862" spans="1:27" s="1" customFormat="1" ht="14.1" customHeight="1" outlineLevel="4" x14ac:dyDescent="0.2">
      <c r="A12862" s="17">
        <v>6945</v>
      </c>
      <c r="B12862" s="17"/>
      <c r="C12862" s="17"/>
      <c r="D12862" s="18" t="s">
        <v>6377</v>
      </c>
      <c r="E12862" s="18"/>
      <c r="F12862" s="18"/>
      <c r="G12862" s="18"/>
      <c r="H12862" s="18"/>
      <c r="I12862" s="18"/>
      <c r="J12862" s="18"/>
      <c r="K12862" s="18"/>
      <c r="L12862" s="18"/>
      <c r="M12862" s="18"/>
      <c r="N12862" s="18"/>
      <c r="O12862" s="18"/>
      <c r="P12862" s="19">
        <v>200</v>
      </c>
      <c r="Q12862" s="19"/>
      <c r="R12862" s="19"/>
      <c r="S12862" s="19"/>
      <c r="T12862" s="19">
        <v>60</v>
      </c>
      <c r="U12862" s="19"/>
      <c r="V12862" s="19"/>
      <c r="W12862" s="19"/>
      <c r="X12862" s="19">
        <v>13</v>
      </c>
      <c r="Y12862" s="19"/>
      <c r="Z12862" s="19"/>
      <c r="AA12862" s="19"/>
    </row>
    <row r="12863" spans="1:27" s="1" customFormat="1" ht="14.1" customHeight="1" outlineLevel="4" x14ac:dyDescent="0.2">
      <c r="A12863" s="17"/>
      <c r="B12863" s="17"/>
      <c r="C12863" s="17"/>
      <c r="D12863" s="18"/>
      <c r="E12863" s="18"/>
      <c r="F12863" s="18"/>
      <c r="G12863" s="18"/>
      <c r="H12863" s="18"/>
      <c r="I12863" s="18"/>
      <c r="J12863" s="18"/>
      <c r="K12863" s="18"/>
      <c r="L12863" s="18"/>
      <c r="M12863" s="18"/>
      <c r="N12863" s="18"/>
      <c r="O12863" s="18"/>
      <c r="P12863" s="19"/>
      <c r="Q12863" s="19"/>
      <c r="R12863" s="19"/>
      <c r="S12863" s="19"/>
      <c r="T12863" s="19"/>
      <c r="U12863" s="19"/>
      <c r="V12863" s="19"/>
      <c r="W12863" s="19"/>
      <c r="X12863" s="19"/>
      <c r="Y12863" s="19"/>
      <c r="Z12863" s="19"/>
      <c r="AA12863" s="19"/>
    </row>
    <row r="12864" spans="1:27" s="1" customFormat="1" ht="14.1" customHeight="1" outlineLevel="4" x14ac:dyDescent="0.2">
      <c r="A12864" s="17">
        <v>6953</v>
      </c>
      <c r="B12864" s="17"/>
      <c r="C12864" s="17"/>
      <c r="D12864" s="18" t="s">
        <v>6378</v>
      </c>
      <c r="E12864" s="18"/>
      <c r="F12864" s="18"/>
      <c r="G12864" s="18"/>
      <c r="H12864" s="18"/>
      <c r="I12864" s="18"/>
      <c r="J12864" s="18"/>
      <c r="K12864" s="18"/>
      <c r="L12864" s="18"/>
      <c r="M12864" s="18"/>
      <c r="N12864" s="18"/>
      <c r="O12864" s="18"/>
      <c r="P12864" s="19">
        <v>200</v>
      </c>
      <c r="Q12864" s="19"/>
      <c r="R12864" s="19"/>
      <c r="S12864" s="19"/>
      <c r="T12864" s="19">
        <v>60</v>
      </c>
      <c r="U12864" s="19"/>
      <c r="V12864" s="19"/>
      <c r="W12864" s="19"/>
      <c r="X12864" s="19">
        <v>9</v>
      </c>
      <c r="Y12864" s="19"/>
      <c r="Z12864" s="19"/>
      <c r="AA12864" s="19"/>
    </row>
    <row r="12865" spans="1:27" s="1" customFormat="1" ht="14.1" customHeight="1" outlineLevel="4" x14ac:dyDescent="0.2">
      <c r="A12865" s="17"/>
      <c r="B12865" s="17"/>
      <c r="C12865" s="17"/>
      <c r="D12865" s="18"/>
      <c r="E12865" s="18"/>
      <c r="F12865" s="18"/>
      <c r="G12865" s="18"/>
      <c r="H12865" s="18"/>
      <c r="I12865" s="18"/>
      <c r="J12865" s="18"/>
      <c r="K12865" s="18"/>
      <c r="L12865" s="18"/>
      <c r="M12865" s="18"/>
      <c r="N12865" s="18"/>
      <c r="O12865" s="18"/>
      <c r="P12865" s="19"/>
      <c r="Q12865" s="19"/>
      <c r="R12865" s="19"/>
      <c r="S12865" s="19"/>
      <c r="T12865" s="19"/>
      <c r="U12865" s="19"/>
      <c r="V12865" s="19"/>
      <c r="W12865" s="19"/>
      <c r="X12865" s="19"/>
      <c r="Y12865" s="19"/>
      <c r="Z12865" s="19"/>
      <c r="AA12865" s="19"/>
    </row>
    <row r="12866" spans="1:27" s="1" customFormat="1" ht="14.1" customHeight="1" outlineLevel="4" x14ac:dyDescent="0.2">
      <c r="A12866" s="17">
        <v>6432</v>
      </c>
      <c r="B12866" s="17"/>
      <c r="C12866" s="17"/>
      <c r="D12866" s="18" t="s">
        <v>6379</v>
      </c>
      <c r="E12866" s="18"/>
      <c r="F12866" s="18"/>
      <c r="G12866" s="18"/>
      <c r="H12866" s="18"/>
      <c r="I12866" s="18"/>
      <c r="J12866" s="18"/>
      <c r="K12866" s="18"/>
      <c r="L12866" s="18"/>
      <c r="M12866" s="18"/>
      <c r="N12866" s="18"/>
      <c r="O12866" s="18"/>
      <c r="P12866" s="19">
        <v>200</v>
      </c>
      <c r="Q12866" s="19"/>
      <c r="R12866" s="19"/>
      <c r="S12866" s="19"/>
      <c r="T12866" s="19">
        <v>60</v>
      </c>
      <c r="U12866" s="19"/>
      <c r="V12866" s="19"/>
      <c r="W12866" s="19"/>
      <c r="X12866" s="19">
        <v>17</v>
      </c>
      <c r="Y12866" s="19"/>
      <c r="Z12866" s="19"/>
      <c r="AA12866" s="19"/>
    </row>
    <row r="12867" spans="1:27" s="1" customFormat="1" ht="14.1" customHeight="1" outlineLevel="4" x14ac:dyDescent="0.2">
      <c r="A12867" s="17"/>
      <c r="B12867" s="17"/>
      <c r="C12867" s="17"/>
      <c r="D12867" s="18"/>
      <c r="E12867" s="18"/>
      <c r="F12867" s="18"/>
      <c r="G12867" s="18"/>
      <c r="H12867" s="18"/>
      <c r="I12867" s="18"/>
      <c r="J12867" s="18"/>
      <c r="K12867" s="18"/>
      <c r="L12867" s="18"/>
      <c r="M12867" s="18"/>
      <c r="N12867" s="18"/>
      <c r="O12867" s="18"/>
      <c r="P12867" s="19"/>
      <c r="Q12867" s="19"/>
      <c r="R12867" s="19"/>
      <c r="S12867" s="19"/>
      <c r="T12867" s="19"/>
      <c r="U12867" s="19"/>
      <c r="V12867" s="19"/>
      <c r="W12867" s="19"/>
      <c r="X12867" s="19"/>
      <c r="Y12867" s="19"/>
      <c r="Z12867" s="19"/>
      <c r="AA12867" s="19"/>
    </row>
    <row r="12868" spans="1:27" s="1" customFormat="1" ht="14.1" customHeight="1" outlineLevel="4" x14ac:dyDescent="0.2">
      <c r="A12868" s="17">
        <v>6943</v>
      </c>
      <c r="B12868" s="17"/>
      <c r="C12868" s="17"/>
      <c r="D12868" s="18" t="s">
        <v>6380</v>
      </c>
      <c r="E12868" s="18"/>
      <c r="F12868" s="18"/>
      <c r="G12868" s="18"/>
      <c r="H12868" s="18"/>
      <c r="I12868" s="18"/>
      <c r="J12868" s="18"/>
      <c r="K12868" s="18"/>
      <c r="L12868" s="18"/>
      <c r="M12868" s="18"/>
      <c r="N12868" s="18"/>
      <c r="O12868" s="18"/>
      <c r="P12868" s="19">
        <v>200</v>
      </c>
      <c r="Q12868" s="19"/>
      <c r="R12868" s="19"/>
      <c r="S12868" s="19"/>
      <c r="T12868" s="19">
        <v>60</v>
      </c>
      <c r="U12868" s="19"/>
      <c r="V12868" s="19"/>
      <c r="W12868" s="19"/>
      <c r="X12868" s="19">
        <v>21</v>
      </c>
      <c r="Y12868" s="19"/>
      <c r="Z12868" s="19"/>
      <c r="AA12868" s="19"/>
    </row>
    <row r="12869" spans="1:27" s="1" customFormat="1" ht="14.1" customHeight="1" outlineLevel="4" x14ac:dyDescent="0.2">
      <c r="A12869" s="17"/>
      <c r="B12869" s="17"/>
      <c r="C12869" s="17"/>
      <c r="D12869" s="18"/>
      <c r="E12869" s="18"/>
      <c r="F12869" s="18"/>
      <c r="G12869" s="18"/>
      <c r="H12869" s="18"/>
      <c r="I12869" s="18"/>
      <c r="J12869" s="18"/>
      <c r="K12869" s="18"/>
      <c r="L12869" s="18"/>
      <c r="M12869" s="18"/>
      <c r="N12869" s="18"/>
      <c r="O12869" s="18"/>
      <c r="P12869" s="19"/>
      <c r="Q12869" s="19"/>
      <c r="R12869" s="19"/>
      <c r="S12869" s="19"/>
      <c r="T12869" s="19"/>
      <c r="U12869" s="19"/>
      <c r="V12869" s="19"/>
      <c r="W12869" s="19"/>
      <c r="X12869" s="19"/>
      <c r="Y12869" s="19"/>
      <c r="Z12869" s="19"/>
      <c r="AA12869" s="19"/>
    </row>
    <row r="12870" spans="1:27" s="1" customFormat="1" ht="14.1" customHeight="1" outlineLevel="4" x14ac:dyDescent="0.2">
      <c r="A12870" s="17">
        <v>7169</v>
      </c>
      <c r="B12870" s="17"/>
      <c r="C12870" s="17"/>
      <c r="D12870" s="18" t="s">
        <v>6381</v>
      </c>
      <c r="E12870" s="18"/>
      <c r="F12870" s="18"/>
      <c r="G12870" s="18"/>
      <c r="H12870" s="18"/>
      <c r="I12870" s="18"/>
      <c r="J12870" s="18"/>
      <c r="K12870" s="18"/>
      <c r="L12870" s="18"/>
      <c r="M12870" s="18"/>
      <c r="N12870" s="18"/>
      <c r="O12870" s="18"/>
      <c r="P12870" s="19">
        <v>90</v>
      </c>
      <c r="Q12870" s="19"/>
      <c r="R12870" s="19"/>
      <c r="S12870" s="19"/>
      <c r="T12870" s="19">
        <v>25</v>
      </c>
      <c r="U12870" s="19"/>
      <c r="V12870" s="19"/>
      <c r="W12870" s="19"/>
      <c r="X12870" s="19">
        <v>9</v>
      </c>
      <c r="Y12870" s="19"/>
      <c r="Z12870" s="19"/>
      <c r="AA12870" s="19"/>
    </row>
    <row r="12871" spans="1:27" s="1" customFormat="1" ht="14.1" customHeight="1" outlineLevel="4" x14ac:dyDescent="0.2">
      <c r="A12871" s="17"/>
      <c r="B12871" s="17"/>
      <c r="C12871" s="17"/>
      <c r="D12871" s="18"/>
      <c r="E12871" s="18"/>
      <c r="F12871" s="18"/>
      <c r="G12871" s="18"/>
      <c r="H12871" s="18"/>
      <c r="I12871" s="18"/>
      <c r="J12871" s="18"/>
      <c r="K12871" s="18"/>
      <c r="L12871" s="18"/>
      <c r="M12871" s="18"/>
      <c r="N12871" s="18"/>
      <c r="O12871" s="18"/>
      <c r="P12871" s="19"/>
      <c r="Q12871" s="19"/>
      <c r="R12871" s="19"/>
      <c r="S12871" s="19"/>
      <c r="T12871" s="19"/>
      <c r="U12871" s="19"/>
      <c r="V12871" s="19"/>
      <c r="W12871" s="19"/>
      <c r="X12871" s="19"/>
      <c r="Y12871" s="19"/>
      <c r="Z12871" s="19"/>
      <c r="AA12871" s="19"/>
    </row>
    <row r="12872" spans="1:27" s="1" customFormat="1" ht="14.1" customHeight="1" outlineLevel="4" x14ac:dyDescent="0.2">
      <c r="A12872" s="17">
        <v>6944</v>
      </c>
      <c r="B12872" s="17"/>
      <c r="C12872" s="17"/>
      <c r="D12872" s="18" t="s">
        <v>6382</v>
      </c>
      <c r="E12872" s="18"/>
      <c r="F12872" s="18"/>
      <c r="G12872" s="18"/>
      <c r="H12872" s="18"/>
      <c r="I12872" s="18"/>
      <c r="J12872" s="18"/>
      <c r="K12872" s="18"/>
      <c r="L12872" s="18"/>
      <c r="M12872" s="18"/>
      <c r="N12872" s="18"/>
      <c r="O12872" s="18"/>
      <c r="P12872" s="19">
        <v>200</v>
      </c>
      <c r="Q12872" s="19"/>
      <c r="R12872" s="19"/>
      <c r="S12872" s="19"/>
      <c r="T12872" s="19">
        <v>60</v>
      </c>
      <c r="U12872" s="19"/>
      <c r="V12872" s="19"/>
      <c r="W12872" s="19"/>
      <c r="X12872" s="19">
        <v>36</v>
      </c>
      <c r="Y12872" s="19"/>
      <c r="Z12872" s="19"/>
      <c r="AA12872" s="19"/>
    </row>
    <row r="12873" spans="1:27" s="1" customFormat="1" ht="14.1" customHeight="1" outlineLevel="4" x14ac:dyDescent="0.2">
      <c r="A12873" s="17"/>
      <c r="B12873" s="17"/>
      <c r="C12873" s="17"/>
      <c r="D12873" s="18"/>
      <c r="E12873" s="18"/>
      <c r="F12873" s="18"/>
      <c r="G12873" s="18"/>
      <c r="H12873" s="18"/>
      <c r="I12873" s="18"/>
      <c r="J12873" s="18"/>
      <c r="K12873" s="18"/>
      <c r="L12873" s="18"/>
      <c r="M12873" s="18"/>
      <c r="N12873" s="18"/>
      <c r="O12873" s="18"/>
      <c r="P12873" s="19"/>
      <c r="Q12873" s="19"/>
      <c r="R12873" s="19"/>
      <c r="S12873" s="19"/>
      <c r="T12873" s="19"/>
      <c r="U12873" s="19"/>
      <c r="V12873" s="19"/>
      <c r="W12873" s="19"/>
      <c r="X12873" s="19"/>
      <c r="Y12873" s="19"/>
      <c r="Z12873" s="19"/>
      <c r="AA12873" s="19"/>
    </row>
    <row r="12874" spans="1:27" s="1" customFormat="1" ht="14.1" customHeight="1" outlineLevel="4" x14ac:dyDescent="0.2">
      <c r="A12874" s="17">
        <v>7348</v>
      </c>
      <c r="B12874" s="17"/>
      <c r="C12874" s="17"/>
      <c r="D12874" s="18" t="s">
        <v>6383</v>
      </c>
      <c r="E12874" s="18"/>
      <c r="F12874" s="18"/>
      <c r="G12874" s="18"/>
      <c r="H12874" s="18"/>
      <c r="I12874" s="18"/>
      <c r="J12874" s="18"/>
      <c r="K12874" s="18"/>
      <c r="L12874" s="18"/>
      <c r="M12874" s="18"/>
      <c r="N12874" s="18"/>
      <c r="O12874" s="18"/>
      <c r="P12874" s="19">
        <v>90</v>
      </c>
      <c r="Q12874" s="19"/>
      <c r="R12874" s="19"/>
      <c r="S12874" s="19"/>
      <c r="T12874" s="19">
        <v>25</v>
      </c>
      <c r="U12874" s="19"/>
      <c r="V12874" s="19"/>
      <c r="W12874" s="19"/>
      <c r="X12874" s="19">
        <v>1</v>
      </c>
      <c r="Y12874" s="19"/>
      <c r="Z12874" s="19"/>
      <c r="AA12874" s="19"/>
    </row>
    <row r="12875" spans="1:27" s="1" customFormat="1" ht="14.1" customHeight="1" outlineLevel="4" x14ac:dyDescent="0.2">
      <c r="A12875" s="17"/>
      <c r="B12875" s="17"/>
      <c r="C12875" s="17"/>
      <c r="D12875" s="18"/>
      <c r="E12875" s="18"/>
      <c r="F12875" s="18"/>
      <c r="G12875" s="18"/>
      <c r="H12875" s="18"/>
      <c r="I12875" s="18"/>
      <c r="J12875" s="18"/>
      <c r="K12875" s="18"/>
      <c r="L12875" s="18"/>
      <c r="M12875" s="18"/>
      <c r="N12875" s="18"/>
      <c r="O12875" s="18"/>
      <c r="P12875" s="19"/>
      <c r="Q12875" s="19"/>
      <c r="R12875" s="19"/>
      <c r="S12875" s="19"/>
      <c r="T12875" s="19"/>
      <c r="U12875" s="19"/>
      <c r="V12875" s="19"/>
      <c r="W12875" s="19"/>
      <c r="X12875" s="19"/>
      <c r="Y12875" s="19"/>
      <c r="Z12875" s="19"/>
      <c r="AA12875" s="19"/>
    </row>
    <row r="12876" spans="1:27" s="1" customFormat="1" ht="14.1" customHeight="1" outlineLevel="4" x14ac:dyDescent="0.2">
      <c r="A12876" s="17">
        <v>6955</v>
      </c>
      <c r="B12876" s="17"/>
      <c r="C12876" s="17"/>
      <c r="D12876" s="18" t="s">
        <v>6384</v>
      </c>
      <c r="E12876" s="18"/>
      <c r="F12876" s="18"/>
      <c r="G12876" s="18"/>
      <c r="H12876" s="18"/>
      <c r="I12876" s="18"/>
      <c r="J12876" s="18"/>
      <c r="K12876" s="18"/>
      <c r="L12876" s="18"/>
      <c r="M12876" s="18"/>
      <c r="N12876" s="18"/>
      <c r="O12876" s="18"/>
      <c r="P12876" s="19">
        <v>200</v>
      </c>
      <c r="Q12876" s="19"/>
      <c r="R12876" s="19"/>
      <c r="S12876" s="19"/>
      <c r="T12876" s="19">
        <v>60</v>
      </c>
      <c r="U12876" s="19"/>
      <c r="V12876" s="19"/>
      <c r="W12876" s="19"/>
      <c r="X12876" s="19">
        <v>17</v>
      </c>
      <c r="Y12876" s="19"/>
      <c r="Z12876" s="19"/>
      <c r="AA12876" s="19"/>
    </row>
    <row r="12877" spans="1:27" s="1" customFormat="1" ht="14.1" customHeight="1" outlineLevel="4" x14ac:dyDescent="0.2">
      <c r="A12877" s="17"/>
      <c r="B12877" s="17"/>
      <c r="C12877" s="17"/>
      <c r="D12877" s="18"/>
      <c r="E12877" s="18"/>
      <c r="F12877" s="18"/>
      <c r="G12877" s="18"/>
      <c r="H12877" s="18"/>
      <c r="I12877" s="18"/>
      <c r="J12877" s="18"/>
      <c r="K12877" s="18"/>
      <c r="L12877" s="18"/>
      <c r="M12877" s="18"/>
      <c r="N12877" s="18"/>
      <c r="O12877" s="18"/>
      <c r="P12877" s="19"/>
      <c r="Q12877" s="19"/>
      <c r="R12877" s="19"/>
      <c r="S12877" s="19"/>
      <c r="T12877" s="19"/>
      <c r="U12877" s="19"/>
      <c r="V12877" s="19"/>
      <c r="W12877" s="19"/>
      <c r="X12877" s="19"/>
      <c r="Y12877" s="19"/>
      <c r="Z12877" s="19"/>
      <c r="AA12877" s="19"/>
    </row>
    <row r="12878" spans="1:27" s="1" customFormat="1" ht="14.1" customHeight="1" outlineLevel="4" x14ac:dyDescent="0.2">
      <c r="A12878" s="17">
        <v>6939</v>
      </c>
      <c r="B12878" s="17"/>
      <c r="C12878" s="17"/>
      <c r="D12878" s="18" t="s">
        <v>6385</v>
      </c>
      <c r="E12878" s="18"/>
      <c r="F12878" s="18"/>
      <c r="G12878" s="18"/>
      <c r="H12878" s="18"/>
      <c r="I12878" s="18"/>
      <c r="J12878" s="18"/>
      <c r="K12878" s="18"/>
      <c r="L12878" s="18"/>
      <c r="M12878" s="18"/>
      <c r="N12878" s="18"/>
      <c r="O12878" s="18"/>
      <c r="P12878" s="19">
        <v>200</v>
      </c>
      <c r="Q12878" s="19"/>
      <c r="R12878" s="19"/>
      <c r="S12878" s="19"/>
      <c r="T12878" s="19">
        <v>60</v>
      </c>
      <c r="U12878" s="19"/>
      <c r="V12878" s="19"/>
      <c r="W12878" s="19"/>
      <c r="X12878" s="19">
        <v>23</v>
      </c>
      <c r="Y12878" s="19"/>
      <c r="Z12878" s="19"/>
      <c r="AA12878" s="19"/>
    </row>
    <row r="12879" spans="1:27" s="1" customFormat="1" ht="14.1" customHeight="1" outlineLevel="4" x14ac:dyDescent="0.2">
      <c r="A12879" s="17"/>
      <c r="B12879" s="17"/>
      <c r="C12879" s="17"/>
      <c r="D12879" s="18"/>
      <c r="E12879" s="18"/>
      <c r="F12879" s="18"/>
      <c r="G12879" s="18"/>
      <c r="H12879" s="18"/>
      <c r="I12879" s="18"/>
      <c r="J12879" s="18"/>
      <c r="K12879" s="18"/>
      <c r="L12879" s="18"/>
      <c r="M12879" s="18"/>
      <c r="N12879" s="18"/>
      <c r="O12879" s="18"/>
      <c r="P12879" s="19"/>
      <c r="Q12879" s="19"/>
      <c r="R12879" s="19"/>
      <c r="S12879" s="19"/>
      <c r="T12879" s="19"/>
      <c r="U12879" s="19"/>
      <c r="V12879" s="19"/>
      <c r="W12879" s="19"/>
      <c r="X12879" s="19"/>
      <c r="Y12879" s="19"/>
      <c r="Z12879" s="19"/>
      <c r="AA12879" s="19"/>
    </row>
    <row r="12880" spans="1:27" s="1" customFormat="1" ht="14.1" customHeight="1" outlineLevel="4" x14ac:dyDescent="0.2">
      <c r="A12880" s="17">
        <v>6464</v>
      </c>
      <c r="B12880" s="17"/>
      <c r="C12880" s="17"/>
      <c r="D12880" s="18" t="s">
        <v>6386</v>
      </c>
      <c r="E12880" s="18"/>
      <c r="F12880" s="18"/>
      <c r="G12880" s="18"/>
      <c r="H12880" s="18"/>
      <c r="I12880" s="18"/>
      <c r="J12880" s="18"/>
      <c r="K12880" s="18"/>
      <c r="L12880" s="18"/>
      <c r="M12880" s="18"/>
      <c r="N12880" s="18"/>
      <c r="O12880" s="18"/>
      <c r="P12880" s="19">
        <v>90</v>
      </c>
      <c r="Q12880" s="19"/>
      <c r="R12880" s="19"/>
      <c r="S12880" s="19"/>
      <c r="T12880" s="19">
        <v>25</v>
      </c>
      <c r="U12880" s="19"/>
      <c r="V12880" s="19"/>
      <c r="W12880" s="19"/>
      <c r="X12880" s="19">
        <v>6</v>
      </c>
      <c r="Y12880" s="19"/>
      <c r="Z12880" s="19"/>
      <c r="AA12880" s="19"/>
    </row>
    <row r="12881" spans="1:27" s="1" customFormat="1" ht="14.1" customHeight="1" outlineLevel="4" x14ac:dyDescent="0.2">
      <c r="A12881" s="17"/>
      <c r="B12881" s="17"/>
      <c r="C12881" s="17"/>
      <c r="D12881" s="18"/>
      <c r="E12881" s="18"/>
      <c r="F12881" s="18"/>
      <c r="G12881" s="18"/>
      <c r="H12881" s="18"/>
      <c r="I12881" s="18"/>
      <c r="J12881" s="18"/>
      <c r="K12881" s="18"/>
      <c r="L12881" s="18"/>
      <c r="M12881" s="18"/>
      <c r="N12881" s="18"/>
      <c r="O12881" s="18"/>
      <c r="P12881" s="19"/>
      <c r="Q12881" s="19"/>
      <c r="R12881" s="19"/>
      <c r="S12881" s="19"/>
      <c r="T12881" s="19"/>
      <c r="U12881" s="19"/>
      <c r="V12881" s="19"/>
      <c r="W12881" s="19"/>
      <c r="X12881" s="19"/>
      <c r="Y12881" s="19"/>
      <c r="Z12881" s="19"/>
      <c r="AA12881" s="19"/>
    </row>
    <row r="12882" spans="1:27" s="1" customFormat="1" ht="14.1" customHeight="1" outlineLevel="4" x14ac:dyDescent="0.2">
      <c r="A12882" s="17">
        <v>6947</v>
      </c>
      <c r="B12882" s="17"/>
      <c r="C12882" s="17"/>
      <c r="D12882" s="18" t="s">
        <v>6387</v>
      </c>
      <c r="E12882" s="18"/>
      <c r="F12882" s="18"/>
      <c r="G12882" s="18"/>
      <c r="H12882" s="18"/>
      <c r="I12882" s="18"/>
      <c r="J12882" s="18"/>
      <c r="K12882" s="18"/>
      <c r="L12882" s="18"/>
      <c r="M12882" s="18"/>
      <c r="N12882" s="18"/>
      <c r="O12882" s="18"/>
      <c r="P12882" s="19">
        <v>200</v>
      </c>
      <c r="Q12882" s="19"/>
      <c r="R12882" s="19"/>
      <c r="S12882" s="19"/>
      <c r="T12882" s="19">
        <v>60</v>
      </c>
      <c r="U12882" s="19"/>
      <c r="V12882" s="19"/>
      <c r="W12882" s="19"/>
      <c r="X12882" s="19">
        <v>8</v>
      </c>
      <c r="Y12882" s="19"/>
      <c r="Z12882" s="19"/>
      <c r="AA12882" s="19"/>
    </row>
    <row r="12883" spans="1:27" s="1" customFormat="1" ht="14.1" customHeight="1" outlineLevel="4" x14ac:dyDescent="0.2">
      <c r="A12883" s="17"/>
      <c r="B12883" s="17"/>
      <c r="C12883" s="17"/>
      <c r="D12883" s="18"/>
      <c r="E12883" s="18"/>
      <c r="F12883" s="18"/>
      <c r="G12883" s="18"/>
      <c r="H12883" s="18"/>
      <c r="I12883" s="18"/>
      <c r="J12883" s="18"/>
      <c r="K12883" s="18"/>
      <c r="L12883" s="18"/>
      <c r="M12883" s="18"/>
      <c r="N12883" s="18"/>
      <c r="O12883" s="18"/>
      <c r="P12883" s="19"/>
      <c r="Q12883" s="19"/>
      <c r="R12883" s="19"/>
      <c r="S12883" s="19"/>
      <c r="T12883" s="19"/>
      <c r="U12883" s="19"/>
      <c r="V12883" s="19"/>
      <c r="W12883" s="19"/>
      <c r="X12883" s="19"/>
      <c r="Y12883" s="19"/>
      <c r="Z12883" s="19"/>
      <c r="AA12883" s="19"/>
    </row>
    <row r="12884" spans="1:27" s="1" customFormat="1" ht="14.1" customHeight="1" outlineLevel="4" x14ac:dyDescent="0.2">
      <c r="A12884" s="17">
        <v>9064</v>
      </c>
      <c r="B12884" s="17"/>
      <c r="C12884" s="17"/>
      <c r="D12884" s="18" t="s">
        <v>6388</v>
      </c>
      <c r="E12884" s="18"/>
      <c r="F12884" s="18"/>
      <c r="G12884" s="18"/>
      <c r="H12884" s="18"/>
      <c r="I12884" s="18"/>
      <c r="J12884" s="18"/>
      <c r="K12884" s="18"/>
      <c r="L12884" s="18"/>
      <c r="M12884" s="18"/>
      <c r="N12884" s="18"/>
      <c r="O12884" s="18"/>
      <c r="P12884" s="19">
        <v>200</v>
      </c>
      <c r="Q12884" s="19"/>
      <c r="R12884" s="19"/>
      <c r="S12884" s="19"/>
      <c r="T12884" s="19">
        <v>60</v>
      </c>
      <c r="U12884" s="19"/>
      <c r="V12884" s="19"/>
      <c r="W12884" s="19"/>
      <c r="X12884" s="19">
        <v>8</v>
      </c>
      <c r="Y12884" s="19"/>
      <c r="Z12884" s="19"/>
      <c r="AA12884" s="19"/>
    </row>
    <row r="12885" spans="1:27" s="1" customFormat="1" ht="14.1" customHeight="1" outlineLevel="4" x14ac:dyDescent="0.2">
      <c r="A12885" s="17"/>
      <c r="B12885" s="17"/>
      <c r="C12885" s="17"/>
      <c r="D12885" s="18"/>
      <c r="E12885" s="18"/>
      <c r="F12885" s="18"/>
      <c r="G12885" s="18"/>
      <c r="H12885" s="18"/>
      <c r="I12885" s="18"/>
      <c r="J12885" s="18"/>
      <c r="K12885" s="18"/>
      <c r="L12885" s="18"/>
      <c r="M12885" s="18"/>
      <c r="N12885" s="18"/>
      <c r="O12885" s="18"/>
      <c r="P12885" s="19"/>
      <c r="Q12885" s="19"/>
      <c r="R12885" s="19"/>
      <c r="S12885" s="19"/>
      <c r="T12885" s="19"/>
      <c r="U12885" s="19"/>
      <c r="V12885" s="19"/>
      <c r="W12885" s="19"/>
      <c r="X12885" s="19"/>
      <c r="Y12885" s="19"/>
      <c r="Z12885" s="19"/>
      <c r="AA12885" s="19"/>
    </row>
    <row r="12886" spans="1:27" s="1" customFormat="1" ht="14.1" customHeight="1" outlineLevel="4" x14ac:dyDescent="0.2">
      <c r="A12886" s="17">
        <v>6168</v>
      </c>
      <c r="B12886" s="17"/>
      <c r="C12886" s="17"/>
      <c r="D12886" s="18" t="s">
        <v>6389</v>
      </c>
      <c r="E12886" s="18"/>
      <c r="F12886" s="18"/>
      <c r="G12886" s="18"/>
      <c r="H12886" s="18"/>
      <c r="I12886" s="18"/>
      <c r="J12886" s="18"/>
      <c r="K12886" s="18"/>
      <c r="L12886" s="18"/>
      <c r="M12886" s="18"/>
      <c r="N12886" s="18"/>
      <c r="O12886" s="18"/>
      <c r="P12886" s="19">
        <v>90</v>
      </c>
      <c r="Q12886" s="19"/>
      <c r="R12886" s="19"/>
      <c r="S12886" s="19"/>
      <c r="T12886" s="19">
        <v>25</v>
      </c>
      <c r="U12886" s="19"/>
      <c r="V12886" s="19"/>
      <c r="W12886" s="19"/>
      <c r="X12886" s="19">
        <v>2</v>
      </c>
      <c r="Y12886" s="19"/>
      <c r="Z12886" s="19"/>
      <c r="AA12886" s="19"/>
    </row>
    <row r="12887" spans="1:27" s="1" customFormat="1" ht="14.1" customHeight="1" outlineLevel="4" x14ac:dyDescent="0.2">
      <c r="A12887" s="17"/>
      <c r="B12887" s="17"/>
      <c r="C12887" s="17"/>
      <c r="D12887" s="18"/>
      <c r="E12887" s="18"/>
      <c r="F12887" s="18"/>
      <c r="G12887" s="18"/>
      <c r="H12887" s="18"/>
      <c r="I12887" s="18"/>
      <c r="J12887" s="18"/>
      <c r="K12887" s="18"/>
      <c r="L12887" s="18"/>
      <c r="M12887" s="18"/>
      <c r="N12887" s="18"/>
      <c r="O12887" s="18"/>
      <c r="P12887" s="19"/>
      <c r="Q12887" s="19"/>
      <c r="R12887" s="19"/>
      <c r="S12887" s="19"/>
      <c r="T12887" s="19"/>
      <c r="U12887" s="19"/>
      <c r="V12887" s="19"/>
      <c r="W12887" s="19"/>
      <c r="X12887" s="19"/>
      <c r="Y12887" s="19"/>
      <c r="Z12887" s="19"/>
      <c r="AA12887" s="19"/>
    </row>
    <row r="12888" spans="1:27" s="1" customFormat="1" ht="14.1" customHeight="1" outlineLevel="4" x14ac:dyDescent="0.2">
      <c r="A12888" s="17">
        <v>6948</v>
      </c>
      <c r="B12888" s="17"/>
      <c r="C12888" s="17"/>
      <c r="D12888" s="18" t="s">
        <v>6390</v>
      </c>
      <c r="E12888" s="18"/>
      <c r="F12888" s="18"/>
      <c r="G12888" s="18"/>
      <c r="H12888" s="18"/>
      <c r="I12888" s="18"/>
      <c r="J12888" s="18"/>
      <c r="K12888" s="18"/>
      <c r="L12888" s="18"/>
      <c r="M12888" s="18"/>
      <c r="N12888" s="18"/>
      <c r="O12888" s="18"/>
      <c r="P12888" s="19">
        <v>200</v>
      </c>
      <c r="Q12888" s="19"/>
      <c r="R12888" s="19"/>
      <c r="S12888" s="19"/>
      <c r="T12888" s="19">
        <v>60</v>
      </c>
      <c r="U12888" s="19"/>
      <c r="V12888" s="19"/>
      <c r="W12888" s="19"/>
      <c r="X12888" s="19">
        <v>28</v>
      </c>
      <c r="Y12888" s="19"/>
      <c r="Z12888" s="19"/>
      <c r="AA12888" s="19"/>
    </row>
    <row r="12889" spans="1:27" s="1" customFormat="1" ht="14.1" customHeight="1" outlineLevel="4" x14ac:dyDescent="0.2">
      <c r="A12889" s="17"/>
      <c r="B12889" s="17"/>
      <c r="C12889" s="17"/>
      <c r="D12889" s="18"/>
      <c r="E12889" s="18"/>
      <c r="F12889" s="18"/>
      <c r="G12889" s="18"/>
      <c r="H12889" s="18"/>
      <c r="I12889" s="18"/>
      <c r="J12889" s="18"/>
      <c r="K12889" s="18"/>
      <c r="L12889" s="18"/>
      <c r="M12889" s="18"/>
      <c r="N12889" s="18"/>
      <c r="O12889" s="18"/>
      <c r="P12889" s="19"/>
      <c r="Q12889" s="19"/>
      <c r="R12889" s="19"/>
      <c r="S12889" s="19"/>
      <c r="T12889" s="19"/>
      <c r="U12889" s="19"/>
      <c r="V12889" s="19"/>
      <c r="W12889" s="19"/>
      <c r="X12889" s="19"/>
      <c r="Y12889" s="19"/>
      <c r="Z12889" s="19"/>
      <c r="AA12889" s="19"/>
    </row>
    <row r="12890" spans="1:27" s="1" customFormat="1" ht="14.1" customHeight="1" outlineLevel="4" x14ac:dyDescent="0.2">
      <c r="A12890" s="17">
        <v>6635</v>
      </c>
      <c r="B12890" s="17"/>
      <c r="C12890" s="17"/>
      <c r="D12890" s="18" t="s">
        <v>6391</v>
      </c>
      <c r="E12890" s="18"/>
      <c r="F12890" s="18"/>
      <c r="G12890" s="18"/>
      <c r="H12890" s="18"/>
      <c r="I12890" s="18"/>
      <c r="J12890" s="18"/>
      <c r="K12890" s="18"/>
      <c r="L12890" s="18"/>
      <c r="M12890" s="18"/>
      <c r="N12890" s="18"/>
      <c r="O12890" s="18"/>
      <c r="P12890" s="19">
        <v>90</v>
      </c>
      <c r="Q12890" s="19"/>
      <c r="R12890" s="19"/>
      <c r="S12890" s="19"/>
      <c r="T12890" s="19">
        <v>25</v>
      </c>
      <c r="U12890" s="19"/>
      <c r="V12890" s="19"/>
      <c r="W12890" s="19"/>
      <c r="X12890" s="19">
        <v>7</v>
      </c>
      <c r="Y12890" s="19"/>
      <c r="Z12890" s="19"/>
      <c r="AA12890" s="19"/>
    </row>
    <row r="12891" spans="1:27" s="1" customFormat="1" ht="14.1" customHeight="1" outlineLevel="4" x14ac:dyDescent="0.2">
      <c r="A12891" s="17"/>
      <c r="B12891" s="17"/>
      <c r="C12891" s="17"/>
      <c r="D12891" s="18"/>
      <c r="E12891" s="18"/>
      <c r="F12891" s="18"/>
      <c r="G12891" s="18"/>
      <c r="H12891" s="18"/>
      <c r="I12891" s="18"/>
      <c r="J12891" s="18"/>
      <c r="K12891" s="18"/>
      <c r="L12891" s="18"/>
      <c r="M12891" s="18"/>
      <c r="N12891" s="18"/>
      <c r="O12891" s="18"/>
      <c r="P12891" s="19"/>
      <c r="Q12891" s="19"/>
      <c r="R12891" s="19"/>
      <c r="S12891" s="19"/>
      <c r="T12891" s="19"/>
      <c r="U12891" s="19"/>
      <c r="V12891" s="19"/>
      <c r="W12891" s="19"/>
      <c r="X12891" s="19"/>
      <c r="Y12891" s="19"/>
      <c r="Z12891" s="19"/>
      <c r="AA12891" s="19"/>
    </row>
    <row r="12892" spans="1:27" s="1" customFormat="1" ht="14.1" customHeight="1" outlineLevel="4" x14ac:dyDescent="0.2">
      <c r="A12892" s="17">
        <v>8277</v>
      </c>
      <c r="B12892" s="17"/>
      <c r="C12892" s="17"/>
      <c r="D12892" s="18" t="s">
        <v>6392</v>
      </c>
      <c r="E12892" s="18"/>
      <c r="F12892" s="18"/>
      <c r="G12892" s="18"/>
      <c r="H12892" s="18"/>
      <c r="I12892" s="18"/>
      <c r="J12892" s="18"/>
      <c r="K12892" s="18"/>
      <c r="L12892" s="18"/>
      <c r="M12892" s="18"/>
      <c r="N12892" s="18"/>
      <c r="O12892" s="18"/>
      <c r="P12892" s="19">
        <v>400</v>
      </c>
      <c r="Q12892" s="19"/>
      <c r="R12892" s="19"/>
      <c r="S12892" s="19"/>
      <c r="T12892" s="19">
        <v>250</v>
      </c>
      <c r="U12892" s="19"/>
      <c r="V12892" s="19"/>
      <c r="W12892" s="19"/>
      <c r="X12892" s="19">
        <v>3</v>
      </c>
      <c r="Y12892" s="19"/>
      <c r="Z12892" s="19"/>
      <c r="AA12892" s="19"/>
    </row>
    <row r="12893" spans="1:27" s="1" customFormat="1" ht="14.1" customHeight="1" outlineLevel="4" x14ac:dyDescent="0.2">
      <c r="A12893" s="17"/>
      <c r="B12893" s="17"/>
      <c r="C12893" s="17"/>
      <c r="D12893" s="18"/>
      <c r="E12893" s="18"/>
      <c r="F12893" s="18"/>
      <c r="G12893" s="18"/>
      <c r="H12893" s="18"/>
      <c r="I12893" s="18"/>
      <c r="J12893" s="18"/>
      <c r="K12893" s="18"/>
      <c r="L12893" s="18"/>
      <c r="M12893" s="18"/>
      <c r="N12893" s="18"/>
      <c r="O12893" s="18"/>
      <c r="P12893" s="19"/>
      <c r="Q12893" s="19"/>
      <c r="R12893" s="19"/>
      <c r="S12893" s="19"/>
      <c r="T12893" s="19"/>
      <c r="U12893" s="19"/>
      <c r="V12893" s="19"/>
      <c r="W12893" s="19"/>
      <c r="X12893" s="19"/>
      <c r="Y12893" s="19"/>
      <c r="Z12893" s="19"/>
      <c r="AA12893" s="19"/>
    </row>
    <row r="12894" spans="1:27" s="1" customFormat="1" ht="14.1" customHeight="1" outlineLevel="4" x14ac:dyDescent="0.2">
      <c r="A12894" s="17">
        <v>8278</v>
      </c>
      <c r="B12894" s="17"/>
      <c r="C12894" s="17"/>
      <c r="D12894" s="18" t="s">
        <v>6393</v>
      </c>
      <c r="E12894" s="18"/>
      <c r="F12894" s="18"/>
      <c r="G12894" s="18"/>
      <c r="H12894" s="18"/>
      <c r="I12894" s="18"/>
      <c r="J12894" s="18"/>
      <c r="K12894" s="18"/>
      <c r="L12894" s="18"/>
      <c r="M12894" s="18"/>
      <c r="N12894" s="18"/>
      <c r="O12894" s="18"/>
      <c r="P12894" s="19">
        <v>400</v>
      </c>
      <c r="Q12894" s="19"/>
      <c r="R12894" s="19"/>
      <c r="S12894" s="19"/>
      <c r="T12894" s="19">
        <v>250</v>
      </c>
      <c r="U12894" s="19"/>
      <c r="V12894" s="19"/>
      <c r="W12894" s="19"/>
      <c r="X12894" s="19">
        <v>3</v>
      </c>
      <c r="Y12894" s="19"/>
      <c r="Z12894" s="19"/>
      <c r="AA12894" s="19"/>
    </row>
    <row r="12895" spans="1:27" s="1" customFormat="1" ht="14.1" customHeight="1" outlineLevel="4" x14ac:dyDescent="0.2">
      <c r="A12895" s="17"/>
      <c r="B12895" s="17"/>
      <c r="C12895" s="17"/>
      <c r="D12895" s="18"/>
      <c r="E12895" s="18"/>
      <c r="F12895" s="18"/>
      <c r="G12895" s="18"/>
      <c r="H12895" s="18"/>
      <c r="I12895" s="18"/>
      <c r="J12895" s="18"/>
      <c r="K12895" s="18"/>
      <c r="L12895" s="18"/>
      <c r="M12895" s="18"/>
      <c r="N12895" s="18"/>
      <c r="O12895" s="18"/>
      <c r="P12895" s="19"/>
      <c r="Q12895" s="19"/>
      <c r="R12895" s="19"/>
      <c r="S12895" s="19"/>
      <c r="T12895" s="19"/>
      <c r="U12895" s="19"/>
      <c r="V12895" s="19"/>
      <c r="W12895" s="19"/>
      <c r="X12895" s="19"/>
      <c r="Y12895" s="19"/>
      <c r="Z12895" s="19"/>
      <c r="AA12895" s="19"/>
    </row>
    <row r="12896" spans="1:27" s="1" customFormat="1" ht="14.1" customHeight="1" outlineLevel="4" x14ac:dyDescent="0.2">
      <c r="A12896" s="17">
        <v>7465</v>
      </c>
      <c r="B12896" s="17"/>
      <c r="C12896" s="17"/>
      <c r="D12896" s="18" t="s">
        <v>6394</v>
      </c>
      <c r="E12896" s="18"/>
      <c r="F12896" s="18"/>
      <c r="G12896" s="18"/>
      <c r="H12896" s="18"/>
      <c r="I12896" s="18"/>
      <c r="J12896" s="18"/>
      <c r="K12896" s="18"/>
      <c r="L12896" s="18"/>
      <c r="M12896" s="18"/>
      <c r="N12896" s="18"/>
      <c r="O12896" s="18"/>
      <c r="P12896" s="19">
        <v>400</v>
      </c>
      <c r="Q12896" s="19"/>
      <c r="R12896" s="19"/>
      <c r="S12896" s="19"/>
      <c r="T12896" s="19">
        <v>250</v>
      </c>
      <c r="U12896" s="19"/>
      <c r="V12896" s="19"/>
      <c r="W12896" s="19"/>
      <c r="X12896" s="19">
        <v>1</v>
      </c>
      <c r="Y12896" s="19"/>
      <c r="Z12896" s="19"/>
      <c r="AA12896" s="19"/>
    </row>
    <row r="12897" spans="1:27" s="1" customFormat="1" ht="14.1" customHeight="1" outlineLevel="4" x14ac:dyDescent="0.2">
      <c r="A12897" s="17"/>
      <c r="B12897" s="17"/>
      <c r="C12897" s="17"/>
      <c r="D12897" s="18"/>
      <c r="E12897" s="18"/>
      <c r="F12897" s="18"/>
      <c r="G12897" s="18"/>
      <c r="H12897" s="18"/>
      <c r="I12897" s="18"/>
      <c r="J12897" s="18"/>
      <c r="K12897" s="18"/>
      <c r="L12897" s="18"/>
      <c r="M12897" s="18"/>
      <c r="N12897" s="18"/>
      <c r="O12897" s="18"/>
      <c r="P12897" s="19"/>
      <c r="Q12897" s="19"/>
      <c r="R12897" s="19"/>
      <c r="S12897" s="19"/>
      <c r="T12897" s="19"/>
      <c r="U12897" s="19"/>
      <c r="V12897" s="19"/>
      <c r="W12897" s="19"/>
      <c r="X12897" s="19"/>
      <c r="Y12897" s="19"/>
      <c r="Z12897" s="19"/>
      <c r="AA12897" s="19"/>
    </row>
    <row r="12898" spans="1:27" s="1" customFormat="1" ht="14.1" customHeight="1" outlineLevel="4" x14ac:dyDescent="0.2">
      <c r="A12898" s="17">
        <v>7466</v>
      </c>
      <c r="B12898" s="17"/>
      <c r="C12898" s="17"/>
      <c r="D12898" s="18" t="s">
        <v>6395</v>
      </c>
      <c r="E12898" s="18"/>
      <c r="F12898" s="18"/>
      <c r="G12898" s="18"/>
      <c r="H12898" s="18"/>
      <c r="I12898" s="18"/>
      <c r="J12898" s="18"/>
      <c r="K12898" s="18"/>
      <c r="L12898" s="18"/>
      <c r="M12898" s="18"/>
      <c r="N12898" s="18"/>
      <c r="O12898" s="18"/>
      <c r="P12898" s="19">
        <v>400</v>
      </c>
      <c r="Q12898" s="19"/>
      <c r="R12898" s="19"/>
      <c r="S12898" s="19"/>
      <c r="T12898" s="19">
        <v>250</v>
      </c>
      <c r="U12898" s="19"/>
      <c r="V12898" s="19"/>
      <c r="W12898" s="19"/>
      <c r="X12898" s="19">
        <v>1</v>
      </c>
      <c r="Y12898" s="19"/>
      <c r="Z12898" s="19"/>
      <c r="AA12898" s="19"/>
    </row>
    <row r="12899" spans="1:27" s="1" customFormat="1" ht="14.1" customHeight="1" outlineLevel="4" x14ac:dyDescent="0.2">
      <c r="A12899" s="17"/>
      <c r="B12899" s="17"/>
      <c r="C12899" s="17"/>
      <c r="D12899" s="18"/>
      <c r="E12899" s="18"/>
      <c r="F12899" s="18"/>
      <c r="G12899" s="18"/>
      <c r="H12899" s="18"/>
      <c r="I12899" s="18"/>
      <c r="J12899" s="18"/>
      <c r="K12899" s="18"/>
      <c r="L12899" s="18"/>
      <c r="M12899" s="18"/>
      <c r="N12899" s="18"/>
      <c r="O12899" s="18"/>
      <c r="P12899" s="19"/>
      <c r="Q12899" s="19"/>
      <c r="R12899" s="19"/>
      <c r="S12899" s="19"/>
      <c r="T12899" s="19"/>
      <c r="U12899" s="19"/>
      <c r="V12899" s="19"/>
      <c r="W12899" s="19"/>
      <c r="X12899" s="19"/>
      <c r="Y12899" s="19"/>
      <c r="Z12899" s="19"/>
      <c r="AA12899" s="19"/>
    </row>
    <row r="12900" spans="1:27" s="1" customFormat="1" ht="14.1" customHeight="1" outlineLevel="4" x14ac:dyDescent="0.2">
      <c r="A12900" s="17">
        <v>9426</v>
      </c>
      <c r="B12900" s="17"/>
      <c r="C12900" s="17"/>
      <c r="D12900" s="18" t="s">
        <v>6396</v>
      </c>
      <c r="E12900" s="18"/>
      <c r="F12900" s="18"/>
      <c r="G12900" s="18"/>
      <c r="H12900" s="18"/>
      <c r="I12900" s="18"/>
      <c r="J12900" s="18"/>
      <c r="K12900" s="18"/>
      <c r="L12900" s="18"/>
      <c r="M12900" s="18"/>
      <c r="N12900" s="18"/>
      <c r="O12900" s="18"/>
      <c r="P12900" s="19">
        <v>200</v>
      </c>
      <c r="Q12900" s="19"/>
      <c r="R12900" s="19"/>
      <c r="S12900" s="19"/>
      <c r="T12900" s="19">
        <v>60</v>
      </c>
      <c r="U12900" s="19"/>
      <c r="V12900" s="19"/>
      <c r="W12900" s="19"/>
      <c r="X12900" s="19">
        <v>2</v>
      </c>
      <c r="Y12900" s="19"/>
      <c r="Z12900" s="19"/>
      <c r="AA12900" s="19"/>
    </row>
    <row r="12901" spans="1:27" s="1" customFormat="1" ht="14.1" customHeight="1" outlineLevel="4" x14ac:dyDescent="0.2">
      <c r="A12901" s="17"/>
      <c r="B12901" s="17"/>
      <c r="C12901" s="17"/>
      <c r="D12901" s="18"/>
      <c r="E12901" s="18"/>
      <c r="F12901" s="18"/>
      <c r="G12901" s="18"/>
      <c r="H12901" s="18"/>
      <c r="I12901" s="18"/>
      <c r="J12901" s="18"/>
      <c r="K12901" s="18"/>
      <c r="L12901" s="18"/>
      <c r="M12901" s="18"/>
      <c r="N12901" s="18"/>
      <c r="O12901" s="18"/>
      <c r="P12901" s="19"/>
      <c r="Q12901" s="19"/>
      <c r="R12901" s="19"/>
      <c r="S12901" s="19"/>
      <c r="T12901" s="19"/>
      <c r="U12901" s="19"/>
      <c r="V12901" s="19"/>
      <c r="W12901" s="19"/>
      <c r="X12901" s="19"/>
      <c r="Y12901" s="19"/>
      <c r="Z12901" s="19"/>
      <c r="AA12901" s="19"/>
    </row>
    <row r="12902" spans="1:27" s="1" customFormat="1" ht="14.1" customHeight="1" outlineLevel="4" x14ac:dyDescent="0.2">
      <c r="A12902" s="17">
        <v>6285</v>
      </c>
      <c r="B12902" s="17"/>
      <c r="C12902" s="17"/>
      <c r="D12902" s="18" t="s">
        <v>6397</v>
      </c>
      <c r="E12902" s="18"/>
      <c r="F12902" s="18"/>
      <c r="G12902" s="18"/>
      <c r="H12902" s="18"/>
      <c r="I12902" s="18"/>
      <c r="J12902" s="18"/>
      <c r="K12902" s="18"/>
      <c r="L12902" s="18"/>
      <c r="M12902" s="18"/>
      <c r="N12902" s="18"/>
      <c r="O12902" s="18"/>
      <c r="P12902" s="19">
        <v>90</v>
      </c>
      <c r="Q12902" s="19"/>
      <c r="R12902" s="19"/>
      <c r="S12902" s="19"/>
      <c r="T12902" s="19">
        <v>25</v>
      </c>
      <c r="U12902" s="19"/>
      <c r="V12902" s="19"/>
      <c r="W12902" s="19"/>
      <c r="X12902" s="19">
        <v>1</v>
      </c>
      <c r="Y12902" s="19"/>
      <c r="Z12902" s="19"/>
      <c r="AA12902" s="19"/>
    </row>
    <row r="12903" spans="1:27" s="1" customFormat="1" ht="14.1" customHeight="1" outlineLevel="4" x14ac:dyDescent="0.2">
      <c r="A12903" s="17"/>
      <c r="B12903" s="17"/>
      <c r="C12903" s="17"/>
      <c r="D12903" s="18"/>
      <c r="E12903" s="18"/>
      <c r="F12903" s="18"/>
      <c r="G12903" s="18"/>
      <c r="H12903" s="18"/>
      <c r="I12903" s="18"/>
      <c r="J12903" s="18"/>
      <c r="K12903" s="18"/>
      <c r="L12903" s="18"/>
      <c r="M12903" s="18"/>
      <c r="N12903" s="18"/>
      <c r="O12903" s="18"/>
      <c r="P12903" s="19"/>
      <c r="Q12903" s="19"/>
      <c r="R12903" s="19"/>
      <c r="S12903" s="19"/>
      <c r="T12903" s="19"/>
      <c r="U12903" s="19"/>
      <c r="V12903" s="19"/>
      <c r="W12903" s="19"/>
      <c r="X12903" s="19"/>
      <c r="Y12903" s="19"/>
      <c r="Z12903" s="19"/>
      <c r="AA12903" s="19"/>
    </row>
    <row r="12904" spans="1:27" s="1" customFormat="1" ht="14.1" customHeight="1" outlineLevel="4" x14ac:dyDescent="0.2">
      <c r="A12904" s="17">
        <v>4730</v>
      </c>
      <c r="B12904" s="17"/>
      <c r="C12904" s="17"/>
      <c r="D12904" s="18" t="s">
        <v>6398</v>
      </c>
      <c r="E12904" s="18"/>
      <c r="F12904" s="18"/>
      <c r="G12904" s="18"/>
      <c r="H12904" s="18"/>
      <c r="I12904" s="18"/>
      <c r="J12904" s="18"/>
      <c r="K12904" s="18"/>
      <c r="L12904" s="18"/>
      <c r="M12904" s="18"/>
      <c r="N12904" s="18"/>
      <c r="O12904" s="18"/>
      <c r="P12904" s="19">
        <v>90</v>
      </c>
      <c r="Q12904" s="19"/>
      <c r="R12904" s="19"/>
      <c r="S12904" s="19"/>
      <c r="T12904" s="19">
        <v>25</v>
      </c>
      <c r="U12904" s="19"/>
      <c r="V12904" s="19"/>
      <c r="W12904" s="19"/>
      <c r="X12904" s="19">
        <v>1</v>
      </c>
      <c r="Y12904" s="19"/>
      <c r="Z12904" s="19"/>
      <c r="AA12904" s="19"/>
    </row>
    <row r="12905" spans="1:27" s="1" customFormat="1" ht="14.1" customHeight="1" outlineLevel="4" x14ac:dyDescent="0.2">
      <c r="A12905" s="17"/>
      <c r="B12905" s="17"/>
      <c r="C12905" s="17"/>
      <c r="D12905" s="18"/>
      <c r="E12905" s="18"/>
      <c r="F12905" s="18"/>
      <c r="G12905" s="18"/>
      <c r="H12905" s="18"/>
      <c r="I12905" s="18"/>
      <c r="J12905" s="18"/>
      <c r="K12905" s="18"/>
      <c r="L12905" s="18"/>
      <c r="M12905" s="18"/>
      <c r="N12905" s="18"/>
      <c r="O12905" s="18"/>
      <c r="P12905" s="19"/>
      <c r="Q12905" s="19"/>
      <c r="R12905" s="19"/>
      <c r="S12905" s="19"/>
      <c r="T12905" s="19"/>
      <c r="U12905" s="19"/>
      <c r="V12905" s="19"/>
      <c r="W12905" s="19"/>
      <c r="X12905" s="19"/>
      <c r="Y12905" s="19"/>
      <c r="Z12905" s="19"/>
      <c r="AA12905" s="19"/>
    </row>
    <row r="12906" spans="1:27" s="1" customFormat="1" ht="14.1" customHeight="1" outlineLevel="4" x14ac:dyDescent="0.2">
      <c r="A12906" s="17">
        <v>6815</v>
      </c>
      <c r="B12906" s="17"/>
      <c r="C12906" s="17"/>
      <c r="D12906" s="18" t="s">
        <v>6399</v>
      </c>
      <c r="E12906" s="18"/>
      <c r="F12906" s="18"/>
      <c r="G12906" s="18"/>
      <c r="H12906" s="18"/>
      <c r="I12906" s="18"/>
      <c r="J12906" s="18"/>
      <c r="K12906" s="18"/>
      <c r="L12906" s="18"/>
      <c r="M12906" s="18"/>
      <c r="N12906" s="18"/>
      <c r="O12906" s="18"/>
      <c r="P12906" s="19">
        <v>400</v>
      </c>
      <c r="Q12906" s="19"/>
      <c r="R12906" s="19"/>
      <c r="S12906" s="19"/>
      <c r="T12906" s="19">
        <v>250</v>
      </c>
      <c r="U12906" s="19"/>
      <c r="V12906" s="19"/>
      <c r="W12906" s="19"/>
      <c r="X12906" s="19">
        <v>1</v>
      </c>
      <c r="Y12906" s="19"/>
      <c r="Z12906" s="19"/>
      <c r="AA12906" s="19"/>
    </row>
    <row r="12907" spans="1:27" s="1" customFormat="1" ht="14.1" customHeight="1" outlineLevel="4" x14ac:dyDescent="0.2">
      <c r="A12907" s="17"/>
      <c r="B12907" s="17"/>
      <c r="C12907" s="17"/>
      <c r="D12907" s="18"/>
      <c r="E12907" s="18"/>
      <c r="F12907" s="18"/>
      <c r="G12907" s="18"/>
      <c r="H12907" s="18"/>
      <c r="I12907" s="18"/>
      <c r="J12907" s="18"/>
      <c r="K12907" s="18"/>
      <c r="L12907" s="18"/>
      <c r="M12907" s="18"/>
      <c r="N12907" s="18"/>
      <c r="O12907" s="18"/>
      <c r="P12907" s="19"/>
      <c r="Q12907" s="19"/>
      <c r="R12907" s="19"/>
      <c r="S12907" s="19"/>
      <c r="T12907" s="19"/>
      <c r="U12907" s="19"/>
      <c r="V12907" s="19"/>
      <c r="W12907" s="19"/>
      <c r="X12907" s="19"/>
      <c r="Y12907" s="19"/>
      <c r="Z12907" s="19"/>
      <c r="AA12907" s="19"/>
    </row>
    <row r="12908" spans="1:27" s="1" customFormat="1" ht="14.1" customHeight="1" outlineLevel="4" x14ac:dyDescent="0.2">
      <c r="A12908" s="17">
        <v>6816</v>
      </c>
      <c r="B12908" s="17"/>
      <c r="C12908" s="17"/>
      <c r="D12908" s="18" t="s">
        <v>6400</v>
      </c>
      <c r="E12908" s="18"/>
      <c r="F12908" s="18"/>
      <c r="G12908" s="18"/>
      <c r="H12908" s="18"/>
      <c r="I12908" s="18"/>
      <c r="J12908" s="18"/>
      <c r="K12908" s="18"/>
      <c r="L12908" s="18"/>
      <c r="M12908" s="18"/>
      <c r="N12908" s="18"/>
      <c r="O12908" s="18"/>
      <c r="P12908" s="19">
        <v>400</v>
      </c>
      <c r="Q12908" s="19"/>
      <c r="R12908" s="19"/>
      <c r="S12908" s="19"/>
      <c r="T12908" s="19">
        <v>250</v>
      </c>
      <c r="U12908" s="19"/>
      <c r="V12908" s="19"/>
      <c r="W12908" s="19"/>
      <c r="X12908" s="19">
        <v>2</v>
      </c>
      <c r="Y12908" s="19"/>
      <c r="Z12908" s="19"/>
      <c r="AA12908" s="19"/>
    </row>
    <row r="12909" spans="1:27" s="1" customFormat="1" ht="14.1" customHeight="1" outlineLevel="4" x14ac:dyDescent="0.2">
      <c r="A12909" s="17"/>
      <c r="B12909" s="17"/>
      <c r="C12909" s="17"/>
      <c r="D12909" s="18"/>
      <c r="E12909" s="18"/>
      <c r="F12909" s="18"/>
      <c r="G12909" s="18"/>
      <c r="H12909" s="18"/>
      <c r="I12909" s="18"/>
      <c r="J12909" s="18"/>
      <c r="K12909" s="18"/>
      <c r="L12909" s="18"/>
      <c r="M12909" s="18"/>
      <c r="N12909" s="18"/>
      <c r="O12909" s="18"/>
      <c r="P12909" s="19"/>
      <c r="Q12909" s="19"/>
      <c r="R12909" s="19"/>
      <c r="S12909" s="19"/>
      <c r="T12909" s="19"/>
      <c r="U12909" s="19"/>
      <c r="V12909" s="19"/>
      <c r="W12909" s="19"/>
      <c r="X12909" s="19"/>
      <c r="Y12909" s="19"/>
      <c r="Z12909" s="19"/>
      <c r="AA12909" s="19"/>
    </row>
    <row r="12910" spans="1:27" s="1" customFormat="1" ht="14.1" customHeight="1" outlineLevel="4" x14ac:dyDescent="0.2">
      <c r="A12910" s="17">
        <v>6818</v>
      </c>
      <c r="B12910" s="17"/>
      <c r="C12910" s="17"/>
      <c r="D12910" s="18" t="s">
        <v>6401</v>
      </c>
      <c r="E12910" s="18"/>
      <c r="F12910" s="18"/>
      <c r="G12910" s="18"/>
      <c r="H12910" s="18"/>
      <c r="I12910" s="18"/>
      <c r="J12910" s="18"/>
      <c r="K12910" s="18"/>
      <c r="L12910" s="18"/>
      <c r="M12910" s="18"/>
      <c r="N12910" s="18"/>
      <c r="O12910" s="18"/>
      <c r="P12910" s="19">
        <v>400</v>
      </c>
      <c r="Q12910" s="19"/>
      <c r="R12910" s="19"/>
      <c r="S12910" s="19"/>
      <c r="T12910" s="19">
        <v>250</v>
      </c>
      <c r="U12910" s="19"/>
      <c r="V12910" s="19"/>
      <c r="W12910" s="19"/>
      <c r="X12910" s="19">
        <v>4</v>
      </c>
      <c r="Y12910" s="19"/>
      <c r="Z12910" s="19"/>
      <c r="AA12910" s="19"/>
    </row>
    <row r="12911" spans="1:27" s="1" customFormat="1" ht="14.1" customHeight="1" outlineLevel="4" x14ac:dyDescent="0.2">
      <c r="A12911" s="17"/>
      <c r="B12911" s="17"/>
      <c r="C12911" s="17"/>
      <c r="D12911" s="18"/>
      <c r="E12911" s="18"/>
      <c r="F12911" s="18"/>
      <c r="G12911" s="18"/>
      <c r="H12911" s="18"/>
      <c r="I12911" s="18"/>
      <c r="J12911" s="18"/>
      <c r="K12911" s="18"/>
      <c r="L12911" s="18"/>
      <c r="M12911" s="18"/>
      <c r="N12911" s="18"/>
      <c r="O12911" s="18"/>
      <c r="P12911" s="19"/>
      <c r="Q12911" s="19"/>
      <c r="R12911" s="19"/>
      <c r="S12911" s="19"/>
      <c r="T12911" s="19"/>
      <c r="U12911" s="19"/>
      <c r="V12911" s="19"/>
      <c r="W12911" s="19"/>
      <c r="X12911" s="19"/>
      <c r="Y12911" s="19"/>
      <c r="Z12911" s="19"/>
      <c r="AA12911" s="19"/>
    </row>
    <row r="12912" spans="1:27" s="1" customFormat="1" ht="14.1" customHeight="1" outlineLevel="4" x14ac:dyDescent="0.2">
      <c r="A12912" s="17">
        <v>13903</v>
      </c>
      <c r="B12912" s="17"/>
      <c r="C12912" s="17"/>
      <c r="D12912" s="18" t="s">
        <v>6402</v>
      </c>
      <c r="E12912" s="18"/>
      <c r="F12912" s="18"/>
      <c r="G12912" s="18"/>
      <c r="H12912" s="18"/>
      <c r="I12912" s="18"/>
      <c r="J12912" s="18"/>
      <c r="K12912" s="18"/>
      <c r="L12912" s="18"/>
      <c r="M12912" s="18"/>
      <c r="N12912" s="18"/>
      <c r="O12912" s="18"/>
      <c r="P12912" s="19">
        <v>250</v>
      </c>
      <c r="Q12912" s="19"/>
      <c r="R12912" s="19"/>
      <c r="S12912" s="19"/>
      <c r="T12912" s="19">
        <v>150</v>
      </c>
      <c r="U12912" s="19"/>
      <c r="V12912" s="19"/>
      <c r="W12912" s="19"/>
      <c r="X12912" s="19">
        <v>10</v>
      </c>
      <c r="Y12912" s="19"/>
      <c r="Z12912" s="19"/>
      <c r="AA12912" s="19"/>
    </row>
    <row r="12913" spans="1:27" s="1" customFormat="1" ht="14.1" customHeight="1" outlineLevel="4" x14ac:dyDescent="0.2">
      <c r="A12913" s="17"/>
      <c r="B12913" s="17"/>
      <c r="C12913" s="17"/>
      <c r="D12913" s="18"/>
      <c r="E12913" s="18"/>
      <c r="F12913" s="18"/>
      <c r="G12913" s="18"/>
      <c r="H12913" s="18"/>
      <c r="I12913" s="18"/>
      <c r="J12913" s="18"/>
      <c r="K12913" s="18"/>
      <c r="L12913" s="18"/>
      <c r="M12913" s="18"/>
      <c r="N12913" s="18"/>
      <c r="O12913" s="18"/>
      <c r="P12913" s="19"/>
      <c r="Q12913" s="19"/>
      <c r="R12913" s="19"/>
      <c r="S12913" s="19"/>
      <c r="T12913" s="19"/>
      <c r="U12913" s="19"/>
      <c r="V12913" s="19"/>
      <c r="W12913" s="19"/>
      <c r="X12913" s="19"/>
      <c r="Y12913" s="19"/>
      <c r="Z12913" s="19"/>
      <c r="AA12913" s="19"/>
    </row>
    <row r="12914" spans="1:27" s="1" customFormat="1" ht="14.1" customHeight="1" outlineLevel="4" x14ac:dyDescent="0.2">
      <c r="A12914" s="17">
        <v>13902</v>
      </c>
      <c r="B12914" s="17"/>
      <c r="C12914" s="17"/>
      <c r="D12914" s="18" t="s">
        <v>6403</v>
      </c>
      <c r="E12914" s="18"/>
      <c r="F12914" s="18"/>
      <c r="G12914" s="18"/>
      <c r="H12914" s="18"/>
      <c r="I12914" s="18"/>
      <c r="J12914" s="18"/>
      <c r="K12914" s="18"/>
      <c r="L12914" s="18"/>
      <c r="M12914" s="18"/>
      <c r="N12914" s="18"/>
      <c r="O12914" s="18"/>
      <c r="P12914" s="19">
        <v>250</v>
      </c>
      <c r="Q12914" s="19"/>
      <c r="R12914" s="19"/>
      <c r="S12914" s="19"/>
      <c r="T12914" s="19">
        <v>150</v>
      </c>
      <c r="U12914" s="19"/>
      <c r="V12914" s="19"/>
      <c r="W12914" s="19"/>
      <c r="X12914" s="19">
        <v>2</v>
      </c>
      <c r="Y12914" s="19"/>
      <c r="Z12914" s="19"/>
      <c r="AA12914" s="19"/>
    </row>
    <row r="12915" spans="1:27" s="1" customFormat="1" ht="14.1" customHeight="1" outlineLevel="4" x14ac:dyDescent="0.2">
      <c r="A12915" s="17"/>
      <c r="B12915" s="17"/>
      <c r="C12915" s="17"/>
      <c r="D12915" s="18"/>
      <c r="E12915" s="18"/>
      <c r="F12915" s="18"/>
      <c r="G12915" s="18"/>
      <c r="H12915" s="18"/>
      <c r="I12915" s="18"/>
      <c r="J12915" s="18"/>
      <c r="K12915" s="18"/>
      <c r="L12915" s="18"/>
      <c r="M12915" s="18"/>
      <c r="N12915" s="18"/>
      <c r="O12915" s="18"/>
      <c r="P12915" s="19"/>
      <c r="Q12915" s="19"/>
      <c r="R12915" s="19"/>
      <c r="S12915" s="19"/>
      <c r="T12915" s="19"/>
      <c r="U12915" s="19"/>
      <c r="V12915" s="19"/>
      <c r="W12915" s="19"/>
      <c r="X12915" s="19"/>
      <c r="Y12915" s="19"/>
      <c r="Z12915" s="19"/>
      <c r="AA12915" s="19"/>
    </row>
    <row r="12916" spans="1:27" s="1" customFormat="1" ht="11.1" customHeight="1" outlineLevel="4" x14ac:dyDescent="0.2">
      <c r="A12916" s="17">
        <v>7581</v>
      </c>
      <c r="B12916" s="17"/>
      <c r="C12916" s="17"/>
      <c r="D12916" s="18" t="s">
        <v>6404</v>
      </c>
      <c r="E12916" s="18"/>
      <c r="F12916" s="18"/>
      <c r="G12916" s="18"/>
      <c r="H12916" s="18"/>
      <c r="I12916" s="18"/>
      <c r="J12916" s="18"/>
      <c r="K12916" s="18"/>
      <c r="L12916" s="18"/>
      <c r="M12916" s="18"/>
      <c r="N12916" s="18"/>
      <c r="O12916" s="18"/>
      <c r="P12916" s="19">
        <v>200</v>
      </c>
      <c r="Q12916" s="19"/>
      <c r="R12916" s="19"/>
      <c r="S12916" s="19"/>
      <c r="T12916" s="19">
        <v>60</v>
      </c>
      <c r="U12916" s="19"/>
      <c r="V12916" s="19"/>
      <c r="W12916" s="19"/>
      <c r="X12916" s="19">
        <v>9</v>
      </c>
      <c r="Y12916" s="19"/>
      <c r="Z12916" s="19"/>
      <c r="AA12916" s="19"/>
    </row>
    <row r="12917" spans="1:27" s="1" customFormat="1" ht="11.1" customHeight="1" outlineLevel="4" x14ac:dyDescent="0.2">
      <c r="A12917" s="17"/>
      <c r="B12917" s="17"/>
      <c r="C12917" s="17"/>
      <c r="D12917" s="18"/>
      <c r="E12917" s="18"/>
      <c r="F12917" s="18"/>
      <c r="G12917" s="18"/>
      <c r="H12917" s="18"/>
      <c r="I12917" s="18"/>
      <c r="J12917" s="18"/>
      <c r="K12917" s="18"/>
      <c r="L12917" s="18"/>
      <c r="M12917" s="18"/>
      <c r="N12917" s="18"/>
      <c r="O12917" s="18"/>
      <c r="P12917" s="19"/>
      <c r="Q12917" s="19"/>
      <c r="R12917" s="19"/>
      <c r="S12917" s="19"/>
      <c r="T12917" s="19"/>
      <c r="U12917" s="19"/>
      <c r="V12917" s="19"/>
      <c r="W12917" s="19"/>
      <c r="X12917" s="19"/>
      <c r="Y12917" s="19"/>
      <c r="Z12917" s="19"/>
      <c r="AA12917" s="19"/>
    </row>
    <row r="12918" spans="1:27" s="1" customFormat="1" ht="11.1" customHeight="1" outlineLevel="4" x14ac:dyDescent="0.2">
      <c r="A12918" s="17">
        <v>7582</v>
      </c>
      <c r="B12918" s="17"/>
      <c r="C12918" s="17"/>
      <c r="D12918" s="18" t="s">
        <v>6405</v>
      </c>
      <c r="E12918" s="18"/>
      <c r="F12918" s="18"/>
      <c r="G12918" s="18"/>
      <c r="H12918" s="18"/>
      <c r="I12918" s="18"/>
      <c r="J12918" s="18"/>
      <c r="K12918" s="18"/>
      <c r="L12918" s="18"/>
      <c r="M12918" s="18"/>
      <c r="N12918" s="18"/>
      <c r="O12918" s="18"/>
      <c r="P12918" s="19">
        <v>200</v>
      </c>
      <c r="Q12918" s="19"/>
      <c r="R12918" s="19"/>
      <c r="S12918" s="19"/>
      <c r="T12918" s="19">
        <v>60</v>
      </c>
      <c r="U12918" s="19"/>
      <c r="V12918" s="19"/>
      <c r="W12918" s="19"/>
      <c r="X12918" s="19">
        <v>2</v>
      </c>
      <c r="Y12918" s="19"/>
      <c r="Z12918" s="19"/>
      <c r="AA12918" s="19"/>
    </row>
    <row r="12919" spans="1:27" s="1" customFormat="1" ht="11.1" customHeight="1" outlineLevel="4" x14ac:dyDescent="0.2">
      <c r="A12919" s="17"/>
      <c r="B12919" s="17"/>
      <c r="C12919" s="17"/>
      <c r="D12919" s="18"/>
      <c r="E12919" s="18"/>
      <c r="F12919" s="18"/>
      <c r="G12919" s="18"/>
      <c r="H12919" s="18"/>
      <c r="I12919" s="18"/>
      <c r="J12919" s="18"/>
      <c r="K12919" s="18"/>
      <c r="L12919" s="18"/>
      <c r="M12919" s="18"/>
      <c r="N12919" s="18"/>
      <c r="O12919" s="18"/>
      <c r="P12919" s="19"/>
      <c r="Q12919" s="19"/>
      <c r="R12919" s="19"/>
      <c r="S12919" s="19"/>
      <c r="T12919" s="19"/>
      <c r="U12919" s="19"/>
      <c r="V12919" s="19"/>
      <c r="W12919" s="19"/>
      <c r="X12919" s="19"/>
      <c r="Y12919" s="19"/>
      <c r="Z12919" s="19"/>
      <c r="AA12919" s="19"/>
    </row>
    <row r="12920" spans="1:27" s="1" customFormat="1" ht="14.1" customHeight="1" outlineLevel="4" x14ac:dyDescent="0.2">
      <c r="A12920" s="17">
        <v>13901</v>
      </c>
      <c r="B12920" s="17"/>
      <c r="C12920" s="17"/>
      <c r="D12920" s="18" t="s">
        <v>6406</v>
      </c>
      <c r="E12920" s="18"/>
      <c r="F12920" s="18"/>
      <c r="G12920" s="18"/>
      <c r="H12920" s="18"/>
      <c r="I12920" s="18"/>
      <c r="J12920" s="18"/>
      <c r="K12920" s="18"/>
      <c r="L12920" s="18"/>
      <c r="M12920" s="18"/>
      <c r="N12920" s="18"/>
      <c r="O12920" s="18"/>
      <c r="P12920" s="19">
        <v>250</v>
      </c>
      <c r="Q12920" s="19"/>
      <c r="R12920" s="19"/>
      <c r="S12920" s="19"/>
      <c r="T12920" s="19">
        <v>150</v>
      </c>
      <c r="U12920" s="19"/>
      <c r="V12920" s="19"/>
      <c r="W12920" s="19"/>
      <c r="X12920" s="19">
        <v>10</v>
      </c>
      <c r="Y12920" s="19"/>
      <c r="Z12920" s="19"/>
      <c r="AA12920" s="19"/>
    </row>
    <row r="12921" spans="1:27" s="1" customFormat="1" ht="14.1" customHeight="1" outlineLevel="4" x14ac:dyDescent="0.2">
      <c r="A12921" s="17"/>
      <c r="B12921" s="17"/>
      <c r="C12921" s="17"/>
      <c r="D12921" s="18"/>
      <c r="E12921" s="18"/>
      <c r="F12921" s="18"/>
      <c r="G12921" s="18"/>
      <c r="H12921" s="18"/>
      <c r="I12921" s="18"/>
      <c r="J12921" s="18"/>
      <c r="K12921" s="18"/>
      <c r="L12921" s="18"/>
      <c r="M12921" s="18"/>
      <c r="N12921" s="18"/>
      <c r="O12921" s="18"/>
      <c r="P12921" s="19"/>
      <c r="Q12921" s="19"/>
      <c r="R12921" s="19"/>
      <c r="S12921" s="19"/>
      <c r="T12921" s="19"/>
      <c r="U12921" s="19"/>
      <c r="V12921" s="19"/>
      <c r="W12921" s="19"/>
      <c r="X12921" s="19"/>
      <c r="Y12921" s="19"/>
      <c r="Z12921" s="19"/>
      <c r="AA12921" s="19"/>
    </row>
    <row r="12922" spans="1:27" s="1" customFormat="1" ht="14.1" customHeight="1" outlineLevel="4" x14ac:dyDescent="0.2">
      <c r="A12922" s="17">
        <v>16444</v>
      </c>
      <c r="B12922" s="17"/>
      <c r="C12922" s="17"/>
      <c r="D12922" s="18" t="s">
        <v>6407</v>
      </c>
      <c r="E12922" s="18"/>
      <c r="F12922" s="18"/>
      <c r="G12922" s="18"/>
      <c r="H12922" s="18"/>
      <c r="I12922" s="18"/>
      <c r="J12922" s="18"/>
      <c r="K12922" s="18"/>
      <c r="L12922" s="18"/>
      <c r="M12922" s="18"/>
      <c r="N12922" s="18"/>
      <c r="O12922" s="18"/>
      <c r="P12922" s="19">
        <v>250</v>
      </c>
      <c r="Q12922" s="19"/>
      <c r="R12922" s="19"/>
      <c r="S12922" s="19"/>
      <c r="T12922" s="19">
        <v>100</v>
      </c>
      <c r="U12922" s="19"/>
      <c r="V12922" s="19"/>
      <c r="W12922" s="19"/>
      <c r="X12922" s="19">
        <v>1</v>
      </c>
      <c r="Y12922" s="19"/>
      <c r="Z12922" s="19"/>
      <c r="AA12922" s="19"/>
    </row>
    <row r="12923" spans="1:27" s="1" customFormat="1" ht="14.1" customHeight="1" outlineLevel="4" x14ac:dyDescent="0.2">
      <c r="A12923" s="17"/>
      <c r="B12923" s="17"/>
      <c r="C12923" s="17"/>
      <c r="D12923" s="18"/>
      <c r="E12923" s="18"/>
      <c r="F12923" s="18"/>
      <c r="G12923" s="18"/>
      <c r="H12923" s="18"/>
      <c r="I12923" s="18"/>
      <c r="J12923" s="18"/>
      <c r="K12923" s="18"/>
      <c r="L12923" s="18"/>
      <c r="M12923" s="18"/>
      <c r="N12923" s="18"/>
      <c r="O12923" s="18"/>
      <c r="P12923" s="19"/>
      <c r="Q12923" s="19"/>
      <c r="R12923" s="19"/>
      <c r="S12923" s="19"/>
      <c r="T12923" s="19"/>
      <c r="U12923" s="19"/>
      <c r="V12923" s="19"/>
      <c r="W12923" s="19"/>
      <c r="X12923" s="19"/>
      <c r="Y12923" s="19"/>
      <c r="Z12923" s="19"/>
      <c r="AA12923" s="19"/>
    </row>
    <row r="12924" spans="1:27" s="1" customFormat="1" ht="11.1" customHeight="1" outlineLevel="4" x14ac:dyDescent="0.2">
      <c r="A12924" s="17">
        <v>4103</v>
      </c>
      <c r="B12924" s="17"/>
      <c r="C12924" s="17"/>
      <c r="D12924" s="18" t="s">
        <v>6408</v>
      </c>
      <c r="E12924" s="18"/>
      <c r="F12924" s="18"/>
      <c r="G12924" s="18"/>
      <c r="H12924" s="18"/>
      <c r="I12924" s="18"/>
      <c r="J12924" s="18"/>
      <c r="K12924" s="18"/>
      <c r="L12924" s="18"/>
      <c r="M12924" s="18"/>
      <c r="N12924" s="18"/>
      <c r="O12924" s="18"/>
      <c r="P12924" s="19">
        <v>190</v>
      </c>
      <c r="Q12924" s="19"/>
      <c r="R12924" s="19"/>
      <c r="S12924" s="19"/>
      <c r="T12924" s="19">
        <v>25</v>
      </c>
      <c r="U12924" s="19"/>
      <c r="V12924" s="19"/>
      <c r="W12924" s="19"/>
      <c r="X12924" s="19">
        <v>1</v>
      </c>
      <c r="Y12924" s="19"/>
      <c r="Z12924" s="19"/>
      <c r="AA12924" s="19"/>
    </row>
    <row r="12925" spans="1:27" s="1" customFormat="1" ht="11.1" customHeight="1" outlineLevel="4" x14ac:dyDescent="0.2">
      <c r="A12925" s="17"/>
      <c r="B12925" s="17"/>
      <c r="C12925" s="17"/>
      <c r="D12925" s="18"/>
      <c r="E12925" s="18"/>
      <c r="F12925" s="18"/>
      <c r="G12925" s="18"/>
      <c r="H12925" s="18"/>
      <c r="I12925" s="18"/>
      <c r="J12925" s="18"/>
      <c r="K12925" s="18"/>
      <c r="L12925" s="18"/>
      <c r="M12925" s="18"/>
      <c r="N12925" s="18"/>
      <c r="O12925" s="18"/>
      <c r="P12925" s="19"/>
      <c r="Q12925" s="19"/>
      <c r="R12925" s="19"/>
      <c r="S12925" s="19"/>
      <c r="T12925" s="19"/>
      <c r="U12925" s="19"/>
      <c r="V12925" s="19"/>
      <c r="W12925" s="19"/>
      <c r="X12925" s="19"/>
      <c r="Y12925" s="19"/>
      <c r="Z12925" s="19"/>
      <c r="AA12925" s="19"/>
    </row>
    <row r="12926" spans="1:27" s="1" customFormat="1" ht="14.1" customHeight="1" outlineLevel="4" x14ac:dyDescent="0.2">
      <c r="A12926" s="17">
        <v>4105</v>
      </c>
      <c r="B12926" s="17"/>
      <c r="C12926" s="17"/>
      <c r="D12926" s="18" t="s">
        <v>6409</v>
      </c>
      <c r="E12926" s="18"/>
      <c r="F12926" s="18"/>
      <c r="G12926" s="18"/>
      <c r="H12926" s="18"/>
      <c r="I12926" s="18"/>
      <c r="J12926" s="18"/>
      <c r="K12926" s="18"/>
      <c r="L12926" s="18"/>
      <c r="M12926" s="18"/>
      <c r="N12926" s="18"/>
      <c r="O12926" s="18"/>
      <c r="P12926" s="19">
        <v>190</v>
      </c>
      <c r="Q12926" s="19"/>
      <c r="R12926" s="19"/>
      <c r="S12926" s="19"/>
      <c r="T12926" s="19">
        <v>25</v>
      </c>
      <c r="U12926" s="19"/>
      <c r="V12926" s="19"/>
      <c r="W12926" s="19"/>
      <c r="X12926" s="19">
        <v>1</v>
      </c>
      <c r="Y12926" s="19"/>
      <c r="Z12926" s="19"/>
      <c r="AA12926" s="19"/>
    </row>
    <row r="12927" spans="1:27" s="1" customFormat="1" ht="14.1" customHeight="1" outlineLevel="4" x14ac:dyDescent="0.2">
      <c r="A12927" s="17"/>
      <c r="B12927" s="17"/>
      <c r="C12927" s="17"/>
      <c r="D12927" s="18"/>
      <c r="E12927" s="18"/>
      <c r="F12927" s="18"/>
      <c r="G12927" s="18"/>
      <c r="H12927" s="18"/>
      <c r="I12927" s="18"/>
      <c r="J12927" s="18"/>
      <c r="K12927" s="18"/>
      <c r="L12927" s="18"/>
      <c r="M12927" s="18"/>
      <c r="N12927" s="18"/>
      <c r="O12927" s="18"/>
      <c r="P12927" s="19"/>
      <c r="Q12927" s="19"/>
      <c r="R12927" s="19"/>
      <c r="S12927" s="19"/>
      <c r="T12927" s="19"/>
      <c r="U12927" s="19"/>
      <c r="V12927" s="19"/>
      <c r="W12927" s="19"/>
      <c r="X12927" s="19"/>
      <c r="Y12927" s="19"/>
      <c r="Z12927" s="19"/>
      <c r="AA12927" s="19"/>
    </row>
    <row r="12928" spans="1:27" s="1" customFormat="1" ht="11.1" customHeight="1" outlineLevel="3" x14ac:dyDescent="0.2">
      <c r="A12928" s="16" t="s">
        <v>6410</v>
      </c>
      <c r="B12928" s="16"/>
      <c r="C12928" s="16"/>
      <c r="D12928" s="16"/>
      <c r="E12928" s="16"/>
      <c r="F12928" s="16"/>
      <c r="G12928" s="16"/>
      <c r="H12928" s="16"/>
      <c r="I12928" s="16"/>
      <c r="J12928" s="16"/>
      <c r="K12928" s="16"/>
      <c r="L12928" s="16"/>
      <c r="M12928" s="16"/>
      <c r="N12928" s="16"/>
      <c r="O12928" s="16"/>
      <c r="P12928" s="16"/>
      <c r="Q12928" s="16"/>
      <c r="R12928" s="16"/>
      <c r="S12928" s="16"/>
      <c r="T12928" s="16"/>
      <c r="U12928" s="16"/>
      <c r="V12928" s="16"/>
      <c r="W12928" s="16"/>
      <c r="X12928" s="16"/>
      <c r="Y12928" s="16"/>
      <c r="Z12928" s="16"/>
      <c r="AA12928" s="16"/>
    </row>
    <row r="12929" spans="1:27" s="1" customFormat="1" ht="11.1" customHeight="1" outlineLevel="3" x14ac:dyDescent="0.2">
      <c r="A12929" s="16"/>
      <c r="B12929" s="16"/>
      <c r="C12929" s="16"/>
      <c r="D12929" s="16"/>
      <c r="E12929" s="16"/>
      <c r="F12929" s="16"/>
      <c r="G12929" s="16"/>
      <c r="H12929" s="16"/>
      <c r="I12929" s="16"/>
      <c r="J12929" s="16"/>
      <c r="K12929" s="16"/>
      <c r="L12929" s="16"/>
      <c r="M12929" s="16"/>
      <c r="N12929" s="16"/>
      <c r="O12929" s="16"/>
      <c r="P12929" s="16"/>
      <c r="Q12929" s="16"/>
      <c r="R12929" s="16"/>
      <c r="S12929" s="16"/>
      <c r="T12929" s="16"/>
      <c r="U12929" s="16"/>
      <c r="V12929" s="16"/>
      <c r="W12929" s="16"/>
      <c r="X12929" s="16"/>
      <c r="Y12929" s="16"/>
      <c r="Z12929" s="16"/>
      <c r="AA12929" s="16"/>
    </row>
    <row r="12930" spans="1:27" s="1" customFormat="1" ht="14.1" customHeight="1" outlineLevel="4" x14ac:dyDescent="0.2">
      <c r="A12930" s="17">
        <v>4119</v>
      </c>
      <c r="B12930" s="17"/>
      <c r="C12930" s="17"/>
      <c r="D12930" s="18" t="s">
        <v>6411</v>
      </c>
      <c r="E12930" s="18"/>
      <c r="F12930" s="18"/>
      <c r="G12930" s="18"/>
      <c r="H12930" s="18"/>
      <c r="I12930" s="18"/>
      <c r="J12930" s="18"/>
      <c r="K12930" s="18"/>
      <c r="L12930" s="18"/>
      <c r="M12930" s="18"/>
      <c r="N12930" s="18"/>
      <c r="O12930" s="18"/>
      <c r="P12930" s="19">
        <v>90</v>
      </c>
      <c r="Q12930" s="19"/>
      <c r="R12930" s="19"/>
      <c r="S12930" s="19"/>
      <c r="T12930" s="19">
        <v>25</v>
      </c>
      <c r="U12930" s="19"/>
      <c r="V12930" s="19"/>
      <c r="W12930" s="19"/>
      <c r="X12930" s="19">
        <v>1</v>
      </c>
      <c r="Y12930" s="19"/>
      <c r="Z12930" s="19"/>
      <c r="AA12930" s="19"/>
    </row>
    <row r="12931" spans="1:27" s="1" customFormat="1" ht="14.1" customHeight="1" outlineLevel="4" x14ac:dyDescent="0.2">
      <c r="A12931" s="17"/>
      <c r="B12931" s="17"/>
      <c r="C12931" s="17"/>
      <c r="D12931" s="18"/>
      <c r="E12931" s="18"/>
      <c r="F12931" s="18"/>
      <c r="G12931" s="18"/>
      <c r="H12931" s="18"/>
      <c r="I12931" s="18"/>
      <c r="J12931" s="18"/>
      <c r="K12931" s="18"/>
      <c r="L12931" s="18"/>
      <c r="M12931" s="18"/>
      <c r="N12931" s="18"/>
      <c r="O12931" s="18"/>
      <c r="P12931" s="19"/>
      <c r="Q12931" s="19"/>
      <c r="R12931" s="19"/>
      <c r="S12931" s="19"/>
      <c r="T12931" s="19"/>
      <c r="U12931" s="19"/>
      <c r="V12931" s="19"/>
      <c r="W12931" s="19"/>
      <c r="X12931" s="19"/>
      <c r="Y12931" s="19"/>
      <c r="Z12931" s="19"/>
      <c r="AA12931" s="19"/>
    </row>
    <row r="12932" spans="1:27" s="1" customFormat="1" ht="14.1" customHeight="1" outlineLevel="4" x14ac:dyDescent="0.2">
      <c r="A12932" s="17">
        <v>5811</v>
      </c>
      <c r="B12932" s="17"/>
      <c r="C12932" s="17"/>
      <c r="D12932" s="18" t="s">
        <v>6412</v>
      </c>
      <c r="E12932" s="18"/>
      <c r="F12932" s="18"/>
      <c r="G12932" s="18"/>
      <c r="H12932" s="18"/>
      <c r="I12932" s="18"/>
      <c r="J12932" s="18"/>
      <c r="K12932" s="18"/>
      <c r="L12932" s="18"/>
      <c r="M12932" s="18"/>
      <c r="N12932" s="18"/>
      <c r="O12932" s="18"/>
      <c r="P12932" s="19">
        <v>90</v>
      </c>
      <c r="Q12932" s="19"/>
      <c r="R12932" s="19"/>
      <c r="S12932" s="19"/>
      <c r="T12932" s="19">
        <v>25</v>
      </c>
      <c r="U12932" s="19"/>
      <c r="V12932" s="19"/>
      <c r="W12932" s="19"/>
      <c r="X12932" s="19">
        <v>1</v>
      </c>
      <c r="Y12932" s="19"/>
      <c r="Z12932" s="19"/>
      <c r="AA12932" s="19"/>
    </row>
    <row r="12933" spans="1:27" s="1" customFormat="1" ht="14.1" customHeight="1" outlineLevel="4" x14ac:dyDescent="0.2">
      <c r="A12933" s="17"/>
      <c r="B12933" s="17"/>
      <c r="C12933" s="17"/>
      <c r="D12933" s="18"/>
      <c r="E12933" s="18"/>
      <c r="F12933" s="18"/>
      <c r="G12933" s="18"/>
      <c r="H12933" s="18"/>
      <c r="I12933" s="18"/>
      <c r="J12933" s="18"/>
      <c r="K12933" s="18"/>
      <c r="L12933" s="18"/>
      <c r="M12933" s="18"/>
      <c r="N12933" s="18"/>
      <c r="O12933" s="18"/>
      <c r="P12933" s="19"/>
      <c r="Q12933" s="19"/>
      <c r="R12933" s="19"/>
      <c r="S12933" s="19"/>
      <c r="T12933" s="19"/>
      <c r="U12933" s="19"/>
      <c r="V12933" s="19"/>
      <c r="W12933" s="19"/>
      <c r="X12933" s="19"/>
      <c r="Y12933" s="19"/>
      <c r="Z12933" s="19"/>
      <c r="AA12933" s="19"/>
    </row>
    <row r="12934" spans="1:27" s="1" customFormat="1" ht="14.1" customHeight="1" outlineLevel="4" x14ac:dyDescent="0.2">
      <c r="A12934" s="17">
        <v>5577</v>
      </c>
      <c r="B12934" s="17"/>
      <c r="C12934" s="17"/>
      <c r="D12934" s="18" t="s">
        <v>6413</v>
      </c>
      <c r="E12934" s="18"/>
      <c r="F12934" s="18"/>
      <c r="G12934" s="18"/>
      <c r="H12934" s="18"/>
      <c r="I12934" s="18"/>
      <c r="J12934" s="18"/>
      <c r="K12934" s="18"/>
      <c r="L12934" s="18"/>
      <c r="M12934" s="18"/>
      <c r="N12934" s="18"/>
      <c r="O12934" s="18"/>
      <c r="P12934" s="19">
        <v>90</v>
      </c>
      <c r="Q12934" s="19"/>
      <c r="R12934" s="19"/>
      <c r="S12934" s="19"/>
      <c r="T12934" s="19">
        <v>25</v>
      </c>
      <c r="U12934" s="19"/>
      <c r="V12934" s="19"/>
      <c r="W12934" s="19"/>
      <c r="X12934" s="19">
        <v>1</v>
      </c>
      <c r="Y12934" s="19"/>
      <c r="Z12934" s="19"/>
      <c r="AA12934" s="19"/>
    </row>
    <row r="12935" spans="1:27" s="1" customFormat="1" ht="14.1" customHeight="1" outlineLevel="4" x14ac:dyDescent="0.2">
      <c r="A12935" s="17"/>
      <c r="B12935" s="17"/>
      <c r="C12935" s="17"/>
      <c r="D12935" s="18"/>
      <c r="E12935" s="18"/>
      <c r="F12935" s="18"/>
      <c r="G12935" s="18"/>
      <c r="H12935" s="18"/>
      <c r="I12935" s="18"/>
      <c r="J12935" s="18"/>
      <c r="K12935" s="18"/>
      <c r="L12935" s="18"/>
      <c r="M12935" s="18"/>
      <c r="N12935" s="18"/>
      <c r="O12935" s="18"/>
      <c r="P12935" s="19"/>
      <c r="Q12935" s="19"/>
      <c r="R12935" s="19"/>
      <c r="S12935" s="19"/>
      <c r="T12935" s="19"/>
      <c r="U12935" s="19"/>
      <c r="V12935" s="19"/>
      <c r="W12935" s="19"/>
      <c r="X12935" s="19"/>
      <c r="Y12935" s="19"/>
      <c r="Z12935" s="19"/>
      <c r="AA12935" s="19"/>
    </row>
    <row r="12936" spans="1:27" s="1" customFormat="1" ht="14.1" customHeight="1" outlineLevel="4" x14ac:dyDescent="0.2">
      <c r="A12936" s="17">
        <v>4125</v>
      </c>
      <c r="B12936" s="17"/>
      <c r="C12936" s="17"/>
      <c r="D12936" s="18" t="s">
        <v>6414</v>
      </c>
      <c r="E12936" s="18"/>
      <c r="F12936" s="18"/>
      <c r="G12936" s="18"/>
      <c r="H12936" s="18"/>
      <c r="I12936" s="18"/>
      <c r="J12936" s="18"/>
      <c r="K12936" s="18"/>
      <c r="L12936" s="18"/>
      <c r="M12936" s="18"/>
      <c r="N12936" s="18"/>
      <c r="O12936" s="18"/>
      <c r="P12936" s="19">
        <v>90</v>
      </c>
      <c r="Q12936" s="19"/>
      <c r="R12936" s="19"/>
      <c r="S12936" s="19"/>
      <c r="T12936" s="19">
        <v>25</v>
      </c>
      <c r="U12936" s="19"/>
      <c r="V12936" s="19"/>
      <c r="W12936" s="19"/>
      <c r="X12936" s="19">
        <v>2</v>
      </c>
      <c r="Y12936" s="19"/>
      <c r="Z12936" s="19"/>
      <c r="AA12936" s="19"/>
    </row>
    <row r="12937" spans="1:27" s="1" customFormat="1" ht="14.1" customHeight="1" outlineLevel="4" x14ac:dyDescent="0.2">
      <c r="A12937" s="17"/>
      <c r="B12937" s="17"/>
      <c r="C12937" s="17"/>
      <c r="D12937" s="18"/>
      <c r="E12937" s="18"/>
      <c r="F12937" s="18"/>
      <c r="G12937" s="18"/>
      <c r="H12937" s="18"/>
      <c r="I12937" s="18"/>
      <c r="J12937" s="18"/>
      <c r="K12937" s="18"/>
      <c r="L12937" s="18"/>
      <c r="M12937" s="18"/>
      <c r="N12937" s="18"/>
      <c r="O12937" s="18"/>
      <c r="P12937" s="19"/>
      <c r="Q12937" s="19"/>
      <c r="R12937" s="19"/>
      <c r="S12937" s="19"/>
      <c r="T12937" s="19"/>
      <c r="U12937" s="19"/>
      <c r="V12937" s="19"/>
      <c r="W12937" s="19"/>
      <c r="X12937" s="19"/>
      <c r="Y12937" s="19"/>
      <c r="Z12937" s="19"/>
      <c r="AA12937" s="19"/>
    </row>
    <row r="12938" spans="1:27" s="1" customFormat="1" ht="14.1" customHeight="1" outlineLevel="4" x14ac:dyDescent="0.2">
      <c r="A12938" s="17">
        <v>4124</v>
      </c>
      <c r="B12938" s="17"/>
      <c r="C12938" s="17"/>
      <c r="D12938" s="18" t="s">
        <v>6415</v>
      </c>
      <c r="E12938" s="18"/>
      <c r="F12938" s="18"/>
      <c r="G12938" s="18"/>
      <c r="H12938" s="18"/>
      <c r="I12938" s="18"/>
      <c r="J12938" s="18"/>
      <c r="K12938" s="18"/>
      <c r="L12938" s="18"/>
      <c r="M12938" s="18"/>
      <c r="N12938" s="18"/>
      <c r="O12938" s="18"/>
      <c r="P12938" s="19">
        <v>90</v>
      </c>
      <c r="Q12938" s="19"/>
      <c r="R12938" s="19"/>
      <c r="S12938" s="19"/>
      <c r="T12938" s="19">
        <v>25</v>
      </c>
      <c r="U12938" s="19"/>
      <c r="V12938" s="19"/>
      <c r="W12938" s="19"/>
      <c r="X12938" s="19">
        <v>1</v>
      </c>
      <c r="Y12938" s="19"/>
      <c r="Z12938" s="19"/>
      <c r="AA12938" s="19"/>
    </row>
    <row r="12939" spans="1:27" s="1" customFormat="1" ht="14.1" customHeight="1" outlineLevel="4" x14ac:dyDescent="0.2">
      <c r="A12939" s="17"/>
      <c r="B12939" s="17"/>
      <c r="C12939" s="17"/>
      <c r="D12939" s="18"/>
      <c r="E12939" s="18"/>
      <c r="F12939" s="18"/>
      <c r="G12939" s="18"/>
      <c r="H12939" s="18"/>
      <c r="I12939" s="18"/>
      <c r="J12939" s="18"/>
      <c r="K12939" s="18"/>
      <c r="L12939" s="18"/>
      <c r="M12939" s="18"/>
      <c r="N12939" s="18"/>
      <c r="O12939" s="18"/>
      <c r="P12939" s="19"/>
      <c r="Q12939" s="19"/>
      <c r="R12939" s="19"/>
      <c r="S12939" s="19"/>
      <c r="T12939" s="19"/>
      <c r="U12939" s="19"/>
      <c r="V12939" s="19"/>
      <c r="W12939" s="19"/>
      <c r="X12939" s="19"/>
      <c r="Y12939" s="19"/>
      <c r="Z12939" s="19"/>
      <c r="AA12939" s="19"/>
    </row>
    <row r="12940" spans="1:27" s="1" customFormat="1" ht="14.1" customHeight="1" outlineLevel="4" x14ac:dyDescent="0.2">
      <c r="A12940" s="17">
        <v>4131</v>
      </c>
      <c r="B12940" s="17"/>
      <c r="C12940" s="17"/>
      <c r="D12940" s="18" t="s">
        <v>6416</v>
      </c>
      <c r="E12940" s="18"/>
      <c r="F12940" s="18"/>
      <c r="G12940" s="18"/>
      <c r="H12940" s="18"/>
      <c r="I12940" s="18"/>
      <c r="J12940" s="18"/>
      <c r="K12940" s="18"/>
      <c r="L12940" s="18"/>
      <c r="M12940" s="18"/>
      <c r="N12940" s="18"/>
      <c r="O12940" s="18"/>
      <c r="P12940" s="19">
        <v>190</v>
      </c>
      <c r="Q12940" s="19"/>
      <c r="R12940" s="19"/>
      <c r="S12940" s="19"/>
      <c r="T12940" s="19">
        <v>25</v>
      </c>
      <c r="U12940" s="19"/>
      <c r="V12940" s="19"/>
      <c r="W12940" s="19"/>
      <c r="X12940" s="19">
        <v>1</v>
      </c>
      <c r="Y12940" s="19"/>
      <c r="Z12940" s="19"/>
      <c r="AA12940" s="19"/>
    </row>
    <row r="12941" spans="1:27" s="1" customFormat="1" ht="14.1" customHeight="1" outlineLevel="4" x14ac:dyDescent="0.2">
      <c r="A12941" s="17"/>
      <c r="B12941" s="17"/>
      <c r="C12941" s="17"/>
      <c r="D12941" s="18"/>
      <c r="E12941" s="18"/>
      <c r="F12941" s="18"/>
      <c r="G12941" s="18"/>
      <c r="H12941" s="18"/>
      <c r="I12941" s="18"/>
      <c r="J12941" s="18"/>
      <c r="K12941" s="18"/>
      <c r="L12941" s="18"/>
      <c r="M12941" s="18"/>
      <c r="N12941" s="18"/>
      <c r="O12941" s="18"/>
      <c r="P12941" s="19"/>
      <c r="Q12941" s="19"/>
      <c r="R12941" s="19"/>
      <c r="S12941" s="19"/>
      <c r="T12941" s="19"/>
      <c r="U12941" s="19"/>
      <c r="V12941" s="19"/>
      <c r="W12941" s="19"/>
      <c r="X12941" s="19"/>
      <c r="Y12941" s="19"/>
      <c r="Z12941" s="19"/>
      <c r="AA12941" s="19"/>
    </row>
    <row r="12942" spans="1:27" s="1" customFormat="1" ht="14.1" customHeight="1" outlineLevel="4" x14ac:dyDescent="0.2">
      <c r="A12942" s="17">
        <v>4129</v>
      </c>
      <c r="B12942" s="17"/>
      <c r="C12942" s="17"/>
      <c r="D12942" s="18" t="s">
        <v>6417</v>
      </c>
      <c r="E12942" s="18"/>
      <c r="F12942" s="18"/>
      <c r="G12942" s="18"/>
      <c r="H12942" s="18"/>
      <c r="I12942" s="18"/>
      <c r="J12942" s="18"/>
      <c r="K12942" s="18"/>
      <c r="L12942" s="18"/>
      <c r="M12942" s="18"/>
      <c r="N12942" s="18"/>
      <c r="O12942" s="18"/>
      <c r="P12942" s="19">
        <v>190</v>
      </c>
      <c r="Q12942" s="19"/>
      <c r="R12942" s="19"/>
      <c r="S12942" s="19"/>
      <c r="T12942" s="19">
        <v>25</v>
      </c>
      <c r="U12942" s="19"/>
      <c r="V12942" s="19"/>
      <c r="W12942" s="19"/>
      <c r="X12942" s="19">
        <v>1</v>
      </c>
      <c r="Y12942" s="19"/>
      <c r="Z12942" s="19"/>
      <c r="AA12942" s="19"/>
    </row>
    <row r="12943" spans="1:27" s="1" customFormat="1" ht="14.1" customHeight="1" outlineLevel="4" x14ac:dyDescent="0.2">
      <c r="A12943" s="17"/>
      <c r="B12943" s="17"/>
      <c r="C12943" s="17"/>
      <c r="D12943" s="18"/>
      <c r="E12943" s="18"/>
      <c r="F12943" s="18"/>
      <c r="G12943" s="18"/>
      <c r="H12943" s="18"/>
      <c r="I12943" s="18"/>
      <c r="J12943" s="18"/>
      <c r="K12943" s="18"/>
      <c r="L12943" s="18"/>
      <c r="M12943" s="18"/>
      <c r="N12943" s="18"/>
      <c r="O12943" s="18"/>
      <c r="P12943" s="19"/>
      <c r="Q12943" s="19"/>
      <c r="R12943" s="19"/>
      <c r="S12943" s="19"/>
      <c r="T12943" s="19"/>
      <c r="U12943" s="19"/>
      <c r="V12943" s="19"/>
      <c r="W12943" s="19"/>
      <c r="X12943" s="19"/>
      <c r="Y12943" s="19"/>
      <c r="Z12943" s="19"/>
      <c r="AA12943" s="19"/>
    </row>
    <row r="12944" spans="1:27" s="1" customFormat="1" ht="14.1" customHeight="1" outlineLevel="4" x14ac:dyDescent="0.2">
      <c r="A12944" s="17">
        <v>4130</v>
      </c>
      <c r="B12944" s="17"/>
      <c r="C12944" s="17"/>
      <c r="D12944" s="18" t="s">
        <v>6418</v>
      </c>
      <c r="E12944" s="18"/>
      <c r="F12944" s="18"/>
      <c r="G12944" s="18"/>
      <c r="H12944" s="18"/>
      <c r="I12944" s="18"/>
      <c r="J12944" s="18"/>
      <c r="K12944" s="18"/>
      <c r="L12944" s="18"/>
      <c r="M12944" s="18"/>
      <c r="N12944" s="18"/>
      <c r="O12944" s="18"/>
      <c r="P12944" s="19">
        <v>190</v>
      </c>
      <c r="Q12944" s="19"/>
      <c r="R12944" s="19"/>
      <c r="S12944" s="19"/>
      <c r="T12944" s="19">
        <v>25</v>
      </c>
      <c r="U12944" s="19"/>
      <c r="V12944" s="19"/>
      <c r="W12944" s="19"/>
      <c r="X12944" s="19">
        <v>1</v>
      </c>
      <c r="Y12944" s="19"/>
      <c r="Z12944" s="19"/>
      <c r="AA12944" s="19"/>
    </row>
    <row r="12945" spans="1:27" s="1" customFormat="1" ht="14.1" customHeight="1" outlineLevel="4" x14ac:dyDescent="0.2">
      <c r="A12945" s="17"/>
      <c r="B12945" s="17"/>
      <c r="C12945" s="17"/>
      <c r="D12945" s="18"/>
      <c r="E12945" s="18"/>
      <c r="F12945" s="18"/>
      <c r="G12945" s="18"/>
      <c r="H12945" s="18"/>
      <c r="I12945" s="18"/>
      <c r="J12945" s="18"/>
      <c r="K12945" s="18"/>
      <c r="L12945" s="18"/>
      <c r="M12945" s="18"/>
      <c r="N12945" s="18"/>
      <c r="O12945" s="18"/>
      <c r="P12945" s="19"/>
      <c r="Q12945" s="19"/>
      <c r="R12945" s="19"/>
      <c r="S12945" s="19"/>
      <c r="T12945" s="19"/>
      <c r="U12945" s="19"/>
      <c r="V12945" s="19"/>
      <c r="W12945" s="19"/>
      <c r="X12945" s="19"/>
      <c r="Y12945" s="19"/>
      <c r="Z12945" s="19"/>
      <c r="AA12945" s="19"/>
    </row>
    <row r="12946" spans="1:27" s="1" customFormat="1" ht="14.1" customHeight="1" outlineLevel="4" x14ac:dyDescent="0.2">
      <c r="A12946" s="17">
        <v>6035</v>
      </c>
      <c r="B12946" s="17"/>
      <c r="C12946" s="17"/>
      <c r="D12946" s="18" t="s">
        <v>6419</v>
      </c>
      <c r="E12946" s="18"/>
      <c r="F12946" s="18"/>
      <c r="G12946" s="18"/>
      <c r="H12946" s="18"/>
      <c r="I12946" s="18"/>
      <c r="J12946" s="18"/>
      <c r="K12946" s="18"/>
      <c r="L12946" s="18"/>
      <c r="M12946" s="18"/>
      <c r="N12946" s="18"/>
      <c r="O12946" s="18"/>
      <c r="P12946" s="19">
        <v>90</v>
      </c>
      <c r="Q12946" s="19"/>
      <c r="R12946" s="19"/>
      <c r="S12946" s="19"/>
      <c r="T12946" s="19">
        <v>25</v>
      </c>
      <c r="U12946" s="19"/>
      <c r="V12946" s="19"/>
      <c r="W12946" s="19"/>
      <c r="X12946" s="19">
        <v>1</v>
      </c>
      <c r="Y12946" s="19"/>
      <c r="Z12946" s="19"/>
      <c r="AA12946" s="19"/>
    </row>
    <row r="12947" spans="1:27" s="1" customFormat="1" ht="14.1" customHeight="1" outlineLevel="4" x14ac:dyDescent="0.2">
      <c r="A12947" s="17"/>
      <c r="B12947" s="17"/>
      <c r="C12947" s="17"/>
      <c r="D12947" s="18"/>
      <c r="E12947" s="18"/>
      <c r="F12947" s="18"/>
      <c r="G12947" s="18"/>
      <c r="H12947" s="18"/>
      <c r="I12947" s="18"/>
      <c r="J12947" s="18"/>
      <c r="K12947" s="18"/>
      <c r="L12947" s="18"/>
      <c r="M12947" s="18"/>
      <c r="N12947" s="18"/>
      <c r="O12947" s="18"/>
      <c r="P12947" s="19"/>
      <c r="Q12947" s="19"/>
      <c r="R12947" s="19"/>
      <c r="S12947" s="19"/>
      <c r="T12947" s="19"/>
      <c r="U12947" s="19"/>
      <c r="V12947" s="19"/>
      <c r="W12947" s="19"/>
      <c r="X12947" s="19"/>
      <c r="Y12947" s="19"/>
      <c r="Z12947" s="19"/>
      <c r="AA12947" s="19"/>
    </row>
    <row r="12948" spans="1:27" s="1" customFormat="1" ht="14.1" customHeight="1" outlineLevel="4" x14ac:dyDescent="0.2">
      <c r="A12948" s="17">
        <v>5358</v>
      </c>
      <c r="B12948" s="17"/>
      <c r="C12948" s="17"/>
      <c r="D12948" s="18" t="s">
        <v>6420</v>
      </c>
      <c r="E12948" s="18"/>
      <c r="F12948" s="18"/>
      <c r="G12948" s="18"/>
      <c r="H12948" s="18"/>
      <c r="I12948" s="18"/>
      <c r="J12948" s="18"/>
      <c r="K12948" s="18"/>
      <c r="L12948" s="18"/>
      <c r="M12948" s="18"/>
      <c r="N12948" s="18"/>
      <c r="O12948" s="18"/>
      <c r="P12948" s="19">
        <v>90</v>
      </c>
      <c r="Q12948" s="19"/>
      <c r="R12948" s="19"/>
      <c r="S12948" s="19"/>
      <c r="T12948" s="19">
        <v>25</v>
      </c>
      <c r="U12948" s="19"/>
      <c r="V12948" s="19"/>
      <c r="W12948" s="19"/>
      <c r="X12948" s="19">
        <v>3</v>
      </c>
      <c r="Y12948" s="19"/>
      <c r="Z12948" s="19"/>
      <c r="AA12948" s="19"/>
    </row>
    <row r="12949" spans="1:27" s="1" customFormat="1" ht="14.1" customHeight="1" outlineLevel="4" x14ac:dyDescent="0.2">
      <c r="A12949" s="17"/>
      <c r="B12949" s="17"/>
      <c r="C12949" s="17"/>
      <c r="D12949" s="18"/>
      <c r="E12949" s="18"/>
      <c r="F12949" s="18"/>
      <c r="G12949" s="18"/>
      <c r="H12949" s="18"/>
      <c r="I12949" s="18"/>
      <c r="J12949" s="18"/>
      <c r="K12949" s="18"/>
      <c r="L12949" s="18"/>
      <c r="M12949" s="18"/>
      <c r="N12949" s="18"/>
      <c r="O12949" s="18"/>
      <c r="P12949" s="19"/>
      <c r="Q12949" s="19"/>
      <c r="R12949" s="19"/>
      <c r="S12949" s="19"/>
      <c r="T12949" s="19"/>
      <c r="U12949" s="19"/>
      <c r="V12949" s="19"/>
      <c r="W12949" s="19"/>
      <c r="X12949" s="19"/>
      <c r="Y12949" s="19"/>
      <c r="Z12949" s="19"/>
      <c r="AA12949" s="19"/>
    </row>
    <row r="12950" spans="1:27" s="1" customFormat="1" ht="11.1" customHeight="1" outlineLevel="3" x14ac:dyDescent="0.2">
      <c r="A12950" s="16" t="s">
        <v>1298</v>
      </c>
      <c r="B12950" s="16"/>
      <c r="C12950" s="16"/>
      <c r="D12950" s="16"/>
      <c r="E12950" s="16"/>
      <c r="F12950" s="16"/>
      <c r="G12950" s="16"/>
      <c r="H12950" s="16"/>
      <c r="I12950" s="16"/>
      <c r="J12950" s="16"/>
      <c r="K12950" s="16"/>
      <c r="L12950" s="16"/>
      <c r="M12950" s="16"/>
      <c r="N12950" s="16"/>
      <c r="O12950" s="16"/>
      <c r="P12950" s="16"/>
      <c r="Q12950" s="16"/>
      <c r="R12950" s="16"/>
      <c r="S12950" s="16"/>
      <c r="T12950" s="16"/>
      <c r="U12950" s="16"/>
      <c r="V12950" s="16"/>
      <c r="W12950" s="16"/>
      <c r="X12950" s="16"/>
      <c r="Y12950" s="16"/>
      <c r="Z12950" s="16"/>
      <c r="AA12950" s="16"/>
    </row>
    <row r="12951" spans="1:27" s="1" customFormat="1" ht="11.1" customHeight="1" outlineLevel="3" x14ac:dyDescent="0.2">
      <c r="A12951" s="16"/>
      <c r="B12951" s="16"/>
      <c r="C12951" s="16"/>
      <c r="D12951" s="16"/>
      <c r="E12951" s="16"/>
      <c r="F12951" s="16"/>
      <c r="G12951" s="16"/>
      <c r="H12951" s="16"/>
      <c r="I12951" s="16"/>
      <c r="J12951" s="16"/>
      <c r="K12951" s="16"/>
      <c r="L12951" s="16"/>
      <c r="M12951" s="16"/>
      <c r="N12951" s="16"/>
      <c r="O12951" s="16"/>
      <c r="P12951" s="16"/>
      <c r="Q12951" s="16"/>
      <c r="R12951" s="16"/>
      <c r="S12951" s="16"/>
      <c r="T12951" s="16"/>
      <c r="U12951" s="16"/>
      <c r="V12951" s="16"/>
      <c r="W12951" s="16"/>
      <c r="X12951" s="16"/>
      <c r="Y12951" s="16"/>
      <c r="Z12951" s="16"/>
      <c r="AA12951" s="16"/>
    </row>
    <row r="12952" spans="1:27" s="1" customFormat="1" ht="11.1" customHeight="1" outlineLevel="4" x14ac:dyDescent="0.2">
      <c r="A12952" s="17">
        <v>9856</v>
      </c>
      <c r="B12952" s="17"/>
      <c r="C12952" s="17"/>
      <c r="D12952" s="18" t="s">
        <v>6421</v>
      </c>
      <c r="E12952" s="18"/>
      <c r="F12952" s="18"/>
      <c r="G12952" s="18"/>
      <c r="H12952" s="18"/>
      <c r="I12952" s="18"/>
      <c r="J12952" s="18"/>
      <c r="K12952" s="18"/>
      <c r="L12952" s="18"/>
      <c r="M12952" s="18"/>
      <c r="N12952" s="18"/>
      <c r="O12952" s="18"/>
      <c r="P12952" s="19">
        <v>200</v>
      </c>
      <c r="Q12952" s="19"/>
      <c r="R12952" s="19"/>
      <c r="S12952" s="19"/>
      <c r="T12952" s="19">
        <v>60</v>
      </c>
      <c r="U12952" s="19"/>
      <c r="V12952" s="19"/>
      <c r="W12952" s="19"/>
      <c r="X12952" s="19">
        <v>1</v>
      </c>
      <c r="Y12952" s="19"/>
      <c r="Z12952" s="19"/>
      <c r="AA12952" s="19"/>
    </row>
    <row r="12953" spans="1:27" s="1" customFormat="1" ht="11.1" customHeight="1" outlineLevel="4" x14ac:dyDescent="0.2">
      <c r="A12953" s="17"/>
      <c r="B12953" s="17"/>
      <c r="C12953" s="17"/>
      <c r="D12953" s="18"/>
      <c r="E12953" s="18"/>
      <c r="F12953" s="18"/>
      <c r="G12953" s="18"/>
      <c r="H12953" s="18"/>
      <c r="I12953" s="18"/>
      <c r="J12953" s="18"/>
      <c r="K12953" s="18"/>
      <c r="L12953" s="18"/>
      <c r="M12953" s="18"/>
      <c r="N12953" s="18"/>
      <c r="O12953" s="18"/>
      <c r="P12953" s="19"/>
      <c r="Q12953" s="19"/>
      <c r="R12953" s="19"/>
      <c r="S12953" s="19"/>
      <c r="T12953" s="19"/>
      <c r="U12953" s="19"/>
      <c r="V12953" s="19"/>
      <c r="W12953" s="19"/>
      <c r="X12953" s="19"/>
      <c r="Y12953" s="19"/>
      <c r="Z12953" s="19"/>
      <c r="AA12953" s="19"/>
    </row>
    <row r="12954" spans="1:27" s="1" customFormat="1" ht="14.1" customHeight="1" outlineLevel="4" x14ac:dyDescent="0.2">
      <c r="A12954" s="17">
        <v>12263</v>
      </c>
      <c r="B12954" s="17"/>
      <c r="C12954" s="17"/>
      <c r="D12954" s="18" t="s">
        <v>6422</v>
      </c>
      <c r="E12954" s="18"/>
      <c r="F12954" s="18"/>
      <c r="G12954" s="18"/>
      <c r="H12954" s="18"/>
      <c r="I12954" s="18"/>
      <c r="J12954" s="18"/>
      <c r="K12954" s="18"/>
      <c r="L12954" s="18"/>
      <c r="M12954" s="18"/>
      <c r="N12954" s="18"/>
      <c r="O12954" s="18"/>
      <c r="P12954" s="19">
        <v>200</v>
      </c>
      <c r="Q12954" s="19"/>
      <c r="R12954" s="19"/>
      <c r="S12954" s="19"/>
      <c r="T12954" s="19">
        <v>60</v>
      </c>
      <c r="U12954" s="19"/>
      <c r="V12954" s="19"/>
      <c r="W12954" s="19"/>
      <c r="X12954" s="19">
        <v>25</v>
      </c>
      <c r="Y12954" s="19"/>
      <c r="Z12954" s="19"/>
      <c r="AA12954" s="19"/>
    </row>
    <row r="12955" spans="1:27" s="1" customFormat="1" ht="14.1" customHeight="1" outlineLevel="4" x14ac:dyDescent="0.2">
      <c r="A12955" s="17"/>
      <c r="B12955" s="17"/>
      <c r="C12955" s="17"/>
      <c r="D12955" s="18"/>
      <c r="E12955" s="18"/>
      <c r="F12955" s="18"/>
      <c r="G12955" s="18"/>
      <c r="H12955" s="18"/>
      <c r="I12955" s="18"/>
      <c r="J12955" s="18"/>
      <c r="K12955" s="18"/>
      <c r="L12955" s="18"/>
      <c r="M12955" s="18"/>
      <c r="N12955" s="18"/>
      <c r="O12955" s="18"/>
      <c r="P12955" s="19"/>
      <c r="Q12955" s="19"/>
      <c r="R12955" s="19"/>
      <c r="S12955" s="19"/>
      <c r="T12955" s="19"/>
      <c r="U12955" s="19"/>
      <c r="V12955" s="19"/>
      <c r="W12955" s="19"/>
      <c r="X12955" s="19"/>
      <c r="Y12955" s="19"/>
      <c r="Z12955" s="19"/>
      <c r="AA12955" s="19"/>
    </row>
    <row r="12956" spans="1:27" s="1" customFormat="1" ht="11.1" customHeight="1" outlineLevel="4" x14ac:dyDescent="0.2">
      <c r="A12956" s="17">
        <v>6936</v>
      </c>
      <c r="B12956" s="17"/>
      <c r="C12956" s="17"/>
      <c r="D12956" s="18" t="s">
        <v>6423</v>
      </c>
      <c r="E12956" s="18"/>
      <c r="F12956" s="18"/>
      <c r="G12956" s="18"/>
      <c r="H12956" s="18"/>
      <c r="I12956" s="18"/>
      <c r="J12956" s="18"/>
      <c r="K12956" s="18"/>
      <c r="L12956" s="18"/>
      <c r="M12956" s="18"/>
      <c r="N12956" s="18"/>
      <c r="O12956" s="18"/>
      <c r="P12956" s="19">
        <v>200</v>
      </c>
      <c r="Q12956" s="19"/>
      <c r="R12956" s="19"/>
      <c r="S12956" s="19"/>
      <c r="T12956" s="19">
        <v>60</v>
      </c>
      <c r="U12956" s="19"/>
      <c r="V12956" s="19"/>
      <c r="W12956" s="19"/>
      <c r="X12956" s="19">
        <v>47</v>
      </c>
      <c r="Y12956" s="19"/>
      <c r="Z12956" s="19"/>
      <c r="AA12956" s="19"/>
    </row>
    <row r="12957" spans="1:27" s="1" customFormat="1" ht="11.1" customHeight="1" outlineLevel="4" x14ac:dyDescent="0.2">
      <c r="A12957" s="17"/>
      <c r="B12957" s="17"/>
      <c r="C12957" s="17"/>
      <c r="D12957" s="18"/>
      <c r="E12957" s="18"/>
      <c r="F12957" s="18"/>
      <c r="G12957" s="18"/>
      <c r="H12957" s="18"/>
      <c r="I12957" s="18"/>
      <c r="J12957" s="18"/>
      <c r="K12957" s="18"/>
      <c r="L12957" s="18"/>
      <c r="M12957" s="18"/>
      <c r="N12957" s="18"/>
      <c r="O12957" s="18"/>
      <c r="P12957" s="19"/>
      <c r="Q12957" s="19"/>
      <c r="R12957" s="19"/>
      <c r="S12957" s="19"/>
      <c r="T12957" s="19"/>
      <c r="U12957" s="19"/>
      <c r="V12957" s="19"/>
      <c r="W12957" s="19"/>
      <c r="X12957" s="19"/>
      <c r="Y12957" s="19"/>
      <c r="Z12957" s="19"/>
      <c r="AA12957" s="19"/>
    </row>
    <row r="12958" spans="1:27" s="1" customFormat="1" ht="11.1" customHeight="1" outlineLevel="4" x14ac:dyDescent="0.2">
      <c r="A12958" s="17">
        <v>6938</v>
      </c>
      <c r="B12958" s="17"/>
      <c r="C12958" s="17"/>
      <c r="D12958" s="18" t="s">
        <v>6424</v>
      </c>
      <c r="E12958" s="18"/>
      <c r="F12958" s="18"/>
      <c r="G12958" s="18"/>
      <c r="H12958" s="18"/>
      <c r="I12958" s="18"/>
      <c r="J12958" s="18"/>
      <c r="K12958" s="18"/>
      <c r="L12958" s="18"/>
      <c r="M12958" s="18"/>
      <c r="N12958" s="18"/>
      <c r="O12958" s="18"/>
      <c r="P12958" s="19">
        <v>200</v>
      </c>
      <c r="Q12958" s="19"/>
      <c r="R12958" s="19"/>
      <c r="S12958" s="19"/>
      <c r="T12958" s="19">
        <v>60</v>
      </c>
      <c r="U12958" s="19"/>
      <c r="V12958" s="19"/>
      <c r="W12958" s="19"/>
      <c r="X12958" s="19">
        <v>8</v>
      </c>
      <c r="Y12958" s="19"/>
      <c r="Z12958" s="19"/>
      <c r="AA12958" s="19"/>
    </row>
    <row r="12959" spans="1:27" s="1" customFormat="1" ht="11.1" customHeight="1" outlineLevel="4" x14ac:dyDescent="0.2">
      <c r="A12959" s="17"/>
      <c r="B12959" s="17"/>
      <c r="C12959" s="17"/>
      <c r="D12959" s="18"/>
      <c r="E12959" s="18"/>
      <c r="F12959" s="18"/>
      <c r="G12959" s="18"/>
      <c r="H12959" s="18"/>
      <c r="I12959" s="18"/>
      <c r="J12959" s="18"/>
      <c r="K12959" s="18"/>
      <c r="L12959" s="18"/>
      <c r="M12959" s="18"/>
      <c r="N12959" s="18"/>
      <c r="O12959" s="18"/>
      <c r="P12959" s="19"/>
      <c r="Q12959" s="19"/>
      <c r="R12959" s="19"/>
      <c r="S12959" s="19"/>
      <c r="T12959" s="19"/>
      <c r="U12959" s="19"/>
      <c r="V12959" s="19"/>
      <c r="W12959" s="19"/>
      <c r="X12959" s="19"/>
      <c r="Y12959" s="19"/>
      <c r="Z12959" s="19"/>
      <c r="AA12959" s="19"/>
    </row>
    <row r="12960" spans="1:27" s="1" customFormat="1" ht="14.1" customHeight="1" outlineLevel="4" x14ac:dyDescent="0.2">
      <c r="A12960" s="17">
        <v>6466</v>
      </c>
      <c r="B12960" s="17"/>
      <c r="C12960" s="17"/>
      <c r="D12960" s="18" t="s">
        <v>6425</v>
      </c>
      <c r="E12960" s="18"/>
      <c r="F12960" s="18"/>
      <c r="G12960" s="18"/>
      <c r="H12960" s="18"/>
      <c r="I12960" s="18"/>
      <c r="J12960" s="18"/>
      <c r="K12960" s="18"/>
      <c r="L12960" s="18"/>
      <c r="M12960" s="18"/>
      <c r="N12960" s="18"/>
      <c r="O12960" s="18"/>
      <c r="P12960" s="19">
        <v>90</v>
      </c>
      <c r="Q12960" s="19"/>
      <c r="R12960" s="19"/>
      <c r="S12960" s="19"/>
      <c r="T12960" s="19">
        <v>25</v>
      </c>
      <c r="U12960" s="19"/>
      <c r="V12960" s="19"/>
      <c r="W12960" s="19"/>
      <c r="X12960" s="19">
        <v>2</v>
      </c>
      <c r="Y12960" s="19"/>
      <c r="Z12960" s="19"/>
      <c r="AA12960" s="19"/>
    </row>
    <row r="12961" spans="1:27" s="1" customFormat="1" ht="14.1" customHeight="1" outlineLevel="4" x14ac:dyDescent="0.2">
      <c r="A12961" s="17"/>
      <c r="B12961" s="17"/>
      <c r="C12961" s="17"/>
      <c r="D12961" s="18"/>
      <c r="E12961" s="18"/>
      <c r="F12961" s="18"/>
      <c r="G12961" s="18"/>
      <c r="H12961" s="18"/>
      <c r="I12961" s="18"/>
      <c r="J12961" s="18"/>
      <c r="K12961" s="18"/>
      <c r="L12961" s="18"/>
      <c r="M12961" s="18"/>
      <c r="N12961" s="18"/>
      <c r="O12961" s="18"/>
      <c r="P12961" s="19"/>
      <c r="Q12961" s="19"/>
      <c r="R12961" s="19"/>
      <c r="S12961" s="19"/>
      <c r="T12961" s="19"/>
      <c r="U12961" s="19"/>
      <c r="V12961" s="19"/>
      <c r="W12961" s="19"/>
      <c r="X12961" s="19"/>
      <c r="Y12961" s="19"/>
      <c r="Z12961" s="19"/>
      <c r="AA12961" s="19"/>
    </row>
    <row r="12962" spans="1:27" s="1" customFormat="1" ht="11.1" customHeight="1" outlineLevel="4" x14ac:dyDescent="0.2">
      <c r="A12962" s="17">
        <v>6935</v>
      </c>
      <c r="B12962" s="17"/>
      <c r="C12962" s="17"/>
      <c r="D12962" s="18" t="s">
        <v>6426</v>
      </c>
      <c r="E12962" s="18"/>
      <c r="F12962" s="18"/>
      <c r="G12962" s="18"/>
      <c r="H12962" s="18"/>
      <c r="I12962" s="18"/>
      <c r="J12962" s="18"/>
      <c r="K12962" s="18"/>
      <c r="L12962" s="18"/>
      <c r="M12962" s="18"/>
      <c r="N12962" s="18"/>
      <c r="O12962" s="18"/>
      <c r="P12962" s="19">
        <v>200</v>
      </c>
      <c r="Q12962" s="19"/>
      <c r="R12962" s="19"/>
      <c r="S12962" s="19"/>
      <c r="T12962" s="19">
        <v>60</v>
      </c>
      <c r="U12962" s="19"/>
      <c r="V12962" s="19"/>
      <c r="W12962" s="19"/>
      <c r="X12962" s="19">
        <v>47</v>
      </c>
      <c r="Y12962" s="19"/>
      <c r="Z12962" s="19"/>
      <c r="AA12962" s="19"/>
    </row>
    <row r="12963" spans="1:27" s="1" customFormat="1" ht="11.1" customHeight="1" outlineLevel="4" x14ac:dyDescent="0.2">
      <c r="A12963" s="17"/>
      <c r="B12963" s="17"/>
      <c r="C12963" s="17"/>
      <c r="D12963" s="18"/>
      <c r="E12963" s="18"/>
      <c r="F12963" s="18"/>
      <c r="G12963" s="18"/>
      <c r="H12963" s="18"/>
      <c r="I12963" s="18"/>
      <c r="J12963" s="18"/>
      <c r="K12963" s="18"/>
      <c r="L12963" s="18"/>
      <c r="M12963" s="18"/>
      <c r="N12963" s="18"/>
      <c r="O12963" s="18"/>
      <c r="P12963" s="19"/>
      <c r="Q12963" s="19"/>
      <c r="R12963" s="19"/>
      <c r="S12963" s="19"/>
      <c r="T12963" s="19"/>
      <c r="U12963" s="19"/>
      <c r="V12963" s="19"/>
      <c r="W12963" s="19"/>
      <c r="X12963" s="19"/>
      <c r="Y12963" s="19"/>
      <c r="Z12963" s="19"/>
      <c r="AA12963" s="19"/>
    </row>
    <row r="12964" spans="1:27" s="1" customFormat="1" ht="11.1" customHeight="1" outlineLevel="4" x14ac:dyDescent="0.2">
      <c r="A12964" s="17">
        <v>9057</v>
      </c>
      <c r="B12964" s="17"/>
      <c r="C12964" s="17"/>
      <c r="D12964" s="18" t="s">
        <v>6427</v>
      </c>
      <c r="E12964" s="18"/>
      <c r="F12964" s="18"/>
      <c r="G12964" s="18"/>
      <c r="H12964" s="18"/>
      <c r="I12964" s="18"/>
      <c r="J12964" s="18"/>
      <c r="K12964" s="18"/>
      <c r="L12964" s="18"/>
      <c r="M12964" s="18"/>
      <c r="N12964" s="18"/>
      <c r="O12964" s="18"/>
      <c r="P12964" s="19">
        <v>200</v>
      </c>
      <c r="Q12964" s="19"/>
      <c r="R12964" s="19"/>
      <c r="S12964" s="19"/>
      <c r="T12964" s="19">
        <v>60</v>
      </c>
      <c r="U12964" s="19"/>
      <c r="V12964" s="19"/>
      <c r="W12964" s="19"/>
      <c r="X12964" s="19">
        <v>14</v>
      </c>
      <c r="Y12964" s="19"/>
      <c r="Z12964" s="19"/>
      <c r="AA12964" s="19"/>
    </row>
    <row r="12965" spans="1:27" s="1" customFormat="1" ht="11.1" customHeight="1" outlineLevel="4" x14ac:dyDescent="0.2">
      <c r="A12965" s="17"/>
      <c r="B12965" s="17"/>
      <c r="C12965" s="17"/>
      <c r="D12965" s="18"/>
      <c r="E12965" s="18"/>
      <c r="F12965" s="18"/>
      <c r="G12965" s="18"/>
      <c r="H12965" s="18"/>
      <c r="I12965" s="18"/>
      <c r="J12965" s="18"/>
      <c r="K12965" s="18"/>
      <c r="L12965" s="18"/>
      <c r="M12965" s="18"/>
      <c r="N12965" s="18"/>
      <c r="O12965" s="18"/>
      <c r="P12965" s="19"/>
      <c r="Q12965" s="19"/>
      <c r="R12965" s="19"/>
      <c r="S12965" s="19"/>
      <c r="T12965" s="19"/>
      <c r="U12965" s="19"/>
      <c r="V12965" s="19"/>
      <c r="W12965" s="19"/>
      <c r="X12965" s="19"/>
      <c r="Y12965" s="19"/>
      <c r="Z12965" s="19"/>
      <c r="AA12965" s="19"/>
    </row>
    <row r="12966" spans="1:27" s="1" customFormat="1" ht="14.1" customHeight="1" outlineLevel="4" x14ac:dyDescent="0.2">
      <c r="A12966" s="17">
        <v>8267</v>
      </c>
      <c r="B12966" s="17"/>
      <c r="C12966" s="17"/>
      <c r="D12966" s="18" t="s">
        <v>6428</v>
      </c>
      <c r="E12966" s="18"/>
      <c r="F12966" s="18"/>
      <c r="G12966" s="18"/>
      <c r="H12966" s="18"/>
      <c r="I12966" s="18"/>
      <c r="J12966" s="18"/>
      <c r="K12966" s="18"/>
      <c r="L12966" s="18"/>
      <c r="M12966" s="18"/>
      <c r="N12966" s="18"/>
      <c r="O12966" s="18"/>
      <c r="P12966" s="19">
        <v>200</v>
      </c>
      <c r="Q12966" s="19"/>
      <c r="R12966" s="19"/>
      <c r="S12966" s="19"/>
      <c r="T12966" s="19">
        <v>60</v>
      </c>
      <c r="U12966" s="19"/>
      <c r="V12966" s="19"/>
      <c r="W12966" s="19"/>
      <c r="X12966" s="19">
        <v>36</v>
      </c>
      <c r="Y12966" s="19"/>
      <c r="Z12966" s="19"/>
      <c r="AA12966" s="19"/>
    </row>
    <row r="12967" spans="1:27" s="1" customFormat="1" ht="14.1" customHeight="1" outlineLevel="4" x14ac:dyDescent="0.2">
      <c r="A12967" s="17"/>
      <c r="B12967" s="17"/>
      <c r="C12967" s="17"/>
      <c r="D12967" s="18"/>
      <c r="E12967" s="18"/>
      <c r="F12967" s="18"/>
      <c r="G12967" s="18"/>
      <c r="H12967" s="18"/>
      <c r="I12967" s="18"/>
      <c r="J12967" s="18"/>
      <c r="K12967" s="18"/>
      <c r="L12967" s="18"/>
      <c r="M12967" s="18"/>
      <c r="N12967" s="18"/>
      <c r="O12967" s="18"/>
      <c r="P12967" s="19"/>
      <c r="Q12967" s="19"/>
      <c r="R12967" s="19"/>
      <c r="S12967" s="19"/>
      <c r="T12967" s="19"/>
      <c r="U12967" s="19"/>
      <c r="V12967" s="19"/>
      <c r="W12967" s="19"/>
      <c r="X12967" s="19"/>
      <c r="Y12967" s="19"/>
      <c r="Z12967" s="19"/>
      <c r="AA12967" s="19"/>
    </row>
    <row r="12968" spans="1:27" s="1" customFormat="1" ht="11.1" customHeight="1" outlineLevel="4" x14ac:dyDescent="0.2">
      <c r="A12968" s="17">
        <v>6932</v>
      </c>
      <c r="B12968" s="17"/>
      <c r="C12968" s="17"/>
      <c r="D12968" s="18" t="s">
        <v>6429</v>
      </c>
      <c r="E12968" s="18"/>
      <c r="F12968" s="18"/>
      <c r="G12968" s="18"/>
      <c r="H12968" s="18"/>
      <c r="I12968" s="18"/>
      <c r="J12968" s="18"/>
      <c r="K12968" s="18"/>
      <c r="L12968" s="18"/>
      <c r="M12968" s="18"/>
      <c r="N12968" s="18"/>
      <c r="O12968" s="18"/>
      <c r="P12968" s="19">
        <v>200</v>
      </c>
      <c r="Q12968" s="19"/>
      <c r="R12968" s="19"/>
      <c r="S12968" s="19"/>
      <c r="T12968" s="19">
        <v>60</v>
      </c>
      <c r="U12968" s="19"/>
      <c r="V12968" s="19"/>
      <c r="W12968" s="19"/>
      <c r="X12968" s="19">
        <v>21</v>
      </c>
      <c r="Y12968" s="19"/>
      <c r="Z12968" s="19"/>
      <c r="AA12968" s="19"/>
    </row>
    <row r="12969" spans="1:27" s="1" customFormat="1" ht="11.1" customHeight="1" outlineLevel="4" x14ac:dyDescent="0.2">
      <c r="A12969" s="17"/>
      <c r="B12969" s="17"/>
      <c r="C12969" s="17"/>
      <c r="D12969" s="18"/>
      <c r="E12969" s="18"/>
      <c r="F12969" s="18"/>
      <c r="G12969" s="18"/>
      <c r="H12969" s="18"/>
      <c r="I12969" s="18"/>
      <c r="J12969" s="18"/>
      <c r="K12969" s="18"/>
      <c r="L12969" s="18"/>
      <c r="M12969" s="18"/>
      <c r="N12969" s="18"/>
      <c r="O12969" s="18"/>
      <c r="P12969" s="19"/>
      <c r="Q12969" s="19"/>
      <c r="R12969" s="19"/>
      <c r="S12969" s="19"/>
      <c r="T12969" s="19"/>
      <c r="U12969" s="19"/>
      <c r="V12969" s="19"/>
      <c r="W12969" s="19"/>
      <c r="X12969" s="19"/>
      <c r="Y12969" s="19"/>
      <c r="Z12969" s="19"/>
      <c r="AA12969" s="19"/>
    </row>
    <row r="12970" spans="1:27" s="1" customFormat="1" ht="14.1" customHeight="1" outlineLevel="4" x14ac:dyDescent="0.2">
      <c r="A12970" s="17">
        <v>6465</v>
      </c>
      <c r="B12970" s="17"/>
      <c r="C12970" s="17"/>
      <c r="D12970" s="18" t="s">
        <v>6430</v>
      </c>
      <c r="E12970" s="18"/>
      <c r="F12970" s="18"/>
      <c r="G12970" s="18"/>
      <c r="H12970" s="18"/>
      <c r="I12970" s="18"/>
      <c r="J12970" s="18"/>
      <c r="K12970" s="18"/>
      <c r="L12970" s="18"/>
      <c r="M12970" s="18"/>
      <c r="N12970" s="18"/>
      <c r="O12970" s="18"/>
      <c r="P12970" s="19">
        <v>190</v>
      </c>
      <c r="Q12970" s="19"/>
      <c r="R12970" s="19"/>
      <c r="S12970" s="19"/>
      <c r="T12970" s="19">
        <v>25</v>
      </c>
      <c r="U12970" s="19"/>
      <c r="V12970" s="19"/>
      <c r="W12970" s="19"/>
      <c r="X12970" s="19">
        <v>2</v>
      </c>
      <c r="Y12970" s="19"/>
      <c r="Z12970" s="19"/>
      <c r="AA12970" s="19"/>
    </row>
    <row r="12971" spans="1:27" s="1" customFormat="1" ht="14.1" customHeight="1" outlineLevel="4" x14ac:dyDescent="0.2">
      <c r="A12971" s="17"/>
      <c r="B12971" s="17"/>
      <c r="C12971" s="17"/>
      <c r="D12971" s="18"/>
      <c r="E12971" s="18"/>
      <c r="F12971" s="18"/>
      <c r="G12971" s="18"/>
      <c r="H12971" s="18"/>
      <c r="I12971" s="18"/>
      <c r="J12971" s="18"/>
      <c r="K12971" s="18"/>
      <c r="L12971" s="18"/>
      <c r="M12971" s="18"/>
      <c r="N12971" s="18"/>
      <c r="O12971" s="18"/>
      <c r="P12971" s="19"/>
      <c r="Q12971" s="19"/>
      <c r="R12971" s="19"/>
      <c r="S12971" s="19"/>
      <c r="T12971" s="19"/>
      <c r="U12971" s="19"/>
      <c r="V12971" s="19"/>
      <c r="W12971" s="19"/>
      <c r="X12971" s="19"/>
      <c r="Y12971" s="19"/>
      <c r="Z12971" s="19"/>
      <c r="AA12971" s="19"/>
    </row>
    <row r="12972" spans="1:27" s="1" customFormat="1" ht="14.1" customHeight="1" outlineLevel="4" x14ac:dyDescent="0.2">
      <c r="A12972" s="17">
        <v>7147</v>
      </c>
      <c r="B12972" s="17"/>
      <c r="C12972" s="17"/>
      <c r="D12972" s="18" t="s">
        <v>6431</v>
      </c>
      <c r="E12972" s="18"/>
      <c r="F12972" s="18"/>
      <c r="G12972" s="18"/>
      <c r="H12972" s="18"/>
      <c r="I12972" s="18"/>
      <c r="J12972" s="18"/>
      <c r="K12972" s="18"/>
      <c r="L12972" s="18"/>
      <c r="M12972" s="18"/>
      <c r="N12972" s="18"/>
      <c r="O12972" s="18"/>
      <c r="P12972" s="19">
        <v>200</v>
      </c>
      <c r="Q12972" s="19"/>
      <c r="R12972" s="19"/>
      <c r="S12972" s="19"/>
      <c r="T12972" s="19">
        <v>60</v>
      </c>
      <c r="U12972" s="19"/>
      <c r="V12972" s="19"/>
      <c r="W12972" s="19"/>
      <c r="X12972" s="19">
        <v>4</v>
      </c>
      <c r="Y12972" s="19"/>
      <c r="Z12972" s="19"/>
      <c r="AA12972" s="19"/>
    </row>
    <row r="12973" spans="1:27" s="1" customFormat="1" ht="14.1" customHeight="1" outlineLevel="4" x14ac:dyDescent="0.2">
      <c r="A12973" s="17"/>
      <c r="B12973" s="17"/>
      <c r="C12973" s="17"/>
      <c r="D12973" s="18"/>
      <c r="E12973" s="18"/>
      <c r="F12973" s="18"/>
      <c r="G12973" s="18"/>
      <c r="H12973" s="18"/>
      <c r="I12973" s="18"/>
      <c r="J12973" s="18"/>
      <c r="K12973" s="18"/>
      <c r="L12973" s="18"/>
      <c r="M12973" s="18"/>
      <c r="N12973" s="18"/>
      <c r="O12973" s="18"/>
      <c r="P12973" s="19"/>
      <c r="Q12973" s="19"/>
      <c r="R12973" s="19"/>
      <c r="S12973" s="19"/>
      <c r="T12973" s="19"/>
      <c r="U12973" s="19"/>
      <c r="V12973" s="19"/>
      <c r="W12973" s="19"/>
      <c r="X12973" s="19"/>
      <c r="Y12973" s="19"/>
      <c r="Z12973" s="19"/>
      <c r="AA12973" s="19"/>
    </row>
    <row r="12974" spans="1:27" s="1" customFormat="1" ht="11.1" customHeight="1" outlineLevel="4" x14ac:dyDescent="0.2">
      <c r="A12974" s="17">
        <v>7148</v>
      </c>
      <c r="B12974" s="17"/>
      <c r="C12974" s="17"/>
      <c r="D12974" s="18" t="s">
        <v>6432</v>
      </c>
      <c r="E12974" s="18"/>
      <c r="F12974" s="18"/>
      <c r="G12974" s="18"/>
      <c r="H12974" s="18"/>
      <c r="I12974" s="18"/>
      <c r="J12974" s="18"/>
      <c r="K12974" s="18"/>
      <c r="L12974" s="18"/>
      <c r="M12974" s="18"/>
      <c r="N12974" s="18"/>
      <c r="O12974" s="18"/>
      <c r="P12974" s="19">
        <v>200</v>
      </c>
      <c r="Q12974" s="19"/>
      <c r="R12974" s="19"/>
      <c r="S12974" s="19"/>
      <c r="T12974" s="19">
        <v>60</v>
      </c>
      <c r="U12974" s="19"/>
      <c r="V12974" s="19"/>
      <c r="W12974" s="19"/>
      <c r="X12974" s="19">
        <v>9</v>
      </c>
      <c r="Y12974" s="19"/>
      <c r="Z12974" s="19"/>
      <c r="AA12974" s="19"/>
    </row>
    <row r="12975" spans="1:27" s="1" customFormat="1" ht="11.1" customHeight="1" outlineLevel="4" x14ac:dyDescent="0.2">
      <c r="A12975" s="17"/>
      <c r="B12975" s="17"/>
      <c r="C12975" s="17"/>
      <c r="D12975" s="18"/>
      <c r="E12975" s="18"/>
      <c r="F12975" s="18"/>
      <c r="G12975" s="18"/>
      <c r="H12975" s="18"/>
      <c r="I12975" s="18"/>
      <c r="J12975" s="18"/>
      <c r="K12975" s="18"/>
      <c r="L12975" s="18"/>
      <c r="M12975" s="18"/>
      <c r="N12975" s="18"/>
      <c r="O12975" s="18"/>
      <c r="P12975" s="19"/>
      <c r="Q12975" s="19"/>
      <c r="R12975" s="19"/>
      <c r="S12975" s="19"/>
      <c r="T12975" s="19"/>
      <c r="U12975" s="19"/>
      <c r="V12975" s="19"/>
      <c r="W12975" s="19"/>
      <c r="X12975" s="19"/>
      <c r="Y12975" s="19"/>
      <c r="Z12975" s="19"/>
      <c r="AA12975" s="19"/>
    </row>
    <row r="12976" spans="1:27" s="1" customFormat="1" ht="11.1" customHeight="1" outlineLevel="4" x14ac:dyDescent="0.2">
      <c r="A12976" s="17">
        <v>12266</v>
      </c>
      <c r="B12976" s="17"/>
      <c r="C12976" s="17"/>
      <c r="D12976" s="18" t="s">
        <v>6433</v>
      </c>
      <c r="E12976" s="18"/>
      <c r="F12976" s="18"/>
      <c r="G12976" s="18"/>
      <c r="H12976" s="18"/>
      <c r="I12976" s="18"/>
      <c r="J12976" s="18"/>
      <c r="K12976" s="18"/>
      <c r="L12976" s="18"/>
      <c r="M12976" s="18"/>
      <c r="N12976" s="18"/>
      <c r="O12976" s="18"/>
      <c r="P12976" s="19">
        <v>200</v>
      </c>
      <c r="Q12976" s="19"/>
      <c r="R12976" s="19"/>
      <c r="S12976" s="19"/>
      <c r="T12976" s="19">
        <v>60</v>
      </c>
      <c r="U12976" s="19"/>
      <c r="V12976" s="19"/>
      <c r="W12976" s="19"/>
      <c r="X12976" s="19">
        <v>18</v>
      </c>
      <c r="Y12976" s="19"/>
      <c r="Z12976" s="19"/>
      <c r="AA12976" s="19"/>
    </row>
    <row r="12977" spans="1:27" s="1" customFormat="1" ht="11.1" customHeight="1" outlineLevel="4" x14ac:dyDescent="0.2">
      <c r="A12977" s="17"/>
      <c r="B12977" s="17"/>
      <c r="C12977" s="17"/>
      <c r="D12977" s="18"/>
      <c r="E12977" s="18"/>
      <c r="F12977" s="18"/>
      <c r="G12977" s="18"/>
      <c r="H12977" s="18"/>
      <c r="I12977" s="18"/>
      <c r="J12977" s="18"/>
      <c r="K12977" s="18"/>
      <c r="L12977" s="18"/>
      <c r="M12977" s="18"/>
      <c r="N12977" s="18"/>
      <c r="O12977" s="18"/>
      <c r="P12977" s="19"/>
      <c r="Q12977" s="19"/>
      <c r="R12977" s="19"/>
      <c r="S12977" s="19"/>
      <c r="T12977" s="19"/>
      <c r="U12977" s="19"/>
      <c r="V12977" s="19"/>
      <c r="W12977" s="19"/>
      <c r="X12977" s="19"/>
      <c r="Y12977" s="19"/>
      <c r="Z12977" s="19"/>
      <c r="AA12977" s="19"/>
    </row>
    <row r="12978" spans="1:27" s="1" customFormat="1" ht="11.1" customHeight="1" outlineLevel="4" x14ac:dyDescent="0.2">
      <c r="A12978" s="17">
        <v>12267</v>
      </c>
      <c r="B12978" s="17"/>
      <c r="C12978" s="17"/>
      <c r="D12978" s="18" t="s">
        <v>6434</v>
      </c>
      <c r="E12978" s="18"/>
      <c r="F12978" s="18"/>
      <c r="G12978" s="18"/>
      <c r="H12978" s="18"/>
      <c r="I12978" s="18"/>
      <c r="J12978" s="18"/>
      <c r="K12978" s="18"/>
      <c r="L12978" s="18"/>
      <c r="M12978" s="18"/>
      <c r="N12978" s="18"/>
      <c r="O12978" s="18"/>
      <c r="P12978" s="19">
        <v>200</v>
      </c>
      <c r="Q12978" s="19"/>
      <c r="R12978" s="19"/>
      <c r="S12978" s="19"/>
      <c r="T12978" s="19">
        <v>60</v>
      </c>
      <c r="U12978" s="19"/>
      <c r="V12978" s="19"/>
      <c r="W12978" s="19"/>
      <c r="X12978" s="19">
        <v>24</v>
      </c>
      <c r="Y12978" s="19"/>
      <c r="Z12978" s="19"/>
      <c r="AA12978" s="19"/>
    </row>
    <row r="12979" spans="1:27" s="1" customFormat="1" ht="11.1" customHeight="1" outlineLevel="4" x14ac:dyDescent="0.2">
      <c r="A12979" s="17"/>
      <c r="B12979" s="17"/>
      <c r="C12979" s="17"/>
      <c r="D12979" s="18"/>
      <c r="E12979" s="18"/>
      <c r="F12979" s="18"/>
      <c r="G12979" s="18"/>
      <c r="H12979" s="18"/>
      <c r="I12979" s="18"/>
      <c r="J12979" s="18"/>
      <c r="K12979" s="18"/>
      <c r="L12979" s="18"/>
      <c r="M12979" s="18"/>
      <c r="N12979" s="18"/>
      <c r="O12979" s="18"/>
      <c r="P12979" s="19"/>
      <c r="Q12979" s="19"/>
      <c r="R12979" s="19"/>
      <c r="S12979" s="19"/>
      <c r="T12979" s="19"/>
      <c r="U12979" s="19"/>
      <c r="V12979" s="19"/>
      <c r="W12979" s="19"/>
      <c r="X12979" s="19"/>
      <c r="Y12979" s="19"/>
      <c r="Z12979" s="19"/>
      <c r="AA12979" s="19"/>
    </row>
    <row r="12980" spans="1:27" s="1" customFormat="1" ht="11.1" customHeight="1" outlineLevel="4" x14ac:dyDescent="0.2">
      <c r="A12980" s="17">
        <v>12264</v>
      </c>
      <c r="B12980" s="17"/>
      <c r="C12980" s="17"/>
      <c r="D12980" s="18" t="s">
        <v>6435</v>
      </c>
      <c r="E12980" s="18"/>
      <c r="F12980" s="18"/>
      <c r="G12980" s="18"/>
      <c r="H12980" s="18"/>
      <c r="I12980" s="18"/>
      <c r="J12980" s="18"/>
      <c r="K12980" s="18"/>
      <c r="L12980" s="18"/>
      <c r="M12980" s="18"/>
      <c r="N12980" s="18"/>
      <c r="O12980" s="18"/>
      <c r="P12980" s="19">
        <v>200</v>
      </c>
      <c r="Q12980" s="19"/>
      <c r="R12980" s="19"/>
      <c r="S12980" s="19"/>
      <c r="T12980" s="19">
        <v>60</v>
      </c>
      <c r="U12980" s="19"/>
      <c r="V12980" s="19"/>
      <c r="W12980" s="19"/>
      <c r="X12980" s="19">
        <v>8</v>
      </c>
      <c r="Y12980" s="19"/>
      <c r="Z12980" s="19"/>
      <c r="AA12980" s="19"/>
    </row>
    <row r="12981" spans="1:27" s="1" customFormat="1" ht="11.1" customHeight="1" outlineLevel="4" x14ac:dyDescent="0.2">
      <c r="A12981" s="17"/>
      <c r="B12981" s="17"/>
      <c r="C12981" s="17"/>
      <c r="D12981" s="18"/>
      <c r="E12981" s="18"/>
      <c r="F12981" s="18"/>
      <c r="G12981" s="18"/>
      <c r="H12981" s="18"/>
      <c r="I12981" s="18"/>
      <c r="J12981" s="18"/>
      <c r="K12981" s="18"/>
      <c r="L12981" s="18"/>
      <c r="M12981" s="18"/>
      <c r="N12981" s="18"/>
      <c r="O12981" s="18"/>
      <c r="P12981" s="19"/>
      <c r="Q12981" s="19"/>
      <c r="R12981" s="19"/>
      <c r="S12981" s="19"/>
      <c r="T12981" s="19"/>
      <c r="U12981" s="19"/>
      <c r="V12981" s="19"/>
      <c r="W12981" s="19"/>
      <c r="X12981" s="19"/>
      <c r="Y12981" s="19"/>
      <c r="Z12981" s="19"/>
      <c r="AA12981" s="19"/>
    </row>
    <row r="12982" spans="1:27" s="1" customFormat="1" ht="11.1" customHeight="1" outlineLevel="4" x14ac:dyDescent="0.2">
      <c r="A12982" s="17">
        <v>12265</v>
      </c>
      <c r="B12982" s="17"/>
      <c r="C12982" s="17"/>
      <c r="D12982" s="18" t="s">
        <v>6436</v>
      </c>
      <c r="E12982" s="18"/>
      <c r="F12982" s="18"/>
      <c r="G12982" s="18"/>
      <c r="H12982" s="18"/>
      <c r="I12982" s="18"/>
      <c r="J12982" s="18"/>
      <c r="K12982" s="18"/>
      <c r="L12982" s="18"/>
      <c r="M12982" s="18"/>
      <c r="N12982" s="18"/>
      <c r="O12982" s="18"/>
      <c r="P12982" s="19">
        <v>200</v>
      </c>
      <c r="Q12982" s="19"/>
      <c r="R12982" s="19"/>
      <c r="S12982" s="19"/>
      <c r="T12982" s="19">
        <v>60</v>
      </c>
      <c r="U12982" s="19"/>
      <c r="V12982" s="19"/>
      <c r="W12982" s="19"/>
      <c r="X12982" s="19">
        <v>5</v>
      </c>
      <c r="Y12982" s="19"/>
      <c r="Z12982" s="19"/>
      <c r="AA12982" s="19"/>
    </row>
    <row r="12983" spans="1:27" s="1" customFormat="1" ht="11.1" customHeight="1" outlineLevel="4" x14ac:dyDescent="0.2">
      <c r="A12983" s="17"/>
      <c r="B12983" s="17"/>
      <c r="C12983" s="17"/>
      <c r="D12983" s="18"/>
      <c r="E12983" s="18"/>
      <c r="F12983" s="18"/>
      <c r="G12983" s="18"/>
      <c r="H12983" s="18"/>
      <c r="I12983" s="18"/>
      <c r="J12983" s="18"/>
      <c r="K12983" s="18"/>
      <c r="L12983" s="18"/>
      <c r="M12983" s="18"/>
      <c r="N12983" s="18"/>
      <c r="O12983" s="18"/>
      <c r="P12983" s="19"/>
      <c r="Q12983" s="19"/>
      <c r="R12983" s="19"/>
      <c r="S12983" s="19"/>
      <c r="T12983" s="19"/>
      <c r="U12983" s="19"/>
      <c r="V12983" s="19"/>
      <c r="W12983" s="19"/>
      <c r="X12983" s="19"/>
      <c r="Y12983" s="19"/>
      <c r="Z12983" s="19"/>
      <c r="AA12983" s="19"/>
    </row>
    <row r="12984" spans="1:27" s="1" customFormat="1" ht="11.1" customHeight="1" outlineLevel="4" x14ac:dyDescent="0.2">
      <c r="A12984" s="17">
        <v>15612</v>
      </c>
      <c r="B12984" s="17"/>
      <c r="C12984" s="17"/>
      <c r="D12984" s="18" t="s">
        <v>6437</v>
      </c>
      <c r="E12984" s="18"/>
      <c r="F12984" s="18"/>
      <c r="G12984" s="18"/>
      <c r="H12984" s="18"/>
      <c r="I12984" s="18"/>
      <c r="J12984" s="18"/>
      <c r="K12984" s="18"/>
      <c r="L12984" s="18"/>
      <c r="M12984" s="18"/>
      <c r="N12984" s="18"/>
      <c r="O12984" s="18"/>
      <c r="P12984" s="19">
        <v>200</v>
      </c>
      <c r="Q12984" s="19"/>
      <c r="R12984" s="19"/>
      <c r="S12984" s="19"/>
      <c r="T12984" s="19">
        <v>60</v>
      </c>
      <c r="U12984" s="19"/>
      <c r="V12984" s="19"/>
      <c r="W12984" s="19"/>
      <c r="X12984" s="19">
        <v>9</v>
      </c>
      <c r="Y12984" s="19"/>
      <c r="Z12984" s="19"/>
      <c r="AA12984" s="19"/>
    </row>
    <row r="12985" spans="1:27" s="1" customFormat="1" ht="11.1" customHeight="1" outlineLevel="4" x14ac:dyDescent="0.2">
      <c r="A12985" s="17"/>
      <c r="B12985" s="17"/>
      <c r="C12985" s="17"/>
      <c r="D12985" s="18"/>
      <c r="E12985" s="18"/>
      <c r="F12985" s="18"/>
      <c r="G12985" s="18"/>
      <c r="H12985" s="18"/>
      <c r="I12985" s="18"/>
      <c r="J12985" s="18"/>
      <c r="K12985" s="18"/>
      <c r="L12985" s="18"/>
      <c r="M12985" s="18"/>
      <c r="N12985" s="18"/>
      <c r="O12985" s="18"/>
      <c r="P12985" s="19"/>
      <c r="Q12985" s="19"/>
      <c r="R12985" s="19"/>
      <c r="S12985" s="19"/>
      <c r="T12985" s="19"/>
      <c r="U12985" s="19"/>
      <c r="V12985" s="19"/>
      <c r="W12985" s="19"/>
      <c r="X12985" s="19"/>
      <c r="Y12985" s="19"/>
      <c r="Z12985" s="19"/>
      <c r="AA12985" s="19"/>
    </row>
    <row r="12986" spans="1:27" s="1" customFormat="1" ht="11.1" customHeight="1" outlineLevel="4" x14ac:dyDescent="0.2">
      <c r="A12986" s="17">
        <v>9855</v>
      </c>
      <c r="B12986" s="17"/>
      <c r="C12986" s="17"/>
      <c r="D12986" s="18" t="s">
        <v>6438</v>
      </c>
      <c r="E12986" s="18"/>
      <c r="F12986" s="18"/>
      <c r="G12986" s="18"/>
      <c r="H12986" s="18"/>
      <c r="I12986" s="18"/>
      <c r="J12986" s="18"/>
      <c r="K12986" s="18"/>
      <c r="L12986" s="18"/>
      <c r="M12986" s="18"/>
      <c r="N12986" s="18"/>
      <c r="O12986" s="18"/>
      <c r="P12986" s="19">
        <v>200</v>
      </c>
      <c r="Q12986" s="19"/>
      <c r="R12986" s="19"/>
      <c r="S12986" s="19"/>
      <c r="T12986" s="19">
        <v>60</v>
      </c>
      <c r="U12986" s="19"/>
      <c r="V12986" s="19"/>
      <c r="W12986" s="19"/>
      <c r="X12986" s="19">
        <v>10</v>
      </c>
      <c r="Y12986" s="19"/>
      <c r="Z12986" s="19"/>
      <c r="AA12986" s="19"/>
    </row>
    <row r="12987" spans="1:27" s="1" customFormat="1" ht="11.1" customHeight="1" outlineLevel="4" x14ac:dyDescent="0.2">
      <c r="A12987" s="17"/>
      <c r="B12987" s="17"/>
      <c r="C12987" s="17"/>
      <c r="D12987" s="18"/>
      <c r="E12987" s="18"/>
      <c r="F12987" s="18"/>
      <c r="G12987" s="18"/>
      <c r="H12987" s="18"/>
      <c r="I12987" s="18"/>
      <c r="J12987" s="18"/>
      <c r="K12987" s="18"/>
      <c r="L12987" s="18"/>
      <c r="M12987" s="18"/>
      <c r="N12987" s="18"/>
      <c r="O12987" s="18"/>
      <c r="P12987" s="19"/>
      <c r="Q12987" s="19"/>
      <c r="R12987" s="19"/>
      <c r="S12987" s="19"/>
      <c r="T12987" s="19"/>
      <c r="U12987" s="19"/>
      <c r="V12987" s="19"/>
      <c r="W12987" s="19"/>
      <c r="X12987" s="19"/>
      <c r="Y12987" s="19"/>
      <c r="Z12987" s="19"/>
      <c r="AA12987" s="19"/>
    </row>
    <row r="12988" spans="1:27" s="1" customFormat="1" ht="14.1" customHeight="1" outlineLevel="4" x14ac:dyDescent="0.2">
      <c r="A12988" s="17">
        <v>5082</v>
      </c>
      <c r="B12988" s="17"/>
      <c r="C12988" s="17"/>
      <c r="D12988" s="18" t="s">
        <v>6439</v>
      </c>
      <c r="E12988" s="18"/>
      <c r="F12988" s="18"/>
      <c r="G12988" s="18"/>
      <c r="H12988" s="18"/>
      <c r="I12988" s="18"/>
      <c r="J12988" s="18"/>
      <c r="K12988" s="18"/>
      <c r="L12988" s="18"/>
      <c r="M12988" s="18"/>
      <c r="N12988" s="18"/>
      <c r="O12988" s="18"/>
      <c r="P12988" s="19">
        <v>90</v>
      </c>
      <c r="Q12988" s="19"/>
      <c r="R12988" s="19"/>
      <c r="S12988" s="19"/>
      <c r="T12988" s="19">
        <v>25</v>
      </c>
      <c r="U12988" s="19"/>
      <c r="V12988" s="19"/>
      <c r="W12988" s="19"/>
      <c r="X12988" s="19">
        <v>1</v>
      </c>
      <c r="Y12988" s="19"/>
      <c r="Z12988" s="19"/>
      <c r="AA12988" s="19"/>
    </row>
    <row r="12989" spans="1:27" s="1" customFormat="1" ht="14.1" customHeight="1" outlineLevel="4" x14ac:dyDescent="0.2">
      <c r="A12989" s="17"/>
      <c r="B12989" s="17"/>
      <c r="C12989" s="17"/>
      <c r="D12989" s="18"/>
      <c r="E12989" s="18"/>
      <c r="F12989" s="18"/>
      <c r="G12989" s="18"/>
      <c r="H12989" s="18"/>
      <c r="I12989" s="18"/>
      <c r="J12989" s="18"/>
      <c r="K12989" s="18"/>
      <c r="L12989" s="18"/>
      <c r="M12989" s="18"/>
      <c r="N12989" s="18"/>
      <c r="O12989" s="18"/>
      <c r="P12989" s="19"/>
      <c r="Q12989" s="19"/>
      <c r="R12989" s="19"/>
      <c r="S12989" s="19"/>
      <c r="T12989" s="19"/>
      <c r="U12989" s="19"/>
      <c r="V12989" s="19"/>
      <c r="W12989" s="19"/>
      <c r="X12989" s="19"/>
      <c r="Y12989" s="19"/>
      <c r="Z12989" s="19"/>
      <c r="AA12989" s="19"/>
    </row>
    <row r="12990" spans="1:27" s="1" customFormat="1" ht="11.1" customHeight="1" outlineLevel="4" x14ac:dyDescent="0.2">
      <c r="A12990" s="17">
        <v>9061</v>
      </c>
      <c r="B12990" s="17"/>
      <c r="C12990" s="17"/>
      <c r="D12990" s="18" t="s">
        <v>6440</v>
      </c>
      <c r="E12990" s="18"/>
      <c r="F12990" s="18"/>
      <c r="G12990" s="18"/>
      <c r="H12990" s="18"/>
      <c r="I12990" s="18"/>
      <c r="J12990" s="18"/>
      <c r="K12990" s="18"/>
      <c r="L12990" s="18"/>
      <c r="M12990" s="18"/>
      <c r="N12990" s="18"/>
      <c r="O12990" s="18"/>
      <c r="P12990" s="19">
        <v>200</v>
      </c>
      <c r="Q12990" s="19"/>
      <c r="R12990" s="19"/>
      <c r="S12990" s="19"/>
      <c r="T12990" s="19">
        <v>60</v>
      </c>
      <c r="U12990" s="19"/>
      <c r="V12990" s="19"/>
      <c r="W12990" s="19"/>
      <c r="X12990" s="19">
        <v>11</v>
      </c>
      <c r="Y12990" s="19"/>
      <c r="Z12990" s="19"/>
      <c r="AA12990" s="19"/>
    </row>
    <row r="12991" spans="1:27" s="1" customFormat="1" ht="11.1" customHeight="1" outlineLevel="4" x14ac:dyDescent="0.2">
      <c r="A12991" s="17"/>
      <c r="B12991" s="17"/>
      <c r="C12991" s="17"/>
      <c r="D12991" s="18"/>
      <c r="E12991" s="18"/>
      <c r="F12991" s="18"/>
      <c r="G12991" s="18"/>
      <c r="H12991" s="18"/>
      <c r="I12991" s="18"/>
      <c r="J12991" s="18"/>
      <c r="K12991" s="18"/>
      <c r="L12991" s="18"/>
      <c r="M12991" s="18"/>
      <c r="N12991" s="18"/>
      <c r="O12991" s="18"/>
      <c r="P12991" s="19"/>
      <c r="Q12991" s="19"/>
      <c r="R12991" s="19"/>
      <c r="S12991" s="19"/>
      <c r="T12991" s="19"/>
      <c r="U12991" s="19"/>
      <c r="V12991" s="19"/>
      <c r="W12991" s="19"/>
      <c r="X12991" s="19"/>
      <c r="Y12991" s="19"/>
      <c r="Z12991" s="19"/>
      <c r="AA12991" s="19"/>
    </row>
    <row r="12992" spans="1:27" s="1" customFormat="1" ht="11.1" customHeight="1" outlineLevel="4" x14ac:dyDescent="0.2">
      <c r="A12992" s="17">
        <v>6929</v>
      </c>
      <c r="B12992" s="17"/>
      <c r="C12992" s="17"/>
      <c r="D12992" s="18" t="s">
        <v>6441</v>
      </c>
      <c r="E12992" s="18"/>
      <c r="F12992" s="18"/>
      <c r="G12992" s="18"/>
      <c r="H12992" s="18"/>
      <c r="I12992" s="18"/>
      <c r="J12992" s="18"/>
      <c r="K12992" s="18"/>
      <c r="L12992" s="18"/>
      <c r="M12992" s="18"/>
      <c r="N12992" s="18"/>
      <c r="O12992" s="18"/>
      <c r="P12992" s="19">
        <v>200</v>
      </c>
      <c r="Q12992" s="19"/>
      <c r="R12992" s="19"/>
      <c r="S12992" s="19"/>
      <c r="T12992" s="19">
        <v>60</v>
      </c>
      <c r="U12992" s="19"/>
      <c r="V12992" s="19"/>
      <c r="W12992" s="19"/>
      <c r="X12992" s="19">
        <v>38</v>
      </c>
      <c r="Y12992" s="19"/>
      <c r="Z12992" s="19"/>
      <c r="AA12992" s="19"/>
    </row>
    <row r="12993" spans="1:27" s="1" customFormat="1" ht="11.1" customHeight="1" outlineLevel="4" x14ac:dyDescent="0.2">
      <c r="A12993" s="17"/>
      <c r="B12993" s="17"/>
      <c r="C12993" s="17"/>
      <c r="D12993" s="18"/>
      <c r="E12993" s="18"/>
      <c r="F12993" s="18"/>
      <c r="G12993" s="18"/>
      <c r="H12993" s="18"/>
      <c r="I12993" s="18"/>
      <c r="J12993" s="18"/>
      <c r="K12993" s="18"/>
      <c r="L12993" s="18"/>
      <c r="M12993" s="18"/>
      <c r="N12993" s="18"/>
      <c r="O12993" s="18"/>
      <c r="P12993" s="19"/>
      <c r="Q12993" s="19"/>
      <c r="R12993" s="19"/>
      <c r="S12993" s="19"/>
      <c r="T12993" s="19"/>
      <c r="U12993" s="19"/>
      <c r="V12993" s="19"/>
      <c r="W12993" s="19"/>
      <c r="X12993" s="19"/>
      <c r="Y12993" s="19"/>
      <c r="Z12993" s="19"/>
      <c r="AA12993" s="19"/>
    </row>
    <row r="12994" spans="1:27" s="1" customFormat="1" ht="11.1" customHeight="1" outlineLevel="4" x14ac:dyDescent="0.2">
      <c r="A12994" s="17">
        <v>6928</v>
      </c>
      <c r="B12994" s="17"/>
      <c r="C12994" s="17"/>
      <c r="D12994" s="18" t="s">
        <v>6442</v>
      </c>
      <c r="E12994" s="18"/>
      <c r="F12994" s="18"/>
      <c r="G12994" s="18"/>
      <c r="H12994" s="18"/>
      <c r="I12994" s="18"/>
      <c r="J12994" s="18"/>
      <c r="K12994" s="18"/>
      <c r="L12994" s="18"/>
      <c r="M12994" s="18"/>
      <c r="N12994" s="18"/>
      <c r="O12994" s="18"/>
      <c r="P12994" s="19">
        <v>200</v>
      </c>
      <c r="Q12994" s="19"/>
      <c r="R12994" s="19"/>
      <c r="S12994" s="19"/>
      <c r="T12994" s="19">
        <v>60</v>
      </c>
      <c r="U12994" s="19"/>
      <c r="V12994" s="19"/>
      <c r="W12994" s="19"/>
      <c r="X12994" s="19">
        <v>10</v>
      </c>
      <c r="Y12994" s="19"/>
      <c r="Z12994" s="19"/>
      <c r="AA12994" s="19"/>
    </row>
    <row r="12995" spans="1:27" s="1" customFormat="1" ht="11.1" customHeight="1" outlineLevel="4" x14ac:dyDescent="0.2">
      <c r="A12995" s="17"/>
      <c r="B12995" s="17"/>
      <c r="C12995" s="17"/>
      <c r="D12995" s="18"/>
      <c r="E12995" s="18"/>
      <c r="F12995" s="18"/>
      <c r="G12995" s="18"/>
      <c r="H12995" s="18"/>
      <c r="I12995" s="18"/>
      <c r="J12995" s="18"/>
      <c r="K12995" s="18"/>
      <c r="L12995" s="18"/>
      <c r="M12995" s="18"/>
      <c r="N12995" s="18"/>
      <c r="O12995" s="18"/>
      <c r="P12995" s="19"/>
      <c r="Q12995" s="19"/>
      <c r="R12995" s="19"/>
      <c r="S12995" s="19"/>
      <c r="T12995" s="19"/>
      <c r="U12995" s="19"/>
      <c r="V12995" s="19"/>
      <c r="W12995" s="19"/>
      <c r="X12995" s="19"/>
      <c r="Y12995" s="19"/>
      <c r="Z12995" s="19"/>
      <c r="AA12995" s="19"/>
    </row>
    <row r="12996" spans="1:27" s="1" customFormat="1" ht="11.1" customHeight="1" outlineLevel="4" x14ac:dyDescent="0.2">
      <c r="A12996" s="17">
        <v>9866</v>
      </c>
      <c r="B12996" s="17"/>
      <c r="C12996" s="17"/>
      <c r="D12996" s="18" t="s">
        <v>6443</v>
      </c>
      <c r="E12996" s="18"/>
      <c r="F12996" s="18"/>
      <c r="G12996" s="18"/>
      <c r="H12996" s="18"/>
      <c r="I12996" s="18"/>
      <c r="J12996" s="18"/>
      <c r="K12996" s="18"/>
      <c r="L12996" s="18"/>
      <c r="M12996" s="18"/>
      <c r="N12996" s="18"/>
      <c r="O12996" s="18"/>
      <c r="P12996" s="19">
        <v>200</v>
      </c>
      <c r="Q12996" s="19"/>
      <c r="R12996" s="19"/>
      <c r="S12996" s="19"/>
      <c r="T12996" s="19">
        <v>60</v>
      </c>
      <c r="U12996" s="19"/>
      <c r="V12996" s="19"/>
      <c r="W12996" s="19"/>
      <c r="X12996" s="19">
        <v>1</v>
      </c>
      <c r="Y12996" s="19"/>
      <c r="Z12996" s="19"/>
      <c r="AA12996" s="19"/>
    </row>
    <row r="12997" spans="1:27" s="1" customFormat="1" ht="11.1" customHeight="1" outlineLevel="4" x14ac:dyDescent="0.2">
      <c r="A12997" s="17"/>
      <c r="B12997" s="17"/>
      <c r="C12997" s="17"/>
      <c r="D12997" s="18"/>
      <c r="E12997" s="18"/>
      <c r="F12997" s="18"/>
      <c r="G12997" s="18"/>
      <c r="H12997" s="18"/>
      <c r="I12997" s="18"/>
      <c r="J12997" s="18"/>
      <c r="K12997" s="18"/>
      <c r="L12997" s="18"/>
      <c r="M12997" s="18"/>
      <c r="N12997" s="18"/>
      <c r="O12997" s="18"/>
      <c r="P12997" s="19"/>
      <c r="Q12997" s="19"/>
      <c r="R12997" s="19"/>
      <c r="S12997" s="19"/>
      <c r="T12997" s="19"/>
      <c r="U12997" s="19"/>
      <c r="V12997" s="19"/>
      <c r="W12997" s="19"/>
      <c r="X12997" s="19"/>
      <c r="Y12997" s="19"/>
      <c r="Z12997" s="19"/>
      <c r="AA12997" s="19"/>
    </row>
    <row r="12998" spans="1:27" s="1" customFormat="1" ht="14.1" customHeight="1" outlineLevel="4" x14ac:dyDescent="0.2">
      <c r="A12998" s="17">
        <v>6937</v>
      </c>
      <c r="B12998" s="17"/>
      <c r="C12998" s="17"/>
      <c r="D12998" s="18" t="s">
        <v>6444</v>
      </c>
      <c r="E12998" s="18"/>
      <c r="F12998" s="18"/>
      <c r="G12998" s="18"/>
      <c r="H12998" s="18"/>
      <c r="I12998" s="18"/>
      <c r="J12998" s="18"/>
      <c r="K12998" s="18"/>
      <c r="L12998" s="18"/>
      <c r="M12998" s="18"/>
      <c r="N12998" s="18"/>
      <c r="O12998" s="18"/>
      <c r="P12998" s="19">
        <v>200</v>
      </c>
      <c r="Q12998" s="19"/>
      <c r="R12998" s="19"/>
      <c r="S12998" s="19"/>
      <c r="T12998" s="19">
        <v>60</v>
      </c>
      <c r="U12998" s="19"/>
      <c r="V12998" s="19"/>
      <c r="W12998" s="19"/>
      <c r="X12998" s="19">
        <v>13</v>
      </c>
      <c r="Y12998" s="19"/>
      <c r="Z12998" s="19"/>
      <c r="AA12998" s="19"/>
    </row>
    <row r="12999" spans="1:27" s="1" customFormat="1" ht="14.1" customHeight="1" outlineLevel="4" x14ac:dyDescent="0.2">
      <c r="A12999" s="17"/>
      <c r="B12999" s="17"/>
      <c r="C12999" s="17"/>
      <c r="D12999" s="18"/>
      <c r="E12999" s="18"/>
      <c r="F12999" s="18"/>
      <c r="G12999" s="18"/>
      <c r="H12999" s="18"/>
      <c r="I12999" s="18"/>
      <c r="J12999" s="18"/>
      <c r="K12999" s="18"/>
      <c r="L12999" s="18"/>
      <c r="M12999" s="18"/>
      <c r="N12999" s="18"/>
      <c r="O12999" s="18"/>
      <c r="P12999" s="19"/>
      <c r="Q12999" s="19"/>
      <c r="R12999" s="19"/>
      <c r="S12999" s="19"/>
      <c r="T12999" s="19"/>
      <c r="U12999" s="19"/>
      <c r="V12999" s="19"/>
      <c r="W12999" s="19"/>
      <c r="X12999" s="19"/>
      <c r="Y12999" s="19"/>
      <c r="Z12999" s="19"/>
      <c r="AA12999" s="19"/>
    </row>
    <row r="13000" spans="1:27" s="1" customFormat="1" ht="14.1" customHeight="1" outlineLevel="4" x14ac:dyDescent="0.2">
      <c r="A13000" s="17">
        <v>9060</v>
      </c>
      <c r="B13000" s="17"/>
      <c r="C13000" s="17"/>
      <c r="D13000" s="18" t="s">
        <v>6445</v>
      </c>
      <c r="E13000" s="18"/>
      <c r="F13000" s="18"/>
      <c r="G13000" s="18"/>
      <c r="H13000" s="18"/>
      <c r="I13000" s="18"/>
      <c r="J13000" s="18"/>
      <c r="K13000" s="18"/>
      <c r="L13000" s="18"/>
      <c r="M13000" s="18"/>
      <c r="N13000" s="18"/>
      <c r="O13000" s="18"/>
      <c r="P13000" s="19">
        <v>200</v>
      </c>
      <c r="Q13000" s="19"/>
      <c r="R13000" s="19"/>
      <c r="S13000" s="19"/>
      <c r="T13000" s="19">
        <v>60</v>
      </c>
      <c r="U13000" s="19"/>
      <c r="V13000" s="19"/>
      <c r="W13000" s="19"/>
      <c r="X13000" s="19">
        <v>42</v>
      </c>
      <c r="Y13000" s="19"/>
      <c r="Z13000" s="19"/>
      <c r="AA13000" s="19"/>
    </row>
    <row r="13001" spans="1:27" s="1" customFormat="1" ht="14.1" customHeight="1" outlineLevel="4" x14ac:dyDescent="0.2">
      <c r="A13001" s="17"/>
      <c r="B13001" s="17"/>
      <c r="C13001" s="17"/>
      <c r="D13001" s="18"/>
      <c r="E13001" s="18"/>
      <c r="F13001" s="18"/>
      <c r="G13001" s="18"/>
      <c r="H13001" s="18"/>
      <c r="I13001" s="18"/>
      <c r="J13001" s="18"/>
      <c r="K13001" s="18"/>
      <c r="L13001" s="18"/>
      <c r="M13001" s="18"/>
      <c r="N13001" s="18"/>
      <c r="O13001" s="18"/>
      <c r="P13001" s="19"/>
      <c r="Q13001" s="19"/>
      <c r="R13001" s="19"/>
      <c r="S13001" s="19"/>
      <c r="T13001" s="19"/>
      <c r="U13001" s="19"/>
      <c r="V13001" s="19"/>
      <c r="W13001" s="19"/>
      <c r="X13001" s="19"/>
      <c r="Y13001" s="19"/>
      <c r="Z13001" s="19"/>
      <c r="AA13001" s="19"/>
    </row>
    <row r="13002" spans="1:27" s="1" customFormat="1" ht="11.1" customHeight="1" outlineLevel="4" x14ac:dyDescent="0.2">
      <c r="A13002" s="17">
        <v>9059</v>
      </c>
      <c r="B13002" s="17"/>
      <c r="C13002" s="17"/>
      <c r="D13002" s="18" t="s">
        <v>6446</v>
      </c>
      <c r="E13002" s="18"/>
      <c r="F13002" s="18"/>
      <c r="G13002" s="18"/>
      <c r="H13002" s="18"/>
      <c r="I13002" s="18"/>
      <c r="J13002" s="18"/>
      <c r="K13002" s="18"/>
      <c r="L13002" s="18"/>
      <c r="M13002" s="18"/>
      <c r="N13002" s="18"/>
      <c r="O13002" s="18"/>
      <c r="P13002" s="19">
        <v>200</v>
      </c>
      <c r="Q13002" s="19"/>
      <c r="R13002" s="19"/>
      <c r="S13002" s="19"/>
      <c r="T13002" s="19">
        <v>60</v>
      </c>
      <c r="U13002" s="19"/>
      <c r="V13002" s="19"/>
      <c r="W13002" s="19"/>
      <c r="X13002" s="19">
        <v>30</v>
      </c>
      <c r="Y13002" s="19"/>
      <c r="Z13002" s="19"/>
      <c r="AA13002" s="19"/>
    </row>
    <row r="13003" spans="1:27" s="1" customFormat="1" ht="11.1" customHeight="1" outlineLevel="4" x14ac:dyDescent="0.2">
      <c r="A13003" s="17"/>
      <c r="B13003" s="17"/>
      <c r="C13003" s="17"/>
      <c r="D13003" s="18"/>
      <c r="E13003" s="18"/>
      <c r="F13003" s="18"/>
      <c r="G13003" s="18"/>
      <c r="H13003" s="18"/>
      <c r="I13003" s="18"/>
      <c r="J13003" s="18"/>
      <c r="K13003" s="18"/>
      <c r="L13003" s="18"/>
      <c r="M13003" s="18"/>
      <c r="N13003" s="18"/>
      <c r="O13003" s="18"/>
      <c r="P13003" s="19"/>
      <c r="Q13003" s="19"/>
      <c r="R13003" s="19"/>
      <c r="S13003" s="19"/>
      <c r="T13003" s="19"/>
      <c r="U13003" s="19"/>
      <c r="V13003" s="19"/>
      <c r="W13003" s="19"/>
      <c r="X13003" s="19"/>
      <c r="Y13003" s="19"/>
      <c r="Z13003" s="19"/>
      <c r="AA13003" s="19"/>
    </row>
    <row r="13004" spans="1:27" s="1" customFormat="1" ht="11.1" customHeight="1" outlineLevel="4" x14ac:dyDescent="0.2">
      <c r="A13004" s="17">
        <v>8268</v>
      </c>
      <c r="B13004" s="17"/>
      <c r="C13004" s="17"/>
      <c r="D13004" s="18" t="s">
        <v>6447</v>
      </c>
      <c r="E13004" s="18"/>
      <c r="F13004" s="18"/>
      <c r="G13004" s="18"/>
      <c r="H13004" s="18"/>
      <c r="I13004" s="18"/>
      <c r="J13004" s="18"/>
      <c r="K13004" s="18"/>
      <c r="L13004" s="18"/>
      <c r="M13004" s="18"/>
      <c r="N13004" s="18"/>
      <c r="O13004" s="18"/>
      <c r="P13004" s="19">
        <v>200</v>
      </c>
      <c r="Q13004" s="19"/>
      <c r="R13004" s="19"/>
      <c r="S13004" s="19"/>
      <c r="T13004" s="19">
        <v>60</v>
      </c>
      <c r="U13004" s="19"/>
      <c r="V13004" s="19"/>
      <c r="W13004" s="19"/>
      <c r="X13004" s="19">
        <v>10</v>
      </c>
      <c r="Y13004" s="19"/>
      <c r="Z13004" s="19"/>
      <c r="AA13004" s="19"/>
    </row>
    <row r="13005" spans="1:27" s="1" customFormat="1" ht="11.1" customHeight="1" outlineLevel="4" x14ac:dyDescent="0.2">
      <c r="A13005" s="17"/>
      <c r="B13005" s="17"/>
      <c r="C13005" s="17"/>
      <c r="D13005" s="18"/>
      <c r="E13005" s="18"/>
      <c r="F13005" s="18"/>
      <c r="G13005" s="18"/>
      <c r="H13005" s="18"/>
      <c r="I13005" s="18"/>
      <c r="J13005" s="18"/>
      <c r="K13005" s="18"/>
      <c r="L13005" s="18"/>
      <c r="M13005" s="18"/>
      <c r="N13005" s="18"/>
      <c r="O13005" s="18"/>
      <c r="P13005" s="19"/>
      <c r="Q13005" s="19"/>
      <c r="R13005" s="19"/>
      <c r="S13005" s="19"/>
      <c r="T13005" s="19"/>
      <c r="U13005" s="19"/>
      <c r="V13005" s="19"/>
      <c r="W13005" s="19"/>
      <c r="X13005" s="19"/>
      <c r="Y13005" s="19"/>
      <c r="Z13005" s="19"/>
      <c r="AA13005" s="19"/>
    </row>
    <row r="13006" spans="1:27" s="1" customFormat="1" ht="14.1" customHeight="1" outlineLevel="4" x14ac:dyDescent="0.2">
      <c r="A13006" s="17">
        <v>9056</v>
      </c>
      <c r="B13006" s="17"/>
      <c r="C13006" s="17"/>
      <c r="D13006" s="18" t="s">
        <v>6448</v>
      </c>
      <c r="E13006" s="18"/>
      <c r="F13006" s="18"/>
      <c r="G13006" s="18"/>
      <c r="H13006" s="18"/>
      <c r="I13006" s="18"/>
      <c r="J13006" s="18"/>
      <c r="K13006" s="18"/>
      <c r="L13006" s="18"/>
      <c r="M13006" s="18"/>
      <c r="N13006" s="18"/>
      <c r="O13006" s="18"/>
      <c r="P13006" s="19">
        <v>200</v>
      </c>
      <c r="Q13006" s="19"/>
      <c r="R13006" s="19"/>
      <c r="S13006" s="19"/>
      <c r="T13006" s="19">
        <v>60</v>
      </c>
      <c r="U13006" s="19"/>
      <c r="V13006" s="19"/>
      <c r="W13006" s="19"/>
      <c r="X13006" s="19">
        <v>1</v>
      </c>
      <c r="Y13006" s="19"/>
      <c r="Z13006" s="19"/>
      <c r="AA13006" s="19"/>
    </row>
    <row r="13007" spans="1:27" s="1" customFormat="1" ht="14.1" customHeight="1" outlineLevel="4" x14ac:dyDescent="0.2">
      <c r="A13007" s="17"/>
      <c r="B13007" s="17"/>
      <c r="C13007" s="17"/>
      <c r="D13007" s="18"/>
      <c r="E13007" s="18"/>
      <c r="F13007" s="18"/>
      <c r="G13007" s="18"/>
      <c r="H13007" s="18"/>
      <c r="I13007" s="18"/>
      <c r="J13007" s="18"/>
      <c r="K13007" s="18"/>
      <c r="L13007" s="18"/>
      <c r="M13007" s="18"/>
      <c r="N13007" s="18"/>
      <c r="O13007" s="18"/>
      <c r="P13007" s="19"/>
      <c r="Q13007" s="19"/>
      <c r="R13007" s="19"/>
      <c r="S13007" s="19"/>
      <c r="T13007" s="19"/>
      <c r="U13007" s="19"/>
      <c r="V13007" s="19"/>
      <c r="W13007" s="19"/>
      <c r="X13007" s="19"/>
      <c r="Y13007" s="19"/>
      <c r="Z13007" s="19"/>
      <c r="AA13007" s="19"/>
    </row>
    <row r="13008" spans="1:27" s="1" customFormat="1" ht="14.1" customHeight="1" outlineLevel="4" x14ac:dyDescent="0.2">
      <c r="A13008" s="17">
        <v>15888</v>
      </c>
      <c r="B13008" s="17"/>
      <c r="C13008" s="17"/>
      <c r="D13008" s="18" t="s">
        <v>6449</v>
      </c>
      <c r="E13008" s="18"/>
      <c r="F13008" s="18"/>
      <c r="G13008" s="18"/>
      <c r="H13008" s="18"/>
      <c r="I13008" s="18"/>
      <c r="J13008" s="18"/>
      <c r="K13008" s="18"/>
      <c r="L13008" s="18"/>
      <c r="M13008" s="18"/>
      <c r="N13008" s="18"/>
      <c r="O13008" s="18"/>
      <c r="P13008" s="19">
        <v>400</v>
      </c>
      <c r="Q13008" s="19"/>
      <c r="R13008" s="19"/>
      <c r="S13008" s="19"/>
      <c r="T13008" s="19">
        <v>100</v>
      </c>
      <c r="U13008" s="19"/>
      <c r="V13008" s="19"/>
      <c r="W13008" s="19"/>
      <c r="X13008" s="19">
        <v>2</v>
      </c>
      <c r="Y13008" s="19"/>
      <c r="Z13008" s="19"/>
      <c r="AA13008" s="19"/>
    </row>
    <row r="13009" spans="1:27" s="1" customFormat="1" ht="14.1" customHeight="1" outlineLevel="4" x14ac:dyDescent="0.2">
      <c r="A13009" s="17"/>
      <c r="B13009" s="17"/>
      <c r="C13009" s="17"/>
      <c r="D13009" s="18"/>
      <c r="E13009" s="18"/>
      <c r="F13009" s="18"/>
      <c r="G13009" s="18"/>
      <c r="H13009" s="18"/>
      <c r="I13009" s="18"/>
      <c r="J13009" s="18"/>
      <c r="K13009" s="18"/>
      <c r="L13009" s="18"/>
      <c r="M13009" s="18"/>
      <c r="N13009" s="18"/>
      <c r="O13009" s="18"/>
      <c r="P13009" s="19"/>
      <c r="Q13009" s="19"/>
      <c r="R13009" s="19"/>
      <c r="S13009" s="19"/>
      <c r="T13009" s="19"/>
      <c r="U13009" s="19"/>
      <c r="V13009" s="19"/>
      <c r="W13009" s="19"/>
      <c r="X13009" s="19"/>
      <c r="Y13009" s="19"/>
      <c r="Z13009" s="19"/>
      <c r="AA13009" s="19"/>
    </row>
    <row r="13010" spans="1:27" s="1" customFormat="1" ht="14.1" customHeight="1" outlineLevel="4" x14ac:dyDescent="0.2">
      <c r="A13010" s="17">
        <v>9058</v>
      </c>
      <c r="B13010" s="17"/>
      <c r="C13010" s="17"/>
      <c r="D13010" s="18" t="s">
        <v>6450</v>
      </c>
      <c r="E13010" s="18"/>
      <c r="F13010" s="18"/>
      <c r="G13010" s="18"/>
      <c r="H13010" s="18"/>
      <c r="I13010" s="18"/>
      <c r="J13010" s="18"/>
      <c r="K13010" s="18"/>
      <c r="L13010" s="18"/>
      <c r="M13010" s="18"/>
      <c r="N13010" s="18"/>
      <c r="O13010" s="18"/>
      <c r="P13010" s="19">
        <v>200</v>
      </c>
      <c r="Q13010" s="19"/>
      <c r="R13010" s="19"/>
      <c r="S13010" s="19"/>
      <c r="T13010" s="19">
        <v>60</v>
      </c>
      <c r="U13010" s="19"/>
      <c r="V13010" s="19"/>
      <c r="W13010" s="19"/>
      <c r="X13010" s="19">
        <v>10</v>
      </c>
      <c r="Y13010" s="19"/>
      <c r="Z13010" s="19"/>
      <c r="AA13010" s="19"/>
    </row>
    <row r="13011" spans="1:27" s="1" customFormat="1" ht="14.1" customHeight="1" outlineLevel="4" x14ac:dyDescent="0.2">
      <c r="A13011" s="17"/>
      <c r="B13011" s="17"/>
      <c r="C13011" s="17"/>
      <c r="D13011" s="18"/>
      <c r="E13011" s="18"/>
      <c r="F13011" s="18"/>
      <c r="G13011" s="18"/>
      <c r="H13011" s="18"/>
      <c r="I13011" s="18"/>
      <c r="J13011" s="18"/>
      <c r="K13011" s="18"/>
      <c r="L13011" s="18"/>
      <c r="M13011" s="18"/>
      <c r="N13011" s="18"/>
      <c r="O13011" s="18"/>
      <c r="P13011" s="19"/>
      <c r="Q13011" s="19"/>
      <c r="R13011" s="19"/>
      <c r="S13011" s="19"/>
      <c r="T13011" s="19"/>
      <c r="U13011" s="19"/>
      <c r="V13011" s="19"/>
      <c r="W13011" s="19"/>
      <c r="X13011" s="19"/>
      <c r="Y13011" s="19"/>
      <c r="Z13011" s="19"/>
      <c r="AA13011" s="19"/>
    </row>
    <row r="13012" spans="1:27" s="1" customFormat="1" ht="11.1" customHeight="1" outlineLevel="4" x14ac:dyDescent="0.2">
      <c r="A13012" s="17">
        <v>7146</v>
      </c>
      <c r="B13012" s="17"/>
      <c r="C13012" s="17"/>
      <c r="D13012" s="18" t="s">
        <v>6451</v>
      </c>
      <c r="E13012" s="18"/>
      <c r="F13012" s="18"/>
      <c r="G13012" s="18"/>
      <c r="H13012" s="18"/>
      <c r="I13012" s="18"/>
      <c r="J13012" s="18"/>
      <c r="K13012" s="18"/>
      <c r="L13012" s="18"/>
      <c r="M13012" s="18"/>
      <c r="N13012" s="18"/>
      <c r="O13012" s="18"/>
      <c r="P13012" s="19">
        <v>200</v>
      </c>
      <c r="Q13012" s="19"/>
      <c r="R13012" s="19"/>
      <c r="S13012" s="19"/>
      <c r="T13012" s="19">
        <v>60</v>
      </c>
      <c r="U13012" s="19"/>
      <c r="V13012" s="19"/>
      <c r="W13012" s="19"/>
      <c r="X13012" s="19">
        <v>18</v>
      </c>
      <c r="Y13012" s="19"/>
      <c r="Z13012" s="19"/>
      <c r="AA13012" s="19"/>
    </row>
    <row r="13013" spans="1:27" s="1" customFormat="1" ht="11.1" customHeight="1" outlineLevel="4" x14ac:dyDescent="0.2">
      <c r="A13013" s="17"/>
      <c r="B13013" s="17"/>
      <c r="C13013" s="17"/>
      <c r="D13013" s="18"/>
      <c r="E13013" s="18"/>
      <c r="F13013" s="18"/>
      <c r="G13013" s="18"/>
      <c r="H13013" s="18"/>
      <c r="I13013" s="18"/>
      <c r="J13013" s="18"/>
      <c r="K13013" s="18"/>
      <c r="L13013" s="18"/>
      <c r="M13013" s="18"/>
      <c r="N13013" s="18"/>
      <c r="O13013" s="18"/>
      <c r="P13013" s="19"/>
      <c r="Q13013" s="19"/>
      <c r="R13013" s="19"/>
      <c r="S13013" s="19"/>
      <c r="T13013" s="19"/>
      <c r="U13013" s="19"/>
      <c r="V13013" s="19"/>
      <c r="W13013" s="19"/>
      <c r="X13013" s="19"/>
      <c r="Y13013" s="19"/>
      <c r="Z13013" s="19"/>
      <c r="AA13013" s="19"/>
    </row>
    <row r="13014" spans="1:27" s="1" customFormat="1" ht="11.1" customHeight="1" outlineLevel="4" x14ac:dyDescent="0.2">
      <c r="A13014" s="17">
        <v>12262</v>
      </c>
      <c r="B13014" s="17"/>
      <c r="C13014" s="17"/>
      <c r="D13014" s="18" t="s">
        <v>6452</v>
      </c>
      <c r="E13014" s="18"/>
      <c r="F13014" s="18"/>
      <c r="G13014" s="18"/>
      <c r="H13014" s="18"/>
      <c r="I13014" s="18"/>
      <c r="J13014" s="18"/>
      <c r="K13014" s="18"/>
      <c r="L13014" s="18"/>
      <c r="M13014" s="18"/>
      <c r="N13014" s="18"/>
      <c r="O13014" s="18"/>
      <c r="P13014" s="19">
        <v>200</v>
      </c>
      <c r="Q13014" s="19"/>
      <c r="R13014" s="19"/>
      <c r="S13014" s="19"/>
      <c r="T13014" s="19">
        <v>60</v>
      </c>
      <c r="U13014" s="19"/>
      <c r="V13014" s="19"/>
      <c r="W13014" s="19"/>
      <c r="X13014" s="19">
        <v>14</v>
      </c>
      <c r="Y13014" s="19"/>
      <c r="Z13014" s="19"/>
      <c r="AA13014" s="19"/>
    </row>
    <row r="13015" spans="1:27" s="1" customFormat="1" ht="11.1" customHeight="1" outlineLevel="4" x14ac:dyDescent="0.2">
      <c r="A13015" s="17"/>
      <c r="B13015" s="17"/>
      <c r="C13015" s="17"/>
      <c r="D13015" s="18"/>
      <c r="E13015" s="18"/>
      <c r="F13015" s="18"/>
      <c r="G13015" s="18"/>
      <c r="H13015" s="18"/>
      <c r="I13015" s="18"/>
      <c r="J13015" s="18"/>
      <c r="K13015" s="18"/>
      <c r="L13015" s="18"/>
      <c r="M13015" s="18"/>
      <c r="N13015" s="18"/>
      <c r="O13015" s="18"/>
      <c r="P13015" s="19"/>
      <c r="Q13015" s="19"/>
      <c r="R13015" s="19"/>
      <c r="S13015" s="19"/>
      <c r="T13015" s="19"/>
      <c r="U13015" s="19"/>
      <c r="V13015" s="19"/>
      <c r="W13015" s="19"/>
      <c r="X13015" s="19"/>
      <c r="Y13015" s="19"/>
      <c r="Z13015" s="19"/>
      <c r="AA13015" s="19"/>
    </row>
    <row r="13016" spans="1:27" s="1" customFormat="1" ht="14.1" customHeight="1" outlineLevel="4" x14ac:dyDescent="0.2">
      <c r="A13016" s="17">
        <v>11771</v>
      </c>
      <c r="B13016" s="17"/>
      <c r="C13016" s="17"/>
      <c r="D13016" s="18" t="s">
        <v>6453</v>
      </c>
      <c r="E13016" s="18"/>
      <c r="F13016" s="18"/>
      <c r="G13016" s="18"/>
      <c r="H13016" s="18"/>
      <c r="I13016" s="18"/>
      <c r="J13016" s="18"/>
      <c r="K13016" s="18"/>
      <c r="L13016" s="18"/>
      <c r="M13016" s="18"/>
      <c r="N13016" s="18"/>
      <c r="O13016" s="18"/>
      <c r="P13016" s="19">
        <v>200</v>
      </c>
      <c r="Q13016" s="19"/>
      <c r="R13016" s="19"/>
      <c r="S13016" s="19"/>
      <c r="T13016" s="19">
        <v>60</v>
      </c>
      <c r="U13016" s="19"/>
      <c r="V13016" s="19"/>
      <c r="W13016" s="19"/>
      <c r="X13016" s="19">
        <v>37</v>
      </c>
      <c r="Y13016" s="19"/>
      <c r="Z13016" s="19"/>
      <c r="AA13016" s="19"/>
    </row>
    <row r="13017" spans="1:27" s="1" customFormat="1" ht="14.1" customHeight="1" outlineLevel="4" x14ac:dyDescent="0.2">
      <c r="A13017" s="17"/>
      <c r="B13017" s="17"/>
      <c r="C13017" s="17"/>
      <c r="D13017" s="18"/>
      <c r="E13017" s="18"/>
      <c r="F13017" s="18"/>
      <c r="G13017" s="18"/>
      <c r="H13017" s="18"/>
      <c r="I13017" s="18"/>
      <c r="J13017" s="18"/>
      <c r="K13017" s="18"/>
      <c r="L13017" s="18"/>
      <c r="M13017" s="18"/>
      <c r="N13017" s="18"/>
      <c r="O13017" s="18"/>
      <c r="P13017" s="19"/>
      <c r="Q13017" s="19"/>
      <c r="R13017" s="19"/>
      <c r="S13017" s="19"/>
      <c r="T13017" s="19"/>
      <c r="U13017" s="19"/>
      <c r="V13017" s="19"/>
      <c r="W13017" s="19"/>
      <c r="X13017" s="19"/>
      <c r="Y13017" s="19"/>
      <c r="Z13017" s="19"/>
      <c r="AA13017" s="19"/>
    </row>
    <row r="13018" spans="1:27" s="1" customFormat="1" ht="14.1" customHeight="1" outlineLevel="4" x14ac:dyDescent="0.2">
      <c r="A13018" s="17">
        <v>8276</v>
      </c>
      <c r="B13018" s="17"/>
      <c r="C13018" s="17"/>
      <c r="D13018" s="18" t="s">
        <v>6454</v>
      </c>
      <c r="E13018" s="18"/>
      <c r="F13018" s="18"/>
      <c r="G13018" s="18"/>
      <c r="H13018" s="18"/>
      <c r="I13018" s="18"/>
      <c r="J13018" s="18"/>
      <c r="K13018" s="18"/>
      <c r="L13018" s="18"/>
      <c r="M13018" s="18"/>
      <c r="N13018" s="18"/>
      <c r="O13018" s="18"/>
      <c r="P13018" s="19">
        <v>200</v>
      </c>
      <c r="Q13018" s="19"/>
      <c r="R13018" s="19"/>
      <c r="S13018" s="19"/>
      <c r="T13018" s="19">
        <v>60</v>
      </c>
      <c r="U13018" s="19"/>
      <c r="V13018" s="19"/>
      <c r="W13018" s="19"/>
      <c r="X13018" s="19">
        <v>74</v>
      </c>
      <c r="Y13018" s="19"/>
      <c r="Z13018" s="19"/>
      <c r="AA13018" s="19"/>
    </row>
    <row r="13019" spans="1:27" s="1" customFormat="1" ht="14.1" customHeight="1" outlineLevel="4" x14ac:dyDescent="0.2">
      <c r="A13019" s="17"/>
      <c r="B13019" s="17"/>
      <c r="C13019" s="17"/>
      <c r="D13019" s="18"/>
      <c r="E13019" s="18"/>
      <c r="F13019" s="18"/>
      <c r="G13019" s="18"/>
      <c r="H13019" s="18"/>
      <c r="I13019" s="18"/>
      <c r="J13019" s="18"/>
      <c r="K13019" s="18"/>
      <c r="L13019" s="18"/>
      <c r="M13019" s="18"/>
      <c r="N13019" s="18"/>
      <c r="O13019" s="18"/>
      <c r="P13019" s="19"/>
      <c r="Q13019" s="19"/>
      <c r="R13019" s="19"/>
      <c r="S13019" s="19"/>
      <c r="T13019" s="19"/>
      <c r="U13019" s="19"/>
      <c r="V13019" s="19"/>
      <c r="W13019" s="19"/>
      <c r="X13019" s="19"/>
      <c r="Y13019" s="19"/>
      <c r="Z13019" s="19"/>
      <c r="AA13019" s="19"/>
    </row>
    <row r="13020" spans="1:27" s="1" customFormat="1" ht="14.1" customHeight="1" outlineLevel="4" x14ac:dyDescent="0.2">
      <c r="A13020" s="17">
        <v>7988</v>
      </c>
      <c r="B13020" s="17"/>
      <c r="C13020" s="17"/>
      <c r="D13020" s="18" t="s">
        <v>6455</v>
      </c>
      <c r="E13020" s="18"/>
      <c r="F13020" s="18"/>
      <c r="G13020" s="18"/>
      <c r="H13020" s="18"/>
      <c r="I13020" s="18"/>
      <c r="J13020" s="18"/>
      <c r="K13020" s="18"/>
      <c r="L13020" s="18"/>
      <c r="M13020" s="18"/>
      <c r="N13020" s="18"/>
      <c r="O13020" s="18"/>
      <c r="P13020" s="19">
        <v>200</v>
      </c>
      <c r="Q13020" s="19"/>
      <c r="R13020" s="19"/>
      <c r="S13020" s="19"/>
      <c r="T13020" s="19">
        <v>60</v>
      </c>
      <c r="U13020" s="19"/>
      <c r="V13020" s="19"/>
      <c r="W13020" s="19"/>
      <c r="X13020" s="19">
        <v>12</v>
      </c>
      <c r="Y13020" s="19"/>
      <c r="Z13020" s="19"/>
      <c r="AA13020" s="19"/>
    </row>
    <row r="13021" spans="1:27" s="1" customFormat="1" ht="14.1" customHeight="1" outlineLevel="4" x14ac:dyDescent="0.2">
      <c r="A13021" s="17"/>
      <c r="B13021" s="17"/>
      <c r="C13021" s="17"/>
      <c r="D13021" s="18"/>
      <c r="E13021" s="18"/>
      <c r="F13021" s="18"/>
      <c r="G13021" s="18"/>
      <c r="H13021" s="18"/>
      <c r="I13021" s="18"/>
      <c r="J13021" s="18"/>
      <c r="K13021" s="18"/>
      <c r="L13021" s="18"/>
      <c r="M13021" s="18"/>
      <c r="N13021" s="18"/>
      <c r="O13021" s="18"/>
      <c r="P13021" s="19"/>
      <c r="Q13021" s="19"/>
      <c r="R13021" s="19"/>
      <c r="S13021" s="19"/>
      <c r="T13021" s="19"/>
      <c r="U13021" s="19"/>
      <c r="V13021" s="19"/>
      <c r="W13021" s="19"/>
      <c r="X13021" s="19"/>
      <c r="Y13021" s="19"/>
      <c r="Z13021" s="19"/>
      <c r="AA13021" s="19"/>
    </row>
    <row r="13022" spans="1:27" s="1" customFormat="1" ht="14.1" customHeight="1" outlineLevel="4" x14ac:dyDescent="0.2">
      <c r="A13022" s="17">
        <v>6933</v>
      </c>
      <c r="B13022" s="17"/>
      <c r="C13022" s="17"/>
      <c r="D13022" s="18" t="s">
        <v>6456</v>
      </c>
      <c r="E13022" s="18"/>
      <c r="F13022" s="18"/>
      <c r="G13022" s="18"/>
      <c r="H13022" s="18"/>
      <c r="I13022" s="18"/>
      <c r="J13022" s="18"/>
      <c r="K13022" s="18"/>
      <c r="L13022" s="18"/>
      <c r="M13022" s="18"/>
      <c r="N13022" s="18"/>
      <c r="O13022" s="18"/>
      <c r="P13022" s="19">
        <v>200</v>
      </c>
      <c r="Q13022" s="19"/>
      <c r="R13022" s="19"/>
      <c r="S13022" s="19"/>
      <c r="T13022" s="19">
        <v>60</v>
      </c>
      <c r="U13022" s="19"/>
      <c r="V13022" s="19"/>
      <c r="W13022" s="19"/>
      <c r="X13022" s="19">
        <v>39</v>
      </c>
      <c r="Y13022" s="19"/>
      <c r="Z13022" s="19"/>
      <c r="AA13022" s="19"/>
    </row>
    <row r="13023" spans="1:27" s="1" customFormat="1" ht="14.1" customHeight="1" outlineLevel="4" x14ac:dyDescent="0.2">
      <c r="A13023" s="17"/>
      <c r="B13023" s="17"/>
      <c r="C13023" s="17"/>
      <c r="D13023" s="18"/>
      <c r="E13023" s="18"/>
      <c r="F13023" s="18"/>
      <c r="G13023" s="18"/>
      <c r="H13023" s="18"/>
      <c r="I13023" s="18"/>
      <c r="J13023" s="18"/>
      <c r="K13023" s="18"/>
      <c r="L13023" s="18"/>
      <c r="M13023" s="18"/>
      <c r="N13023" s="18"/>
      <c r="O13023" s="18"/>
      <c r="P13023" s="19"/>
      <c r="Q13023" s="19"/>
      <c r="R13023" s="19"/>
      <c r="S13023" s="19"/>
      <c r="T13023" s="19"/>
      <c r="U13023" s="19"/>
      <c r="V13023" s="19"/>
      <c r="W13023" s="19"/>
      <c r="X13023" s="19"/>
      <c r="Y13023" s="19"/>
      <c r="Z13023" s="19"/>
      <c r="AA13023" s="19"/>
    </row>
    <row r="13024" spans="1:27" s="1" customFormat="1" ht="14.1" customHeight="1" outlineLevel="4" x14ac:dyDescent="0.2">
      <c r="A13024" s="17">
        <v>6113</v>
      </c>
      <c r="B13024" s="17"/>
      <c r="C13024" s="17"/>
      <c r="D13024" s="18" t="s">
        <v>6457</v>
      </c>
      <c r="E13024" s="18"/>
      <c r="F13024" s="18"/>
      <c r="G13024" s="18"/>
      <c r="H13024" s="18"/>
      <c r="I13024" s="18"/>
      <c r="J13024" s="18"/>
      <c r="K13024" s="18"/>
      <c r="L13024" s="18"/>
      <c r="M13024" s="18"/>
      <c r="N13024" s="18"/>
      <c r="O13024" s="18"/>
      <c r="P13024" s="19">
        <v>90</v>
      </c>
      <c r="Q13024" s="19"/>
      <c r="R13024" s="19"/>
      <c r="S13024" s="19"/>
      <c r="T13024" s="19">
        <v>25</v>
      </c>
      <c r="U13024" s="19"/>
      <c r="V13024" s="19"/>
      <c r="W13024" s="19"/>
      <c r="X13024" s="19">
        <v>1</v>
      </c>
      <c r="Y13024" s="19"/>
      <c r="Z13024" s="19"/>
      <c r="AA13024" s="19"/>
    </row>
    <row r="13025" spans="1:27" s="1" customFormat="1" ht="14.1" customHeight="1" outlineLevel="4" x14ac:dyDescent="0.2">
      <c r="A13025" s="17"/>
      <c r="B13025" s="17"/>
      <c r="C13025" s="17"/>
      <c r="D13025" s="18"/>
      <c r="E13025" s="18"/>
      <c r="F13025" s="18"/>
      <c r="G13025" s="18"/>
      <c r="H13025" s="18"/>
      <c r="I13025" s="18"/>
      <c r="J13025" s="18"/>
      <c r="K13025" s="18"/>
      <c r="L13025" s="18"/>
      <c r="M13025" s="18"/>
      <c r="N13025" s="18"/>
      <c r="O13025" s="18"/>
      <c r="P13025" s="19"/>
      <c r="Q13025" s="19"/>
      <c r="R13025" s="19"/>
      <c r="S13025" s="19"/>
      <c r="T13025" s="19"/>
      <c r="U13025" s="19"/>
      <c r="V13025" s="19"/>
      <c r="W13025" s="19"/>
      <c r="X13025" s="19"/>
      <c r="Y13025" s="19"/>
      <c r="Z13025" s="19"/>
      <c r="AA13025" s="19"/>
    </row>
    <row r="13026" spans="1:27" s="1" customFormat="1" ht="14.1" customHeight="1" outlineLevel="4" x14ac:dyDescent="0.2">
      <c r="A13026" s="17">
        <v>7145</v>
      </c>
      <c r="B13026" s="17"/>
      <c r="C13026" s="17"/>
      <c r="D13026" s="18" t="s">
        <v>6458</v>
      </c>
      <c r="E13026" s="18"/>
      <c r="F13026" s="18"/>
      <c r="G13026" s="18"/>
      <c r="H13026" s="18"/>
      <c r="I13026" s="18"/>
      <c r="J13026" s="18"/>
      <c r="K13026" s="18"/>
      <c r="L13026" s="18"/>
      <c r="M13026" s="18"/>
      <c r="N13026" s="18"/>
      <c r="O13026" s="18"/>
      <c r="P13026" s="19">
        <v>200</v>
      </c>
      <c r="Q13026" s="19"/>
      <c r="R13026" s="19"/>
      <c r="S13026" s="19"/>
      <c r="T13026" s="19">
        <v>60</v>
      </c>
      <c r="U13026" s="19"/>
      <c r="V13026" s="19"/>
      <c r="W13026" s="19"/>
      <c r="X13026" s="19">
        <v>21</v>
      </c>
      <c r="Y13026" s="19"/>
      <c r="Z13026" s="19"/>
      <c r="AA13026" s="19"/>
    </row>
    <row r="13027" spans="1:27" s="1" customFormat="1" ht="14.1" customHeight="1" outlineLevel="4" x14ac:dyDescent="0.2">
      <c r="A13027" s="17"/>
      <c r="B13027" s="17"/>
      <c r="C13027" s="17"/>
      <c r="D13027" s="18"/>
      <c r="E13027" s="18"/>
      <c r="F13027" s="18"/>
      <c r="G13027" s="18"/>
      <c r="H13027" s="18"/>
      <c r="I13027" s="18"/>
      <c r="J13027" s="18"/>
      <c r="K13027" s="18"/>
      <c r="L13027" s="18"/>
      <c r="M13027" s="18"/>
      <c r="N13027" s="18"/>
      <c r="O13027" s="18"/>
      <c r="P13027" s="19"/>
      <c r="Q13027" s="19"/>
      <c r="R13027" s="19"/>
      <c r="S13027" s="19"/>
      <c r="T13027" s="19"/>
      <c r="U13027" s="19"/>
      <c r="V13027" s="19"/>
      <c r="W13027" s="19"/>
      <c r="X13027" s="19"/>
      <c r="Y13027" s="19"/>
      <c r="Z13027" s="19"/>
      <c r="AA13027" s="19"/>
    </row>
    <row r="13028" spans="1:27" s="1" customFormat="1" ht="11.1" customHeight="1" outlineLevel="4" x14ac:dyDescent="0.2">
      <c r="A13028" s="17">
        <v>6961</v>
      </c>
      <c r="B13028" s="17"/>
      <c r="C13028" s="17"/>
      <c r="D13028" s="18" t="s">
        <v>6459</v>
      </c>
      <c r="E13028" s="18"/>
      <c r="F13028" s="18"/>
      <c r="G13028" s="18"/>
      <c r="H13028" s="18"/>
      <c r="I13028" s="18"/>
      <c r="J13028" s="18"/>
      <c r="K13028" s="18"/>
      <c r="L13028" s="18"/>
      <c r="M13028" s="18"/>
      <c r="N13028" s="18"/>
      <c r="O13028" s="18"/>
      <c r="P13028" s="19">
        <v>90</v>
      </c>
      <c r="Q13028" s="19"/>
      <c r="R13028" s="19"/>
      <c r="S13028" s="19"/>
      <c r="T13028" s="19">
        <v>50</v>
      </c>
      <c r="U13028" s="19"/>
      <c r="V13028" s="19"/>
      <c r="W13028" s="19"/>
      <c r="X13028" s="19">
        <v>1</v>
      </c>
      <c r="Y13028" s="19"/>
      <c r="Z13028" s="19"/>
      <c r="AA13028" s="19"/>
    </row>
    <row r="13029" spans="1:27" s="1" customFormat="1" ht="11.1" customHeight="1" outlineLevel="4" x14ac:dyDescent="0.2">
      <c r="A13029" s="17"/>
      <c r="B13029" s="17"/>
      <c r="C13029" s="17"/>
      <c r="D13029" s="18"/>
      <c r="E13029" s="18"/>
      <c r="F13029" s="18"/>
      <c r="G13029" s="18"/>
      <c r="H13029" s="18"/>
      <c r="I13029" s="18"/>
      <c r="J13029" s="18"/>
      <c r="K13029" s="18"/>
      <c r="L13029" s="18"/>
      <c r="M13029" s="18"/>
      <c r="N13029" s="18"/>
      <c r="O13029" s="18"/>
      <c r="P13029" s="19"/>
      <c r="Q13029" s="19"/>
      <c r="R13029" s="19"/>
      <c r="S13029" s="19"/>
      <c r="T13029" s="19"/>
      <c r="U13029" s="19"/>
      <c r="V13029" s="19"/>
      <c r="W13029" s="19"/>
      <c r="X13029" s="19"/>
      <c r="Y13029" s="19"/>
      <c r="Z13029" s="19"/>
      <c r="AA13029" s="19"/>
    </row>
    <row r="13030" spans="1:27" s="1" customFormat="1" ht="14.1" customHeight="1" outlineLevel="4" x14ac:dyDescent="0.2">
      <c r="A13030" s="17">
        <v>8269</v>
      </c>
      <c r="B13030" s="17"/>
      <c r="C13030" s="17"/>
      <c r="D13030" s="18" t="s">
        <v>6460</v>
      </c>
      <c r="E13030" s="18"/>
      <c r="F13030" s="18"/>
      <c r="G13030" s="18"/>
      <c r="H13030" s="18"/>
      <c r="I13030" s="18"/>
      <c r="J13030" s="18"/>
      <c r="K13030" s="18"/>
      <c r="L13030" s="18"/>
      <c r="M13030" s="18"/>
      <c r="N13030" s="18"/>
      <c r="O13030" s="18"/>
      <c r="P13030" s="19">
        <v>200</v>
      </c>
      <c r="Q13030" s="19"/>
      <c r="R13030" s="19"/>
      <c r="S13030" s="19"/>
      <c r="T13030" s="19">
        <v>60</v>
      </c>
      <c r="U13030" s="19"/>
      <c r="V13030" s="19"/>
      <c r="W13030" s="19"/>
      <c r="X13030" s="19">
        <v>14</v>
      </c>
      <c r="Y13030" s="19"/>
      <c r="Z13030" s="19"/>
      <c r="AA13030" s="19"/>
    </row>
    <row r="13031" spans="1:27" s="1" customFormat="1" ht="14.1" customHeight="1" outlineLevel="4" x14ac:dyDescent="0.2">
      <c r="A13031" s="17"/>
      <c r="B13031" s="17"/>
      <c r="C13031" s="17"/>
      <c r="D13031" s="18"/>
      <c r="E13031" s="18"/>
      <c r="F13031" s="18"/>
      <c r="G13031" s="18"/>
      <c r="H13031" s="18"/>
      <c r="I13031" s="18"/>
      <c r="J13031" s="18"/>
      <c r="K13031" s="18"/>
      <c r="L13031" s="18"/>
      <c r="M13031" s="18"/>
      <c r="N13031" s="18"/>
      <c r="O13031" s="18"/>
      <c r="P13031" s="19"/>
      <c r="Q13031" s="19"/>
      <c r="R13031" s="19"/>
      <c r="S13031" s="19"/>
      <c r="T13031" s="19"/>
      <c r="U13031" s="19"/>
      <c r="V13031" s="19"/>
      <c r="W13031" s="19"/>
      <c r="X13031" s="19"/>
      <c r="Y13031" s="19"/>
      <c r="Z13031" s="19"/>
      <c r="AA13031" s="19"/>
    </row>
    <row r="13032" spans="1:27" s="1" customFormat="1" ht="11.1" customHeight="1" outlineLevel="4" x14ac:dyDescent="0.2">
      <c r="A13032" s="17">
        <v>10196</v>
      </c>
      <c r="B13032" s="17"/>
      <c r="C13032" s="17"/>
      <c r="D13032" s="18" t="s">
        <v>6461</v>
      </c>
      <c r="E13032" s="18"/>
      <c r="F13032" s="18"/>
      <c r="G13032" s="18"/>
      <c r="H13032" s="18"/>
      <c r="I13032" s="18"/>
      <c r="J13032" s="18"/>
      <c r="K13032" s="18"/>
      <c r="L13032" s="18"/>
      <c r="M13032" s="18"/>
      <c r="N13032" s="18"/>
      <c r="O13032" s="18"/>
      <c r="P13032" s="19">
        <v>200</v>
      </c>
      <c r="Q13032" s="19"/>
      <c r="R13032" s="19"/>
      <c r="S13032" s="19"/>
      <c r="T13032" s="19">
        <v>60</v>
      </c>
      <c r="U13032" s="19"/>
      <c r="V13032" s="19"/>
      <c r="W13032" s="19"/>
      <c r="X13032" s="19">
        <v>25</v>
      </c>
      <c r="Y13032" s="19"/>
      <c r="Z13032" s="19"/>
      <c r="AA13032" s="19"/>
    </row>
    <row r="13033" spans="1:27" s="1" customFormat="1" ht="11.1" customHeight="1" outlineLevel="4" x14ac:dyDescent="0.2">
      <c r="A13033" s="17"/>
      <c r="B13033" s="17"/>
      <c r="C13033" s="17"/>
      <c r="D13033" s="18"/>
      <c r="E13033" s="18"/>
      <c r="F13033" s="18"/>
      <c r="G13033" s="18"/>
      <c r="H13033" s="18"/>
      <c r="I13033" s="18"/>
      <c r="J13033" s="18"/>
      <c r="K13033" s="18"/>
      <c r="L13033" s="18"/>
      <c r="M13033" s="18"/>
      <c r="N13033" s="18"/>
      <c r="O13033" s="18"/>
      <c r="P13033" s="19"/>
      <c r="Q13033" s="19"/>
      <c r="R13033" s="19"/>
      <c r="S13033" s="19"/>
      <c r="T13033" s="19"/>
      <c r="U13033" s="19"/>
      <c r="V13033" s="19"/>
      <c r="W13033" s="19"/>
      <c r="X13033" s="19"/>
      <c r="Y13033" s="19"/>
      <c r="Z13033" s="19"/>
      <c r="AA13033" s="19"/>
    </row>
    <row r="13034" spans="1:27" s="1" customFormat="1" ht="11.1" customHeight="1" outlineLevel="4" x14ac:dyDescent="0.2">
      <c r="A13034" s="17">
        <v>9858</v>
      </c>
      <c r="B13034" s="17"/>
      <c r="C13034" s="17"/>
      <c r="D13034" s="18" t="s">
        <v>6462</v>
      </c>
      <c r="E13034" s="18"/>
      <c r="F13034" s="18"/>
      <c r="G13034" s="18"/>
      <c r="H13034" s="18"/>
      <c r="I13034" s="18"/>
      <c r="J13034" s="18"/>
      <c r="K13034" s="18"/>
      <c r="L13034" s="18"/>
      <c r="M13034" s="18"/>
      <c r="N13034" s="18"/>
      <c r="O13034" s="18"/>
      <c r="P13034" s="19">
        <v>200</v>
      </c>
      <c r="Q13034" s="19"/>
      <c r="R13034" s="19"/>
      <c r="S13034" s="19"/>
      <c r="T13034" s="19">
        <v>60</v>
      </c>
      <c r="U13034" s="19"/>
      <c r="V13034" s="19"/>
      <c r="W13034" s="19"/>
      <c r="X13034" s="19">
        <v>49</v>
      </c>
      <c r="Y13034" s="19"/>
      <c r="Z13034" s="19"/>
      <c r="AA13034" s="19"/>
    </row>
    <row r="13035" spans="1:27" s="1" customFormat="1" ht="11.1" customHeight="1" outlineLevel="4" x14ac:dyDescent="0.2">
      <c r="A13035" s="17"/>
      <c r="B13035" s="17"/>
      <c r="C13035" s="17"/>
      <c r="D13035" s="18"/>
      <c r="E13035" s="18"/>
      <c r="F13035" s="18"/>
      <c r="G13035" s="18"/>
      <c r="H13035" s="18"/>
      <c r="I13035" s="18"/>
      <c r="J13035" s="18"/>
      <c r="K13035" s="18"/>
      <c r="L13035" s="18"/>
      <c r="M13035" s="18"/>
      <c r="N13035" s="18"/>
      <c r="O13035" s="18"/>
      <c r="P13035" s="19"/>
      <c r="Q13035" s="19"/>
      <c r="R13035" s="19"/>
      <c r="S13035" s="19"/>
      <c r="T13035" s="19"/>
      <c r="U13035" s="19"/>
      <c r="V13035" s="19"/>
      <c r="W13035" s="19"/>
      <c r="X13035" s="19"/>
      <c r="Y13035" s="19"/>
      <c r="Z13035" s="19"/>
      <c r="AA13035" s="19"/>
    </row>
    <row r="13036" spans="1:27" s="1" customFormat="1" ht="14.1" customHeight="1" outlineLevel="4" x14ac:dyDescent="0.2">
      <c r="A13036" s="17">
        <v>9859</v>
      </c>
      <c r="B13036" s="17"/>
      <c r="C13036" s="17"/>
      <c r="D13036" s="18" t="s">
        <v>6463</v>
      </c>
      <c r="E13036" s="18"/>
      <c r="F13036" s="18"/>
      <c r="G13036" s="18"/>
      <c r="H13036" s="18"/>
      <c r="I13036" s="18"/>
      <c r="J13036" s="18"/>
      <c r="K13036" s="18"/>
      <c r="L13036" s="18"/>
      <c r="M13036" s="18"/>
      <c r="N13036" s="18"/>
      <c r="O13036" s="18"/>
      <c r="P13036" s="19">
        <v>200</v>
      </c>
      <c r="Q13036" s="19"/>
      <c r="R13036" s="19"/>
      <c r="S13036" s="19"/>
      <c r="T13036" s="19">
        <v>60</v>
      </c>
      <c r="U13036" s="19"/>
      <c r="V13036" s="19"/>
      <c r="W13036" s="19"/>
      <c r="X13036" s="19">
        <v>16</v>
      </c>
      <c r="Y13036" s="19"/>
      <c r="Z13036" s="19"/>
      <c r="AA13036" s="19"/>
    </row>
    <row r="13037" spans="1:27" s="1" customFormat="1" ht="14.1" customHeight="1" outlineLevel="4" x14ac:dyDescent="0.2">
      <c r="A13037" s="17"/>
      <c r="B13037" s="17"/>
      <c r="C13037" s="17"/>
      <c r="D13037" s="18"/>
      <c r="E13037" s="18"/>
      <c r="F13037" s="18"/>
      <c r="G13037" s="18"/>
      <c r="H13037" s="18"/>
      <c r="I13037" s="18"/>
      <c r="J13037" s="18"/>
      <c r="K13037" s="18"/>
      <c r="L13037" s="18"/>
      <c r="M13037" s="18"/>
      <c r="N13037" s="18"/>
      <c r="O13037" s="18"/>
      <c r="P13037" s="19"/>
      <c r="Q13037" s="19"/>
      <c r="R13037" s="19"/>
      <c r="S13037" s="19"/>
      <c r="T13037" s="19"/>
      <c r="U13037" s="19"/>
      <c r="V13037" s="19"/>
      <c r="W13037" s="19"/>
      <c r="X13037" s="19"/>
      <c r="Y13037" s="19"/>
      <c r="Z13037" s="19"/>
      <c r="AA13037" s="19"/>
    </row>
    <row r="13038" spans="1:27" s="1" customFormat="1" ht="14.1" customHeight="1" outlineLevel="4" x14ac:dyDescent="0.2">
      <c r="A13038" s="17">
        <v>9860</v>
      </c>
      <c r="B13038" s="17"/>
      <c r="C13038" s="17"/>
      <c r="D13038" s="18" t="s">
        <v>6464</v>
      </c>
      <c r="E13038" s="18"/>
      <c r="F13038" s="18"/>
      <c r="G13038" s="18"/>
      <c r="H13038" s="18"/>
      <c r="I13038" s="18"/>
      <c r="J13038" s="18"/>
      <c r="K13038" s="18"/>
      <c r="L13038" s="18"/>
      <c r="M13038" s="18"/>
      <c r="N13038" s="18"/>
      <c r="O13038" s="18"/>
      <c r="P13038" s="19">
        <v>200</v>
      </c>
      <c r="Q13038" s="19"/>
      <c r="R13038" s="19"/>
      <c r="S13038" s="19"/>
      <c r="T13038" s="19">
        <v>60</v>
      </c>
      <c r="U13038" s="19"/>
      <c r="V13038" s="19"/>
      <c r="W13038" s="19"/>
      <c r="X13038" s="19">
        <v>25</v>
      </c>
      <c r="Y13038" s="19"/>
      <c r="Z13038" s="19"/>
      <c r="AA13038" s="19"/>
    </row>
    <row r="13039" spans="1:27" s="1" customFormat="1" ht="14.1" customHeight="1" outlineLevel="4" x14ac:dyDescent="0.2">
      <c r="A13039" s="17"/>
      <c r="B13039" s="17"/>
      <c r="C13039" s="17"/>
      <c r="D13039" s="18"/>
      <c r="E13039" s="18"/>
      <c r="F13039" s="18"/>
      <c r="G13039" s="18"/>
      <c r="H13039" s="18"/>
      <c r="I13039" s="18"/>
      <c r="J13039" s="18"/>
      <c r="K13039" s="18"/>
      <c r="L13039" s="18"/>
      <c r="M13039" s="18"/>
      <c r="N13039" s="18"/>
      <c r="O13039" s="18"/>
      <c r="P13039" s="19"/>
      <c r="Q13039" s="19"/>
      <c r="R13039" s="19"/>
      <c r="S13039" s="19"/>
      <c r="T13039" s="19"/>
      <c r="U13039" s="19"/>
      <c r="V13039" s="19"/>
      <c r="W13039" s="19"/>
      <c r="X13039" s="19"/>
      <c r="Y13039" s="19"/>
      <c r="Z13039" s="19"/>
      <c r="AA13039" s="19"/>
    </row>
    <row r="13040" spans="1:27" s="1" customFormat="1" ht="11.1" customHeight="1" outlineLevel="4" x14ac:dyDescent="0.2">
      <c r="A13040" s="17">
        <v>7144</v>
      </c>
      <c r="B13040" s="17"/>
      <c r="C13040" s="17"/>
      <c r="D13040" s="18" t="s">
        <v>6465</v>
      </c>
      <c r="E13040" s="18"/>
      <c r="F13040" s="18"/>
      <c r="G13040" s="18"/>
      <c r="H13040" s="18"/>
      <c r="I13040" s="18"/>
      <c r="J13040" s="18"/>
      <c r="K13040" s="18"/>
      <c r="L13040" s="18"/>
      <c r="M13040" s="18"/>
      <c r="N13040" s="18"/>
      <c r="O13040" s="18"/>
      <c r="P13040" s="19">
        <v>200</v>
      </c>
      <c r="Q13040" s="19"/>
      <c r="R13040" s="19"/>
      <c r="S13040" s="19"/>
      <c r="T13040" s="19">
        <v>60</v>
      </c>
      <c r="U13040" s="19"/>
      <c r="V13040" s="19"/>
      <c r="W13040" s="19"/>
      <c r="X13040" s="19">
        <v>42</v>
      </c>
      <c r="Y13040" s="19"/>
      <c r="Z13040" s="19"/>
      <c r="AA13040" s="19"/>
    </row>
    <row r="13041" spans="1:27" s="1" customFormat="1" ht="11.1" customHeight="1" outlineLevel="4" x14ac:dyDescent="0.2">
      <c r="A13041" s="17"/>
      <c r="B13041" s="17"/>
      <c r="C13041" s="17"/>
      <c r="D13041" s="18"/>
      <c r="E13041" s="18"/>
      <c r="F13041" s="18"/>
      <c r="G13041" s="18"/>
      <c r="H13041" s="18"/>
      <c r="I13041" s="18"/>
      <c r="J13041" s="18"/>
      <c r="K13041" s="18"/>
      <c r="L13041" s="18"/>
      <c r="M13041" s="18"/>
      <c r="N13041" s="18"/>
      <c r="O13041" s="18"/>
      <c r="P13041" s="19"/>
      <c r="Q13041" s="19"/>
      <c r="R13041" s="19"/>
      <c r="S13041" s="19"/>
      <c r="T13041" s="19"/>
      <c r="U13041" s="19"/>
      <c r="V13041" s="19"/>
      <c r="W13041" s="19"/>
      <c r="X13041" s="19"/>
      <c r="Y13041" s="19"/>
      <c r="Z13041" s="19"/>
      <c r="AA13041" s="19"/>
    </row>
    <row r="13042" spans="1:27" s="1" customFormat="1" ht="14.1" customHeight="1" outlineLevel="4" x14ac:dyDescent="0.2">
      <c r="A13042" s="17">
        <v>16605</v>
      </c>
      <c r="B13042" s="17"/>
      <c r="C13042" s="17"/>
      <c r="D13042" s="18" t="s">
        <v>6466</v>
      </c>
      <c r="E13042" s="18"/>
      <c r="F13042" s="18"/>
      <c r="G13042" s="18"/>
      <c r="H13042" s="18"/>
      <c r="I13042" s="18"/>
      <c r="J13042" s="18"/>
      <c r="K13042" s="18"/>
      <c r="L13042" s="18"/>
      <c r="M13042" s="18"/>
      <c r="N13042" s="18"/>
      <c r="O13042" s="18"/>
      <c r="P13042" s="19">
        <v>450</v>
      </c>
      <c r="Q13042" s="19"/>
      <c r="R13042" s="19"/>
      <c r="S13042" s="19"/>
      <c r="T13042" s="19">
        <v>300</v>
      </c>
      <c r="U13042" s="19"/>
      <c r="V13042" s="19"/>
      <c r="W13042" s="19"/>
      <c r="X13042" s="19">
        <v>1</v>
      </c>
      <c r="Y13042" s="19"/>
      <c r="Z13042" s="19"/>
      <c r="AA13042" s="19"/>
    </row>
    <row r="13043" spans="1:27" s="1" customFormat="1" ht="14.1" customHeight="1" outlineLevel="4" x14ac:dyDescent="0.2">
      <c r="A13043" s="17"/>
      <c r="B13043" s="17"/>
      <c r="C13043" s="17"/>
      <c r="D13043" s="18"/>
      <c r="E13043" s="18"/>
      <c r="F13043" s="18"/>
      <c r="G13043" s="18"/>
      <c r="H13043" s="18"/>
      <c r="I13043" s="18"/>
      <c r="J13043" s="18"/>
      <c r="K13043" s="18"/>
      <c r="L13043" s="18"/>
      <c r="M13043" s="18"/>
      <c r="N13043" s="18"/>
      <c r="O13043" s="18"/>
      <c r="P13043" s="19"/>
      <c r="Q13043" s="19"/>
      <c r="R13043" s="19"/>
      <c r="S13043" s="19"/>
      <c r="T13043" s="19"/>
      <c r="U13043" s="19"/>
      <c r="V13043" s="19"/>
      <c r="W13043" s="19"/>
      <c r="X13043" s="19"/>
      <c r="Y13043" s="19"/>
      <c r="Z13043" s="19"/>
      <c r="AA13043" s="19"/>
    </row>
    <row r="13044" spans="1:27" s="1" customFormat="1" ht="11.1" customHeight="1" outlineLevel="3" x14ac:dyDescent="0.2">
      <c r="A13044" s="16" t="s">
        <v>6467</v>
      </c>
      <c r="B13044" s="16"/>
      <c r="C13044" s="16"/>
      <c r="D13044" s="16"/>
      <c r="E13044" s="16"/>
      <c r="F13044" s="16"/>
      <c r="G13044" s="16"/>
      <c r="H13044" s="16"/>
      <c r="I13044" s="16"/>
      <c r="J13044" s="16"/>
      <c r="K13044" s="16"/>
      <c r="L13044" s="16"/>
      <c r="M13044" s="16"/>
      <c r="N13044" s="16"/>
      <c r="O13044" s="16"/>
      <c r="P13044" s="16"/>
      <c r="Q13044" s="16"/>
      <c r="R13044" s="16"/>
      <c r="S13044" s="16"/>
      <c r="T13044" s="16"/>
      <c r="U13044" s="16"/>
      <c r="V13044" s="16"/>
      <c r="W13044" s="16"/>
      <c r="X13044" s="16"/>
      <c r="Y13044" s="16"/>
      <c r="Z13044" s="16"/>
      <c r="AA13044" s="16"/>
    </row>
    <row r="13045" spans="1:27" s="1" customFormat="1" ht="11.1" customHeight="1" outlineLevel="3" x14ac:dyDescent="0.2">
      <c r="A13045" s="16"/>
      <c r="B13045" s="16"/>
      <c r="C13045" s="16"/>
      <c r="D13045" s="16"/>
      <c r="E13045" s="16"/>
      <c r="F13045" s="16"/>
      <c r="G13045" s="16"/>
      <c r="H13045" s="16"/>
      <c r="I13045" s="16"/>
      <c r="J13045" s="16"/>
      <c r="K13045" s="16"/>
      <c r="L13045" s="16"/>
      <c r="M13045" s="16"/>
      <c r="N13045" s="16"/>
      <c r="O13045" s="16"/>
      <c r="P13045" s="16"/>
      <c r="Q13045" s="16"/>
      <c r="R13045" s="16"/>
      <c r="S13045" s="16"/>
      <c r="T13045" s="16"/>
      <c r="U13045" s="16"/>
      <c r="V13045" s="16"/>
      <c r="W13045" s="16"/>
      <c r="X13045" s="16"/>
      <c r="Y13045" s="16"/>
      <c r="Z13045" s="16"/>
      <c r="AA13045" s="16"/>
    </row>
    <row r="13046" spans="1:27" s="1" customFormat="1" ht="14.1" customHeight="1" outlineLevel="4" x14ac:dyDescent="0.2">
      <c r="A13046" s="17">
        <v>16453</v>
      </c>
      <c r="B13046" s="17"/>
      <c r="C13046" s="17"/>
      <c r="D13046" s="18" t="s">
        <v>6468</v>
      </c>
      <c r="E13046" s="18"/>
      <c r="F13046" s="18"/>
      <c r="G13046" s="18"/>
      <c r="H13046" s="18"/>
      <c r="I13046" s="18"/>
      <c r="J13046" s="18"/>
      <c r="K13046" s="18"/>
      <c r="L13046" s="18"/>
      <c r="M13046" s="18"/>
      <c r="N13046" s="18"/>
      <c r="O13046" s="18"/>
      <c r="P13046" s="19">
        <v>600</v>
      </c>
      <c r="Q13046" s="19"/>
      <c r="R13046" s="19"/>
      <c r="S13046" s="19"/>
      <c r="T13046" s="19">
        <v>464</v>
      </c>
      <c r="U13046" s="19"/>
      <c r="V13046" s="19"/>
      <c r="W13046" s="19"/>
      <c r="X13046" s="19">
        <v>1</v>
      </c>
      <c r="Y13046" s="19"/>
      <c r="Z13046" s="19"/>
      <c r="AA13046" s="19"/>
    </row>
    <row r="13047" spans="1:27" s="1" customFormat="1" ht="14.1" customHeight="1" outlineLevel="4" x14ac:dyDescent="0.2">
      <c r="A13047" s="17"/>
      <c r="B13047" s="17"/>
      <c r="C13047" s="17"/>
      <c r="D13047" s="18"/>
      <c r="E13047" s="18"/>
      <c r="F13047" s="18"/>
      <c r="G13047" s="18"/>
      <c r="H13047" s="18"/>
      <c r="I13047" s="18"/>
      <c r="J13047" s="18"/>
      <c r="K13047" s="18"/>
      <c r="L13047" s="18"/>
      <c r="M13047" s="18"/>
      <c r="N13047" s="18"/>
      <c r="O13047" s="18"/>
      <c r="P13047" s="19"/>
      <c r="Q13047" s="19"/>
      <c r="R13047" s="19"/>
      <c r="S13047" s="19"/>
      <c r="T13047" s="19"/>
      <c r="U13047" s="19"/>
      <c r="V13047" s="19"/>
      <c r="W13047" s="19"/>
      <c r="X13047" s="19"/>
      <c r="Y13047" s="19"/>
      <c r="Z13047" s="19"/>
      <c r="AA13047" s="19"/>
    </row>
    <row r="13048" spans="1:27" s="1" customFormat="1" ht="14.1" customHeight="1" outlineLevel="4" x14ac:dyDescent="0.2">
      <c r="A13048" s="17">
        <v>4772</v>
      </c>
      <c r="B13048" s="17"/>
      <c r="C13048" s="17"/>
      <c r="D13048" s="18" t="s">
        <v>6469</v>
      </c>
      <c r="E13048" s="18"/>
      <c r="F13048" s="18"/>
      <c r="G13048" s="18"/>
      <c r="H13048" s="18"/>
      <c r="I13048" s="18"/>
      <c r="J13048" s="18"/>
      <c r="K13048" s="18"/>
      <c r="L13048" s="18"/>
      <c r="M13048" s="18"/>
      <c r="N13048" s="18"/>
      <c r="O13048" s="18"/>
      <c r="P13048" s="19">
        <v>90</v>
      </c>
      <c r="Q13048" s="19"/>
      <c r="R13048" s="19"/>
      <c r="S13048" s="19"/>
      <c r="T13048" s="19">
        <v>25</v>
      </c>
      <c r="U13048" s="19"/>
      <c r="V13048" s="19"/>
      <c r="W13048" s="19"/>
      <c r="X13048" s="19">
        <v>2</v>
      </c>
      <c r="Y13048" s="19"/>
      <c r="Z13048" s="19"/>
      <c r="AA13048" s="19"/>
    </row>
    <row r="13049" spans="1:27" s="1" customFormat="1" ht="14.1" customHeight="1" outlineLevel="4" x14ac:dyDescent="0.2">
      <c r="A13049" s="17"/>
      <c r="B13049" s="17"/>
      <c r="C13049" s="17"/>
      <c r="D13049" s="18"/>
      <c r="E13049" s="18"/>
      <c r="F13049" s="18"/>
      <c r="G13049" s="18"/>
      <c r="H13049" s="18"/>
      <c r="I13049" s="18"/>
      <c r="J13049" s="18"/>
      <c r="K13049" s="18"/>
      <c r="L13049" s="18"/>
      <c r="M13049" s="18"/>
      <c r="N13049" s="18"/>
      <c r="O13049" s="18"/>
      <c r="P13049" s="19"/>
      <c r="Q13049" s="19"/>
      <c r="R13049" s="19"/>
      <c r="S13049" s="19"/>
      <c r="T13049" s="19"/>
      <c r="U13049" s="19"/>
      <c r="V13049" s="19"/>
      <c r="W13049" s="19"/>
      <c r="X13049" s="19"/>
      <c r="Y13049" s="19"/>
      <c r="Z13049" s="19"/>
      <c r="AA13049" s="19"/>
    </row>
    <row r="13050" spans="1:27" s="1" customFormat="1" ht="14.1" customHeight="1" outlineLevel="4" x14ac:dyDescent="0.2">
      <c r="A13050" s="17">
        <v>4773</v>
      </c>
      <c r="B13050" s="17"/>
      <c r="C13050" s="17"/>
      <c r="D13050" s="18" t="s">
        <v>6470</v>
      </c>
      <c r="E13050" s="18"/>
      <c r="F13050" s="18"/>
      <c r="G13050" s="18"/>
      <c r="H13050" s="18"/>
      <c r="I13050" s="18"/>
      <c r="J13050" s="18"/>
      <c r="K13050" s="18"/>
      <c r="L13050" s="18"/>
      <c r="M13050" s="18"/>
      <c r="N13050" s="18"/>
      <c r="O13050" s="18"/>
      <c r="P13050" s="19">
        <v>90</v>
      </c>
      <c r="Q13050" s="19"/>
      <c r="R13050" s="19"/>
      <c r="S13050" s="19"/>
      <c r="T13050" s="19">
        <v>25</v>
      </c>
      <c r="U13050" s="19"/>
      <c r="V13050" s="19"/>
      <c r="W13050" s="19"/>
      <c r="X13050" s="19">
        <v>23</v>
      </c>
      <c r="Y13050" s="19"/>
      <c r="Z13050" s="19"/>
      <c r="AA13050" s="19"/>
    </row>
    <row r="13051" spans="1:27" s="1" customFormat="1" ht="14.1" customHeight="1" outlineLevel="4" x14ac:dyDescent="0.2">
      <c r="A13051" s="17"/>
      <c r="B13051" s="17"/>
      <c r="C13051" s="17"/>
      <c r="D13051" s="18"/>
      <c r="E13051" s="18"/>
      <c r="F13051" s="18"/>
      <c r="G13051" s="18"/>
      <c r="H13051" s="18"/>
      <c r="I13051" s="18"/>
      <c r="J13051" s="18"/>
      <c r="K13051" s="18"/>
      <c r="L13051" s="18"/>
      <c r="M13051" s="18"/>
      <c r="N13051" s="18"/>
      <c r="O13051" s="18"/>
      <c r="P13051" s="19"/>
      <c r="Q13051" s="19"/>
      <c r="R13051" s="19"/>
      <c r="S13051" s="19"/>
      <c r="T13051" s="19"/>
      <c r="U13051" s="19"/>
      <c r="V13051" s="19"/>
      <c r="W13051" s="19"/>
      <c r="X13051" s="19"/>
      <c r="Y13051" s="19"/>
      <c r="Z13051" s="19"/>
      <c r="AA13051" s="19"/>
    </row>
    <row r="13052" spans="1:27" s="1" customFormat="1" ht="14.1" customHeight="1" outlineLevel="4" x14ac:dyDescent="0.2">
      <c r="A13052" s="17">
        <v>4774</v>
      </c>
      <c r="B13052" s="17"/>
      <c r="C13052" s="17"/>
      <c r="D13052" s="18" t="s">
        <v>6471</v>
      </c>
      <c r="E13052" s="18"/>
      <c r="F13052" s="18"/>
      <c r="G13052" s="18"/>
      <c r="H13052" s="18"/>
      <c r="I13052" s="18"/>
      <c r="J13052" s="18"/>
      <c r="K13052" s="18"/>
      <c r="L13052" s="18"/>
      <c r="M13052" s="18"/>
      <c r="N13052" s="18"/>
      <c r="O13052" s="18"/>
      <c r="P13052" s="19">
        <v>90</v>
      </c>
      <c r="Q13052" s="19"/>
      <c r="R13052" s="19"/>
      <c r="S13052" s="19"/>
      <c r="T13052" s="19">
        <v>25</v>
      </c>
      <c r="U13052" s="19"/>
      <c r="V13052" s="19"/>
      <c r="W13052" s="19"/>
      <c r="X13052" s="19">
        <v>31</v>
      </c>
      <c r="Y13052" s="19"/>
      <c r="Z13052" s="19"/>
      <c r="AA13052" s="19"/>
    </row>
    <row r="13053" spans="1:27" s="1" customFormat="1" ht="14.1" customHeight="1" outlineLevel="4" x14ac:dyDescent="0.2">
      <c r="A13053" s="17"/>
      <c r="B13053" s="17"/>
      <c r="C13053" s="17"/>
      <c r="D13053" s="18"/>
      <c r="E13053" s="18"/>
      <c r="F13053" s="18"/>
      <c r="G13053" s="18"/>
      <c r="H13053" s="18"/>
      <c r="I13053" s="18"/>
      <c r="J13053" s="18"/>
      <c r="K13053" s="18"/>
      <c r="L13053" s="18"/>
      <c r="M13053" s="18"/>
      <c r="N13053" s="18"/>
      <c r="O13053" s="18"/>
      <c r="P13053" s="19"/>
      <c r="Q13053" s="19"/>
      <c r="R13053" s="19"/>
      <c r="S13053" s="19"/>
      <c r="T13053" s="19"/>
      <c r="U13053" s="19"/>
      <c r="V13053" s="19"/>
      <c r="W13053" s="19"/>
      <c r="X13053" s="19"/>
      <c r="Y13053" s="19"/>
      <c r="Z13053" s="19"/>
      <c r="AA13053" s="19"/>
    </row>
    <row r="13054" spans="1:27" s="1" customFormat="1" ht="14.1" customHeight="1" outlineLevel="4" x14ac:dyDescent="0.2">
      <c r="A13054" s="17">
        <v>4775</v>
      </c>
      <c r="B13054" s="17"/>
      <c r="C13054" s="17"/>
      <c r="D13054" s="18" t="s">
        <v>6472</v>
      </c>
      <c r="E13054" s="18"/>
      <c r="F13054" s="18"/>
      <c r="G13054" s="18"/>
      <c r="H13054" s="18"/>
      <c r="I13054" s="18"/>
      <c r="J13054" s="18"/>
      <c r="K13054" s="18"/>
      <c r="L13054" s="18"/>
      <c r="M13054" s="18"/>
      <c r="N13054" s="18"/>
      <c r="O13054" s="18"/>
      <c r="P13054" s="19">
        <v>90</v>
      </c>
      <c r="Q13054" s="19"/>
      <c r="R13054" s="19"/>
      <c r="S13054" s="19"/>
      <c r="T13054" s="19">
        <v>25</v>
      </c>
      <c r="U13054" s="19"/>
      <c r="V13054" s="19"/>
      <c r="W13054" s="19"/>
      <c r="X13054" s="19">
        <v>9</v>
      </c>
      <c r="Y13054" s="19"/>
      <c r="Z13054" s="19"/>
      <c r="AA13054" s="19"/>
    </row>
    <row r="13055" spans="1:27" s="1" customFormat="1" ht="14.1" customHeight="1" outlineLevel="4" x14ac:dyDescent="0.2">
      <c r="A13055" s="17"/>
      <c r="B13055" s="17"/>
      <c r="C13055" s="17"/>
      <c r="D13055" s="18"/>
      <c r="E13055" s="18"/>
      <c r="F13055" s="18"/>
      <c r="G13055" s="18"/>
      <c r="H13055" s="18"/>
      <c r="I13055" s="18"/>
      <c r="J13055" s="18"/>
      <c r="K13055" s="18"/>
      <c r="L13055" s="18"/>
      <c r="M13055" s="18"/>
      <c r="N13055" s="18"/>
      <c r="O13055" s="18"/>
      <c r="P13055" s="19"/>
      <c r="Q13055" s="19"/>
      <c r="R13055" s="19"/>
      <c r="S13055" s="19"/>
      <c r="T13055" s="19"/>
      <c r="U13055" s="19"/>
      <c r="V13055" s="19"/>
      <c r="W13055" s="19"/>
      <c r="X13055" s="19"/>
      <c r="Y13055" s="19"/>
      <c r="Z13055" s="19"/>
      <c r="AA13055" s="19"/>
    </row>
    <row r="13056" spans="1:27" s="1" customFormat="1" ht="14.1" customHeight="1" outlineLevel="4" x14ac:dyDescent="0.2">
      <c r="A13056" s="17">
        <v>4776</v>
      </c>
      <c r="B13056" s="17"/>
      <c r="C13056" s="17"/>
      <c r="D13056" s="18" t="s">
        <v>6473</v>
      </c>
      <c r="E13056" s="18"/>
      <c r="F13056" s="18"/>
      <c r="G13056" s="18"/>
      <c r="H13056" s="18"/>
      <c r="I13056" s="18"/>
      <c r="J13056" s="18"/>
      <c r="K13056" s="18"/>
      <c r="L13056" s="18"/>
      <c r="M13056" s="18"/>
      <c r="N13056" s="18"/>
      <c r="O13056" s="18"/>
      <c r="P13056" s="19">
        <v>90</v>
      </c>
      <c r="Q13056" s="19"/>
      <c r="R13056" s="19"/>
      <c r="S13056" s="19"/>
      <c r="T13056" s="19">
        <v>25</v>
      </c>
      <c r="U13056" s="19"/>
      <c r="V13056" s="19"/>
      <c r="W13056" s="19"/>
      <c r="X13056" s="19">
        <v>16</v>
      </c>
      <c r="Y13056" s="19"/>
      <c r="Z13056" s="19"/>
      <c r="AA13056" s="19"/>
    </row>
    <row r="13057" spans="1:27" s="1" customFormat="1" ht="14.1" customHeight="1" outlineLevel="4" x14ac:dyDescent="0.2">
      <c r="A13057" s="17"/>
      <c r="B13057" s="17"/>
      <c r="C13057" s="17"/>
      <c r="D13057" s="18"/>
      <c r="E13057" s="18"/>
      <c r="F13057" s="18"/>
      <c r="G13057" s="18"/>
      <c r="H13057" s="18"/>
      <c r="I13057" s="18"/>
      <c r="J13057" s="18"/>
      <c r="K13057" s="18"/>
      <c r="L13057" s="18"/>
      <c r="M13057" s="18"/>
      <c r="N13057" s="18"/>
      <c r="O13057" s="18"/>
      <c r="P13057" s="19"/>
      <c r="Q13057" s="19"/>
      <c r="R13057" s="19"/>
      <c r="S13057" s="19"/>
      <c r="T13057" s="19"/>
      <c r="U13057" s="19"/>
      <c r="V13057" s="19"/>
      <c r="W13057" s="19"/>
      <c r="X13057" s="19"/>
      <c r="Y13057" s="19"/>
      <c r="Z13057" s="19"/>
      <c r="AA13057" s="19"/>
    </row>
    <row r="13058" spans="1:27" s="1" customFormat="1" ht="14.1" customHeight="1" outlineLevel="4" x14ac:dyDescent="0.2">
      <c r="A13058" s="17">
        <v>5616</v>
      </c>
      <c r="B13058" s="17"/>
      <c r="C13058" s="17"/>
      <c r="D13058" s="18" t="s">
        <v>6474</v>
      </c>
      <c r="E13058" s="18"/>
      <c r="F13058" s="18"/>
      <c r="G13058" s="18"/>
      <c r="H13058" s="18"/>
      <c r="I13058" s="18"/>
      <c r="J13058" s="18"/>
      <c r="K13058" s="18"/>
      <c r="L13058" s="18"/>
      <c r="M13058" s="18"/>
      <c r="N13058" s="18"/>
      <c r="O13058" s="18"/>
      <c r="P13058" s="19">
        <v>90</v>
      </c>
      <c r="Q13058" s="19"/>
      <c r="R13058" s="19"/>
      <c r="S13058" s="19"/>
      <c r="T13058" s="19">
        <v>25</v>
      </c>
      <c r="U13058" s="19"/>
      <c r="V13058" s="19"/>
      <c r="W13058" s="19"/>
      <c r="X13058" s="19">
        <v>32</v>
      </c>
      <c r="Y13058" s="19"/>
      <c r="Z13058" s="19"/>
      <c r="AA13058" s="19"/>
    </row>
    <row r="13059" spans="1:27" s="1" customFormat="1" ht="14.1" customHeight="1" outlineLevel="4" x14ac:dyDescent="0.2">
      <c r="A13059" s="17"/>
      <c r="B13059" s="17"/>
      <c r="C13059" s="17"/>
      <c r="D13059" s="18"/>
      <c r="E13059" s="18"/>
      <c r="F13059" s="18"/>
      <c r="G13059" s="18"/>
      <c r="H13059" s="18"/>
      <c r="I13059" s="18"/>
      <c r="J13059" s="18"/>
      <c r="K13059" s="18"/>
      <c r="L13059" s="18"/>
      <c r="M13059" s="18"/>
      <c r="N13059" s="18"/>
      <c r="O13059" s="18"/>
      <c r="P13059" s="19"/>
      <c r="Q13059" s="19"/>
      <c r="R13059" s="19"/>
      <c r="S13059" s="19"/>
      <c r="T13059" s="19"/>
      <c r="U13059" s="19"/>
      <c r="V13059" s="19"/>
      <c r="W13059" s="19"/>
      <c r="X13059" s="19"/>
      <c r="Y13059" s="19"/>
      <c r="Z13059" s="19"/>
      <c r="AA13059" s="19"/>
    </row>
    <row r="13060" spans="1:27" s="1" customFormat="1" ht="14.1" customHeight="1" outlineLevel="4" x14ac:dyDescent="0.2">
      <c r="A13060" s="17">
        <v>4777</v>
      </c>
      <c r="B13060" s="17"/>
      <c r="C13060" s="17"/>
      <c r="D13060" s="18" t="s">
        <v>6475</v>
      </c>
      <c r="E13060" s="18"/>
      <c r="F13060" s="18"/>
      <c r="G13060" s="18"/>
      <c r="H13060" s="18"/>
      <c r="I13060" s="18"/>
      <c r="J13060" s="18"/>
      <c r="K13060" s="18"/>
      <c r="L13060" s="18"/>
      <c r="M13060" s="18"/>
      <c r="N13060" s="18"/>
      <c r="O13060" s="18"/>
      <c r="P13060" s="19">
        <v>90</v>
      </c>
      <c r="Q13060" s="19"/>
      <c r="R13060" s="19"/>
      <c r="S13060" s="19"/>
      <c r="T13060" s="19">
        <v>25</v>
      </c>
      <c r="U13060" s="19"/>
      <c r="V13060" s="19"/>
      <c r="W13060" s="19"/>
      <c r="X13060" s="19">
        <v>50</v>
      </c>
      <c r="Y13060" s="19"/>
      <c r="Z13060" s="19"/>
      <c r="AA13060" s="19"/>
    </row>
    <row r="13061" spans="1:27" s="1" customFormat="1" ht="14.1" customHeight="1" outlineLevel="4" x14ac:dyDescent="0.2">
      <c r="A13061" s="17"/>
      <c r="B13061" s="17"/>
      <c r="C13061" s="17"/>
      <c r="D13061" s="18"/>
      <c r="E13061" s="18"/>
      <c r="F13061" s="18"/>
      <c r="G13061" s="18"/>
      <c r="H13061" s="18"/>
      <c r="I13061" s="18"/>
      <c r="J13061" s="18"/>
      <c r="K13061" s="18"/>
      <c r="L13061" s="18"/>
      <c r="M13061" s="18"/>
      <c r="N13061" s="18"/>
      <c r="O13061" s="18"/>
      <c r="P13061" s="19"/>
      <c r="Q13061" s="19"/>
      <c r="R13061" s="19"/>
      <c r="S13061" s="19"/>
      <c r="T13061" s="19"/>
      <c r="U13061" s="19"/>
      <c r="V13061" s="19"/>
      <c r="W13061" s="19"/>
      <c r="X13061" s="19"/>
      <c r="Y13061" s="19"/>
      <c r="Z13061" s="19"/>
      <c r="AA13061" s="19"/>
    </row>
    <row r="13062" spans="1:27" s="1" customFormat="1" ht="14.1" customHeight="1" outlineLevel="4" x14ac:dyDescent="0.2">
      <c r="A13062" s="17">
        <v>6163</v>
      </c>
      <c r="B13062" s="17"/>
      <c r="C13062" s="17"/>
      <c r="D13062" s="18" t="s">
        <v>6476</v>
      </c>
      <c r="E13062" s="18"/>
      <c r="F13062" s="18"/>
      <c r="G13062" s="18"/>
      <c r="H13062" s="18"/>
      <c r="I13062" s="18"/>
      <c r="J13062" s="18"/>
      <c r="K13062" s="18"/>
      <c r="L13062" s="18"/>
      <c r="M13062" s="18"/>
      <c r="N13062" s="18"/>
      <c r="O13062" s="18"/>
      <c r="P13062" s="19">
        <v>90</v>
      </c>
      <c r="Q13062" s="19"/>
      <c r="R13062" s="19"/>
      <c r="S13062" s="19"/>
      <c r="T13062" s="19">
        <v>25</v>
      </c>
      <c r="U13062" s="19"/>
      <c r="V13062" s="19"/>
      <c r="W13062" s="19"/>
      <c r="X13062" s="19">
        <v>1</v>
      </c>
      <c r="Y13062" s="19"/>
      <c r="Z13062" s="19"/>
      <c r="AA13062" s="19"/>
    </row>
    <row r="13063" spans="1:27" s="1" customFormat="1" ht="14.1" customHeight="1" outlineLevel="4" x14ac:dyDescent="0.2">
      <c r="A13063" s="17"/>
      <c r="B13063" s="17"/>
      <c r="C13063" s="17"/>
      <c r="D13063" s="18"/>
      <c r="E13063" s="18"/>
      <c r="F13063" s="18"/>
      <c r="G13063" s="18"/>
      <c r="H13063" s="18"/>
      <c r="I13063" s="18"/>
      <c r="J13063" s="18"/>
      <c r="K13063" s="18"/>
      <c r="L13063" s="18"/>
      <c r="M13063" s="18"/>
      <c r="N13063" s="18"/>
      <c r="O13063" s="18"/>
      <c r="P13063" s="19"/>
      <c r="Q13063" s="19"/>
      <c r="R13063" s="19"/>
      <c r="S13063" s="19"/>
      <c r="T13063" s="19"/>
      <c r="U13063" s="19"/>
      <c r="V13063" s="19"/>
      <c r="W13063" s="19"/>
      <c r="X13063" s="19"/>
      <c r="Y13063" s="19"/>
      <c r="Z13063" s="19"/>
      <c r="AA13063" s="19"/>
    </row>
    <row r="13064" spans="1:27" s="1" customFormat="1" ht="11.1" customHeight="1" outlineLevel="4" x14ac:dyDescent="0.2">
      <c r="A13064" s="17">
        <v>15327</v>
      </c>
      <c r="B13064" s="17"/>
      <c r="C13064" s="17"/>
      <c r="D13064" s="18" t="s">
        <v>6477</v>
      </c>
      <c r="E13064" s="18"/>
      <c r="F13064" s="18"/>
      <c r="G13064" s="18"/>
      <c r="H13064" s="18"/>
      <c r="I13064" s="18"/>
      <c r="J13064" s="18"/>
      <c r="K13064" s="18"/>
      <c r="L13064" s="18"/>
      <c r="M13064" s="18"/>
      <c r="N13064" s="18"/>
      <c r="O13064" s="18"/>
      <c r="P13064" s="19">
        <v>2</v>
      </c>
      <c r="Q13064" s="19"/>
      <c r="R13064" s="19"/>
      <c r="S13064" s="19"/>
      <c r="T13064" s="19">
        <v>1</v>
      </c>
      <c r="U13064" s="19"/>
      <c r="V13064" s="19"/>
      <c r="W13064" s="19"/>
      <c r="X13064" s="20">
        <v>5940</v>
      </c>
      <c r="Y13064" s="20"/>
      <c r="Z13064" s="20"/>
      <c r="AA13064" s="20"/>
    </row>
    <row r="13065" spans="1:27" s="1" customFormat="1" ht="11.1" customHeight="1" outlineLevel="4" x14ac:dyDescent="0.2">
      <c r="A13065" s="17"/>
      <c r="B13065" s="17"/>
      <c r="C13065" s="17"/>
      <c r="D13065" s="18"/>
      <c r="E13065" s="18"/>
      <c r="F13065" s="18"/>
      <c r="G13065" s="18"/>
      <c r="H13065" s="18"/>
      <c r="I13065" s="18"/>
      <c r="J13065" s="18"/>
      <c r="K13065" s="18"/>
      <c r="L13065" s="18"/>
      <c r="M13065" s="18"/>
      <c r="N13065" s="18"/>
      <c r="O13065" s="18"/>
      <c r="P13065" s="19"/>
      <c r="Q13065" s="19"/>
      <c r="R13065" s="19"/>
      <c r="S13065" s="19"/>
      <c r="T13065" s="19"/>
      <c r="U13065" s="19"/>
      <c r="V13065" s="19"/>
      <c r="W13065" s="19"/>
      <c r="X13065" s="20"/>
      <c r="Y13065" s="20"/>
      <c r="Z13065" s="20"/>
      <c r="AA13065" s="20"/>
    </row>
    <row r="13066" spans="1:27" s="1" customFormat="1" ht="11.1" customHeight="1" outlineLevel="2" x14ac:dyDescent="0.2">
      <c r="A13066" s="16" t="s">
        <v>6478</v>
      </c>
      <c r="B13066" s="16"/>
      <c r="C13066" s="16"/>
      <c r="D13066" s="16"/>
      <c r="E13066" s="16"/>
      <c r="F13066" s="16"/>
      <c r="G13066" s="16"/>
      <c r="H13066" s="16"/>
      <c r="I13066" s="16"/>
      <c r="J13066" s="16"/>
      <c r="K13066" s="16"/>
      <c r="L13066" s="16"/>
      <c r="M13066" s="16"/>
      <c r="N13066" s="16"/>
      <c r="O13066" s="16"/>
      <c r="P13066" s="16"/>
      <c r="Q13066" s="16"/>
      <c r="R13066" s="16"/>
      <c r="S13066" s="16"/>
      <c r="T13066" s="16"/>
      <c r="U13066" s="16"/>
      <c r="V13066" s="16"/>
      <c r="W13066" s="16"/>
      <c r="X13066" s="16"/>
      <c r="Y13066" s="16"/>
      <c r="Z13066" s="16"/>
      <c r="AA13066" s="16"/>
    </row>
    <row r="13067" spans="1:27" s="1" customFormat="1" ht="11.1" customHeight="1" outlineLevel="2" x14ac:dyDescent="0.2">
      <c r="A13067" s="16"/>
      <c r="B13067" s="16"/>
      <c r="C13067" s="16"/>
      <c r="D13067" s="16"/>
      <c r="E13067" s="16"/>
      <c r="F13067" s="16"/>
      <c r="G13067" s="16"/>
      <c r="H13067" s="16"/>
      <c r="I13067" s="16"/>
      <c r="J13067" s="16"/>
      <c r="K13067" s="16"/>
      <c r="L13067" s="16"/>
      <c r="M13067" s="16"/>
      <c r="N13067" s="16"/>
      <c r="O13067" s="16"/>
      <c r="P13067" s="16"/>
      <c r="Q13067" s="16"/>
      <c r="R13067" s="16"/>
      <c r="S13067" s="16"/>
      <c r="T13067" s="16"/>
      <c r="U13067" s="16"/>
      <c r="V13067" s="16"/>
      <c r="W13067" s="16"/>
      <c r="X13067" s="16"/>
      <c r="Y13067" s="16"/>
      <c r="Z13067" s="16"/>
      <c r="AA13067" s="16"/>
    </row>
    <row r="13068" spans="1:27" s="1" customFormat="1" ht="11.1" customHeight="1" outlineLevel="3" x14ac:dyDescent="0.2">
      <c r="A13068" s="17">
        <v>13022</v>
      </c>
      <c r="B13068" s="17"/>
      <c r="C13068" s="17"/>
      <c r="D13068" s="18" t="s">
        <v>6479</v>
      </c>
      <c r="E13068" s="18"/>
      <c r="F13068" s="18"/>
      <c r="G13068" s="18"/>
      <c r="H13068" s="18"/>
      <c r="I13068" s="18"/>
      <c r="J13068" s="18"/>
      <c r="K13068" s="18"/>
      <c r="L13068" s="18"/>
      <c r="M13068" s="18"/>
      <c r="N13068" s="18"/>
      <c r="O13068" s="18"/>
      <c r="P13068" s="19">
        <v>920</v>
      </c>
      <c r="Q13068" s="19"/>
      <c r="R13068" s="19"/>
      <c r="S13068" s="19"/>
      <c r="T13068" s="19">
        <v>700</v>
      </c>
      <c r="U13068" s="19"/>
      <c r="V13068" s="19"/>
      <c r="W13068" s="19"/>
      <c r="X13068" s="19">
        <v>1</v>
      </c>
      <c r="Y13068" s="19"/>
      <c r="Z13068" s="19"/>
      <c r="AA13068" s="19"/>
    </row>
    <row r="13069" spans="1:27" s="1" customFormat="1" ht="11.1" customHeight="1" outlineLevel="3" x14ac:dyDescent="0.2">
      <c r="A13069" s="17"/>
      <c r="B13069" s="17"/>
      <c r="C13069" s="17"/>
      <c r="D13069" s="18"/>
      <c r="E13069" s="18"/>
      <c r="F13069" s="18"/>
      <c r="G13069" s="18"/>
      <c r="H13069" s="18"/>
      <c r="I13069" s="18"/>
      <c r="J13069" s="18"/>
      <c r="K13069" s="18"/>
      <c r="L13069" s="18"/>
      <c r="M13069" s="18"/>
      <c r="N13069" s="18"/>
      <c r="O13069" s="18"/>
      <c r="P13069" s="19"/>
      <c r="Q13069" s="19"/>
      <c r="R13069" s="19"/>
      <c r="S13069" s="19"/>
      <c r="T13069" s="19"/>
      <c r="U13069" s="19"/>
      <c r="V13069" s="19"/>
      <c r="W13069" s="19"/>
      <c r="X13069" s="19"/>
      <c r="Y13069" s="19"/>
      <c r="Z13069" s="19"/>
      <c r="AA13069" s="19"/>
    </row>
    <row r="13070" spans="1:27" s="1" customFormat="1" ht="11.1" customHeight="1" outlineLevel="3" x14ac:dyDescent="0.2">
      <c r="A13070" s="17">
        <v>11255</v>
      </c>
      <c r="B13070" s="17"/>
      <c r="C13070" s="17"/>
      <c r="D13070" s="18" t="s">
        <v>6480</v>
      </c>
      <c r="E13070" s="18"/>
      <c r="F13070" s="18"/>
      <c r="G13070" s="18"/>
      <c r="H13070" s="18"/>
      <c r="I13070" s="18"/>
      <c r="J13070" s="18"/>
      <c r="K13070" s="18"/>
      <c r="L13070" s="18"/>
      <c r="M13070" s="18"/>
      <c r="N13070" s="18"/>
      <c r="O13070" s="18"/>
      <c r="P13070" s="19">
        <v>550</v>
      </c>
      <c r="Q13070" s="19"/>
      <c r="R13070" s="19"/>
      <c r="S13070" s="19"/>
      <c r="T13070" s="19">
        <v>390</v>
      </c>
      <c r="U13070" s="19"/>
      <c r="V13070" s="19"/>
      <c r="W13070" s="19"/>
      <c r="X13070" s="19">
        <v>1</v>
      </c>
      <c r="Y13070" s="19"/>
      <c r="Z13070" s="19"/>
      <c r="AA13070" s="19"/>
    </row>
    <row r="13071" spans="1:27" s="1" customFormat="1" ht="11.1" customHeight="1" outlineLevel="3" x14ac:dyDescent="0.2">
      <c r="A13071" s="17"/>
      <c r="B13071" s="17"/>
      <c r="C13071" s="17"/>
      <c r="D13071" s="18"/>
      <c r="E13071" s="18"/>
      <c r="F13071" s="18"/>
      <c r="G13071" s="18"/>
      <c r="H13071" s="18"/>
      <c r="I13071" s="18"/>
      <c r="J13071" s="18"/>
      <c r="K13071" s="18"/>
      <c r="L13071" s="18"/>
      <c r="M13071" s="18"/>
      <c r="N13071" s="18"/>
      <c r="O13071" s="18"/>
      <c r="P13071" s="19"/>
      <c r="Q13071" s="19"/>
      <c r="R13071" s="19"/>
      <c r="S13071" s="19"/>
      <c r="T13071" s="19"/>
      <c r="U13071" s="19"/>
      <c r="V13071" s="19"/>
      <c r="W13071" s="19"/>
      <c r="X13071" s="19"/>
      <c r="Y13071" s="19"/>
      <c r="Z13071" s="19"/>
      <c r="AA13071" s="19"/>
    </row>
    <row r="13072" spans="1:27" s="1" customFormat="1" ht="11.1" customHeight="1" outlineLevel="3" x14ac:dyDescent="0.2">
      <c r="A13072" s="17">
        <v>9333</v>
      </c>
      <c r="B13072" s="17"/>
      <c r="C13072" s="17"/>
      <c r="D13072" s="18" t="s">
        <v>6481</v>
      </c>
      <c r="E13072" s="18"/>
      <c r="F13072" s="18"/>
      <c r="G13072" s="18"/>
      <c r="H13072" s="18"/>
      <c r="I13072" s="18"/>
      <c r="J13072" s="18"/>
      <c r="K13072" s="18"/>
      <c r="L13072" s="18"/>
      <c r="M13072" s="18"/>
      <c r="N13072" s="18"/>
      <c r="O13072" s="18"/>
      <c r="P13072" s="19">
        <v>210</v>
      </c>
      <c r="Q13072" s="19"/>
      <c r="R13072" s="19"/>
      <c r="S13072" s="19"/>
      <c r="T13072" s="19">
        <v>130</v>
      </c>
      <c r="U13072" s="19"/>
      <c r="V13072" s="19"/>
      <c r="W13072" s="19"/>
      <c r="X13072" s="19">
        <v>2</v>
      </c>
      <c r="Y13072" s="19"/>
      <c r="Z13072" s="19"/>
      <c r="AA13072" s="19"/>
    </row>
    <row r="13073" spans="1:27" s="1" customFormat="1" ht="11.1" customHeight="1" outlineLevel="3" x14ac:dyDescent="0.2">
      <c r="A13073" s="17"/>
      <c r="B13073" s="17"/>
      <c r="C13073" s="17"/>
      <c r="D13073" s="18"/>
      <c r="E13073" s="18"/>
      <c r="F13073" s="18"/>
      <c r="G13073" s="18"/>
      <c r="H13073" s="18"/>
      <c r="I13073" s="18"/>
      <c r="J13073" s="18"/>
      <c r="K13073" s="18"/>
      <c r="L13073" s="18"/>
      <c r="M13073" s="18"/>
      <c r="N13073" s="18"/>
      <c r="O13073" s="18"/>
      <c r="P13073" s="19"/>
      <c r="Q13073" s="19"/>
      <c r="R13073" s="19"/>
      <c r="S13073" s="19"/>
      <c r="T13073" s="19"/>
      <c r="U13073" s="19"/>
      <c r="V13073" s="19"/>
      <c r="W13073" s="19"/>
      <c r="X13073" s="19"/>
      <c r="Y13073" s="19"/>
      <c r="Z13073" s="19"/>
      <c r="AA13073" s="19"/>
    </row>
    <row r="13074" spans="1:27" s="1" customFormat="1" ht="11.1" customHeight="1" outlineLevel="3" x14ac:dyDescent="0.2">
      <c r="A13074" s="17">
        <v>11253</v>
      </c>
      <c r="B13074" s="17"/>
      <c r="C13074" s="17"/>
      <c r="D13074" s="18" t="s">
        <v>6482</v>
      </c>
      <c r="E13074" s="18"/>
      <c r="F13074" s="18"/>
      <c r="G13074" s="18"/>
      <c r="H13074" s="18"/>
      <c r="I13074" s="18"/>
      <c r="J13074" s="18"/>
      <c r="K13074" s="18"/>
      <c r="L13074" s="18"/>
      <c r="M13074" s="18"/>
      <c r="N13074" s="18"/>
      <c r="O13074" s="18"/>
      <c r="P13074" s="19">
        <v>220</v>
      </c>
      <c r="Q13074" s="19"/>
      <c r="R13074" s="19"/>
      <c r="S13074" s="19"/>
      <c r="T13074" s="19">
        <v>140</v>
      </c>
      <c r="U13074" s="19"/>
      <c r="V13074" s="19"/>
      <c r="W13074" s="19"/>
      <c r="X13074" s="19">
        <v>1</v>
      </c>
      <c r="Y13074" s="19"/>
      <c r="Z13074" s="19"/>
      <c r="AA13074" s="19"/>
    </row>
    <row r="13075" spans="1:27" s="1" customFormat="1" ht="11.1" customHeight="1" outlineLevel="3" x14ac:dyDescent="0.2">
      <c r="A13075" s="17"/>
      <c r="B13075" s="17"/>
      <c r="C13075" s="17"/>
      <c r="D13075" s="18"/>
      <c r="E13075" s="18"/>
      <c r="F13075" s="18"/>
      <c r="G13075" s="18"/>
      <c r="H13075" s="18"/>
      <c r="I13075" s="18"/>
      <c r="J13075" s="18"/>
      <c r="K13075" s="18"/>
      <c r="L13075" s="18"/>
      <c r="M13075" s="18"/>
      <c r="N13075" s="18"/>
      <c r="O13075" s="18"/>
      <c r="P13075" s="19"/>
      <c r="Q13075" s="19"/>
      <c r="R13075" s="19"/>
      <c r="S13075" s="19"/>
      <c r="T13075" s="19"/>
      <c r="U13075" s="19"/>
      <c r="V13075" s="19"/>
      <c r="W13075" s="19"/>
      <c r="X13075" s="19"/>
      <c r="Y13075" s="19"/>
      <c r="Z13075" s="19"/>
      <c r="AA13075" s="19"/>
    </row>
    <row r="13076" spans="1:27" s="1" customFormat="1" ht="11.1" customHeight="1" outlineLevel="3" x14ac:dyDescent="0.2">
      <c r="A13076" s="17">
        <v>14437</v>
      </c>
      <c r="B13076" s="17"/>
      <c r="C13076" s="17"/>
      <c r="D13076" s="18" t="s">
        <v>6483</v>
      </c>
      <c r="E13076" s="18"/>
      <c r="F13076" s="18"/>
      <c r="G13076" s="18"/>
      <c r="H13076" s="18"/>
      <c r="I13076" s="18"/>
      <c r="J13076" s="18"/>
      <c r="K13076" s="18"/>
      <c r="L13076" s="18"/>
      <c r="M13076" s="18"/>
      <c r="N13076" s="18"/>
      <c r="O13076" s="18"/>
      <c r="P13076" s="19">
        <v>150</v>
      </c>
      <c r="Q13076" s="19"/>
      <c r="R13076" s="19"/>
      <c r="S13076" s="19"/>
      <c r="T13076" s="19">
        <v>90</v>
      </c>
      <c r="U13076" s="19"/>
      <c r="V13076" s="19"/>
      <c r="W13076" s="19"/>
      <c r="X13076" s="19">
        <v>17</v>
      </c>
      <c r="Y13076" s="19"/>
      <c r="Z13076" s="19"/>
      <c r="AA13076" s="19"/>
    </row>
    <row r="13077" spans="1:27" s="1" customFormat="1" ht="11.1" customHeight="1" outlineLevel="3" x14ac:dyDescent="0.2">
      <c r="A13077" s="17"/>
      <c r="B13077" s="17"/>
      <c r="C13077" s="17"/>
      <c r="D13077" s="18"/>
      <c r="E13077" s="18"/>
      <c r="F13077" s="18"/>
      <c r="G13077" s="18"/>
      <c r="H13077" s="18"/>
      <c r="I13077" s="18"/>
      <c r="J13077" s="18"/>
      <c r="K13077" s="18"/>
      <c r="L13077" s="18"/>
      <c r="M13077" s="18"/>
      <c r="N13077" s="18"/>
      <c r="O13077" s="18"/>
      <c r="P13077" s="19"/>
      <c r="Q13077" s="19"/>
      <c r="R13077" s="19"/>
      <c r="S13077" s="19"/>
      <c r="T13077" s="19"/>
      <c r="U13077" s="19"/>
      <c r="V13077" s="19"/>
      <c r="W13077" s="19"/>
      <c r="X13077" s="19"/>
      <c r="Y13077" s="19"/>
      <c r="Z13077" s="19"/>
      <c r="AA13077" s="19"/>
    </row>
    <row r="13078" spans="1:27" s="1" customFormat="1" ht="11.1" customHeight="1" outlineLevel="2" x14ac:dyDescent="0.2">
      <c r="A13078" s="16" t="s">
        <v>6484</v>
      </c>
      <c r="B13078" s="16"/>
      <c r="C13078" s="16"/>
      <c r="D13078" s="16"/>
      <c r="E13078" s="16"/>
      <c r="F13078" s="16"/>
      <c r="G13078" s="16"/>
      <c r="H13078" s="16"/>
      <c r="I13078" s="16"/>
      <c r="J13078" s="16"/>
      <c r="K13078" s="16"/>
      <c r="L13078" s="16"/>
      <c r="M13078" s="16"/>
      <c r="N13078" s="16"/>
      <c r="O13078" s="16"/>
      <c r="P13078" s="16"/>
      <c r="Q13078" s="16"/>
      <c r="R13078" s="16"/>
      <c r="S13078" s="16"/>
      <c r="T13078" s="16"/>
      <c r="U13078" s="16"/>
      <c r="V13078" s="16"/>
      <c r="W13078" s="16"/>
      <c r="X13078" s="16"/>
      <c r="Y13078" s="16"/>
      <c r="Z13078" s="16"/>
      <c r="AA13078" s="16"/>
    </row>
    <row r="13079" spans="1:27" s="1" customFormat="1" ht="11.1" customHeight="1" outlineLevel="2" x14ac:dyDescent="0.2">
      <c r="A13079" s="16"/>
      <c r="B13079" s="16"/>
      <c r="C13079" s="16"/>
      <c r="D13079" s="16"/>
      <c r="E13079" s="16"/>
      <c r="F13079" s="16"/>
      <c r="G13079" s="16"/>
      <c r="H13079" s="16"/>
      <c r="I13079" s="16"/>
      <c r="J13079" s="16"/>
      <c r="K13079" s="16"/>
      <c r="L13079" s="16"/>
      <c r="M13079" s="16"/>
      <c r="N13079" s="16"/>
      <c r="O13079" s="16"/>
      <c r="P13079" s="16"/>
      <c r="Q13079" s="16"/>
      <c r="R13079" s="16"/>
      <c r="S13079" s="16"/>
      <c r="T13079" s="16"/>
      <c r="U13079" s="16"/>
      <c r="V13079" s="16"/>
      <c r="W13079" s="16"/>
      <c r="X13079" s="16"/>
      <c r="Y13079" s="16"/>
      <c r="Z13079" s="16"/>
      <c r="AA13079" s="16"/>
    </row>
    <row r="13080" spans="1:27" s="1" customFormat="1" ht="11.1" customHeight="1" outlineLevel="3" x14ac:dyDescent="0.2">
      <c r="A13080" s="16" t="s">
        <v>1175</v>
      </c>
      <c r="B13080" s="16"/>
      <c r="C13080" s="16"/>
      <c r="D13080" s="16"/>
      <c r="E13080" s="16"/>
      <c r="F13080" s="16"/>
      <c r="G13080" s="16"/>
      <c r="H13080" s="16"/>
      <c r="I13080" s="16"/>
      <c r="J13080" s="16"/>
      <c r="K13080" s="16"/>
      <c r="L13080" s="16"/>
      <c r="M13080" s="16"/>
      <c r="N13080" s="16"/>
      <c r="O13080" s="16"/>
      <c r="P13080" s="16"/>
      <c r="Q13080" s="16"/>
      <c r="R13080" s="16"/>
      <c r="S13080" s="16"/>
      <c r="T13080" s="16"/>
      <c r="U13080" s="16"/>
      <c r="V13080" s="16"/>
      <c r="W13080" s="16"/>
      <c r="X13080" s="16"/>
      <c r="Y13080" s="16"/>
      <c r="Z13080" s="16"/>
      <c r="AA13080" s="16"/>
    </row>
    <row r="13081" spans="1:27" s="1" customFormat="1" ht="11.1" customHeight="1" outlineLevel="3" x14ac:dyDescent="0.2">
      <c r="A13081" s="16"/>
      <c r="B13081" s="16"/>
      <c r="C13081" s="16"/>
      <c r="D13081" s="16"/>
      <c r="E13081" s="16"/>
      <c r="F13081" s="16"/>
      <c r="G13081" s="16"/>
      <c r="H13081" s="16"/>
      <c r="I13081" s="16"/>
      <c r="J13081" s="16"/>
      <c r="K13081" s="16"/>
      <c r="L13081" s="16"/>
      <c r="M13081" s="16"/>
      <c r="N13081" s="16"/>
      <c r="O13081" s="16"/>
      <c r="P13081" s="16"/>
      <c r="Q13081" s="16"/>
      <c r="R13081" s="16"/>
      <c r="S13081" s="16"/>
      <c r="T13081" s="16"/>
      <c r="U13081" s="16"/>
      <c r="V13081" s="16"/>
      <c r="W13081" s="16"/>
      <c r="X13081" s="16"/>
      <c r="Y13081" s="16"/>
      <c r="Z13081" s="16"/>
      <c r="AA13081" s="16"/>
    </row>
    <row r="13082" spans="1:27" s="1" customFormat="1" ht="11.1" customHeight="1" outlineLevel="4" x14ac:dyDescent="0.2">
      <c r="A13082" s="17">
        <v>7832</v>
      </c>
      <c r="B13082" s="17"/>
      <c r="C13082" s="17"/>
      <c r="D13082" s="18" t="s">
        <v>6485</v>
      </c>
      <c r="E13082" s="18"/>
      <c r="F13082" s="18"/>
      <c r="G13082" s="18"/>
      <c r="H13082" s="18"/>
      <c r="I13082" s="18"/>
      <c r="J13082" s="18"/>
      <c r="K13082" s="18"/>
      <c r="L13082" s="18"/>
      <c r="M13082" s="18"/>
      <c r="N13082" s="18"/>
      <c r="O13082" s="18"/>
      <c r="P13082" s="19">
        <v>180</v>
      </c>
      <c r="Q13082" s="19"/>
      <c r="R13082" s="19"/>
      <c r="S13082" s="19"/>
      <c r="T13082" s="19">
        <v>55</v>
      </c>
      <c r="U13082" s="19"/>
      <c r="V13082" s="19"/>
      <c r="W13082" s="19"/>
      <c r="X13082" s="19">
        <v>1</v>
      </c>
      <c r="Y13082" s="19"/>
      <c r="Z13082" s="19"/>
      <c r="AA13082" s="19"/>
    </row>
    <row r="13083" spans="1:27" s="1" customFormat="1" ht="11.1" customHeight="1" outlineLevel="4" x14ac:dyDescent="0.2">
      <c r="A13083" s="17"/>
      <c r="B13083" s="17"/>
      <c r="C13083" s="17"/>
      <c r="D13083" s="18"/>
      <c r="E13083" s="18"/>
      <c r="F13083" s="18"/>
      <c r="G13083" s="18"/>
      <c r="H13083" s="18"/>
      <c r="I13083" s="18"/>
      <c r="J13083" s="18"/>
      <c r="K13083" s="18"/>
      <c r="L13083" s="18"/>
      <c r="M13083" s="18"/>
      <c r="N13083" s="18"/>
      <c r="O13083" s="18"/>
      <c r="P13083" s="19"/>
      <c r="Q13083" s="19"/>
      <c r="R13083" s="19"/>
      <c r="S13083" s="19"/>
      <c r="T13083" s="19"/>
      <c r="U13083" s="19"/>
      <c r="V13083" s="19"/>
      <c r="W13083" s="19"/>
      <c r="X13083" s="19"/>
      <c r="Y13083" s="19"/>
      <c r="Z13083" s="19"/>
      <c r="AA13083" s="19"/>
    </row>
    <row r="13084" spans="1:27" s="1" customFormat="1" ht="11.1" customHeight="1" outlineLevel="4" x14ac:dyDescent="0.2">
      <c r="A13084" s="17">
        <v>7848</v>
      </c>
      <c r="B13084" s="17"/>
      <c r="C13084" s="17"/>
      <c r="D13084" s="18" t="s">
        <v>6486</v>
      </c>
      <c r="E13084" s="18"/>
      <c r="F13084" s="18"/>
      <c r="G13084" s="18"/>
      <c r="H13084" s="18"/>
      <c r="I13084" s="18"/>
      <c r="J13084" s="18"/>
      <c r="K13084" s="18"/>
      <c r="L13084" s="18"/>
      <c r="M13084" s="18"/>
      <c r="N13084" s="18"/>
      <c r="O13084" s="18"/>
      <c r="P13084" s="19">
        <v>180</v>
      </c>
      <c r="Q13084" s="19"/>
      <c r="R13084" s="19"/>
      <c r="S13084" s="19"/>
      <c r="T13084" s="19">
        <v>55</v>
      </c>
      <c r="U13084" s="19"/>
      <c r="V13084" s="19"/>
      <c r="W13084" s="19"/>
      <c r="X13084" s="19">
        <v>1</v>
      </c>
      <c r="Y13084" s="19"/>
      <c r="Z13084" s="19"/>
      <c r="AA13084" s="19"/>
    </row>
    <row r="13085" spans="1:27" s="1" customFormat="1" ht="11.1" customHeight="1" outlineLevel="4" x14ac:dyDescent="0.2">
      <c r="A13085" s="17"/>
      <c r="B13085" s="17"/>
      <c r="C13085" s="17"/>
      <c r="D13085" s="18"/>
      <c r="E13085" s="18"/>
      <c r="F13085" s="18"/>
      <c r="G13085" s="18"/>
      <c r="H13085" s="18"/>
      <c r="I13085" s="18"/>
      <c r="J13085" s="18"/>
      <c r="K13085" s="18"/>
      <c r="L13085" s="18"/>
      <c r="M13085" s="18"/>
      <c r="N13085" s="18"/>
      <c r="O13085" s="18"/>
      <c r="P13085" s="19"/>
      <c r="Q13085" s="19"/>
      <c r="R13085" s="19"/>
      <c r="S13085" s="19"/>
      <c r="T13085" s="19"/>
      <c r="U13085" s="19"/>
      <c r="V13085" s="19"/>
      <c r="W13085" s="19"/>
      <c r="X13085" s="19"/>
      <c r="Y13085" s="19"/>
      <c r="Z13085" s="19"/>
      <c r="AA13085" s="19"/>
    </row>
    <row r="13086" spans="1:27" s="1" customFormat="1" ht="11.1" customHeight="1" outlineLevel="4" x14ac:dyDescent="0.2">
      <c r="A13086" s="17">
        <v>7835</v>
      </c>
      <c r="B13086" s="17"/>
      <c r="C13086" s="17"/>
      <c r="D13086" s="18" t="s">
        <v>6487</v>
      </c>
      <c r="E13086" s="18"/>
      <c r="F13086" s="18"/>
      <c r="G13086" s="18"/>
      <c r="H13086" s="18"/>
      <c r="I13086" s="18"/>
      <c r="J13086" s="18"/>
      <c r="K13086" s="18"/>
      <c r="L13086" s="18"/>
      <c r="M13086" s="18"/>
      <c r="N13086" s="18"/>
      <c r="O13086" s="18"/>
      <c r="P13086" s="19">
        <v>180</v>
      </c>
      <c r="Q13086" s="19"/>
      <c r="R13086" s="19"/>
      <c r="S13086" s="19"/>
      <c r="T13086" s="19">
        <v>55</v>
      </c>
      <c r="U13086" s="19"/>
      <c r="V13086" s="19"/>
      <c r="W13086" s="19"/>
      <c r="X13086" s="19">
        <v>1</v>
      </c>
      <c r="Y13086" s="19"/>
      <c r="Z13086" s="19"/>
      <c r="AA13086" s="19"/>
    </row>
    <row r="13087" spans="1:27" s="1" customFormat="1" ht="11.1" customHeight="1" outlineLevel="4" x14ac:dyDescent="0.2">
      <c r="A13087" s="17"/>
      <c r="B13087" s="17"/>
      <c r="C13087" s="17"/>
      <c r="D13087" s="18"/>
      <c r="E13087" s="18"/>
      <c r="F13087" s="18"/>
      <c r="G13087" s="18"/>
      <c r="H13087" s="18"/>
      <c r="I13087" s="18"/>
      <c r="J13087" s="18"/>
      <c r="K13087" s="18"/>
      <c r="L13087" s="18"/>
      <c r="M13087" s="18"/>
      <c r="N13087" s="18"/>
      <c r="O13087" s="18"/>
      <c r="P13087" s="19"/>
      <c r="Q13087" s="19"/>
      <c r="R13087" s="19"/>
      <c r="S13087" s="19"/>
      <c r="T13087" s="19"/>
      <c r="U13087" s="19"/>
      <c r="V13087" s="19"/>
      <c r="W13087" s="19"/>
      <c r="X13087" s="19"/>
      <c r="Y13087" s="19"/>
      <c r="Z13087" s="19"/>
      <c r="AA13087" s="19"/>
    </row>
    <row r="13088" spans="1:27" s="1" customFormat="1" ht="11.1" customHeight="1" outlineLevel="4" x14ac:dyDescent="0.2">
      <c r="A13088" s="17">
        <v>7841</v>
      </c>
      <c r="B13088" s="17"/>
      <c r="C13088" s="17"/>
      <c r="D13088" s="18" t="s">
        <v>6488</v>
      </c>
      <c r="E13088" s="18"/>
      <c r="F13088" s="18"/>
      <c r="G13088" s="18"/>
      <c r="H13088" s="18"/>
      <c r="I13088" s="18"/>
      <c r="J13088" s="18"/>
      <c r="K13088" s="18"/>
      <c r="L13088" s="18"/>
      <c r="M13088" s="18"/>
      <c r="N13088" s="18"/>
      <c r="O13088" s="18"/>
      <c r="P13088" s="19">
        <v>180</v>
      </c>
      <c r="Q13088" s="19"/>
      <c r="R13088" s="19"/>
      <c r="S13088" s="19"/>
      <c r="T13088" s="19">
        <v>55</v>
      </c>
      <c r="U13088" s="19"/>
      <c r="V13088" s="19"/>
      <c r="W13088" s="19"/>
      <c r="X13088" s="19">
        <v>1</v>
      </c>
      <c r="Y13088" s="19"/>
      <c r="Z13088" s="19"/>
      <c r="AA13088" s="19"/>
    </row>
    <row r="13089" spans="1:27" s="1" customFormat="1" ht="11.1" customHeight="1" outlineLevel="4" x14ac:dyDescent="0.2">
      <c r="A13089" s="17"/>
      <c r="B13089" s="17"/>
      <c r="C13089" s="17"/>
      <c r="D13089" s="18"/>
      <c r="E13089" s="18"/>
      <c r="F13089" s="18"/>
      <c r="G13089" s="18"/>
      <c r="H13089" s="18"/>
      <c r="I13089" s="18"/>
      <c r="J13089" s="18"/>
      <c r="K13089" s="18"/>
      <c r="L13089" s="18"/>
      <c r="M13089" s="18"/>
      <c r="N13089" s="18"/>
      <c r="O13089" s="18"/>
      <c r="P13089" s="19"/>
      <c r="Q13089" s="19"/>
      <c r="R13089" s="19"/>
      <c r="S13089" s="19"/>
      <c r="T13089" s="19"/>
      <c r="U13089" s="19"/>
      <c r="V13089" s="19"/>
      <c r="W13089" s="19"/>
      <c r="X13089" s="19"/>
      <c r="Y13089" s="19"/>
      <c r="Z13089" s="19"/>
      <c r="AA13089" s="19"/>
    </row>
    <row r="13090" spans="1:27" s="1" customFormat="1" ht="11.1" customHeight="1" outlineLevel="4" x14ac:dyDescent="0.2">
      <c r="A13090" s="17">
        <v>7844</v>
      </c>
      <c r="B13090" s="17"/>
      <c r="C13090" s="17"/>
      <c r="D13090" s="18" t="s">
        <v>6489</v>
      </c>
      <c r="E13090" s="18"/>
      <c r="F13090" s="18"/>
      <c r="G13090" s="18"/>
      <c r="H13090" s="18"/>
      <c r="I13090" s="18"/>
      <c r="J13090" s="18"/>
      <c r="K13090" s="18"/>
      <c r="L13090" s="18"/>
      <c r="M13090" s="18"/>
      <c r="N13090" s="18"/>
      <c r="O13090" s="18"/>
      <c r="P13090" s="19">
        <v>180</v>
      </c>
      <c r="Q13090" s="19"/>
      <c r="R13090" s="19"/>
      <c r="S13090" s="19"/>
      <c r="T13090" s="19">
        <v>55</v>
      </c>
      <c r="U13090" s="19"/>
      <c r="V13090" s="19"/>
      <c r="W13090" s="19"/>
      <c r="X13090" s="19">
        <v>1</v>
      </c>
      <c r="Y13090" s="19"/>
      <c r="Z13090" s="19"/>
      <c r="AA13090" s="19"/>
    </row>
    <row r="13091" spans="1:27" s="1" customFormat="1" ht="11.1" customHeight="1" outlineLevel="4" x14ac:dyDescent="0.2">
      <c r="A13091" s="17"/>
      <c r="B13091" s="17"/>
      <c r="C13091" s="17"/>
      <c r="D13091" s="18"/>
      <c r="E13091" s="18"/>
      <c r="F13091" s="18"/>
      <c r="G13091" s="18"/>
      <c r="H13091" s="18"/>
      <c r="I13091" s="18"/>
      <c r="J13091" s="18"/>
      <c r="K13091" s="18"/>
      <c r="L13091" s="18"/>
      <c r="M13091" s="18"/>
      <c r="N13091" s="18"/>
      <c r="O13091" s="18"/>
      <c r="P13091" s="19"/>
      <c r="Q13091" s="19"/>
      <c r="R13091" s="19"/>
      <c r="S13091" s="19"/>
      <c r="T13091" s="19"/>
      <c r="U13091" s="19"/>
      <c r="V13091" s="19"/>
      <c r="W13091" s="19"/>
      <c r="X13091" s="19"/>
      <c r="Y13091" s="19"/>
      <c r="Z13091" s="19"/>
      <c r="AA13091" s="19"/>
    </row>
    <row r="13092" spans="1:27" s="1" customFormat="1" ht="14.1" customHeight="1" outlineLevel="4" x14ac:dyDescent="0.2">
      <c r="A13092" s="17">
        <v>12973</v>
      </c>
      <c r="B13092" s="17"/>
      <c r="C13092" s="17"/>
      <c r="D13092" s="18" t="s">
        <v>6490</v>
      </c>
      <c r="E13092" s="18"/>
      <c r="F13092" s="18"/>
      <c r="G13092" s="18"/>
      <c r="H13092" s="18"/>
      <c r="I13092" s="18"/>
      <c r="J13092" s="18"/>
      <c r="K13092" s="18"/>
      <c r="L13092" s="18"/>
      <c r="M13092" s="18"/>
      <c r="N13092" s="18"/>
      <c r="O13092" s="18"/>
      <c r="P13092" s="19">
        <v>150</v>
      </c>
      <c r="Q13092" s="19"/>
      <c r="R13092" s="19"/>
      <c r="S13092" s="19"/>
      <c r="T13092" s="19">
        <v>45</v>
      </c>
      <c r="U13092" s="19"/>
      <c r="V13092" s="19"/>
      <c r="W13092" s="19"/>
      <c r="X13092" s="19">
        <v>2</v>
      </c>
      <c r="Y13092" s="19"/>
      <c r="Z13092" s="19"/>
      <c r="AA13092" s="19"/>
    </row>
    <row r="13093" spans="1:27" s="1" customFormat="1" ht="14.1" customHeight="1" outlineLevel="4" x14ac:dyDescent="0.2">
      <c r="A13093" s="17"/>
      <c r="B13093" s="17"/>
      <c r="C13093" s="17"/>
      <c r="D13093" s="18"/>
      <c r="E13093" s="18"/>
      <c r="F13093" s="18"/>
      <c r="G13093" s="18"/>
      <c r="H13093" s="18"/>
      <c r="I13093" s="18"/>
      <c r="J13093" s="18"/>
      <c r="K13093" s="18"/>
      <c r="L13093" s="18"/>
      <c r="M13093" s="18"/>
      <c r="N13093" s="18"/>
      <c r="O13093" s="18"/>
      <c r="P13093" s="19"/>
      <c r="Q13093" s="19"/>
      <c r="R13093" s="19"/>
      <c r="S13093" s="19"/>
      <c r="T13093" s="19"/>
      <c r="U13093" s="19"/>
      <c r="V13093" s="19"/>
      <c r="W13093" s="19"/>
      <c r="X13093" s="19"/>
      <c r="Y13093" s="19"/>
      <c r="Z13093" s="19"/>
      <c r="AA13093" s="19"/>
    </row>
    <row r="13094" spans="1:27" s="1" customFormat="1" ht="11.1" customHeight="1" outlineLevel="4" x14ac:dyDescent="0.2">
      <c r="A13094" s="17">
        <v>7827</v>
      </c>
      <c r="B13094" s="17"/>
      <c r="C13094" s="17"/>
      <c r="D13094" s="18" t="s">
        <v>6491</v>
      </c>
      <c r="E13094" s="18"/>
      <c r="F13094" s="18"/>
      <c r="G13094" s="18"/>
      <c r="H13094" s="18"/>
      <c r="I13094" s="18"/>
      <c r="J13094" s="18"/>
      <c r="K13094" s="18"/>
      <c r="L13094" s="18"/>
      <c r="M13094" s="18"/>
      <c r="N13094" s="18"/>
      <c r="O13094" s="18"/>
      <c r="P13094" s="19">
        <v>180</v>
      </c>
      <c r="Q13094" s="19"/>
      <c r="R13094" s="19"/>
      <c r="S13094" s="19"/>
      <c r="T13094" s="19">
        <v>55</v>
      </c>
      <c r="U13094" s="19"/>
      <c r="V13094" s="19"/>
      <c r="W13094" s="19"/>
      <c r="X13094" s="19">
        <v>1</v>
      </c>
      <c r="Y13094" s="19"/>
      <c r="Z13094" s="19"/>
      <c r="AA13094" s="19"/>
    </row>
    <row r="13095" spans="1:27" s="1" customFormat="1" ht="11.1" customHeight="1" outlineLevel="4" x14ac:dyDescent="0.2">
      <c r="A13095" s="17"/>
      <c r="B13095" s="17"/>
      <c r="C13095" s="17"/>
      <c r="D13095" s="18"/>
      <c r="E13095" s="18"/>
      <c r="F13095" s="18"/>
      <c r="G13095" s="18"/>
      <c r="H13095" s="18"/>
      <c r="I13095" s="18"/>
      <c r="J13095" s="18"/>
      <c r="K13095" s="18"/>
      <c r="L13095" s="18"/>
      <c r="M13095" s="18"/>
      <c r="N13095" s="18"/>
      <c r="O13095" s="18"/>
      <c r="P13095" s="19"/>
      <c r="Q13095" s="19"/>
      <c r="R13095" s="19"/>
      <c r="S13095" s="19"/>
      <c r="T13095" s="19"/>
      <c r="U13095" s="19"/>
      <c r="V13095" s="19"/>
      <c r="W13095" s="19"/>
      <c r="X13095" s="19"/>
      <c r="Y13095" s="19"/>
      <c r="Z13095" s="19"/>
      <c r="AA13095" s="19"/>
    </row>
    <row r="13096" spans="1:27" s="1" customFormat="1" ht="11.1" customHeight="1" outlineLevel="4" x14ac:dyDescent="0.2">
      <c r="A13096" s="17">
        <v>7847</v>
      </c>
      <c r="B13096" s="17"/>
      <c r="C13096" s="17"/>
      <c r="D13096" s="18" t="s">
        <v>6492</v>
      </c>
      <c r="E13096" s="18"/>
      <c r="F13096" s="18"/>
      <c r="G13096" s="18"/>
      <c r="H13096" s="18"/>
      <c r="I13096" s="18"/>
      <c r="J13096" s="18"/>
      <c r="K13096" s="18"/>
      <c r="L13096" s="18"/>
      <c r="M13096" s="18"/>
      <c r="N13096" s="18"/>
      <c r="O13096" s="18"/>
      <c r="P13096" s="19">
        <v>180</v>
      </c>
      <c r="Q13096" s="19"/>
      <c r="R13096" s="19"/>
      <c r="S13096" s="19"/>
      <c r="T13096" s="19">
        <v>55</v>
      </c>
      <c r="U13096" s="19"/>
      <c r="V13096" s="19"/>
      <c r="W13096" s="19"/>
      <c r="X13096" s="19">
        <v>1</v>
      </c>
      <c r="Y13096" s="19"/>
      <c r="Z13096" s="19"/>
      <c r="AA13096" s="19"/>
    </row>
    <row r="13097" spans="1:27" s="1" customFormat="1" ht="11.1" customHeight="1" outlineLevel="4" x14ac:dyDescent="0.2">
      <c r="A13097" s="17"/>
      <c r="B13097" s="17"/>
      <c r="C13097" s="17"/>
      <c r="D13097" s="18"/>
      <c r="E13097" s="18"/>
      <c r="F13097" s="18"/>
      <c r="G13097" s="18"/>
      <c r="H13097" s="18"/>
      <c r="I13097" s="18"/>
      <c r="J13097" s="18"/>
      <c r="K13097" s="18"/>
      <c r="L13097" s="18"/>
      <c r="M13097" s="18"/>
      <c r="N13097" s="18"/>
      <c r="O13097" s="18"/>
      <c r="P13097" s="19"/>
      <c r="Q13097" s="19"/>
      <c r="R13097" s="19"/>
      <c r="S13097" s="19"/>
      <c r="T13097" s="19"/>
      <c r="U13097" s="19"/>
      <c r="V13097" s="19"/>
      <c r="W13097" s="19"/>
      <c r="X13097" s="19"/>
      <c r="Y13097" s="19"/>
      <c r="Z13097" s="19"/>
      <c r="AA13097" s="19"/>
    </row>
    <row r="13098" spans="1:27" s="1" customFormat="1" ht="11.1" customHeight="1" outlineLevel="4" x14ac:dyDescent="0.2">
      <c r="A13098" s="17">
        <v>7834</v>
      </c>
      <c r="B13098" s="17"/>
      <c r="C13098" s="17"/>
      <c r="D13098" s="18" t="s">
        <v>6493</v>
      </c>
      <c r="E13098" s="18"/>
      <c r="F13098" s="18"/>
      <c r="G13098" s="18"/>
      <c r="H13098" s="18"/>
      <c r="I13098" s="18"/>
      <c r="J13098" s="18"/>
      <c r="K13098" s="18"/>
      <c r="L13098" s="18"/>
      <c r="M13098" s="18"/>
      <c r="N13098" s="18"/>
      <c r="O13098" s="18"/>
      <c r="P13098" s="19">
        <v>180</v>
      </c>
      <c r="Q13098" s="19"/>
      <c r="R13098" s="19"/>
      <c r="S13098" s="19"/>
      <c r="T13098" s="19">
        <v>55</v>
      </c>
      <c r="U13098" s="19"/>
      <c r="V13098" s="19"/>
      <c r="W13098" s="19"/>
      <c r="X13098" s="19">
        <v>1</v>
      </c>
      <c r="Y13098" s="19"/>
      <c r="Z13098" s="19"/>
      <c r="AA13098" s="19"/>
    </row>
    <row r="13099" spans="1:27" s="1" customFormat="1" ht="11.1" customHeight="1" outlineLevel="4" x14ac:dyDescent="0.2">
      <c r="A13099" s="17"/>
      <c r="B13099" s="17"/>
      <c r="C13099" s="17"/>
      <c r="D13099" s="18"/>
      <c r="E13099" s="18"/>
      <c r="F13099" s="18"/>
      <c r="G13099" s="18"/>
      <c r="H13099" s="18"/>
      <c r="I13099" s="18"/>
      <c r="J13099" s="18"/>
      <c r="K13099" s="18"/>
      <c r="L13099" s="18"/>
      <c r="M13099" s="18"/>
      <c r="N13099" s="18"/>
      <c r="O13099" s="18"/>
      <c r="P13099" s="19"/>
      <c r="Q13099" s="19"/>
      <c r="R13099" s="19"/>
      <c r="S13099" s="19"/>
      <c r="T13099" s="19"/>
      <c r="U13099" s="19"/>
      <c r="V13099" s="19"/>
      <c r="W13099" s="19"/>
      <c r="X13099" s="19"/>
      <c r="Y13099" s="19"/>
      <c r="Z13099" s="19"/>
      <c r="AA13099" s="19"/>
    </row>
    <row r="13100" spans="1:27" s="1" customFormat="1" ht="11.1" customHeight="1" outlineLevel="4" x14ac:dyDescent="0.2">
      <c r="A13100" s="17">
        <v>7833</v>
      </c>
      <c r="B13100" s="17"/>
      <c r="C13100" s="17"/>
      <c r="D13100" s="18" t="s">
        <v>6494</v>
      </c>
      <c r="E13100" s="18"/>
      <c r="F13100" s="18"/>
      <c r="G13100" s="18"/>
      <c r="H13100" s="18"/>
      <c r="I13100" s="18"/>
      <c r="J13100" s="18"/>
      <c r="K13100" s="18"/>
      <c r="L13100" s="18"/>
      <c r="M13100" s="18"/>
      <c r="N13100" s="18"/>
      <c r="O13100" s="18"/>
      <c r="P13100" s="19">
        <v>180</v>
      </c>
      <c r="Q13100" s="19"/>
      <c r="R13100" s="19"/>
      <c r="S13100" s="19"/>
      <c r="T13100" s="19">
        <v>55</v>
      </c>
      <c r="U13100" s="19"/>
      <c r="V13100" s="19"/>
      <c r="W13100" s="19"/>
      <c r="X13100" s="19">
        <v>1</v>
      </c>
      <c r="Y13100" s="19"/>
      <c r="Z13100" s="19"/>
      <c r="AA13100" s="19"/>
    </row>
    <row r="13101" spans="1:27" s="1" customFormat="1" ht="11.1" customHeight="1" outlineLevel="4" x14ac:dyDescent="0.2">
      <c r="A13101" s="17"/>
      <c r="B13101" s="17"/>
      <c r="C13101" s="17"/>
      <c r="D13101" s="18"/>
      <c r="E13101" s="18"/>
      <c r="F13101" s="18"/>
      <c r="G13101" s="18"/>
      <c r="H13101" s="18"/>
      <c r="I13101" s="18"/>
      <c r="J13101" s="18"/>
      <c r="K13101" s="18"/>
      <c r="L13101" s="18"/>
      <c r="M13101" s="18"/>
      <c r="N13101" s="18"/>
      <c r="O13101" s="18"/>
      <c r="P13101" s="19"/>
      <c r="Q13101" s="19"/>
      <c r="R13101" s="19"/>
      <c r="S13101" s="19"/>
      <c r="T13101" s="19"/>
      <c r="U13101" s="19"/>
      <c r="V13101" s="19"/>
      <c r="W13101" s="19"/>
      <c r="X13101" s="19"/>
      <c r="Y13101" s="19"/>
      <c r="Z13101" s="19"/>
      <c r="AA13101" s="19"/>
    </row>
    <row r="13102" spans="1:27" s="1" customFormat="1" ht="11.1" customHeight="1" outlineLevel="4" x14ac:dyDescent="0.2">
      <c r="A13102" s="17">
        <v>7852</v>
      </c>
      <c r="B13102" s="17"/>
      <c r="C13102" s="17"/>
      <c r="D13102" s="18" t="s">
        <v>6495</v>
      </c>
      <c r="E13102" s="18"/>
      <c r="F13102" s="18"/>
      <c r="G13102" s="18"/>
      <c r="H13102" s="18"/>
      <c r="I13102" s="18"/>
      <c r="J13102" s="18"/>
      <c r="K13102" s="18"/>
      <c r="L13102" s="18"/>
      <c r="M13102" s="18"/>
      <c r="N13102" s="18"/>
      <c r="O13102" s="18"/>
      <c r="P13102" s="19">
        <v>180</v>
      </c>
      <c r="Q13102" s="19"/>
      <c r="R13102" s="19"/>
      <c r="S13102" s="19"/>
      <c r="T13102" s="19">
        <v>55</v>
      </c>
      <c r="U13102" s="19"/>
      <c r="V13102" s="19"/>
      <c r="W13102" s="19"/>
      <c r="X13102" s="19">
        <v>1</v>
      </c>
      <c r="Y13102" s="19"/>
      <c r="Z13102" s="19"/>
      <c r="AA13102" s="19"/>
    </row>
    <row r="13103" spans="1:27" s="1" customFormat="1" ht="11.1" customHeight="1" outlineLevel="4" x14ac:dyDescent="0.2">
      <c r="A13103" s="17"/>
      <c r="B13103" s="17"/>
      <c r="C13103" s="17"/>
      <c r="D13103" s="18"/>
      <c r="E13103" s="18"/>
      <c r="F13103" s="18"/>
      <c r="G13103" s="18"/>
      <c r="H13103" s="18"/>
      <c r="I13103" s="18"/>
      <c r="J13103" s="18"/>
      <c r="K13103" s="18"/>
      <c r="L13103" s="18"/>
      <c r="M13103" s="18"/>
      <c r="N13103" s="18"/>
      <c r="O13103" s="18"/>
      <c r="P13103" s="19"/>
      <c r="Q13103" s="19"/>
      <c r="R13103" s="19"/>
      <c r="S13103" s="19"/>
      <c r="T13103" s="19"/>
      <c r="U13103" s="19"/>
      <c r="V13103" s="19"/>
      <c r="W13103" s="19"/>
      <c r="X13103" s="19"/>
      <c r="Y13103" s="19"/>
      <c r="Z13103" s="19"/>
      <c r="AA13103" s="19"/>
    </row>
    <row r="13104" spans="1:27" s="1" customFormat="1" ht="11.1" customHeight="1" outlineLevel="4" x14ac:dyDescent="0.2">
      <c r="A13104" s="17">
        <v>12972</v>
      </c>
      <c r="B13104" s="17"/>
      <c r="C13104" s="17"/>
      <c r="D13104" s="18" t="s">
        <v>6496</v>
      </c>
      <c r="E13104" s="18"/>
      <c r="F13104" s="18"/>
      <c r="G13104" s="18"/>
      <c r="H13104" s="18"/>
      <c r="I13104" s="18"/>
      <c r="J13104" s="18"/>
      <c r="K13104" s="18"/>
      <c r="L13104" s="18"/>
      <c r="M13104" s="18"/>
      <c r="N13104" s="18"/>
      <c r="O13104" s="18"/>
      <c r="P13104" s="19">
        <v>150</v>
      </c>
      <c r="Q13104" s="19"/>
      <c r="R13104" s="19"/>
      <c r="S13104" s="19"/>
      <c r="T13104" s="19">
        <v>45</v>
      </c>
      <c r="U13104" s="19"/>
      <c r="V13104" s="19"/>
      <c r="W13104" s="19"/>
      <c r="X13104" s="19">
        <v>1</v>
      </c>
      <c r="Y13104" s="19"/>
      <c r="Z13104" s="19"/>
      <c r="AA13104" s="19"/>
    </row>
    <row r="13105" spans="1:27" s="1" customFormat="1" ht="11.1" customHeight="1" outlineLevel="4" x14ac:dyDescent="0.2">
      <c r="A13105" s="17"/>
      <c r="B13105" s="17"/>
      <c r="C13105" s="17"/>
      <c r="D13105" s="18"/>
      <c r="E13105" s="18"/>
      <c r="F13105" s="18"/>
      <c r="G13105" s="18"/>
      <c r="H13105" s="18"/>
      <c r="I13105" s="18"/>
      <c r="J13105" s="18"/>
      <c r="K13105" s="18"/>
      <c r="L13105" s="18"/>
      <c r="M13105" s="18"/>
      <c r="N13105" s="18"/>
      <c r="O13105" s="18"/>
      <c r="P13105" s="19"/>
      <c r="Q13105" s="19"/>
      <c r="R13105" s="19"/>
      <c r="S13105" s="19"/>
      <c r="T13105" s="19"/>
      <c r="U13105" s="19"/>
      <c r="V13105" s="19"/>
      <c r="W13105" s="19"/>
      <c r="X13105" s="19"/>
      <c r="Y13105" s="19"/>
      <c r="Z13105" s="19"/>
      <c r="AA13105" s="19"/>
    </row>
    <row r="13106" spans="1:27" s="1" customFormat="1" ht="11.1" customHeight="1" outlineLevel="4" x14ac:dyDescent="0.2">
      <c r="A13106" s="17">
        <v>7856</v>
      </c>
      <c r="B13106" s="17"/>
      <c r="C13106" s="17"/>
      <c r="D13106" s="18" t="s">
        <v>6497</v>
      </c>
      <c r="E13106" s="18"/>
      <c r="F13106" s="18"/>
      <c r="G13106" s="18"/>
      <c r="H13106" s="18"/>
      <c r="I13106" s="18"/>
      <c r="J13106" s="18"/>
      <c r="K13106" s="18"/>
      <c r="L13106" s="18"/>
      <c r="M13106" s="18"/>
      <c r="N13106" s="18"/>
      <c r="O13106" s="18"/>
      <c r="P13106" s="19">
        <v>180</v>
      </c>
      <c r="Q13106" s="19"/>
      <c r="R13106" s="19"/>
      <c r="S13106" s="19"/>
      <c r="T13106" s="19">
        <v>55</v>
      </c>
      <c r="U13106" s="19"/>
      <c r="V13106" s="19"/>
      <c r="W13106" s="19"/>
      <c r="X13106" s="19">
        <v>1</v>
      </c>
      <c r="Y13106" s="19"/>
      <c r="Z13106" s="19"/>
      <c r="AA13106" s="19"/>
    </row>
    <row r="13107" spans="1:27" s="1" customFormat="1" ht="11.1" customHeight="1" outlineLevel="4" x14ac:dyDescent="0.2">
      <c r="A13107" s="17"/>
      <c r="B13107" s="17"/>
      <c r="C13107" s="17"/>
      <c r="D13107" s="18"/>
      <c r="E13107" s="18"/>
      <c r="F13107" s="18"/>
      <c r="G13107" s="18"/>
      <c r="H13107" s="18"/>
      <c r="I13107" s="18"/>
      <c r="J13107" s="18"/>
      <c r="K13107" s="18"/>
      <c r="L13107" s="18"/>
      <c r="M13107" s="18"/>
      <c r="N13107" s="18"/>
      <c r="O13107" s="18"/>
      <c r="P13107" s="19"/>
      <c r="Q13107" s="19"/>
      <c r="R13107" s="19"/>
      <c r="S13107" s="19"/>
      <c r="T13107" s="19"/>
      <c r="U13107" s="19"/>
      <c r="V13107" s="19"/>
      <c r="W13107" s="19"/>
      <c r="X13107" s="19"/>
      <c r="Y13107" s="19"/>
      <c r="Z13107" s="19"/>
      <c r="AA13107" s="19"/>
    </row>
    <row r="13108" spans="1:27" s="1" customFormat="1" ht="11.1" customHeight="1" outlineLevel="4" x14ac:dyDescent="0.2">
      <c r="A13108" s="17">
        <v>7839</v>
      </c>
      <c r="B13108" s="17"/>
      <c r="C13108" s="17"/>
      <c r="D13108" s="18" t="s">
        <v>6498</v>
      </c>
      <c r="E13108" s="18"/>
      <c r="F13108" s="18"/>
      <c r="G13108" s="18"/>
      <c r="H13108" s="18"/>
      <c r="I13108" s="18"/>
      <c r="J13108" s="18"/>
      <c r="K13108" s="18"/>
      <c r="L13108" s="18"/>
      <c r="M13108" s="18"/>
      <c r="N13108" s="18"/>
      <c r="O13108" s="18"/>
      <c r="P13108" s="19">
        <v>180</v>
      </c>
      <c r="Q13108" s="19"/>
      <c r="R13108" s="19"/>
      <c r="S13108" s="19"/>
      <c r="T13108" s="19">
        <v>55</v>
      </c>
      <c r="U13108" s="19"/>
      <c r="V13108" s="19"/>
      <c r="W13108" s="19"/>
      <c r="X13108" s="19">
        <v>1</v>
      </c>
      <c r="Y13108" s="19"/>
      <c r="Z13108" s="19"/>
      <c r="AA13108" s="19"/>
    </row>
    <row r="13109" spans="1:27" s="1" customFormat="1" ht="11.1" customHeight="1" outlineLevel="4" x14ac:dyDescent="0.2">
      <c r="A13109" s="17"/>
      <c r="B13109" s="17"/>
      <c r="C13109" s="17"/>
      <c r="D13109" s="18"/>
      <c r="E13109" s="18"/>
      <c r="F13109" s="18"/>
      <c r="G13109" s="18"/>
      <c r="H13109" s="18"/>
      <c r="I13109" s="18"/>
      <c r="J13109" s="18"/>
      <c r="K13109" s="18"/>
      <c r="L13109" s="18"/>
      <c r="M13109" s="18"/>
      <c r="N13109" s="18"/>
      <c r="O13109" s="18"/>
      <c r="P13109" s="19"/>
      <c r="Q13109" s="19"/>
      <c r="R13109" s="19"/>
      <c r="S13109" s="19"/>
      <c r="T13109" s="19"/>
      <c r="U13109" s="19"/>
      <c r="V13109" s="19"/>
      <c r="W13109" s="19"/>
      <c r="X13109" s="19"/>
      <c r="Y13109" s="19"/>
      <c r="Z13109" s="19"/>
      <c r="AA13109" s="19"/>
    </row>
    <row r="13110" spans="1:27" s="1" customFormat="1" ht="11.1" customHeight="1" outlineLevel="4" x14ac:dyDescent="0.2">
      <c r="A13110" s="17">
        <v>6871</v>
      </c>
      <c r="B13110" s="17"/>
      <c r="C13110" s="17"/>
      <c r="D13110" s="18" t="s">
        <v>6499</v>
      </c>
      <c r="E13110" s="18"/>
      <c r="F13110" s="18"/>
      <c r="G13110" s="18"/>
      <c r="H13110" s="18"/>
      <c r="I13110" s="18"/>
      <c r="J13110" s="18"/>
      <c r="K13110" s="18"/>
      <c r="L13110" s="18"/>
      <c r="M13110" s="18"/>
      <c r="N13110" s="18"/>
      <c r="O13110" s="18"/>
      <c r="P13110" s="19">
        <v>140</v>
      </c>
      <c r="Q13110" s="19"/>
      <c r="R13110" s="19"/>
      <c r="S13110" s="19"/>
      <c r="T13110" s="19">
        <v>80</v>
      </c>
      <c r="U13110" s="19"/>
      <c r="V13110" s="19"/>
      <c r="W13110" s="19"/>
      <c r="X13110" s="19">
        <v>1</v>
      </c>
      <c r="Y13110" s="19"/>
      <c r="Z13110" s="19"/>
      <c r="AA13110" s="19"/>
    </row>
    <row r="13111" spans="1:27" s="1" customFormat="1" ht="11.1" customHeight="1" outlineLevel="4" x14ac:dyDescent="0.2">
      <c r="A13111" s="17"/>
      <c r="B13111" s="17"/>
      <c r="C13111" s="17"/>
      <c r="D13111" s="18"/>
      <c r="E13111" s="18"/>
      <c r="F13111" s="18"/>
      <c r="G13111" s="18"/>
      <c r="H13111" s="18"/>
      <c r="I13111" s="18"/>
      <c r="J13111" s="18"/>
      <c r="K13111" s="18"/>
      <c r="L13111" s="18"/>
      <c r="M13111" s="18"/>
      <c r="N13111" s="18"/>
      <c r="O13111" s="18"/>
      <c r="P13111" s="19"/>
      <c r="Q13111" s="19"/>
      <c r="R13111" s="19"/>
      <c r="S13111" s="19"/>
      <c r="T13111" s="19"/>
      <c r="U13111" s="19"/>
      <c r="V13111" s="19"/>
      <c r="W13111" s="19"/>
      <c r="X13111" s="19"/>
      <c r="Y13111" s="19"/>
      <c r="Z13111" s="19"/>
      <c r="AA13111" s="19"/>
    </row>
    <row r="13112" spans="1:27" s="1" customFormat="1" ht="11.1" customHeight="1" outlineLevel="4" x14ac:dyDescent="0.2">
      <c r="A13112" s="17">
        <v>13758</v>
      </c>
      <c r="B13112" s="17"/>
      <c r="C13112" s="17"/>
      <c r="D13112" s="18" t="s">
        <v>6500</v>
      </c>
      <c r="E13112" s="18"/>
      <c r="F13112" s="18"/>
      <c r="G13112" s="18"/>
      <c r="H13112" s="18"/>
      <c r="I13112" s="18"/>
      <c r="J13112" s="18"/>
      <c r="K13112" s="18"/>
      <c r="L13112" s="18"/>
      <c r="M13112" s="18"/>
      <c r="N13112" s="18"/>
      <c r="O13112" s="18"/>
      <c r="P13112" s="19">
        <v>165</v>
      </c>
      <c r="Q13112" s="19"/>
      <c r="R13112" s="19"/>
      <c r="S13112" s="19"/>
      <c r="T13112" s="19">
        <v>65</v>
      </c>
      <c r="U13112" s="19"/>
      <c r="V13112" s="19"/>
      <c r="W13112" s="19"/>
      <c r="X13112" s="19">
        <v>3</v>
      </c>
      <c r="Y13112" s="19"/>
      <c r="Z13112" s="19"/>
      <c r="AA13112" s="19"/>
    </row>
    <row r="13113" spans="1:27" s="1" customFormat="1" ht="11.1" customHeight="1" outlineLevel="4" x14ac:dyDescent="0.2">
      <c r="A13113" s="17"/>
      <c r="B13113" s="17"/>
      <c r="C13113" s="17"/>
      <c r="D13113" s="18"/>
      <c r="E13113" s="18"/>
      <c r="F13113" s="18"/>
      <c r="G13113" s="18"/>
      <c r="H13113" s="18"/>
      <c r="I13113" s="18"/>
      <c r="J13113" s="18"/>
      <c r="K13113" s="18"/>
      <c r="L13113" s="18"/>
      <c r="M13113" s="18"/>
      <c r="N13113" s="18"/>
      <c r="O13113" s="18"/>
      <c r="P13113" s="19"/>
      <c r="Q13113" s="19"/>
      <c r="R13113" s="19"/>
      <c r="S13113" s="19"/>
      <c r="T13113" s="19"/>
      <c r="U13113" s="19"/>
      <c r="V13113" s="19"/>
      <c r="W13113" s="19"/>
      <c r="X13113" s="19"/>
      <c r="Y13113" s="19"/>
      <c r="Z13113" s="19"/>
      <c r="AA13113" s="19"/>
    </row>
    <row r="13114" spans="1:27" s="1" customFormat="1" ht="14.1" customHeight="1" outlineLevel="4" x14ac:dyDescent="0.2">
      <c r="A13114" s="17">
        <v>9029</v>
      </c>
      <c r="B13114" s="17"/>
      <c r="C13114" s="17"/>
      <c r="D13114" s="18" t="s">
        <v>6501</v>
      </c>
      <c r="E13114" s="18"/>
      <c r="F13114" s="18"/>
      <c r="G13114" s="18"/>
      <c r="H13114" s="18"/>
      <c r="I13114" s="18"/>
      <c r="J13114" s="18"/>
      <c r="K13114" s="18"/>
      <c r="L13114" s="18"/>
      <c r="M13114" s="18"/>
      <c r="N13114" s="18"/>
      <c r="O13114" s="18"/>
      <c r="P13114" s="19">
        <v>165</v>
      </c>
      <c r="Q13114" s="19"/>
      <c r="R13114" s="19"/>
      <c r="S13114" s="19"/>
      <c r="T13114" s="19">
        <v>65</v>
      </c>
      <c r="U13114" s="19"/>
      <c r="V13114" s="19"/>
      <c r="W13114" s="19"/>
      <c r="X13114" s="19">
        <v>5</v>
      </c>
      <c r="Y13114" s="19"/>
      <c r="Z13114" s="19"/>
      <c r="AA13114" s="19"/>
    </row>
    <row r="13115" spans="1:27" s="1" customFormat="1" ht="14.1" customHeight="1" outlineLevel="4" x14ac:dyDescent="0.2">
      <c r="A13115" s="17"/>
      <c r="B13115" s="17"/>
      <c r="C13115" s="17"/>
      <c r="D13115" s="18"/>
      <c r="E13115" s="18"/>
      <c r="F13115" s="18"/>
      <c r="G13115" s="18"/>
      <c r="H13115" s="18"/>
      <c r="I13115" s="18"/>
      <c r="J13115" s="18"/>
      <c r="K13115" s="18"/>
      <c r="L13115" s="18"/>
      <c r="M13115" s="18"/>
      <c r="N13115" s="18"/>
      <c r="O13115" s="18"/>
      <c r="P13115" s="19"/>
      <c r="Q13115" s="19"/>
      <c r="R13115" s="19"/>
      <c r="S13115" s="19"/>
      <c r="T13115" s="19"/>
      <c r="U13115" s="19"/>
      <c r="V13115" s="19"/>
      <c r="W13115" s="19"/>
      <c r="X13115" s="19"/>
      <c r="Y13115" s="19"/>
      <c r="Z13115" s="19"/>
      <c r="AA13115" s="19"/>
    </row>
    <row r="13116" spans="1:27" s="1" customFormat="1" ht="11.1" customHeight="1" outlineLevel="4" x14ac:dyDescent="0.2">
      <c r="A13116" s="17">
        <v>8125</v>
      </c>
      <c r="B13116" s="17"/>
      <c r="C13116" s="17"/>
      <c r="D13116" s="18" t="s">
        <v>6502</v>
      </c>
      <c r="E13116" s="18"/>
      <c r="F13116" s="18"/>
      <c r="G13116" s="18"/>
      <c r="H13116" s="18"/>
      <c r="I13116" s="18"/>
      <c r="J13116" s="18"/>
      <c r="K13116" s="18"/>
      <c r="L13116" s="18"/>
      <c r="M13116" s="18"/>
      <c r="N13116" s="18"/>
      <c r="O13116" s="18"/>
      <c r="P13116" s="19">
        <v>165</v>
      </c>
      <c r="Q13116" s="19"/>
      <c r="R13116" s="19"/>
      <c r="S13116" s="19"/>
      <c r="T13116" s="19">
        <v>65</v>
      </c>
      <c r="U13116" s="19"/>
      <c r="V13116" s="19"/>
      <c r="W13116" s="19"/>
      <c r="X13116" s="19">
        <v>4</v>
      </c>
      <c r="Y13116" s="19"/>
      <c r="Z13116" s="19"/>
      <c r="AA13116" s="19"/>
    </row>
    <row r="13117" spans="1:27" s="1" customFormat="1" ht="11.1" customHeight="1" outlineLevel="4" x14ac:dyDescent="0.2">
      <c r="A13117" s="17"/>
      <c r="B13117" s="17"/>
      <c r="C13117" s="17"/>
      <c r="D13117" s="18"/>
      <c r="E13117" s="18"/>
      <c r="F13117" s="18"/>
      <c r="G13117" s="18"/>
      <c r="H13117" s="18"/>
      <c r="I13117" s="18"/>
      <c r="J13117" s="18"/>
      <c r="K13117" s="18"/>
      <c r="L13117" s="18"/>
      <c r="M13117" s="18"/>
      <c r="N13117" s="18"/>
      <c r="O13117" s="18"/>
      <c r="P13117" s="19"/>
      <c r="Q13117" s="19"/>
      <c r="R13117" s="19"/>
      <c r="S13117" s="19"/>
      <c r="T13117" s="19"/>
      <c r="U13117" s="19"/>
      <c r="V13117" s="19"/>
      <c r="W13117" s="19"/>
      <c r="X13117" s="19"/>
      <c r="Y13117" s="19"/>
      <c r="Z13117" s="19"/>
      <c r="AA13117" s="19"/>
    </row>
    <row r="13118" spans="1:27" s="1" customFormat="1" ht="14.1" customHeight="1" outlineLevel="4" x14ac:dyDescent="0.2">
      <c r="A13118" s="17">
        <v>8123</v>
      </c>
      <c r="B13118" s="17"/>
      <c r="C13118" s="17"/>
      <c r="D13118" s="18" t="s">
        <v>6503</v>
      </c>
      <c r="E13118" s="18"/>
      <c r="F13118" s="18"/>
      <c r="G13118" s="18"/>
      <c r="H13118" s="18"/>
      <c r="I13118" s="18"/>
      <c r="J13118" s="18"/>
      <c r="K13118" s="18"/>
      <c r="L13118" s="18"/>
      <c r="M13118" s="18"/>
      <c r="N13118" s="18"/>
      <c r="O13118" s="18"/>
      <c r="P13118" s="19">
        <v>165</v>
      </c>
      <c r="Q13118" s="19"/>
      <c r="R13118" s="19"/>
      <c r="S13118" s="19"/>
      <c r="T13118" s="19">
        <v>65</v>
      </c>
      <c r="U13118" s="19"/>
      <c r="V13118" s="19"/>
      <c r="W13118" s="19"/>
      <c r="X13118" s="19">
        <v>4</v>
      </c>
      <c r="Y13118" s="19"/>
      <c r="Z13118" s="19"/>
      <c r="AA13118" s="19"/>
    </row>
    <row r="13119" spans="1:27" s="1" customFormat="1" ht="14.1" customHeight="1" outlineLevel="4" x14ac:dyDescent="0.2">
      <c r="A13119" s="17"/>
      <c r="B13119" s="17"/>
      <c r="C13119" s="17"/>
      <c r="D13119" s="18"/>
      <c r="E13119" s="18"/>
      <c r="F13119" s="18"/>
      <c r="G13119" s="18"/>
      <c r="H13119" s="18"/>
      <c r="I13119" s="18"/>
      <c r="J13119" s="18"/>
      <c r="K13119" s="18"/>
      <c r="L13119" s="18"/>
      <c r="M13119" s="18"/>
      <c r="N13119" s="18"/>
      <c r="O13119" s="18"/>
      <c r="P13119" s="19"/>
      <c r="Q13119" s="19"/>
      <c r="R13119" s="19"/>
      <c r="S13119" s="19"/>
      <c r="T13119" s="19"/>
      <c r="U13119" s="19"/>
      <c r="V13119" s="19"/>
      <c r="W13119" s="19"/>
      <c r="X13119" s="19"/>
      <c r="Y13119" s="19"/>
      <c r="Z13119" s="19"/>
      <c r="AA13119" s="19"/>
    </row>
    <row r="13120" spans="1:27" s="1" customFormat="1" ht="14.1" customHeight="1" outlineLevel="4" x14ac:dyDescent="0.2">
      <c r="A13120" s="17">
        <v>8124</v>
      </c>
      <c r="B13120" s="17"/>
      <c r="C13120" s="17"/>
      <c r="D13120" s="18" t="s">
        <v>6504</v>
      </c>
      <c r="E13120" s="18"/>
      <c r="F13120" s="18"/>
      <c r="G13120" s="18"/>
      <c r="H13120" s="18"/>
      <c r="I13120" s="18"/>
      <c r="J13120" s="18"/>
      <c r="K13120" s="18"/>
      <c r="L13120" s="18"/>
      <c r="M13120" s="18"/>
      <c r="N13120" s="18"/>
      <c r="O13120" s="18"/>
      <c r="P13120" s="19">
        <v>165</v>
      </c>
      <c r="Q13120" s="19"/>
      <c r="R13120" s="19"/>
      <c r="S13120" s="19"/>
      <c r="T13120" s="19">
        <v>65</v>
      </c>
      <c r="U13120" s="19"/>
      <c r="V13120" s="19"/>
      <c r="W13120" s="19"/>
      <c r="X13120" s="19">
        <v>4</v>
      </c>
      <c r="Y13120" s="19"/>
      <c r="Z13120" s="19"/>
      <c r="AA13120" s="19"/>
    </row>
    <row r="13121" spans="1:27" s="1" customFormat="1" ht="14.1" customHeight="1" outlineLevel="4" x14ac:dyDescent="0.2">
      <c r="A13121" s="17"/>
      <c r="B13121" s="17"/>
      <c r="C13121" s="17"/>
      <c r="D13121" s="18"/>
      <c r="E13121" s="18"/>
      <c r="F13121" s="18"/>
      <c r="G13121" s="18"/>
      <c r="H13121" s="18"/>
      <c r="I13121" s="18"/>
      <c r="J13121" s="18"/>
      <c r="K13121" s="18"/>
      <c r="L13121" s="18"/>
      <c r="M13121" s="18"/>
      <c r="N13121" s="18"/>
      <c r="O13121" s="18"/>
      <c r="P13121" s="19"/>
      <c r="Q13121" s="19"/>
      <c r="R13121" s="19"/>
      <c r="S13121" s="19"/>
      <c r="T13121" s="19"/>
      <c r="U13121" s="19"/>
      <c r="V13121" s="19"/>
      <c r="W13121" s="19"/>
      <c r="X13121" s="19"/>
      <c r="Y13121" s="19"/>
      <c r="Z13121" s="19"/>
      <c r="AA13121" s="19"/>
    </row>
    <row r="13122" spans="1:27" s="1" customFormat="1" ht="11.1" customHeight="1" outlineLevel="4" x14ac:dyDescent="0.2">
      <c r="A13122" s="17">
        <v>8118</v>
      </c>
      <c r="B13122" s="17"/>
      <c r="C13122" s="17"/>
      <c r="D13122" s="18" t="s">
        <v>6505</v>
      </c>
      <c r="E13122" s="18"/>
      <c r="F13122" s="18"/>
      <c r="G13122" s="18"/>
      <c r="H13122" s="18"/>
      <c r="I13122" s="18"/>
      <c r="J13122" s="18"/>
      <c r="K13122" s="18"/>
      <c r="L13122" s="18"/>
      <c r="M13122" s="18"/>
      <c r="N13122" s="18"/>
      <c r="O13122" s="18"/>
      <c r="P13122" s="19">
        <v>165</v>
      </c>
      <c r="Q13122" s="19"/>
      <c r="R13122" s="19"/>
      <c r="S13122" s="19"/>
      <c r="T13122" s="19">
        <v>65</v>
      </c>
      <c r="U13122" s="19"/>
      <c r="V13122" s="19"/>
      <c r="W13122" s="19"/>
      <c r="X13122" s="19">
        <v>6</v>
      </c>
      <c r="Y13122" s="19"/>
      <c r="Z13122" s="19"/>
      <c r="AA13122" s="19"/>
    </row>
    <row r="13123" spans="1:27" s="1" customFormat="1" ht="11.1" customHeight="1" outlineLevel="4" x14ac:dyDescent="0.2">
      <c r="A13123" s="17"/>
      <c r="B13123" s="17"/>
      <c r="C13123" s="17"/>
      <c r="D13123" s="18"/>
      <c r="E13123" s="18"/>
      <c r="F13123" s="18"/>
      <c r="G13123" s="18"/>
      <c r="H13123" s="18"/>
      <c r="I13123" s="18"/>
      <c r="J13123" s="18"/>
      <c r="K13123" s="18"/>
      <c r="L13123" s="18"/>
      <c r="M13123" s="18"/>
      <c r="N13123" s="18"/>
      <c r="O13123" s="18"/>
      <c r="P13123" s="19"/>
      <c r="Q13123" s="19"/>
      <c r="R13123" s="19"/>
      <c r="S13123" s="19"/>
      <c r="T13123" s="19"/>
      <c r="U13123" s="19"/>
      <c r="V13123" s="19"/>
      <c r="W13123" s="19"/>
      <c r="X13123" s="19"/>
      <c r="Y13123" s="19"/>
      <c r="Z13123" s="19"/>
      <c r="AA13123" s="19"/>
    </row>
    <row r="13124" spans="1:27" s="1" customFormat="1" ht="11.1" customHeight="1" outlineLevel="4" x14ac:dyDescent="0.2">
      <c r="A13124" s="17">
        <v>10560</v>
      </c>
      <c r="B13124" s="17"/>
      <c r="C13124" s="17"/>
      <c r="D13124" s="18" t="s">
        <v>6506</v>
      </c>
      <c r="E13124" s="18"/>
      <c r="F13124" s="18"/>
      <c r="G13124" s="18"/>
      <c r="H13124" s="18"/>
      <c r="I13124" s="18"/>
      <c r="J13124" s="18"/>
      <c r="K13124" s="18"/>
      <c r="L13124" s="18"/>
      <c r="M13124" s="18"/>
      <c r="N13124" s="18"/>
      <c r="O13124" s="18"/>
      <c r="P13124" s="19">
        <v>165</v>
      </c>
      <c r="Q13124" s="19"/>
      <c r="R13124" s="19"/>
      <c r="S13124" s="19"/>
      <c r="T13124" s="19">
        <v>65</v>
      </c>
      <c r="U13124" s="19"/>
      <c r="V13124" s="19"/>
      <c r="W13124" s="19"/>
      <c r="X13124" s="19">
        <v>5</v>
      </c>
      <c r="Y13124" s="19"/>
      <c r="Z13124" s="19"/>
      <c r="AA13124" s="19"/>
    </row>
    <row r="13125" spans="1:27" s="1" customFormat="1" ht="11.1" customHeight="1" outlineLevel="4" x14ac:dyDescent="0.2">
      <c r="A13125" s="17"/>
      <c r="B13125" s="17"/>
      <c r="C13125" s="17"/>
      <c r="D13125" s="18"/>
      <c r="E13125" s="18"/>
      <c r="F13125" s="18"/>
      <c r="G13125" s="18"/>
      <c r="H13125" s="18"/>
      <c r="I13125" s="18"/>
      <c r="J13125" s="18"/>
      <c r="K13125" s="18"/>
      <c r="L13125" s="18"/>
      <c r="M13125" s="18"/>
      <c r="N13125" s="18"/>
      <c r="O13125" s="18"/>
      <c r="P13125" s="19"/>
      <c r="Q13125" s="19"/>
      <c r="R13125" s="19"/>
      <c r="S13125" s="19"/>
      <c r="T13125" s="19"/>
      <c r="U13125" s="19"/>
      <c r="V13125" s="19"/>
      <c r="W13125" s="19"/>
      <c r="X13125" s="19"/>
      <c r="Y13125" s="19"/>
      <c r="Z13125" s="19"/>
      <c r="AA13125" s="19"/>
    </row>
    <row r="13126" spans="1:27" s="1" customFormat="1" ht="14.1" customHeight="1" outlineLevel="4" x14ac:dyDescent="0.2">
      <c r="A13126" s="17">
        <v>8120</v>
      </c>
      <c r="B13126" s="17"/>
      <c r="C13126" s="17"/>
      <c r="D13126" s="18" t="s">
        <v>6507</v>
      </c>
      <c r="E13126" s="18"/>
      <c r="F13126" s="18"/>
      <c r="G13126" s="18"/>
      <c r="H13126" s="18"/>
      <c r="I13126" s="18"/>
      <c r="J13126" s="18"/>
      <c r="K13126" s="18"/>
      <c r="L13126" s="18"/>
      <c r="M13126" s="18"/>
      <c r="N13126" s="18"/>
      <c r="O13126" s="18"/>
      <c r="P13126" s="19">
        <v>165</v>
      </c>
      <c r="Q13126" s="19"/>
      <c r="R13126" s="19"/>
      <c r="S13126" s="19"/>
      <c r="T13126" s="19">
        <v>65</v>
      </c>
      <c r="U13126" s="19"/>
      <c r="V13126" s="19"/>
      <c r="W13126" s="19"/>
      <c r="X13126" s="19">
        <v>1</v>
      </c>
      <c r="Y13126" s="19"/>
      <c r="Z13126" s="19"/>
      <c r="AA13126" s="19"/>
    </row>
    <row r="13127" spans="1:27" s="1" customFormat="1" ht="14.1" customHeight="1" outlineLevel="4" x14ac:dyDescent="0.2">
      <c r="A13127" s="17"/>
      <c r="B13127" s="17"/>
      <c r="C13127" s="17"/>
      <c r="D13127" s="18"/>
      <c r="E13127" s="18"/>
      <c r="F13127" s="18"/>
      <c r="G13127" s="18"/>
      <c r="H13127" s="18"/>
      <c r="I13127" s="18"/>
      <c r="J13127" s="18"/>
      <c r="K13127" s="18"/>
      <c r="L13127" s="18"/>
      <c r="M13127" s="18"/>
      <c r="N13127" s="18"/>
      <c r="O13127" s="18"/>
      <c r="P13127" s="19"/>
      <c r="Q13127" s="19"/>
      <c r="R13127" s="19"/>
      <c r="S13127" s="19"/>
      <c r="T13127" s="19"/>
      <c r="U13127" s="19"/>
      <c r="V13127" s="19"/>
      <c r="W13127" s="19"/>
      <c r="X13127" s="19"/>
      <c r="Y13127" s="19"/>
      <c r="Z13127" s="19"/>
      <c r="AA13127" s="19"/>
    </row>
    <row r="13128" spans="1:27" s="1" customFormat="1" ht="11.1" customHeight="1" outlineLevel="4" x14ac:dyDescent="0.2">
      <c r="A13128" s="17">
        <v>8058</v>
      </c>
      <c r="B13128" s="17"/>
      <c r="C13128" s="17"/>
      <c r="D13128" s="18" t="s">
        <v>6508</v>
      </c>
      <c r="E13128" s="18"/>
      <c r="F13128" s="18"/>
      <c r="G13128" s="18"/>
      <c r="H13128" s="18"/>
      <c r="I13128" s="18"/>
      <c r="J13128" s="18"/>
      <c r="K13128" s="18"/>
      <c r="L13128" s="18"/>
      <c r="M13128" s="18"/>
      <c r="N13128" s="18"/>
      <c r="O13128" s="18"/>
      <c r="P13128" s="19">
        <v>180</v>
      </c>
      <c r="Q13128" s="19"/>
      <c r="R13128" s="19"/>
      <c r="S13128" s="19"/>
      <c r="T13128" s="19">
        <v>80</v>
      </c>
      <c r="U13128" s="19"/>
      <c r="V13128" s="19"/>
      <c r="W13128" s="19"/>
      <c r="X13128" s="19">
        <v>1</v>
      </c>
      <c r="Y13128" s="19"/>
      <c r="Z13128" s="19"/>
      <c r="AA13128" s="19"/>
    </row>
    <row r="13129" spans="1:27" s="1" customFormat="1" ht="11.1" customHeight="1" outlineLevel="4" x14ac:dyDescent="0.2">
      <c r="A13129" s="17"/>
      <c r="B13129" s="17"/>
      <c r="C13129" s="17"/>
      <c r="D13129" s="18"/>
      <c r="E13129" s="18"/>
      <c r="F13129" s="18"/>
      <c r="G13129" s="18"/>
      <c r="H13129" s="18"/>
      <c r="I13129" s="18"/>
      <c r="J13129" s="18"/>
      <c r="K13129" s="18"/>
      <c r="L13129" s="18"/>
      <c r="M13129" s="18"/>
      <c r="N13129" s="18"/>
      <c r="O13129" s="18"/>
      <c r="P13129" s="19"/>
      <c r="Q13129" s="19"/>
      <c r="R13129" s="19"/>
      <c r="S13129" s="19"/>
      <c r="T13129" s="19"/>
      <c r="U13129" s="19"/>
      <c r="V13129" s="19"/>
      <c r="W13129" s="19"/>
      <c r="X13129" s="19"/>
      <c r="Y13129" s="19"/>
      <c r="Z13129" s="19"/>
      <c r="AA13129" s="19"/>
    </row>
    <row r="13130" spans="1:27" s="1" customFormat="1" ht="11.1" customHeight="1" outlineLevel="4" x14ac:dyDescent="0.2">
      <c r="A13130" s="17">
        <v>8059</v>
      </c>
      <c r="B13130" s="17"/>
      <c r="C13130" s="17"/>
      <c r="D13130" s="18" t="s">
        <v>6509</v>
      </c>
      <c r="E13130" s="18"/>
      <c r="F13130" s="18"/>
      <c r="G13130" s="18"/>
      <c r="H13130" s="18"/>
      <c r="I13130" s="18"/>
      <c r="J13130" s="18"/>
      <c r="K13130" s="18"/>
      <c r="L13130" s="18"/>
      <c r="M13130" s="18"/>
      <c r="N13130" s="18"/>
      <c r="O13130" s="18"/>
      <c r="P13130" s="19">
        <v>180</v>
      </c>
      <c r="Q13130" s="19"/>
      <c r="R13130" s="19"/>
      <c r="S13130" s="19"/>
      <c r="T13130" s="19">
        <v>80</v>
      </c>
      <c r="U13130" s="19"/>
      <c r="V13130" s="19"/>
      <c r="W13130" s="19"/>
      <c r="X13130" s="19">
        <v>1</v>
      </c>
      <c r="Y13130" s="19"/>
      <c r="Z13130" s="19"/>
      <c r="AA13130" s="19"/>
    </row>
    <row r="13131" spans="1:27" s="1" customFormat="1" ht="11.1" customHeight="1" outlineLevel="4" x14ac:dyDescent="0.2">
      <c r="A13131" s="17"/>
      <c r="B13131" s="17"/>
      <c r="C13131" s="17"/>
      <c r="D13131" s="18"/>
      <c r="E13131" s="18"/>
      <c r="F13131" s="18"/>
      <c r="G13131" s="18"/>
      <c r="H13131" s="18"/>
      <c r="I13131" s="18"/>
      <c r="J13131" s="18"/>
      <c r="K13131" s="18"/>
      <c r="L13131" s="18"/>
      <c r="M13131" s="18"/>
      <c r="N13131" s="18"/>
      <c r="O13131" s="18"/>
      <c r="P13131" s="19"/>
      <c r="Q13131" s="19"/>
      <c r="R13131" s="19"/>
      <c r="S13131" s="19"/>
      <c r="T13131" s="19"/>
      <c r="U13131" s="19"/>
      <c r="V13131" s="19"/>
      <c r="W13131" s="19"/>
      <c r="X13131" s="19"/>
      <c r="Y13131" s="19"/>
      <c r="Z13131" s="19"/>
      <c r="AA13131" s="19"/>
    </row>
    <row r="13132" spans="1:27" s="1" customFormat="1" ht="11.1" customHeight="1" outlineLevel="4" x14ac:dyDescent="0.2">
      <c r="A13132" s="17">
        <v>8054</v>
      </c>
      <c r="B13132" s="17"/>
      <c r="C13132" s="17"/>
      <c r="D13132" s="18" t="s">
        <v>6510</v>
      </c>
      <c r="E13132" s="18"/>
      <c r="F13132" s="18"/>
      <c r="G13132" s="18"/>
      <c r="H13132" s="18"/>
      <c r="I13132" s="18"/>
      <c r="J13132" s="18"/>
      <c r="K13132" s="18"/>
      <c r="L13132" s="18"/>
      <c r="M13132" s="18"/>
      <c r="N13132" s="18"/>
      <c r="O13132" s="18"/>
      <c r="P13132" s="19">
        <v>180</v>
      </c>
      <c r="Q13132" s="19"/>
      <c r="R13132" s="19"/>
      <c r="S13132" s="19"/>
      <c r="T13132" s="19">
        <v>80</v>
      </c>
      <c r="U13132" s="19"/>
      <c r="V13132" s="19"/>
      <c r="W13132" s="19"/>
      <c r="X13132" s="19">
        <v>1</v>
      </c>
      <c r="Y13132" s="19"/>
      <c r="Z13132" s="19"/>
      <c r="AA13132" s="19"/>
    </row>
    <row r="13133" spans="1:27" s="1" customFormat="1" ht="11.1" customHeight="1" outlineLevel="4" x14ac:dyDescent="0.2">
      <c r="A13133" s="17"/>
      <c r="B13133" s="17"/>
      <c r="C13133" s="17"/>
      <c r="D13133" s="18"/>
      <c r="E13133" s="18"/>
      <c r="F13133" s="18"/>
      <c r="G13133" s="18"/>
      <c r="H13133" s="18"/>
      <c r="I13133" s="18"/>
      <c r="J13133" s="18"/>
      <c r="K13133" s="18"/>
      <c r="L13133" s="18"/>
      <c r="M13133" s="18"/>
      <c r="N13133" s="18"/>
      <c r="O13133" s="18"/>
      <c r="P13133" s="19"/>
      <c r="Q13133" s="19"/>
      <c r="R13133" s="19"/>
      <c r="S13133" s="19"/>
      <c r="T13133" s="19"/>
      <c r="U13133" s="19"/>
      <c r="V13133" s="19"/>
      <c r="W13133" s="19"/>
      <c r="X13133" s="19"/>
      <c r="Y13133" s="19"/>
      <c r="Z13133" s="19"/>
      <c r="AA13133" s="19"/>
    </row>
    <row r="13134" spans="1:27" s="1" customFormat="1" ht="11.1" customHeight="1" outlineLevel="4" x14ac:dyDescent="0.2">
      <c r="A13134" s="17">
        <v>8055</v>
      </c>
      <c r="B13134" s="17"/>
      <c r="C13134" s="17"/>
      <c r="D13134" s="18" t="s">
        <v>6511</v>
      </c>
      <c r="E13134" s="18"/>
      <c r="F13134" s="18"/>
      <c r="G13134" s="18"/>
      <c r="H13134" s="18"/>
      <c r="I13134" s="18"/>
      <c r="J13134" s="18"/>
      <c r="K13134" s="18"/>
      <c r="L13134" s="18"/>
      <c r="M13134" s="18"/>
      <c r="N13134" s="18"/>
      <c r="O13134" s="18"/>
      <c r="P13134" s="19">
        <v>180</v>
      </c>
      <c r="Q13134" s="19"/>
      <c r="R13134" s="19"/>
      <c r="S13134" s="19"/>
      <c r="T13134" s="19">
        <v>80</v>
      </c>
      <c r="U13134" s="19"/>
      <c r="V13134" s="19"/>
      <c r="W13134" s="19"/>
      <c r="X13134" s="19">
        <v>1</v>
      </c>
      <c r="Y13134" s="19"/>
      <c r="Z13134" s="19"/>
      <c r="AA13134" s="19"/>
    </row>
    <row r="13135" spans="1:27" s="1" customFormat="1" ht="11.1" customHeight="1" outlineLevel="4" x14ac:dyDescent="0.2">
      <c r="A13135" s="17"/>
      <c r="B13135" s="17"/>
      <c r="C13135" s="17"/>
      <c r="D13135" s="18"/>
      <c r="E13135" s="18"/>
      <c r="F13135" s="18"/>
      <c r="G13135" s="18"/>
      <c r="H13135" s="18"/>
      <c r="I13135" s="18"/>
      <c r="J13135" s="18"/>
      <c r="K13135" s="18"/>
      <c r="L13135" s="18"/>
      <c r="M13135" s="18"/>
      <c r="N13135" s="18"/>
      <c r="O13135" s="18"/>
      <c r="P13135" s="19"/>
      <c r="Q13135" s="19"/>
      <c r="R13135" s="19"/>
      <c r="S13135" s="19"/>
      <c r="T13135" s="19"/>
      <c r="U13135" s="19"/>
      <c r="V13135" s="19"/>
      <c r="W13135" s="19"/>
      <c r="X13135" s="19"/>
      <c r="Y13135" s="19"/>
      <c r="Z13135" s="19"/>
      <c r="AA13135" s="19"/>
    </row>
    <row r="13136" spans="1:27" s="1" customFormat="1" ht="11.1" customHeight="1" outlineLevel="4" x14ac:dyDescent="0.2">
      <c r="A13136" s="17">
        <v>15952</v>
      </c>
      <c r="B13136" s="17"/>
      <c r="C13136" s="17"/>
      <c r="D13136" s="18" t="s">
        <v>6512</v>
      </c>
      <c r="E13136" s="18"/>
      <c r="F13136" s="18"/>
      <c r="G13136" s="18"/>
      <c r="H13136" s="18"/>
      <c r="I13136" s="18"/>
      <c r="J13136" s="18"/>
      <c r="K13136" s="18"/>
      <c r="L13136" s="18"/>
      <c r="M13136" s="18"/>
      <c r="N13136" s="18"/>
      <c r="O13136" s="18"/>
      <c r="P13136" s="19">
        <v>240</v>
      </c>
      <c r="Q13136" s="19"/>
      <c r="R13136" s="19"/>
      <c r="S13136" s="19"/>
      <c r="T13136" s="19">
        <v>145</v>
      </c>
      <c r="U13136" s="19"/>
      <c r="V13136" s="19"/>
      <c r="W13136" s="19"/>
      <c r="X13136" s="19">
        <v>1</v>
      </c>
      <c r="Y13136" s="19"/>
      <c r="Z13136" s="19"/>
      <c r="AA13136" s="19"/>
    </row>
    <row r="13137" spans="1:27" s="1" customFormat="1" ht="11.1" customHeight="1" outlineLevel="4" x14ac:dyDescent="0.2">
      <c r="A13137" s="17"/>
      <c r="B13137" s="17"/>
      <c r="C13137" s="17"/>
      <c r="D13137" s="18"/>
      <c r="E13137" s="18"/>
      <c r="F13137" s="18"/>
      <c r="G13137" s="18"/>
      <c r="H13137" s="18"/>
      <c r="I13137" s="18"/>
      <c r="J13137" s="18"/>
      <c r="K13137" s="18"/>
      <c r="L13137" s="18"/>
      <c r="M13137" s="18"/>
      <c r="N13137" s="18"/>
      <c r="O13137" s="18"/>
      <c r="P13137" s="19"/>
      <c r="Q13137" s="19"/>
      <c r="R13137" s="19"/>
      <c r="S13137" s="19"/>
      <c r="T13137" s="19"/>
      <c r="U13137" s="19"/>
      <c r="V13137" s="19"/>
      <c r="W13137" s="19"/>
      <c r="X13137" s="19"/>
      <c r="Y13137" s="19"/>
      <c r="Z13137" s="19"/>
      <c r="AA13137" s="19"/>
    </row>
    <row r="13138" spans="1:27" s="1" customFormat="1" ht="11.1" customHeight="1" outlineLevel="4" x14ac:dyDescent="0.2">
      <c r="A13138" s="17">
        <v>11230</v>
      </c>
      <c r="B13138" s="17"/>
      <c r="C13138" s="17"/>
      <c r="D13138" s="18" t="s">
        <v>6513</v>
      </c>
      <c r="E13138" s="18"/>
      <c r="F13138" s="18"/>
      <c r="G13138" s="18"/>
      <c r="H13138" s="18"/>
      <c r="I13138" s="18"/>
      <c r="J13138" s="18"/>
      <c r="K13138" s="18"/>
      <c r="L13138" s="18"/>
      <c r="M13138" s="18"/>
      <c r="N13138" s="18"/>
      <c r="O13138" s="18"/>
      <c r="P13138" s="19">
        <v>240</v>
      </c>
      <c r="Q13138" s="19"/>
      <c r="R13138" s="19"/>
      <c r="S13138" s="19"/>
      <c r="T13138" s="19">
        <v>145</v>
      </c>
      <c r="U13138" s="19"/>
      <c r="V13138" s="19"/>
      <c r="W13138" s="19"/>
      <c r="X13138" s="19">
        <v>1</v>
      </c>
      <c r="Y13138" s="19"/>
      <c r="Z13138" s="19"/>
      <c r="AA13138" s="19"/>
    </row>
    <row r="13139" spans="1:27" s="1" customFormat="1" ht="11.1" customHeight="1" outlineLevel="4" x14ac:dyDescent="0.2">
      <c r="A13139" s="17"/>
      <c r="B13139" s="17"/>
      <c r="C13139" s="17"/>
      <c r="D13139" s="18"/>
      <c r="E13139" s="18"/>
      <c r="F13139" s="18"/>
      <c r="G13139" s="18"/>
      <c r="H13139" s="18"/>
      <c r="I13139" s="18"/>
      <c r="J13139" s="18"/>
      <c r="K13139" s="18"/>
      <c r="L13139" s="18"/>
      <c r="M13139" s="18"/>
      <c r="N13139" s="18"/>
      <c r="O13139" s="18"/>
      <c r="P13139" s="19"/>
      <c r="Q13139" s="19"/>
      <c r="R13139" s="19"/>
      <c r="S13139" s="19"/>
      <c r="T13139" s="19"/>
      <c r="U13139" s="19"/>
      <c r="V13139" s="19"/>
      <c r="W13139" s="19"/>
      <c r="X13139" s="19"/>
      <c r="Y13139" s="19"/>
      <c r="Z13139" s="19"/>
      <c r="AA13139" s="19"/>
    </row>
    <row r="13140" spans="1:27" s="1" customFormat="1" ht="11.1" customHeight="1" outlineLevel="4" x14ac:dyDescent="0.2">
      <c r="A13140" s="17">
        <v>14645</v>
      </c>
      <c r="B13140" s="17"/>
      <c r="C13140" s="17"/>
      <c r="D13140" s="18" t="s">
        <v>6514</v>
      </c>
      <c r="E13140" s="18"/>
      <c r="F13140" s="18"/>
      <c r="G13140" s="18"/>
      <c r="H13140" s="18"/>
      <c r="I13140" s="18"/>
      <c r="J13140" s="18"/>
      <c r="K13140" s="18"/>
      <c r="L13140" s="18"/>
      <c r="M13140" s="18"/>
      <c r="N13140" s="18"/>
      <c r="O13140" s="18"/>
      <c r="P13140" s="19">
        <v>240</v>
      </c>
      <c r="Q13140" s="19"/>
      <c r="R13140" s="19"/>
      <c r="S13140" s="19"/>
      <c r="T13140" s="19">
        <v>145</v>
      </c>
      <c r="U13140" s="19"/>
      <c r="V13140" s="19"/>
      <c r="W13140" s="19"/>
      <c r="X13140" s="19">
        <v>1</v>
      </c>
      <c r="Y13140" s="19"/>
      <c r="Z13140" s="19"/>
      <c r="AA13140" s="19"/>
    </row>
    <row r="13141" spans="1:27" s="1" customFormat="1" ht="11.1" customHeight="1" outlineLevel="4" x14ac:dyDescent="0.2">
      <c r="A13141" s="17"/>
      <c r="B13141" s="17"/>
      <c r="C13141" s="17"/>
      <c r="D13141" s="18"/>
      <c r="E13141" s="18"/>
      <c r="F13141" s="18"/>
      <c r="G13141" s="18"/>
      <c r="H13141" s="18"/>
      <c r="I13141" s="18"/>
      <c r="J13141" s="18"/>
      <c r="K13141" s="18"/>
      <c r="L13141" s="18"/>
      <c r="M13141" s="18"/>
      <c r="N13141" s="18"/>
      <c r="O13141" s="18"/>
      <c r="P13141" s="19"/>
      <c r="Q13141" s="19"/>
      <c r="R13141" s="19"/>
      <c r="S13141" s="19"/>
      <c r="T13141" s="19"/>
      <c r="U13141" s="19"/>
      <c r="V13141" s="19"/>
      <c r="W13141" s="19"/>
      <c r="X13141" s="19"/>
      <c r="Y13141" s="19"/>
      <c r="Z13141" s="19"/>
      <c r="AA13141" s="19"/>
    </row>
    <row r="13142" spans="1:27" s="1" customFormat="1" ht="11.1" customHeight="1" outlineLevel="4" x14ac:dyDescent="0.2">
      <c r="A13142" s="17">
        <v>16167</v>
      </c>
      <c r="B13142" s="17"/>
      <c r="C13142" s="17"/>
      <c r="D13142" s="18" t="s">
        <v>6515</v>
      </c>
      <c r="E13142" s="18"/>
      <c r="F13142" s="18"/>
      <c r="G13142" s="18"/>
      <c r="H13142" s="18"/>
      <c r="I13142" s="18"/>
      <c r="J13142" s="18"/>
      <c r="K13142" s="18"/>
      <c r="L13142" s="18"/>
      <c r="M13142" s="18"/>
      <c r="N13142" s="18"/>
      <c r="O13142" s="18"/>
      <c r="P13142" s="19">
        <v>250</v>
      </c>
      <c r="Q13142" s="19"/>
      <c r="R13142" s="19"/>
      <c r="S13142" s="19"/>
      <c r="T13142" s="19">
        <v>145</v>
      </c>
      <c r="U13142" s="19"/>
      <c r="V13142" s="19"/>
      <c r="W13142" s="19"/>
      <c r="X13142" s="19">
        <v>1</v>
      </c>
      <c r="Y13142" s="19"/>
      <c r="Z13142" s="19"/>
      <c r="AA13142" s="19"/>
    </row>
    <row r="13143" spans="1:27" s="1" customFormat="1" ht="11.1" customHeight="1" outlineLevel="4" x14ac:dyDescent="0.2">
      <c r="A13143" s="17"/>
      <c r="B13143" s="17"/>
      <c r="C13143" s="17"/>
      <c r="D13143" s="18"/>
      <c r="E13143" s="18"/>
      <c r="F13143" s="18"/>
      <c r="G13143" s="18"/>
      <c r="H13143" s="18"/>
      <c r="I13143" s="18"/>
      <c r="J13143" s="18"/>
      <c r="K13143" s="18"/>
      <c r="L13143" s="18"/>
      <c r="M13143" s="18"/>
      <c r="N13143" s="18"/>
      <c r="O13143" s="18"/>
      <c r="P13143" s="19"/>
      <c r="Q13143" s="19"/>
      <c r="R13143" s="19"/>
      <c r="S13143" s="19"/>
      <c r="T13143" s="19"/>
      <c r="U13143" s="19"/>
      <c r="V13143" s="19"/>
      <c r="W13143" s="19"/>
      <c r="X13143" s="19"/>
      <c r="Y13143" s="19"/>
      <c r="Z13143" s="19"/>
      <c r="AA13143" s="19"/>
    </row>
    <row r="13144" spans="1:27" s="1" customFormat="1" ht="11.1" customHeight="1" outlineLevel="4" x14ac:dyDescent="0.2">
      <c r="A13144" s="17">
        <v>16166</v>
      </c>
      <c r="B13144" s="17"/>
      <c r="C13144" s="17"/>
      <c r="D13144" s="18" t="s">
        <v>6516</v>
      </c>
      <c r="E13144" s="18"/>
      <c r="F13144" s="18"/>
      <c r="G13144" s="18"/>
      <c r="H13144" s="18"/>
      <c r="I13144" s="18"/>
      <c r="J13144" s="18"/>
      <c r="K13144" s="18"/>
      <c r="L13144" s="18"/>
      <c r="M13144" s="18"/>
      <c r="N13144" s="18"/>
      <c r="O13144" s="18"/>
      <c r="P13144" s="19">
        <v>250</v>
      </c>
      <c r="Q13144" s="19"/>
      <c r="R13144" s="19"/>
      <c r="S13144" s="19"/>
      <c r="T13144" s="19">
        <v>145</v>
      </c>
      <c r="U13144" s="19"/>
      <c r="V13144" s="19"/>
      <c r="W13144" s="19"/>
      <c r="X13144" s="19">
        <v>1</v>
      </c>
      <c r="Y13144" s="19"/>
      <c r="Z13144" s="19"/>
      <c r="AA13144" s="19"/>
    </row>
    <row r="13145" spans="1:27" s="1" customFormat="1" ht="11.1" customHeight="1" outlineLevel="4" x14ac:dyDescent="0.2">
      <c r="A13145" s="17"/>
      <c r="B13145" s="17"/>
      <c r="C13145" s="17"/>
      <c r="D13145" s="18"/>
      <c r="E13145" s="18"/>
      <c r="F13145" s="18"/>
      <c r="G13145" s="18"/>
      <c r="H13145" s="18"/>
      <c r="I13145" s="18"/>
      <c r="J13145" s="18"/>
      <c r="K13145" s="18"/>
      <c r="L13145" s="18"/>
      <c r="M13145" s="18"/>
      <c r="N13145" s="18"/>
      <c r="O13145" s="18"/>
      <c r="P13145" s="19"/>
      <c r="Q13145" s="19"/>
      <c r="R13145" s="19"/>
      <c r="S13145" s="19"/>
      <c r="T13145" s="19"/>
      <c r="U13145" s="19"/>
      <c r="V13145" s="19"/>
      <c r="W13145" s="19"/>
      <c r="X13145" s="19"/>
      <c r="Y13145" s="19"/>
      <c r="Z13145" s="19"/>
      <c r="AA13145" s="19"/>
    </row>
    <row r="13146" spans="1:27" s="1" customFormat="1" ht="11.1" customHeight="1" outlineLevel="4" x14ac:dyDescent="0.2">
      <c r="A13146" s="17">
        <v>16168</v>
      </c>
      <c r="B13146" s="17"/>
      <c r="C13146" s="17"/>
      <c r="D13146" s="18" t="s">
        <v>6517</v>
      </c>
      <c r="E13146" s="18"/>
      <c r="F13146" s="18"/>
      <c r="G13146" s="18"/>
      <c r="H13146" s="18"/>
      <c r="I13146" s="18"/>
      <c r="J13146" s="18"/>
      <c r="K13146" s="18"/>
      <c r="L13146" s="18"/>
      <c r="M13146" s="18"/>
      <c r="N13146" s="18"/>
      <c r="O13146" s="18"/>
      <c r="P13146" s="19">
        <v>250</v>
      </c>
      <c r="Q13146" s="19"/>
      <c r="R13146" s="19"/>
      <c r="S13146" s="19"/>
      <c r="T13146" s="19">
        <v>145</v>
      </c>
      <c r="U13146" s="19"/>
      <c r="V13146" s="19"/>
      <c r="W13146" s="19"/>
      <c r="X13146" s="19">
        <v>1</v>
      </c>
      <c r="Y13146" s="19"/>
      <c r="Z13146" s="19"/>
      <c r="AA13146" s="19"/>
    </row>
    <row r="13147" spans="1:27" s="1" customFormat="1" ht="11.1" customHeight="1" outlineLevel="4" x14ac:dyDescent="0.2">
      <c r="A13147" s="17"/>
      <c r="B13147" s="17"/>
      <c r="C13147" s="17"/>
      <c r="D13147" s="18"/>
      <c r="E13147" s="18"/>
      <c r="F13147" s="18"/>
      <c r="G13147" s="18"/>
      <c r="H13147" s="18"/>
      <c r="I13147" s="18"/>
      <c r="J13147" s="18"/>
      <c r="K13147" s="18"/>
      <c r="L13147" s="18"/>
      <c r="M13147" s="18"/>
      <c r="N13147" s="18"/>
      <c r="O13147" s="18"/>
      <c r="P13147" s="19"/>
      <c r="Q13147" s="19"/>
      <c r="R13147" s="19"/>
      <c r="S13147" s="19"/>
      <c r="T13147" s="19"/>
      <c r="U13147" s="19"/>
      <c r="V13147" s="19"/>
      <c r="W13147" s="19"/>
      <c r="X13147" s="19"/>
      <c r="Y13147" s="19"/>
      <c r="Z13147" s="19"/>
      <c r="AA13147" s="19"/>
    </row>
    <row r="13148" spans="1:27" s="1" customFormat="1" ht="14.1" customHeight="1" outlineLevel="4" x14ac:dyDescent="0.2">
      <c r="A13148" s="17">
        <v>11228</v>
      </c>
      <c r="B13148" s="17"/>
      <c r="C13148" s="17"/>
      <c r="D13148" s="18" t="s">
        <v>6518</v>
      </c>
      <c r="E13148" s="18"/>
      <c r="F13148" s="18"/>
      <c r="G13148" s="18"/>
      <c r="H13148" s="18"/>
      <c r="I13148" s="18"/>
      <c r="J13148" s="18"/>
      <c r="K13148" s="18"/>
      <c r="L13148" s="18"/>
      <c r="M13148" s="18"/>
      <c r="N13148" s="18"/>
      <c r="O13148" s="18"/>
      <c r="P13148" s="19">
        <v>240</v>
      </c>
      <c r="Q13148" s="19"/>
      <c r="R13148" s="19"/>
      <c r="S13148" s="19"/>
      <c r="T13148" s="19">
        <v>145</v>
      </c>
      <c r="U13148" s="19"/>
      <c r="V13148" s="19"/>
      <c r="W13148" s="19"/>
      <c r="X13148" s="19">
        <v>2</v>
      </c>
      <c r="Y13148" s="19"/>
      <c r="Z13148" s="19"/>
      <c r="AA13148" s="19"/>
    </row>
    <row r="13149" spans="1:27" s="1" customFormat="1" ht="14.1" customHeight="1" outlineLevel="4" x14ac:dyDescent="0.2">
      <c r="A13149" s="17"/>
      <c r="B13149" s="17"/>
      <c r="C13149" s="17"/>
      <c r="D13149" s="18"/>
      <c r="E13149" s="18"/>
      <c r="F13149" s="18"/>
      <c r="G13149" s="18"/>
      <c r="H13149" s="18"/>
      <c r="I13149" s="18"/>
      <c r="J13149" s="18"/>
      <c r="K13149" s="18"/>
      <c r="L13149" s="18"/>
      <c r="M13149" s="18"/>
      <c r="N13149" s="18"/>
      <c r="O13149" s="18"/>
      <c r="P13149" s="19"/>
      <c r="Q13149" s="19"/>
      <c r="R13149" s="19"/>
      <c r="S13149" s="19"/>
      <c r="T13149" s="19"/>
      <c r="U13149" s="19"/>
      <c r="V13149" s="19"/>
      <c r="W13149" s="19"/>
      <c r="X13149" s="19"/>
      <c r="Y13149" s="19"/>
      <c r="Z13149" s="19"/>
      <c r="AA13149" s="19"/>
    </row>
    <row r="13150" spans="1:27" s="1" customFormat="1" ht="14.1" customHeight="1" outlineLevel="4" x14ac:dyDescent="0.2">
      <c r="A13150" s="17">
        <v>11229</v>
      </c>
      <c r="B13150" s="17"/>
      <c r="C13150" s="17"/>
      <c r="D13150" s="18" t="s">
        <v>6519</v>
      </c>
      <c r="E13150" s="18"/>
      <c r="F13150" s="18"/>
      <c r="G13150" s="18"/>
      <c r="H13150" s="18"/>
      <c r="I13150" s="18"/>
      <c r="J13150" s="18"/>
      <c r="K13150" s="18"/>
      <c r="L13150" s="18"/>
      <c r="M13150" s="18"/>
      <c r="N13150" s="18"/>
      <c r="O13150" s="18"/>
      <c r="P13150" s="19">
        <v>240</v>
      </c>
      <c r="Q13150" s="19"/>
      <c r="R13150" s="19"/>
      <c r="S13150" s="19"/>
      <c r="T13150" s="19">
        <v>145</v>
      </c>
      <c r="U13150" s="19"/>
      <c r="V13150" s="19"/>
      <c r="W13150" s="19"/>
      <c r="X13150" s="19">
        <v>2</v>
      </c>
      <c r="Y13150" s="19"/>
      <c r="Z13150" s="19"/>
      <c r="AA13150" s="19"/>
    </row>
    <row r="13151" spans="1:27" s="1" customFormat="1" ht="14.1" customHeight="1" outlineLevel="4" x14ac:dyDescent="0.2">
      <c r="A13151" s="17"/>
      <c r="B13151" s="17"/>
      <c r="C13151" s="17"/>
      <c r="D13151" s="18"/>
      <c r="E13151" s="18"/>
      <c r="F13151" s="18"/>
      <c r="G13151" s="18"/>
      <c r="H13151" s="18"/>
      <c r="I13151" s="18"/>
      <c r="J13151" s="18"/>
      <c r="K13151" s="18"/>
      <c r="L13151" s="18"/>
      <c r="M13151" s="18"/>
      <c r="N13151" s="18"/>
      <c r="O13151" s="18"/>
      <c r="P13151" s="19"/>
      <c r="Q13151" s="19"/>
      <c r="R13151" s="19"/>
      <c r="S13151" s="19"/>
      <c r="T13151" s="19"/>
      <c r="U13151" s="19"/>
      <c r="V13151" s="19"/>
      <c r="W13151" s="19"/>
      <c r="X13151" s="19"/>
      <c r="Y13151" s="19"/>
      <c r="Z13151" s="19"/>
      <c r="AA13151" s="19"/>
    </row>
    <row r="13152" spans="1:27" s="1" customFormat="1" ht="14.1" customHeight="1" outlineLevel="4" x14ac:dyDescent="0.2">
      <c r="A13152" s="17">
        <v>10219</v>
      </c>
      <c r="B13152" s="17"/>
      <c r="C13152" s="17"/>
      <c r="D13152" s="18" t="s">
        <v>6520</v>
      </c>
      <c r="E13152" s="18"/>
      <c r="F13152" s="18"/>
      <c r="G13152" s="18"/>
      <c r="H13152" s="18"/>
      <c r="I13152" s="18"/>
      <c r="J13152" s="18"/>
      <c r="K13152" s="18"/>
      <c r="L13152" s="18"/>
      <c r="M13152" s="18"/>
      <c r="N13152" s="18"/>
      <c r="O13152" s="18"/>
      <c r="P13152" s="19">
        <v>240</v>
      </c>
      <c r="Q13152" s="19"/>
      <c r="R13152" s="19"/>
      <c r="S13152" s="19"/>
      <c r="T13152" s="19">
        <v>145</v>
      </c>
      <c r="U13152" s="19"/>
      <c r="V13152" s="19"/>
      <c r="W13152" s="19"/>
      <c r="X13152" s="19">
        <v>1</v>
      </c>
      <c r="Y13152" s="19"/>
      <c r="Z13152" s="19"/>
      <c r="AA13152" s="19"/>
    </row>
    <row r="13153" spans="1:27" s="1" customFormat="1" ht="14.1" customHeight="1" outlineLevel="4" x14ac:dyDescent="0.2">
      <c r="A13153" s="17"/>
      <c r="B13153" s="17"/>
      <c r="C13153" s="17"/>
      <c r="D13153" s="18"/>
      <c r="E13153" s="18"/>
      <c r="F13153" s="18"/>
      <c r="G13153" s="18"/>
      <c r="H13153" s="18"/>
      <c r="I13153" s="18"/>
      <c r="J13153" s="18"/>
      <c r="K13153" s="18"/>
      <c r="L13153" s="18"/>
      <c r="M13153" s="18"/>
      <c r="N13153" s="18"/>
      <c r="O13153" s="18"/>
      <c r="P13153" s="19"/>
      <c r="Q13153" s="19"/>
      <c r="R13153" s="19"/>
      <c r="S13153" s="19"/>
      <c r="T13153" s="19"/>
      <c r="U13153" s="19"/>
      <c r="V13153" s="19"/>
      <c r="W13153" s="19"/>
      <c r="X13153" s="19"/>
      <c r="Y13153" s="19"/>
      <c r="Z13153" s="19"/>
      <c r="AA13153" s="19"/>
    </row>
    <row r="13154" spans="1:27" s="1" customFormat="1" ht="14.1" customHeight="1" outlineLevel="4" x14ac:dyDescent="0.2">
      <c r="A13154" s="17">
        <v>15942</v>
      </c>
      <c r="B13154" s="17"/>
      <c r="C13154" s="17"/>
      <c r="D13154" s="18" t="s">
        <v>6521</v>
      </c>
      <c r="E13154" s="18"/>
      <c r="F13154" s="18"/>
      <c r="G13154" s="18"/>
      <c r="H13154" s="18"/>
      <c r="I13154" s="18"/>
      <c r="J13154" s="18"/>
      <c r="K13154" s="18"/>
      <c r="L13154" s="18"/>
      <c r="M13154" s="18"/>
      <c r="N13154" s="18"/>
      <c r="O13154" s="18"/>
      <c r="P13154" s="19">
        <v>240</v>
      </c>
      <c r="Q13154" s="19"/>
      <c r="R13154" s="19"/>
      <c r="S13154" s="19"/>
      <c r="T13154" s="19">
        <v>145</v>
      </c>
      <c r="U13154" s="19"/>
      <c r="V13154" s="19"/>
      <c r="W13154" s="19"/>
      <c r="X13154" s="19">
        <v>1</v>
      </c>
      <c r="Y13154" s="19"/>
      <c r="Z13154" s="19"/>
      <c r="AA13154" s="19"/>
    </row>
    <row r="13155" spans="1:27" s="1" customFormat="1" ht="14.1" customHeight="1" outlineLevel="4" x14ac:dyDescent="0.2">
      <c r="A13155" s="17"/>
      <c r="B13155" s="17"/>
      <c r="C13155" s="17"/>
      <c r="D13155" s="18"/>
      <c r="E13155" s="18"/>
      <c r="F13155" s="18"/>
      <c r="G13155" s="18"/>
      <c r="H13155" s="18"/>
      <c r="I13155" s="18"/>
      <c r="J13155" s="18"/>
      <c r="K13155" s="18"/>
      <c r="L13155" s="18"/>
      <c r="M13155" s="18"/>
      <c r="N13155" s="18"/>
      <c r="O13155" s="18"/>
      <c r="P13155" s="19"/>
      <c r="Q13155" s="19"/>
      <c r="R13155" s="19"/>
      <c r="S13155" s="19"/>
      <c r="T13155" s="19"/>
      <c r="U13155" s="19"/>
      <c r="V13155" s="19"/>
      <c r="W13155" s="19"/>
      <c r="X13155" s="19"/>
      <c r="Y13155" s="19"/>
      <c r="Z13155" s="19"/>
      <c r="AA13155" s="19"/>
    </row>
    <row r="13156" spans="1:27" s="1" customFormat="1" ht="14.1" customHeight="1" outlineLevel="4" x14ac:dyDescent="0.2">
      <c r="A13156" s="17">
        <v>8264</v>
      </c>
      <c r="B13156" s="17"/>
      <c r="C13156" s="17"/>
      <c r="D13156" s="18" t="s">
        <v>6522</v>
      </c>
      <c r="E13156" s="18"/>
      <c r="F13156" s="18"/>
      <c r="G13156" s="18"/>
      <c r="H13156" s="18"/>
      <c r="I13156" s="18"/>
      <c r="J13156" s="18"/>
      <c r="K13156" s="18"/>
      <c r="L13156" s="18"/>
      <c r="M13156" s="18"/>
      <c r="N13156" s="18"/>
      <c r="O13156" s="18"/>
      <c r="P13156" s="19">
        <v>240</v>
      </c>
      <c r="Q13156" s="19"/>
      <c r="R13156" s="19"/>
      <c r="S13156" s="19"/>
      <c r="T13156" s="19">
        <v>145</v>
      </c>
      <c r="U13156" s="19"/>
      <c r="V13156" s="19"/>
      <c r="W13156" s="19"/>
      <c r="X13156" s="19">
        <v>1</v>
      </c>
      <c r="Y13156" s="19"/>
      <c r="Z13156" s="19"/>
      <c r="AA13156" s="19"/>
    </row>
    <row r="13157" spans="1:27" s="1" customFormat="1" ht="14.1" customHeight="1" outlineLevel="4" x14ac:dyDescent="0.2">
      <c r="A13157" s="17"/>
      <c r="B13157" s="17"/>
      <c r="C13157" s="17"/>
      <c r="D13157" s="18"/>
      <c r="E13157" s="18"/>
      <c r="F13157" s="18"/>
      <c r="G13157" s="18"/>
      <c r="H13157" s="18"/>
      <c r="I13157" s="18"/>
      <c r="J13157" s="18"/>
      <c r="K13157" s="18"/>
      <c r="L13157" s="18"/>
      <c r="M13157" s="18"/>
      <c r="N13157" s="18"/>
      <c r="O13157" s="18"/>
      <c r="P13157" s="19"/>
      <c r="Q13157" s="19"/>
      <c r="R13157" s="19"/>
      <c r="S13157" s="19"/>
      <c r="T13157" s="19"/>
      <c r="U13157" s="19"/>
      <c r="V13157" s="19"/>
      <c r="W13157" s="19"/>
      <c r="X13157" s="19"/>
      <c r="Y13157" s="19"/>
      <c r="Z13157" s="19"/>
      <c r="AA13157" s="19"/>
    </row>
    <row r="13158" spans="1:27" s="1" customFormat="1" ht="14.1" customHeight="1" outlineLevel="4" x14ac:dyDescent="0.2">
      <c r="A13158" s="17">
        <v>8259</v>
      </c>
      <c r="B13158" s="17"/>
      <c r="C13158" s="17"/>
      <c r="D13158" s="18" t="s">
        <v>6523</v>
      </c>
      <c r="E13158" s="18"/>
      <c r="F13158" s="18"/>
      <c r="G13158" s="18"/>
      <c r="H13158" s="18"/>
      <c r="I13158" s="18"/>
      <c r="J13158" s="18"/>
      <c r="K13158" s="18"/>
      <c r="L13158" s="18"/>
      <c r="M13158" s="18"/>
      <c r="N13158" s="18"/>
      <c r="O13158" s="18"/>
      <c r="P13158" s="19">
        <v>240</v>
      </c>
      <c r="Q13158" s="19"/>
      <c r="R13158" s="19"/>
      <c r="S13158" s="19"/>
      <c r="T13158" s="19">
        <v>145</v>
      </c>
      <c r="U13158" s="19"/>
      <c r="V13158" s="19"/>
      <c r="W13158" s="19"/>
      <c r="X13158" s="19">
        <v>1</v>
      </c>
      <c r="Y13158" s="19"/>
      <c r="Z13158" s="19"/>
      <c r="AA13158" s="19"/>
    </row>
    <row r="13159" spans="1:27" s="1" customFormat="1" ht="14.1" customHeight="1" outlineLevel="4" x14ac:dyDescent="0.2">
      <c r="A13159" s="17"/>
      <c r="B13159" s="17"/>
      <c r="C13159" s="17"/>
      <c r="D13159" s="18"/>
      <c r="E13159" s="18"/>
      <c r="F13159" s="18"/>
      <c r="G13159" s="18"/>
      <c r="H13159" s="18"/>
      <c r="I13159" s="18"/>
      <c r="J13159" s="18"/>
      <c r="K13159" s="18"/>
      <c r="L13159" s="18"/>
      <c r="M13159" s="18"/>
      <c r="N13159" s="18"/>
      <c r="O13159" s="18"/>
      <c r="P13159" s="19"/>
      <c r="Q13159" s="19"/>
      <c r="R13159" s="19"/>
      <c r="S13159" s="19"/>
      <c r="T13159" s="19"/>
      <c r="U13159" s="19"/>
      <c r="V13159" s="19"/>
      <c r="W13159" s="19"/>
      <c r="X13159" s="19"/>
      <c r="Y13159" s="19"/>
      <c r="Z13159" s="19"/>
      <c r="AA13159" s="19"/>
    </row>
    <row r="13160" spans="1:27" s="1" customFormat="1" ht="11.1" customHeight="1" outlineLevel="4" x14ac:dyDescent="0.2">
      <c r="A13160" s="17">
        <v>8256</v>
      </c>
      <c r="B13160" s="17"/>
      <c r="C13160" s="17"/>
      <c r="D13160" s="18" t="s">
        <v>6524</v>
      </c>
      <c r="E13160" s="18"/>
      <c r="F13160" s="18"/>
      <c r="G13160" s="18"/>
      <c r="H13160" s="18"/>
      <c r="I13160" s="18"/>
      <c r="J13160" s="18"/>
      <c r="K13160" s="18"/>
      <c r="L13160" s="18"/>
      <c r="M13160" s="18"/>
      <c r="N13160" s="18"/>
      <c r="O13160" s="18"/>
      <c r="P13160" s="19">
        <v>240</v>
      </c>
      <c r="Q13160" s="19"/>
      <c r="R13160" s="19"/>
      <c r="S13160" s="19"/>
      <c r="T13160" s="19">
        <v>145</v>
      </c>
      <c r="U13160" s="19"/>
      <c r="V13160" s="19"/>
      <c r="W13160" s="19"/>
      <c r="X13160" s="19">
        <v>1</v>
      </c>
      <c r="Y13160" s="19"/>
      <c r="Z13160" s="19"/>
      <c r="AA13160" s="19"/>
    </row>
    <row r="13161" spans="1:27" s="1" customFormat="1" ht="11.1" customHeight="1" outlineLevel="4" x14ac:dyDescent="0.2">
      <c r="A13161" s="17"/>
      <c r="B13161" s="17"/>
      <c r="C13161" s="17"/>
      <c r="D13161" s="18"/>
      <c r="E13161" s="18"/>
      <c r="F13161" s="18"/>
      <c r="G13161" s="18"/>
      <c r="H13161" s="18"/>
      <c r="I13161" s="18"/>
      <c r="J13161" s="18"/>
      <c r="K13161" s="18"/>
      <c r="L13161" s="18"/>
      <c r="M13161" s="18"/>
      <c r="N13161" s="18"/>
      <c r="O13161" s="18"/>
      <c r="P13161" s="19"/>
      <c r="Q13161" s="19"/>
      <c r="R13161" s="19"/>
      <c r="S13161" s="19"/>
      <c r="T13161" s="19"/>
      <c r="U13161" s="19"/>
      <c r="V13161" s="19"/>
      <c r="W13161" s="19"/>
      <c r="X13161" s="19"/>
      <c r="Y13161" s="19"/>
      <c r="Z13161" s="19"/>
      <c r="AA13161" s="19"/>
    </row>
    <row r="13162" spans="1:27" s="1" customFormat="1" ht="11.1" customHeight="1" outlineLevel="4" x14ac:dyDescent="0.2">
      <c r="A13162" s="17">
        <v>8258</v>
      </c>
      <c r="B13162" s="17"/>
      <c r="C13162" s="17"/>
      <c r="D13162" s="18" t="s">
        <v>6525</v>
      </c>
      <c r="E13162" s="18"/>
      <c r="F13162" s="18"/>
      <c r="G13162" s="18"/>
      <c r="H13162" s="18"/>
      <c r="I13162" s="18"/>
      <c r="J13162" s="18"/>
      <c r="K13162" s="18"/>
      <c r="L13162" s="18"/>
      <c r="M13162" s="18"/>
      <c r="N13162" s="18"/>
      <c r="O13162" s="18"/>
      <c r="P13162" s="19">
        <v>240</v>
      </c>
      <c r="Q13162" s="19"/>
      <c r="R13162" s="19"/>
      <c r="S13162" s="19"/>
      <c r="T13162" s="19">
        <v>145</v>
      </c>
      <c r="U13162" s="19"/>
      <c r="V13162" s="19"/>
      <c r="W13162" s="19"/>
      <c r="X13162" s="19">
        <v>1</v>
      </c>
      <c r="Y13162" s="19"/>
      <c r="Z13162" s="19"/>
      <c r="AA13162" s="19"/>
    </row>
    <row r="13163" spans="1:27" s="1" customFormat="1" ht="11.1" customHeight="1" outlineLevel="4" x14ac:dyDescent="0.2">
      <c r="A13163" s="17"/>
      <c r="B13163" s="17"/>
      <c r="C13163" s="17"/>
      <c r="D13163" s="18"/>
      <c r="E13163" s="18"/>
      <c r="F13163" s="18"/>
      <c r="G13163" s="18"/>
      <c r="H13163" s="18"/>
      <c r="I13163" s="18"/>
      <c r="J13163" s="18"/>
      <c r="K13163" s="18"/>
      <c r="L13163" s="18"/>
      <c r="M13163" s="18"/>
      <c r="N13163" s="18"/>
      <c r="O13163" s="18"/>
      <c r="P13163" s="19"/>
      <c r="Q13163" s="19"/>
      <c r="R13163" s="19"/>
      <c r="S13163" s="19"/>
      <c r="T13163" s="19"/>
      <c r="U13163" s="19"/>
      <c r="V13163" s="19"/>
      <c r="W13163" s="19"/>
      <c r="X13163" s="19"/>
      <c r="Y13163" s="19"/>
      <c r="Z13163" s="19"/>
      <c r="AA13163" s="19"/>
    </row>
    <row r="13164" spans="1:27" s="1" customFormat="1" ht="11.1" customHeight="1" outlineLevel="4" x14ac:dyDescent="0.2">
      <c r="A13164" s="17">
        <v>10555</v>
      </c>
      <c r="B13164" s="17"/>
      <c r="C13164" s="17"/>
      <c r="D13164" s="18" t="s">
        <v>6526</v>
      </c>
      <c r="E13164" s="18"/>
      <c r="F13164" s="18"/>
      <c r="G13164" s="18"/>
      <c r="H13164" s="18"/>
      <c r="I13164" s="18"/>
      <c r="J13164" s="18"/>
      <c r="K13164" s="18"/>
      <c r="L13164" s="18"/>
      <c r="M13164" s="18"/>
      <c r="N13164" s="18"/>
      <c r="O13164" s="18"/>
      <c r="P13164" s="19">
        <v>240</v>
      </c>
      <c r="Q13164" s="19"/>
      <c r="R13164" s="19"/>
      <c r="S13164" s="19"/>
      <c r="T13164" s="19">
        <v>145</v>
      </c>
      <c r="U13164" s="19"/>
      <c r="V13164" s="19"/>
      <c r="W13164" s="19"/>
      <c r="X13164" s="19">
        <v>1</v>
      </c>
      <c r="Y13164" s="19"/>
      <c r="Z13164" s="19"/>
      <c r="AA13164" s="19"/>
    </row>
    <row r="13165" spans="1:27" s="1" customFormat="1" ht="11.1" customHeight="1" outlineLevel="4" x14ac:dyDescent="0.2">
      <c r="A13165" s="17"/>
      <c r="B13165" s="17"/>
      <c r="C13165" s="17"/>
      <c r="D13165" s="18"/>
      <c r="E13165" s="18"/>
      <c r="F13165" s="18"/>
      <c r="G13165" s="18"/>
      <c r="H13165" s="18"/>
      <c r="I13165" s="18"/>
      <c r="J13165" s="18"/>
      <c r="K13165" s="18"/>
      <c r="L13165" s="18"/>
      <c r="M13165" s="18"/>
      <c r="N13165" s="18"/>
      <c r="O13165" s="18"/>
      <c r="P13165" s="19"/>
      <c r="Q13165" s="19"/>
      <c r="R13165" s="19"/>
      <c r="S13165" s="19"/>
      <c r="T13165" s="19"/>
      <c r="U13165" s="19"/>
      <c r="V13165" s="19"/>
      <c r="W13165" s="19"/>
      <c r="X13165" s="19"/>
      <c r="Y13165" s="19"/>
      <c r="Z13165" s="19"/>
      <c r="AA13165" s="19"/>
    </row>
    <row r="13166" spans="1:27" s="1" customFormat="1" ht="11.1" customHeight="1" outlineLevel="4" x14ac:dyDescent="0.2">
      <c r="A13166" s="17">
        <v>10558</v>
      </c>
      <c r="B13166" s="17"/>
      <c r="C13166" s="17"/>
      <c r="D13166" s="18" t="s">
        <v>6527</v>
      </c>
      <c r="E13166" s="18"/>
      <c r="F13166" s="18"/>
      <c r="G13166" s="18"/>
      <c r="H13166" s="18"/>
      <c r="I13166" s="18"/>
      <c r="J13166" s="18"/>
      <c r="K13166" s="18"/>
      <c r="L13166" s="18"/>
      <c r="M13166" s="18"/>
      <c r="N13166" s="18"/>
      <c r="O13166" s="18"/>
      <c r="P13166" s="19">
        <v>240</v>
      </c>
      <c r="Q13166" s="19"/>
      <c r="R13166" s="19"/>
      <c r="S13166" s="19"/>
      <c r="T13166" s="19">
        <v>145</v>
      </c>
      <c r="U13166" s="19"/>
      <c r="V13166" s="19"/>
      <c r="W13166" s="19"/>
      <c r="X13166" s="19">
        <v>1</v>
      </c>
      <c r="Y13166" s="19"/>
      <c r="Z13166" s="19"/>
      <c r="AA13166" s="19"/>
    </row>
    <row r="13167" spans="1:27" s="1" customFormat="1" ht="11.1" customHeight="1" outlineLevel="4" x14ac:dyDescent="0.2">
      <c r="A13167" s="17"/>
      <c r="B13167" s="17"/>
      <c r="C13167" s="17"/>
      <c r="D13167" s="18"/>
      <c r="E13167" s="18"/>
      <c r="F13167" s="18"/>
      <c r="G13167" s="18"/>
      <c r="H13167" s="18"/>
      <c r="I13167" s="18"/>
      <c r="J13167" s="18"/>
      <c r="K13167" s="18"/>
      <c r="L13167" s="18"/>
      <c r="M13167" s="18"/>
      <c r="N13167" s="18"/>
      <c r="O13167" s="18"/>
      <c r="P13167" s="19"/>
      <c r="Q13167" s="19"/>
      <c r="R13167" s="19"/>
      <c r="S13167" s="19"/>
      <c r="T13167" s="19"/>
      <c r="U13167" s="19"/>
      <c r="V13167" s="19"/>
      <c r="W13167" s="19"/>
      <c r="X13167" s="19"/>
      <c r="Y13167" s="19"/>
      <c r="Z13167" s="19"/>
      <c r="AA13167" s="19"/>
    </row>
    <row r="13168" spans="1:27" s="1" customFormat="1" ht="11.1" customHeight="1" outlineLevel="4" x14ac:dyDescent="0.2">
      <c r="A13168" s="17">
        <v>15411</v>
      </c>
      <c r="B13168" s="17"/>
      <c r="C13168" s="17"/>
      <c r="D13168" s="18" t="s">
        <v>6528</v>
      </c>
      <c r="E13168" s="18"/>
      <c r="F13168" s="18"/>
      <c r="G13168" s="18"/>
      <c r="H13168" s="18"/>
      <c r="I13168" s="18"/>
      <c r="J13168" s="18"/>
      <c r="K13168" s="18"/>
      <c r="L13168" s="18"/>
      <c r="M13168" s="18"/>
      <c r="N13168" s="18"/>
      <c r="O13168" s="18"/>
      <c r="P13168" s="19">
        <v>240</v>
      </c>
      <c r="Q13168" s="19"/>
      <c r="R13168" s="19"/>
      <c r="S13168" s="19"/>
      <c r="T13168" s="19">
        <v>150</v>
      </c>
      <c r="U13168" s="19"/>
      <c r="V13168" s="19"/>
      <c r="W13168" s="19"/>
      <c r="X13168" s="19">
        <v>1</v>
      </c>
      <c r="Y13168" s="19"/>
      <c r="Z13168" s="19"/>
      <c r="AA13168" s="19"/>
    </row>
    <row r="13169" spans="1:27" s="1" customFormat="1" ht="11.1" customHeight="1" outlineLevel="4" x14ac:dyDescent="0.2">
      <c r="A13169" s="17"/>
      <c r="B13169" s="17"/>
      <c r="C13169" s="17"/>
      <c r="D13169" s="18"/>
      <c r="E13169" s="18"/>
      <c r="F13169" s="18"/>
      <c r="G13169" s="18"/>
      <c r="H13169" s="18"/>
      <c r="I13169" s="18"/>
      <c r="J13169" s="18"/>
      <c r="K13169" s="18"/>
      <c r="L13169" s="18"/>
      <c r="M13169" s="18"/>
      <c r="N13169" s="18"/>
      <c r="O13169" s="18"/>
      <c r="P13169" s="19"/>
      <c r="Q13169" s="19"/>
      <c r="R13169" s="19"/>
      <c r="S13169" s="19"/>
      <c r="T13169" s="19"/>
      <c r="U13169" s="19"/>
      <c r="V13169" s="19"/>
      <c r="W13169" s="19"/>
      <c r="X13169" s="19"/>
      <c r="Y13169" s="19"/>
      <c r="Z13169" s="19"/>
      <c r="AA13169" s="19"/>
    </row>
    <row r="13170" spans="1:27" s="1" customFormat="1" ht="11.1" customHeight="1" outlineLevel="4" x14ac:dyDescent="0.2">
      <c r="A13170" s="17">
        <v>15413</v>
      </c>
      <c r="B13170" s="17"/>
      <c r="C13170" s="17"/>
      <c r="D13170" s="18" t="s">
        <v>6529</v>
      </c>
      <c r="E13170" s="18"/>
      <c r="F13170" s="18"/>
      <c r="G13170" s="18"/>
      <c r="H13170" s="18"/>
      <c r="I13170" s="18"/>
      <c r="J13170" s="18"/>
      <c r="K13170" s="18"/>
      <c r="L13170" s="18"/>
      <c r="M13170" s="18"/>
      <c r="N13170" s="18"/>
      <c r="O13170" s="18"/>
      <c r="P13170" s="19">
        <v>240</v>
      </c>
      <c r="Q13170" s="19"/>
      <c r="R13170" s="19"/>
      <c r="S13170" s="19"/>
      <c r="T13170" s="19">
        <v>150</v>
      </c>
      <c r="U13170" s="19"/>
      <c r="V13170" s="19"/>
      <c r="W13170" s="19"/>
      <c r="X13170" s="19">
        <v>1</v>
      </c>
      <c r="Y13170" s="19"/>
      <c r="Z13170" s="19"/>
      <c r="AA13170" s="19"/>
    </row>
    <row r="13171" spans="1:27" s="1" customFormat="1" ht="11.1" customHeight="1" outlineLevel="4" x14ac:dyDescent="0.2">
      <c r="A13171" s="17"/>
      <c r="B13171" s="17"/>
      <c r="C13171" s="17"/>
      <c r="D13171" s="18"/>
      <c r="E13171" s="18"/>
      <c r="F13171" s="18"/>
      <c r="G13171" s="18"/>
      <c r="H13171" s="18"/>
      <c r="I13171" s="18"/>
      <c r="J13171" s="18"/>
      <c r="K13171" s="18"/>
      <c r="L13171" s="18"/>
      <c r="M13171" s="18"/>
      <c r="N13171" s="18"/>
      <c r="O13171" s="18"/>
      <c r="P13171" s="19"/>
      <c r="Q13171" s="19"/>
      <c r="R13171" s="19"/>
      <c r="S13171" s="19"/>
      <c r="T13171" s="19"/>
      <c r="U13171" s="19"/>
      <c r="V13171" s="19"/>
      <c r="W13171" s="19"/>
      <c r="X13171" s="19"/>
      <c r="Y13171" s="19"/>
      <c r="Z13171" s="19"/>
      <c r="AA13171" s="19"/>
    </row>
    <row r="13172" spans="1:27" s="1" customFormat="1" ht="11.1" customHeight="1" outlineLevel="4" x14ac:dyDescent="0.2">
      <c r="A13172" s="17">
        <v>15414</v>
      </c>
      <c r="B13172" s="17"/>
      <c r="C13172" s="17"/>
      <c r="D13172" s="18" t="s">
        <v>6530</v>
      </c>
      <c r="E13172" s="18"/>
      <c r="F13172" s="18"/>
      <c r="G13172" s="18"/>
      <c r="H13172" s="18"/>
      <c r="I13172" s="18"/>
      <c r="J13172" s="18"/>
      <c r="K13172" s="18"/>
      <c r="L13172" s="18"/>
      <c r="M13172" s="18"/>
      <c r="N13172" s="18"/>
      <c r="O13172" s="18"/>
      <c r="P13172" s="19">
        <v>240</v>
      </c>
      <c r="Q13172" s="19"/>
      <c r="R13172" s="19"/>
      <c r="S13172" s="19"/>
      <c r="T13172" s="19">
        <v>150</v>
      </c>
      <c r="U13172" s="19"/>
      <c r="V13172" s="19"/>
      <c r="W13172" s="19"/>
      <c r="X13172" s="19">
        <v>1</v>
      </c>
      <c r="Y13172" s="19"/>
      <c r="Z13172" s="19"/>
      <c r="AA13172" s="19"/>
    </row>
    <row r="13173" spans="1:27" s="1" customFormat="1" ht="11.1" customHeight="1" outlineLevel="4" x14ac:dyDescent="0.2">
      <c r="A13173" s="17"/>
      <c r="B13173" s="17"/>
      <c r="C13173" s="17"/>
      <c r="D13173" s="18"/>
      <c r="E13173" s="18"/>
      <c r="F13173" s="18"/>
      <c r="G13173" s="18"/>
      <c r="H13173" s="18"/>
      <c r="I13173" s="18"/>
      <c r="J13173" s="18"/>
      <c r="K13173" s="18"/>
      <c r="L13173" s="18"/>
      <c r="M13173" s="18"/>
      <c r="N13173" s="18"/>
      <c r="O13173" s="18"/>
      <c r="P13173" s="19"/>
      <c r="Q13173" s="19"/>
      <c r="R13173" s="19"/>
      <c r="S13173" s="19"/>
      <c r="T13173" s="19"/>
      <c r="U13173" s="19"/>
      <c r="V13173" s="19"/>
      <c r="W13173" s="19"/>
      <c r="X13173" s="19"/>
      <c r="Y13173" s="19"/>
      <c r="Z13173" s="19"/>
      <c r="AA13173" s="19"/>
    </row>
    <row r="13174" spans="1:27" s="1" customFormat="1" ht="11.1" customHeight="1" outlineLevel="4" x14ac:dyDescent="0.2">
      <c r="A13174" s="17">
        <v>15407</v>
      </c>
      <c r="B13174" s="17"/>
      <c r="C13174" s="17"/>
      <c r="D13174" s="18" t="s">
        <v>6531</v>
      </c>
      <c r="E13174" s="18"/>
      <c r="F13174" s="18"/>
      <c r="G13174" s="18"/>
      <c r="H13174" s="18"/>
      <c r="I13174" s="18"/>
      <c r="J13174" s="18"/>
      <c r="K13174" s="18"/>
      <c r="L13174" s="18"/>
      <c r="M13174" s="18"/>
      <c r="N13174" s="18"/>
      <c r="O13174" s="18"/>
      <c r="P13174" s="19">
        <v>240</v>
      </c>
      <c r="Q13174" s="19"/>
      <c r="R13174" s="19"/>
      <c r="S13174" s="19"/>
      <c r="T13174" s="19">
        <v>150</v>
      </c>
      <c r="U13174" s="19"/>
      <c r="V13174" s="19"/>
      <c r="W13174" s="19"/>
      <c r="X13174" s="19">
        <v>1</v>
      </c>
      <c r="Y13174" s="19"/>
      <c r="Z13174" s="19"/>
      <c r="AA13174" s="19"/>
    </row>
    <row r="13175" spans="1:27" s="1" customFormat="1" ht="11.1" customHeight="1" outlineLevel="4" x14ac:dyDescent="0.2">
      <c r="A13175" s="17"/>
      <c r="B13175" s="17"/>
      <c r="C13175" s="17"/>
      <c r="D13175" s="18"/>
      <c r="E13175" s="18"/>
      <c r="F13175" s="18"/>
      <c r="G13175" s="18"/>
      <c r="H13175" s="18"/>
      <c r="I13175" s="18"/>
      <c r="J13175" s="18"/>
      <c r="K13175" s="18"/>
      <c r="L13175" s="18"/>
      <c r="M13175" s="18"/>
      <c r="N13175" s="18"/>
      <c r="O13175" s="18"/>
      <c r="P13175" s="19"/>
      <c r="Q13175" s="19"/>
      <c r="R13175" s="19"/>
      <c r="S13175" s="19"/>
      <c r="T13175" s="19"/>
      <c r="U13175" s="19"/>
      <c r="V13175" s="19"/>
      <c r="W13175" s="19"/>
      <c r="X13175" s="19"/>
      <c r="Y13175" s="19"/>
      <c r="Z13175" s="19"/>
      <c r="AA13175" s="19"/>
    </row>
    <row r="13176" spans="1:27" s="1" customFormat="1" ht="11.1" customHeight="1" outlineLevel="4" x14ac:dyDescent="0.2">
      <c r="A13176" s="17">
        <v>15410</v>
      </c>
      <c r="B13176" s="17"/>
      <c r="C13176" s="17"/>
      <c r="D13176" s="18" t="s">
        <v>6532</v>
      </c>
      <c r="E13176" s="18"/>
      <c r="F13176" s="18"/>
      <c r="G13176" s="18"/>
      <c r="H13176" s="18"/>
      <c r="I13176" s="18"/>
      <c r="J13176" s="18"/>
      <c r="K13176" s="18"/>
      <c r="L13176" s="18"/>
      <c r="M13176" s="18"/>
      <c r="N13176" s="18"/>
      <c r="O13176" s="18"/>
      <c r="P13176" s="19">
        <v>240</v>
      </c>
      <c r="Q13176" s="19"/>
      <c r="R13176" s="19"/>
      <c r="S13176" s="19"/>
      <c r="T13176" s="19">
        <v>150</v>
      </c>
      <c r="U13176" s="19"/>
      <c r="V13176" s="19"/>
      <c r="W13176" s="19"/>
      <c r="X13176" s="19">
        <v>1</v>
      </c>
      <c r="Y13176" s="19"/>
      <c r="Z13176" s="19"/>
      <c r="AA13176" s="19"/>
    </row>
    <row r="13177" spans="1:27" s="1" customFormat="1" ht="11.1" customHeight="1" outlineLevel="4" x14ac:dyDescent="0.2">
      <c r="A13177" s="17"/>
      <c r="B13177" s="17"/>
      <c r="C13177" s="17"/>
      <c r="D13177" s="18"/>
      <c r="E13177" s="18"/>
      <c r="F13177" s="18"/>
      <c r="G13177" s="18"/>
      <c r="H13177" s="18"/>
      <c r="I13177" s="18"/>
      <c r="J13177" s="18"/>
      <c r="K13177" s="18"/>
      <c r="L13177" s="18"/>
      <c r="M13177" s="18"/>
      <c r="N13177" s="18"/>
      <c r="O13177" s="18"/>
      <c r="P13177" s="19"/>
      <c r="Q13177" s="19"/>
      <c r="R13177" s="19"/>
      <c r="S13177" s="19"/>
      <c r="T13177" s="19"/>
      <c r="U13177" s="19"/>
      <c r="V13177" s="19"/>
      <c r="W13177" s="19"/>
      <c r="X13177" s="19"/>
      <c r="Y13177" s="19"/>
      <c r="Z13177" s="19"/>
      <c r="AA13177" s="19"/>
    </row>
    <row r="13178" spans="1:27" s="1" customFormat="1" ht="11.1" customHeight="1" outlineLevel="4" x14ac:dyDescent="0.2">
      <c r="A13178" s="17">
        <v>15408</v>
      </c>
      <c r="B13178" s="17"/>
      <c r="C13178" s="17"/>
      <c r="D13178" s="18" t="s">
        <v>6533</v>
      </c>
      <c r="E13178" s="18"/>
      <c r="F13178" s="18"/>
      <c r="G13178" s="18"/>
      <c r="H13178" s="18"/>
      <c r="I13178" s="18"/>
      <c r="J13178" s="18"/>
      <c r="K13178" s="18"/>
      <c r="L13178" s="18"/>
      <c r="M13178" s="18"/>
      <c r="N13178" s="18"/>
      <c r="O13178" s="18"/>
      <c r="P13178" s="19">
        <v>240</v>
      </c>
      <c r="Q13178" s="19"/>
      <c r="R13178" s="19"/>
      <c r="S13178" s="19"/>
      <c r="T13178" s="19">
        <v>150</v>
      </c>
      <c r="U13178" s="19"/>
      <c r="V13178" s="19"/>
      <c r="W13178" s="19"/>
      <c r="X13178" s="19">
        <v>1</v>
      </c>
      <c r="Y13178" s="19"/>
      <c r="Z13178" s="19"/>
      <c r="AA13178" s="19"/>
    </row>
    <row r="13179" spans="1:27" s="1" customFormat="1" ht="11.1" customHeight="1" outlineLevel="4" x14ac:dyDescent="0.2">
      <c r="A13179" s="17"/>
      <c r="B13179" s="17"/>
      <c r="C13179" s="17"/>
      <c r="D13179" s="18"/>
      <c r="E13179" s="18"/>
      <c r="F13179" s="18"/>
      <c r="G13179" s="18"/>
      <c r="H13179" s="18"/>
      <c r="I13179" s="18"/>
      <c r="J13179" s="18"/>
      <c r="K13179" s="18"/>
      <c r="L13179" s="18"/>
      <c r="M13179" s="18"/>
      <c r="N13179" s="18"/>
      <c r="O13179" s="18"/>
      <c r="P13179" s="19"/>
      <c r="Q13179" s="19"/>
      <c r="R13179" s="19"/>
      <c r="S13179" s="19"/>
      <c r="T13179" s="19"/>
      <c r="U13179" s="19"/>
      <c r="V13179" s="19"/>
      <c r="W13179" s="19"/>
      <c r="X13179" s="19"/>
      <c r="Y13179" s="19"/>
      <c r="Z13179" s="19"/>
      <c r="AA13179" s="19"/>
    </row>
    <row r="13180" spans="1:27" s="1" customFormat="1" ht="11.1" customHeight="1" outlineLevel="4" x14ac:dyDescent="0.2">
      <c r="A13180" s="17">
        <v>15409</v>
      </c>
      <c r="B13180" s="17"/>
      <c r="C13180" s="17"/>
      <c r="D13180" s="18" t="s">
        <v>6534</v>
      </c>
      <c r="E13180" s="18"/>
      <c r="F13180" s="18"/>
      <c r="G13180" s="18"/>
      <c r="H13180" s="18"/>
      <c r="I13180" s="18"/>
      <c r="J13180" s="18"/>
      <c r="K13180" s="18"/>
      <c r="L13180" s="18"/>
      <c r="M13180" s="18"/>
      <c r="N13180" s="18"/>
      <c r="O13180" s="18"/>
      <c r="P13180" s="19">
        <v>240</v>
      </c>
      <c r="Q13180" s="19"/>
      <c r="R13180" s="19"/>
      <c r="S13180" s="19"/>
      <c r="T13180" s="19">
        <v>150</v>
      </c>
      <c r="U13180" s="19"/>
      <c r="V13180" s="19"/>
      <c r="W13180" s="19"/>
      <c r="X13180" s="19">
        <v>1</v>
      </c>
      <c r="Y13180" s="19"/>
      <c r="Z13180" s="19"/>
      <c r="AA13180" s="19"/>
    </row>
    <row r="13181" spans="1:27" s="1" customFormat="1" ht="11.1" customHeight="1" outlineLevel="4" x14ac:dyDescent="0.2">
      <c r="A13181" s="17"/>
      <c r="B13181" s="17"/>
      <c r="C13181" s="17"/>
      <c r="D13181" s="18"/>
      <c r="E13181" s="18"/>
      <c r="F13181" s="18"/>
      <c r="G13181" s="18"/>
      <c r="H13181" s="18"/>
      <c r="I13181" s="18"/>
      <c r="J13181" s="18"/>
      <c r="K13181" s="18"/>
      <c r="L13181" s="18"/>
      <c r="M13181" s="18"/>
      <c r="N13181" s="18"/>
      <c r="O13181" s="18"/>
      <c r="P13181" s="19"/>
      <c r="Q13181" s="19"/>
      <c r="R13181" s="19"/>
      <c r="S13181" s="19"/>
      <c r="T13181" s="19"/>
      <c r="U13181" s="19"/>
      <c r="V13181" s="19"/>
      <c r="W13181" s="19"/>
      <c r="X13181" s="19"/>
      <c r="Y13181" s="19"/>
      <c r="Z13181" s="19"/>
      <c r="AA13181" s="19"/>
    </row>
    <row r="13182" spans="1:27" s="1" customFormat="1" ht="11.1" customHeight="1" outlineLevel="4" x14ac:dyDescent="0.2">
      <c r="A13182" s="17">
        <v>15412</v>
      </c>
      <c r="B13182" s="17"/>
      <c r="C13182" s="17"/>
      <c r="D13182" s="18" t="s">
        <v>6535</v>
      </c>
      <c r="E13182" s="18"/>
      <c r="F13182" s="18"/>
      <c r="G13182" s="18"/>
      <c r="H13182" s="18"/>
      <c r="I13182" s="18"/>
      <c r="J13182" s="18"/>
      <c r="K13182" s="18"/>
      <c r="L13182" s="18"/>
      <c r="M13182" s="18"/>
      <c r="N13182" s="18"/>
      <c r="O13182" s="18"/>
      <c r="P13182" s="19">
        <v>240</v>
      </c>
      <c r="Q13182" s="19"/>
      <c r="R13182" s="19"/>
      <c r="S13182" s="19"/>
      <c r="T13182" s="19">
        <v>150</v>
      </c>
      <c r="U13182" s="19"/>
      <c r="V13182" s="19"/>
      <c r="W13182" s="19"/>
      <c r="X13182" s="19">
        <v>1</v>
      </c>
      <c r="Y13182" s="19"/>
      <c r="Z13182" s="19"/>
      <c r="AA13182" s="19"/>
    </row>
    <row r="13183" spans="1:27" s="1" customFormat="1" ht="11.1" customHeight="1" outlineLevel="4" x14ac:dyDescent="0.2">
      <c r="A13183" s="17"/>
      <c r="B13183" s="17"/>
      <c r="C13183" s="17"/>
      <c r="D13183" s="18"/>
      <c r="E13183" s="18"/>
      <c r="F13183" s="18"/>
      <c r="G13183" s="18"/>
      <c r="H13183" s="18"/>
      <c r="I13183" s="18"/>
      <c r="J13183" s="18"/>
      <c r="K13183" s="18"/>
      <c r="L13183" s="18"/>
      <c r="M13183" s="18"/>
      <c r="N13183" s="18"/>
      <c r="O13183" s="18"/>
      <c r="P13183" s="19"/>
      <c r="Q13183" s="19"/>
      <c r="R13183" s="19"/>
      <c r="S13183" s="19"/>
      <c r="T13183" s="19"/>
      <c r="U13183" s="19"/>
      <c r="V13183" s="19"/>
      <c r="W13183" s="19"/>
      <c r="X13183" s="19"/>
      <c r="Y13183" s="19"/>
      <c r="Z13183" s="19"/>
      <c r="AA13183" s="19"/>
    </row>
    <row r="13184" spans="1:27" s="1" customFormat="1" ht="11.1" customHeight="1" outlineLevel="4" x14ac:dyDescent="0.2">
      <c r="A13184" s="17">
        <v>15415</v>
      </c>
      <c r="B13184" s="17"/>
      <c r="C13184" s="17"/>
      <c r="D13184" s="18" t="s">
        <v>6536</v>
      </c>
      <c r="E13184" s="18"/>
      <c r="F13184" s="18"/>
      <c r="G13184" s="18"/>
      <c r="H13184" s="18"/>
      <c r="I13184" s="18"/>
      <c r="J13184" s="18"/>
      <c r="K13184" s="18"/>
      <c r="L13184" s="18"/>
      <c r="M13184" s="18"/>
      <c r="N13184" s="18"/>
      <c r="O13184" s="18"/>
      <c r="P13184" s="19">
        <v>240</v>
      </c>
      <c r="Q13184" s="19"/>
      <c r="R13184" s="19"/>
      <c r="S13184" s="19"/>
      <c r="T13184" s="19">
        <v>150</v>
      </c>
      <c r="U13184" s="19"/>
      <c r="V13184" s="19"/>
      <c r="W13184" s="19"/>
      <c r="X13184" s="19">
        <v>1</v>
      </c>
      <c r="Y13184" s="19"/>
      <c r="Z13184" s="19"/>
      <c r="AA13184" s="19"/>
    </row>
    <row r="13185" spans="1:27" s="1" customFormat="1" ht="11.1" customHeight="1" outlineLevel="4" x14ac:dyDescent="0.2">
      <c r="A13185" s="17"/>
      <c r="B13185" s="17"/>
      <c r="C13185" s="17"/>
      <c r="D13185" s="18"/>
      <c r="E13185" s="18"/>
      <c r="F13185" s="18"/>
      <c r="G13185" s="18"/>
      <c r="H13185" s="18"/>
      <c r="I13185" s="18"/>
      <c r="J13185" s="18"/>
      <c r="K13185" s="18"/>
      <c r="L13185" s="18"/>
      <c r="M13185" s="18"/>
      <c r="N13185" s="18"/>
      <c r="O13185" s="18"/>
      <c r="P13185" s="19"/>
      <c r="Q13185" s="19"/>
      <c r="R13185" s="19"/>
      <c r="S13185" s="19"/>
      <c r="T13185" s="19"/>
      <c r="U13185" s="19"/>
      <c r="V13185" s="19"/>
      <c r="W13185" s="19"/>
      <c r="X13185" s="19"/>
      <c r="Y13185" s="19"/>
      <c r="Z13185" s="19"/>
      <c r="AA13185" s="19"/>
    </row>
    <row r="13186" spans="1:27" s="1" customFormat="1" ht="11.1" customHeight="1" outlineLevel="4" x14ac:dyDescent="0.2">
      <c r="A13186" s="17">
        <v>15417</v>
      </c>
      <c r="B13186" s="17"/>
      <c r="C13186" s="17"/>
      <c r="D13186" s="18" t="s">
        <v>6537</v>
      </c>
      <c r="E13186" s="18"/>
      <c r="F13186" s="18"/>
      <c r="G13186" s="18"/>
      <c r="H13186" s="18"/>
      <c r="I13186" s="18"/>
      <c r="J13186" s="18"/>
      <c r="K13186" s="18"/>
      <c r="L13186" s="18"/>
      <c r="M13186" s="18"/>
      <c r="N13186" s="18"/>
      <c r="O13186" s="18"/>
      <c r="P13186" s="19">
        <v>240</v>
      </c>
      <c r="Q13186" s="19"/>
      <c r="R13186" s="19"/>
      <c r="S13186" s="19"/>
      <c r="T13186" s="19">
        <v>150</v>
      </c>
      <c r="U13186" s="19"/>
      <c r="V13186" s="19"/>
      <c r="W13186" s="19"/>
      <c r="X13186" s="19">
        <v>1</v>
      </c>
      <c r="Y13186" s="19"/>
      <c r="Z13186" s="19"/>
      <c r="AA13186" s="19"/>
    </row>
    <row r="13187" spans="1:27" s="1" customFormat="1" ht="11.1" customHeight="1" outlineLevel="4" x14ac:dyDescent="0.2">
      <c r="A13187" s="17"/>
      <c r="B13187" s="17"/>
      <c r="C13187" s="17"/>
      <c r="D13187" s="18"/>
      <c r="E13187" s="18"/>
      <c r="F13187" s="18"/>
      <c r="G13187" s="18"/>
      <c r="H13187" s="18"/>
      <c r="I13187" s="18"/>
      <c r="J13187" s="18"/>
      <c r="K13187" s="18"/>
      <c r="L13187" s="18"/>
      <c r="M13187" s="18"/>
      <c r="N13187" s="18"/>
      <c r="O13187" s="18"/>
      <c r="P13187" s="19"/>
      <c r="Q13187" s="19"/>
      <c r="R13187" s="19"/>
      <c r="S13187" s="19"/>
      <c r="T13187" s="19"/>
      <c r="U13187" s="19"/>
      <c r="V13187" s="19"/>
      <c r="W13187" s="19"/>
      <c r="X13187" s="19"/>
      <c r="Y13187" s="19"/>
      <c r="Z13187" s="19"/>
      <c r="AA13187" s="19"/>
    </row>
    <row r="13188" spans="1:27" s="1" customFormat="1" ht="11.1" customHeight="1" outlineLevel="4" x14ac:dyDescent="0.2">
      <c r="A13188" s="17">
        <v>15416</v>
      </c>
      <c r="B13188" s="17"/>
      <c r="C13188" s="17"/>
      <c r="D13188" s="18" t="s">
        <v>6538</v>
      </c>
      <c r="E13188" s="18"/>
      <c r="F13188" s="18"/>
      <c r="G13188" s="18"/>
      <c r="H13188" s="18"/>
      <c r="I13188" s="18"/>
      <c r="J13188" s="18"/>
      <c r="K13188" s="18"/>
      <c r="L13188" s="18"/>
      <c r="M13188" s="18"/>
      <c r="N13188" s="18"/>
      <c r="O13188" s="18"/>
      <c r="P13188" s="19">
        <v>240</v>
      </c>
      <c r="Q13188" s="19"/>
      <c r="R13188" s="19"/>
      <c r="S13188" s="19"/>
      <c r="T13188" s="19">
        <v>150</v>
      </c>
      <c r="U13188" s="19"/>
      <c r="V13188" s="19"/>
      <c r="W13188" s="19"/>
      <c r="X13188" s="19">
        <v>1</v>
      </c>
      <c r="Y13188" s="19"/>
      <c r="Z13188" s="19"/>
      <c r="AA13188" s="19"/>
    </row>
    <row r="13189" spans="1:27" s="1" customFormat="1" ht="11.1" customHeight="1" outlineLevel="4" x14ac:dyDescent="0.2">
      <c r="A13189" s="17"/>
      <c r="B13189" s="17"/>
      <c r="C13189" s="17"/>
      <c r="D13189" s="18"/>
      <c r="E13189" s="18"/>
      <c r="F13189" s="18"/>
      <c r="G13189" s="18"/>
      <c r="H13189" s="18"/>
      <c r="I13189" s="18"/>
      <c r="J13189" s="18"/>
      <c r="K13189" s="18"/>
      <c r="L13189" s="18"/>
      <c r="M13189" s="18"/>
      <c r="N13189" s="18"/>
      <c r="O13189" s="18"/>
      <c r="P13189" s="19"/>
      <c r="Q13189" s="19"/>
      <c r="R13189" s="19"/>
      <c r="S13189" s="19"/>
      <c r="T13189" s="19"/>
      <c r="U13189" s="19"/>
      <c r="V13189" s="19"/>
      <c r="W13189" s="19"/>
      <c r="X13189" s="19"/>
      <c r="Y13189" s="19"/>
      <c r="Z13189" s="19"/>
      <c r="AA13189" s="19"/>
    </row>
    <row r="13190" spans="1:27" s="1" customFormat="1" ht="11.1" customHeight="1" outlineLevel="4" x14ac:dyDescent="0.2">
      <c r="A13190" s="17">
        <v>15419</v>
      </c>
      <c r="B13190" s="17"/>
      <c r="C13190" s="17"/>
      <c r="D13190" s="18" t="s">
        <v>6539</v>
      </c>
      <c r="E13190" s="18"/>
      <c r="F13190" s="18"/>
      <c r="G13190" s="18"/>
      <c r="H13190" s="18"/>
      <c r="I13190" s="18"/>
      <c r="J13190" s="18"/>
      <c r="K13190" s="18"/>
      <c r="L13190" s="18"/>
      <c r="M13190" s="18"/>
      <c r="N13190" s="18"/>
      <c r="O13190" s="18"/>
      <c r="P13190" s="19">
        <v>240</v>
      </c>
      <c r="Q13190" s="19"/>
      <c r="R13190" s="19"/>
      <c r="S13190" s="19"/>
      <c r="T13190" s="19">
        <v>150</v>
      </c>
      <c r="U13190" s="19"/>
      <c r="V13190" s="19"/>
      <c r="W13190" s="19"/>
      <c r="X13190" s="19">
        <v>1</v>
      </c>
      <c r="Y13190" s="19"/>
      <c r="Z13190" s="19"/>
      <c r="AA13190" s="19"/>
    </row>
    <row r="13191" spans="1:27" s="1" customFormat="1" ht="11.1" customHeight="1" outlineLevel="4" x14ac:dyDescent="0.2">
      <c r="A13191" s="17"/>
      <c r="B13191" s="17"/>
      <c r="C13191" s="17"/>
      <c r="D13191" s="18"/>
      <c r="E13191" s="18"/>
      <c r="F13191" s="18"/>
      <c r="G13191" s="18"/>
      <c r="H13191" s="18"/>
      <c r="I13191" s="18"/>
      <c r="J13191" s="18"/>
      <c r="K13191" s="18"/>
      <c r="L13191" s="18"/>
      <c r="M13191" s="18"/>
      <c r="N13191" s="18"/>
      <c r="O13191" s="18"/>
      <c r="P13191" s="19"/>
      <c r="Q13191" s="19"/>
      <c r="R13191" s="19"/>
      <c r="S13191" s="19"/>
      <c r="T13191" s="19"/>
      <c r="U13191" s="19"/>
      <c r="V13191" s="19"/>
      <c r="W13191" s="19"/>
      <c r="X13191" s="19"/>
      <c r="Y13191" s="19"/>
      <c r="Z13191" s="19"/>
      <c r="AA13191" s="19"/>
    </row>
    <row r="13192" spans="1:27" s="1" customFormat="1" ht="11.1" customHeight="1" outlineLevel="4" x14ac:dyDescent="0.2">
      <c r="A13192" s="17">
        <v>15418</v>
      </c>
      <c r="B13192" s="17"/>
      <c r="C13192" s="17"/>
      <c r="D13192" s="18" t="s">
        <v>6540</v>
      </c>
      <c r="E13192" s="18"/>
      <c r="F13192" s="18"/>
      <c r="G13192" s="18"/>
      <c r="H13192" s="18"/>
      <c r="I13192" s="18"/>
      <c r="J13192" s="18"/>
      <c r="K13192" s="18"/>
      <c r="L13192" s="18"/>
      <c r="M13192" s="18"/>
      <c r="N13192" s="18"/>
      <c r="O13192" s="18"/>
      <c r="P13192" s="19">
        <v>240</v>
      </c>
      <c r="Q13192" s="19"/>
      <c r="R13192" s="19"/>
      <c r="S13192" s="19"/>
      <c r="T13192" s="19">
        <v>150</v>
      </c>
      <c r="U13192" s="19"/>
      <c r="V13192" s="19"/>
      <c r="W13192" s="19"/>
      <c r="X13192" s="19">
        <v>1</v>
      </c>
      <c r="Y13192" s="19"/>
      <c r="Z13192" s="19"/>
      <c r="AA13192" s="19"/>
    </row>
    <row r="13193" spans="1:27" s="1" customFormat="1" ht="11.1" customHeight="1" outlineLevel="4" x14ac:dyDescent="0.2">
      <c r="A13193" s="17"/>
      <c r="B13193" s="17"/>
      <c r="C13193" s="17"/>
      <c r="D13193" s="18"/>
      <c r="E13193" s="18"/>
      <c r="F13193" s="18"/>
      <c r="G13193" s="18"/>
      <c r="H13193" s="18"/>
      <c r="I13193" s="18"/>
      <c r="J13193" s="18"/>
      <c r="K13193" s="18"/>
      <c r="L13193" s="18"/>
      <c r="M13193" s="18"/>
      <c r="N13193" s="18"/>
      <c r="O13193" s="18"/>
      <c r="P13193" s="19"/>
      <c r="Q13193" s="19"/>
      <c r="R13193" s="19"/>
      <c r="S13193" s="19"/>
      <c r="T13193" s="19"/>
      <c r="U13193" s="19"/>
      <c r="V13193" s="19"/>
      <c r="W13193" s="19"/>
      <c r="X13193" s="19"/>
      <c r="Y13193" s="19"/>
      <c r="Z13193" s="19"/>
      <c r="AA13193" s="19"/>
    </row>
    <row r="13194" spans="1:27" s="1" customFormat="1" ht="11.1" customHeight="1" outlineLevel="4" x14ac:dyDescent="0.2">
      <c r="A13194" s="17">
        <v>15428</v>
      </c>
      <c r="B13194" s="17"/>
      <c r="C13194" s="17"/>
      <c r="D13194" s="18" t="s">
        <v>6541</v>
      </c>
      <c r="E13194" s="18"/>
      <c r="F13194" s="18"/>
      <c r="G13194" s="18"/>
      <c r="H13194" s="18"/>
      <c r="I13194" s="18"/>
      <c r="J13194" s="18"/>
      <c r="K13194" s="18"/>
      <c r="L13194" s="18"/>
      <c r="M13194" s="18"/>
      <c r="N13194" s="18"/>
      <c r="O13194" s="18"/>
      <c r="P13194" s="19">
        <v>240</v>
      </c>
      <c r="Q13194" s="19"/>
      <c r="R13194" s="19"/>
      <c r="S13194" s="19"/>
      <c r="T13194" s="19">
        <v>150</v>
      </c>
      <c r="U13194" s="19"/>
      <c r="V13194" s="19"/>
      <c r="W13194" s="19"/>
      <c r="X13194" s="19">
        <v>1</v>
      </c>
      <c r="Y13194" s="19"/>
      <c r="Z13194" s="19"/>
      <c r="AA13194" s="19"/>
    </row>
    <row r="13195" spans="1:27" s="1" customFormat="1" ht="11.1" customHeight="1" outlineLevel="4" x14ac:dyDescent="0.2">
      <c r="A13195" s="17"/>
      <c r="B13195" s="17"/>
      <c r="C13195" s="17"/>
      <c r="D13195" s="18"/>
      <c r="E13195" s="18"/>
      <c r="F13195" s="18"/>
      <c r="G13195" s="18"/>
      <c r="H13195" s="18"/>
      <c r="I13195" s="18"/>
      <c r="J13195" s="18"/>
      <c r="K13195" s="18"/>
      <c r="L13195" s="18"/>
      <c r="M13195" s="18"/>
      <c r="N13195" s="18"/>
      <c r="O13195" s="18"/>
      <c r="P13195" s="19"/>
      <c r="Q13195" s="19"/>
      <c r="R13195" s="19"/>
      <c r="S13195" s="19"/>
      <c r="T13195" s="19"/>
      <c r="U13195" s="19"/>
      <c r="V13195" s="19"/>
      <c r="W13195" s="19"/>
      <c r="X13195" s="19"/>
      <c r="Y13195" s="19"/>
      <c r="Z13195" s="19"/>
      <c r="AA13195" s="19"/>
    </row>
    <row r="13196" spans="1:27" s="1" customFormat="1" ht="11.1" customHeight="1" outlineLevel="4" x14ac:dyDescent="0.2">
      <c r="A13196" s="17">
        <v>15422</v>
      </c>
      <c r="B13196" s="17"/>
      <c r="C13196" s="17"/>
      <c r="D13196" s="18" t="s">
        <v>6542</v>
      </c>
      <c r="E13196" s="18"/>
      <c r="F13196" s="18"/>
      <c r="G13196" s="18"/>
      <c r="H13196" s="18"/>
      <c r="I13196" s="18"/>
      <c r="J13196" s="18"/>
      <c r="K13196" s="18"/>
      <c r="L13196" s="18"/>
      <c r="M13196" s="18"/>
      <c r="N13196" s="18"/>
      <c r="O13196" s="18"/>
      <c r="P13196" s="19">
        <v>240</v>
      </c>
      <c r="Q13196" s="19"/>
      <c r="R13196" s="19"/>
      <c r="S13196" s="19"/>
      <c r="T13196" s="19">
        <v>150</v>
      </c>
      <c r="U13196" s="19"/>
      <c r="V13196" s="19"/>
      <c r="W13196" s="19"/>
      <c r="X13196" s="19">
        <v>1</v>
      </c>
      <c r="Y13196" s="19"/>
      <c r="Z13196" s="19"/>
      <c r="AA13196" s="19"/>
    </row>
    <row r="13197" spans="1:27" s="1" customFormat="1" ht="11.1" customHeight="1" outlineLevel="4" x14ac:dyDescent="0.2">
      <c r="A13197" s="17"/>
      <c r="B13197" s="17"/>
      <c r="C13197" s="17"/>
      <c r="D13197" s="18"/>
      <c r="E13197" s="18"/>
      <c r="F13197" s="18"/>
      <c r="G13197" s="18"/>
      <c r="H13197" s="18"/>
      <c r="I13197" s="18"/>
      <c r="J13197" s="18"/>
      <c r="K13197" s="18"/>
      <c r="L13197" s="18"/>
      <c r="M13197" s="18"/>
      <c r="N13197" s="18"/>
      <c r="O13197" s="18"/>
      <c r="P13197" s="19"/>
      <c r="Q13197" s="19"/>
      <c r="R13197" s="19"/>
      <c r="S13197" s="19"/>
      <c r="T13197" s="19"/>
      <c r="U13197" s="19"/>
      <c r="V13197" s="19"/>
      <c r="W13197" s="19"/>
      <c r="X13197" s="19"/>
      <c r="Y13197" s="19"/>
      <c r="Z13197" s="19"/>
      <c r="AA13197" s="19"/>
    </row>
    <row r="13198" spans="1:27" s="1" customFormat="1" ht="11.1" customHeight="1" outlineLevel="4" x14ac:dyDescent="0.2">
      <c r="A13198" s="17">
        <v>15424</v>
      </c>
      <c r="B13198" s="17"/>
      <c r="C13198" s="17"/>
      <c r="D13198" s="18" t="s">
        <v>6543</v>
      </c>
      <c r="E13198" s="18"/>
      <c r="F13198" s="18"/>
      <c r="G13198" s="18"/>
      <c r="H13198" s="18"/>
      <c r="I13198" s="18"/>
      <c r="J13198" s="18"/>
      <c r="K13198" s="18"/>
      <c r="L13198" s="18"/>
      <c r="M13198" s="18"/>
      <c r="N13198" s="18"/>
      <c r="O13198" s="18"/>
      <c r="P13198" s="19">
        <v>240</v>
      </c>
      <c r="Q13198" s="19"/>
      <c r="R13198" s="19"/>
      <c r="S13198" s="19"/>
      <c r="T13198" s="19">
        <v>150</v>
      </c>
      <c r="U13198" s="19"/>
      <c r="V13198" s="19"/>
      <c r="W13198" s="19"/>
      <c r="X13198" s="19">
        <v>1</v>
      </c>
      <c r="Y13198" s="19"/>
      <c r="Z13198" s="19"/>
      <c r="AA13198" s="19"/>
    </row>
    <row r="13199" spans="1:27" s="1" customFormat="1" ht="11.1" customHeight="1" outlineLevel="4" x14ac:dyDescent="0.2">
      <c r="A13199" s="17"/>
      <c r="B13199" s="17"/>
      <c r="C13199" s="17"/>
      <c r="D13199" s="18"/>
      <c r="E13199" s="18"/>
      <c r="F13199" s="18"/>
      <c r="G13199" s="18"/>
      <c r="H13199" s="18"/>
      <c r="I13199" s="18"/>
      <c r="J13199" s="18"/>
      <c r="K13199" s="18"/>
      <c r="L13199" s="18"/>
      <c r="M13199" s="18"/>
      <c r="N13199" s="18"/>
      <c r="O13199" s="18"/>
      <c r="P13199" s="19"/>
      <c r="Q13199" s="19"/>
      <c r="R13199" s="19"/>
      <c r="S13199" s="19"/>
      <c r="T13199" s="19"/>
      <c r="U13199" s="19"/>
      <c r="V13199" s="19"/>
      <c r="W13199" s="19"/>
      <c r="X13199" s="19"/>
      <c r="Y13199" s="19"/>
      <c r="Z13199" s="19"/>
      <c r="AA13199" s="19"/>
    </row>
    <row r="13200" spans="1:27" s="1" customFormat="1" ht="11.1" customHeight="1" outlineLevel="4" x14ac:dyDescent="0.2">
      <c r="A13200" s="17">
        <v>15425</v>
      </c>
      <c r="B13200" s="17"/>
      <c r="C13200" s="17"/>
      <c r="D13200" s="18" t="s">
        <v>6544</v>
      </c>
      <c r="E13200" s="18"/>
      <c r="F13200" s="18"/>
      <c r="G13200" s="18"/>
      <c r="H13200" s="18"/>
      <c r="I13200" s="18"/>
      <c r="J13200" s="18"/>
      <c r="K13200" s="18"/>
      <c r="L13200" s="18"/>
      <c r="M13200" s="18"/>
      <c r="N13200" s="18"/>
      <c r="O13200" s="18"/>
      <c r="P13200" s="19">
        <v>240</v>
      </c>
      <c r="Q13200" s="19"/>
      <c r="R13200" s="19"/>
      <c r="S13200" s="19"/>
      <c r="T13200" s="19">
        <v>150</v>
      </c>
      <c r="U13200" s="19"/>
      <c r="V13200" s="19"/>
      <c r="W13200" s="19"/>
      <c r="X13200" s="19">
        <v>1</v>
      </c>
      <c r="Y13200" s="19"/>
      <c r="Z13200" s="19"/>
      <c r="AA13200" s="19"/>
    </row>
    <row r="13201" spans="1:27" s="1" customFormat="1" ht="11.1" customHeight="1" outlineLevel="4" x14ac:dyDescent="0.2">
      <c r="A13201" s="17"/>
      <c r="B13201" s="17"/>
      <c r="C13201" s="17"/>
      <c r="D13201" s="18"/>
      <c r="E13201" s="18"/>
      <c r="F13201" s="18"/>
      <c r="G13201" s="18"/>
      <c r="H13201" s="18"/>
      <c r="I13201" s="18"/>
      <c r="J13201" s="18"/>
      <c r="K13201" s="18"/>
      <c r="L13201" s="18"/>
      <c r="M13201" s="18"/>
      <c r="N13201" s="18"/>
      <c r="O13201" s="18"/>
      <c r="P13201" s="19"/>
      <c r="Q13201" s="19"/>
      <c r="R13201" s="19"/>
      <c r="S13201" s="19"/>
      <c r="T13201" s="19"/>
      <c r="U13201" s="19"/>
      <c r="V13201" s="19"/>
      <c r="W13201" s="19"/>
      <c r="X13201" s="19"/>
      <c r="Y13201" s="19"/>
      <c r="Z13201" s="19"/>
      <c r="AA13201" s="19"/>
    </row>
    <row r="13202" spans="1:27" s="1" customFormat="1" ht="11.1" customHeight="1" outlineLevel="4" x14ac:dyDescent="0.2">
      <c r="A13202" s="17">
        <v>15423</v>
      </c>
      <c r="B13202" s="17"/>
      <c r="C13202" s="17"/>
      <c r="D13202" s="18" t="s">
        <v>6545</v>
      </c>
      <c r="E13202" s="18"/>
      <c r="F13202" s="18"/>
      <c r="G13202" s="18"/>
      <c r="H13202" s="18"/>
      <c r="I13202" s="18"/>
      <c r="J13202" s="18"/>
      <c r="K13202" s="18"/>
      <c r="L13202" s="18"/>
      <c r="M13202" s="18"/>
      <c r="N13202" s="18"/>
      <c r="O13202" s="18"/>
      <c r="P13202" s="19">
        <v>240</v>
      </c>
      <c r="Q13202" s="19"/>
      <c r="R13202" s="19"/>
      <c r="S13202" s="19"/>
      <c r="T13202" s="19">
        <v>150</v>
      </c>
      <c r="U13202" s="19"/>
      <c r="V13202" s="19"/>
      <c r="W13202" s="19"/>
      <c r="X13202" s="19">
        <v>1</v>
      </c>
      <c r="Y13202" s="19"/>
      <c r="Z13202" s="19"/>
      <c r="AA13202" s="19"/>
    </row>
    <row r="13203" spans="1:27" s="1" customFormat="1" ht="11.1" customHeight="1" outlineLevel="4" x14ac:dyDescent="0.2">
      <c r="A13203" s="17"/>
      <c r="B13203" s="17"/>
      <c r="C13203" s="17"/>
      <c r="D13203" s="18"/>
      <c r="E13203" s="18"/>
      <c r="F13203" s="18"/>
      <c r="G13203" s="18"/>
      <c r="H13203" s="18"/>
      <c r="I13203" s="18"/>
      <c r="J13203" s="18"/>
      <c r="K13203" s="18"/>
      <c r="L13203" s="18"/>
      <c r="M13203" s="18"/>
      <c r="N13203" s="18"/>
      <c r="O13203" s="18"/>
      <c r="P13203" s="19"/>
      <c r="Q13203" s="19"/>
      <c r="R13203" s="19"/>
      <c r="S13203" s="19"/>
      <c r="T13203" s="19"/>
      <c r="U13203" s="19"/>
      <c r="V13203" s="19"/>
      <c r="W13203" s="19"/>
      <c r="X13203" s="19"/>
      <c r="Y13203" s="19"/>
      <c r="Z13203" s="19"/>
      <c r="AA13203" s="19"/>
    </row>
    <row r="13204" spans="1:27" s="1" customFormat="1" ht="11.1" customHeight="1" outlineLevel="4" x14ac:dyDescent="0.2">
      <c r="A13204" s="17">
        <v>15426</v>
      </c>
      <c r="B13204" s="17"/>
      <c r="C13204" s="17"/>
      <c r="D13204" s="18" t="s">
        <v>6546</v>
      </c>
      <c r="E13204" s="18"/>
      <c r="F13204" s="18"/>
      <c r="G13204" s="18"/>
      <c r="H13204" s="18"/>
      <c r="I13204" s="18"/>
      <c r="J13204" s="18"/>
      <c r="K13204" s="18"/>
      <c r="L13204" s="18"/>
      <c r="M13204" s="18"/>
      <c r="N13204" s="18"/>
      <c r="O13204" s="18"/>
      <c r="P13204" s="19">
        <v>240</v>
      </c>
      <c r="Q13204" s="19"/>
      <c r="R13204" s="19"/>
      <c r="S13204" s="19"/>
      <c r="T13204" s="19">
        <v>150</v>
      </c>
      <c r="U13204" s="19"/>
      <c r="V13204" s="19"/>
      <c r="W13204" s="19"/>
      <c r="X13204" s="19">
        <v>1</v>
      </c>
      <c r="Y13204" s="19"/>
      <c r="Z13204" s="19"/>
      <c r="AA13204" s="19"/>
    </row>
    <row r="13205" spans="1:27" s="1" customFormat="1" ht="11.1" customHeight="1" outlineLevel="4" x14ac:dyDescent="0.2">
      <c r="A13205" s="17"/>
      <c r="B13205" s="17"/>
      <c r="C13205" s="17"/>
      <c r="D13205" s="18"/>
      <c r="E13205" s="18"/>
      <c r="F13205" s="18"/>
      <c r="G13205" s="18"/>
      <c r="H13205" s="18"/>
      <c r="I13205" s="18"/>
      <c r="J13205" s="18"/>
      <c r="K13205" s="18"/>
      <c r="L13205" s="18"/>
      <c r="M13205" s="18"/>
      <c r="N13205" s="18"/>
      <c r="O13205" s="18"/>
      <c r="P13205" s="19"/>
      <c r="Q13205" s="19"/>
      <c r="R13205" s="19"/>
      <c r="S13205" s="19"/>
      <c r="T13205" s="19"/>
      <c r="U13205" s="19"/>
      <c r="V13205" s="19"/>
      <c r="W13205" s="19"/>
      <c r="X13205" s="19"/>
      <c r="Y13205" s="19"/>
      <c r="Z13205" s="19"/>
      <c r="AA13205" s="19"/>
    </row>
    <row r="13206" spans="1:27" s="1" customFormat="1" ht="11.1" customHeight="1" outlineLevel="4" x14ac:dyDescent="0.2">
      <c r="A13206" s="17">
        <v>15429</v>
      </c>
      <c r="B13206" s="17"/>
      <c r="C13206" s="17"/>
      <c r="D13206" s="18" t="s">
        <v>6547</v>
      </c>
      <c r="E13206" s="18"/>
      <c r="F13206" s="18"/>
      <c r="G13206" s="18"/>
      <c r="H13206" s="18"/>
      <c r="I13206" s="18"/>
      <c r="J13206" s="18"/>
      <c r="K13206" s="18"/>
      <c r="L13206" s="18"/>
      <c r="M13206" s="18"/>
      <c r="N13206" s="18"/>
      <c r="O13206" s="18"/>
      <c r="P13206" s="19">
        <v>240</v>
      </c>
      <c r="Q13206" s="19"/>
      <c r="R13206" s="19"/>
      <c r="S13206" s="19"/>
      <c r="T13206" s="19">
        <v>150</v>
      </c>
      <c r="U13206" s="19"/>
      <c r="V13206" s="19"/>
      <c r="W13206" s="19"/>
      <c r="X13206" s="19">
        <v>1</v>
      </c>
      <c r="Y13206" s="19"/>
      <c r="Z13206" s="19"/>
      <c r="AA13206" s="19"/>
    </row>
    <row r="13207" spans="1:27" s="1" customFormat="1" ht="11.1" customHeight="1" outlineLevel="4" x14ac:dyDescent="0.2">
      <c r="A13207" s="17"/>
      <c r="B13207" s="17"/>
      <c r="C13207" s="17"/>
      <c r="D13207" s="18"/>
      <c r="E13207" s="18"/>
      <c r="F13207" s="18"/>
      <c r="G13207" s="18"/>
      <c r="H13207" s="18"/>
      <c r="I13207" s="18"/>
      <c r="J13207" s="18"/>
      <c r="K13207" s="18"/>
      <c r="L13207" s="18"/>
      <c r="M13207" s="18"/>
      <c r="N13207" s="18"/>
      <c r="O13207" s="18"/>
      <c r="P13207" s="19"/>
      <c r="Q13207" s="19"/>
      <c r="R13207" s="19"/>
      <c r="S13207" s="19"/>
      <c r="T13207" s="19"/>
      <c r="U13207" s="19"/>
      <c r="V13207" s="19"/>
      <c r="W13207" s="19"/>
      <c r="X13207" s="19"/>
      <c r="Y13207" s="19"/>
      <c r="Z13207" s="19"/>
      <c r="AA13207" s="19"/>
    </row>
    <row r="13208" spans="1:27" s="1" customFormat="1" ht="14.1" customHeight="1" outlineLevel="4" x14ac:dyDescent="0.2">
      <c r="A13208" s="17">
        <v>14516</v>
      </c>
      <c r="B13208" s="17"/>
      <c r="C13208" s="17"/>
      <c r="D13208" s="18" t="s">
        <v>6548</v>
      </c>
      <c r="E13208" s="18"/>
      <c r="F13208" s="18"/>
      <c r="G13208" s="18"/>
      <c r="H13208" s="18"/>
      <c r="I13208" s="18"/>
      <c r="J13208" s="18"/>
      <c r="K13208" s="18"/>
      <c r="L13208" s="18"/>
      <c r="M13208" s="18"/>
      <c r="N13208" s="18"/>
      <c r="O13208" s="18"/>
      <c r="P13208" s="19">
        <v>240</v>
      </c>
      <c r="Q13208" s="19"/>
      <c r="R13208" s="19"/>
      <c r="S13208" s="19"/>
      <c r="T13208" s="19">
        <v>145</v>
      </c>
      <c r="U13208" s="19"/>
      <c r="V13208" s="19"/>
      <c r="W13208" s="19"/>
      <c r="X13208" s="19">
        <v>4</v>
      </c>
      <c r="Y13208" s="19"/>
      <c r="Z13208" s="19"/>
      <c r="AA13208" s="19"/>
    </row>
    <row r="13209" spans="1:27" s="1" customFormat="1" ht="14.1" customHeight="1" outlineLevel="4" x14ac:dyDescent="0.2">
      <c r="A13209" s="17"/>
      <c r="B13209" s="17"/>
      <c r="C13209" s="17"/>
      <c r="D13209" s="18"/>
      <c r="E13209" s="18"/>
      <c r="F13209" s="18"/>
      <c r="G13209" s="18"/>
      <c r="H13209" s="18"/>
      <c r="I13209" s="18"/>
      <c r="J13209" s="18"/>
      <c r="K13209" s="18"/>
      <c r="L13209" s="18"/>
      <c r="M13209" s="18"/>
      <c r="N13209" s="18"/>
      <c r="O13209" s="18"/>
      <c r="P13209" s="19"/>
      <c r="Q13209" s="19"/>
      <c r="R13209" s="19"/>
      <c r="S13209" s="19"/>
      <c r="T13209" s="19"/>
      <c r="U13209" s="19"/>
      <c r="V13209" s="19"/>
      <c r="W13209" s="19"/>
      <c r="X13209" s="19"/>
      <c r="Y13209" s="19"/>
      <c r="Z13209" s="19"/>
      <c r="AA13209" s="19"/>
    </row>
    <row r="13210" spans="1:27" s="1" customFormat="1" ht="14.1" customHeight="1" outlineLevel="4" x14ac:dyDescent="0.2">
      <c r="A13210" s="17">
        <v>14517</v>
      </c>
      <c r="B13210" s="17"/>
      <c r="C13210" s="17"/>
      <c r="D13210" s="18" t="s">
        <v>6549</v>
      </c>
      <c r="E13210" s="18"/>
      <c r="F13210" s="18"/>
      <c r="G13210" s="18"/>
      <c r="H13210" s="18"/>
      <c r="I13210" s="18"/>
      <c r="J13210" s="18"/>
      <c r="K13210" s="18"/>
      <c r="L13210" s="18"/>
      <c r="M13210" s="18"/>
      <c r="N13210" s="18"/>
      <c r="O13210" s="18"/>
      <c r="P13210" s="19">
        <v>240</v>
      </c>
      <c r="Q13210" s="19"/>
      <c r="R13210" s="19"/>
      <c r="S13210" s="19"/>
      <c r="T13210" s="19">
        <v>145</v>
      </c>
      <c r="U13210" s="19"/>
      <c r="V13210" s="19"/>
      <c r="W13210" s="19"/>
      <c r="X13210" s="19">
        <v>1</v>
      </c>
      <c r="Y13210" s="19"/>
      <c r="Z13210" s="19"/>
      <c r="AA13210" s="19"/>
    </row>
    <row r="13211" spans="1:27" s="1" customFormat="1" ht="14.1" customHeight="1" outlineLevel="4" x14ac:dyDescent="0.2">
      <c r="A13211" s="17"/>
      <c r="B13211" s="17"/>
      <c r="C13211" s="17"/>
      <c r="D13211" s="18"/>
      <c r="E13211" s="18"/>
      <c r="F13211" s="18"/>
      <c r="G13211" s="18"/>
      <c r="H13211" s="18"/>
      <c r="I13211" s="18"/>
      <c r="J13211" s="18"/>
      <c r="K13211" s="18"/>
      <c r="L13211" s="18"/>
      <c r="M13211" s="18"/>
      <c r="N13211" s="18"/>
      <c r="O13211" s="18"/>
      <c r="P13211" s="19"/>
      <c r="Q13211" s="19"/>
      <c r="R13211" s="19"/>
      <c r="S13211" s="19"/>
      <c r="T13211" s="19"/>
      <c r="U13211" s="19"/>
      <c r="V13211" s="19"/>
      <c r="W13211" s="19"/>
      <c r="X13211" s="19"/>
      <c r="Y13211" s="19"/>
      <c r="Z13211" s="19"/>
      <c r="AA13211" s="19"/>
    </row>
    <row r="13212" spans="1:27" s="1" customFormat="1" ht="14.1" customHeight="1" outlineLevel="4" x14ac:dyDescent="0.2">
      <c r="A13212" s="17">
        <v>14856</v>
      </c>
      <c r="B13212" s="17"/>
      <c r="C13212" s="17"/>
      <c r="D13212" s="18" t="s">
        <v>6550</v>
      </c>
      <c r="E13212" s="18"/>
      <c r="F13212" s="18"/>
      <c r="G13212" s="18"/>
      <c r="H13212" s="18"/>
      <c r="I13212" s="18"/>
      <c r="J13212" s="18"/>
      <c r="K13212" s="18"/>
      <c r="L13212" s="18"/>
      <c r="M13212" s="18"/>
      <c r="N13212" s="18"/>
      <c r="O13212" s="18"/>
      <c r="P13212" s="19">
        <v>240</v>
      </c>
      <c r="Q13212" s="19"/>
      <c r="R13212" s="19"/>
      <c r="S13212" s="19"/>
      <c r="T13212" s="19">
        <v>145</v>
      </c>
      <c r="U13212" s="19"/>
      <c r="V13212" s="19"/>
      <c r="W13212" s="19"/>
      <c r="X13212" s="19">
        <v>2</v>
      </c>
      <c r="Y13212" s="19"/>
      <c r="Z13212" s="19"/>
      <c r="AA13212" s="19"/>
    </row>
    <row r="13213" spans="1:27" s="1" customFormat="1" ht="14.1" customHeight="1" outlineLevel="4" x14ac:dyDescent="0.2">
      <c r="A13213" s="17"/>
      <c r="B13213" s="17"/>
      <c r="C13213" s="17"/>
      <c r="D13213" s="18"/>
      <c r="E13213" s="18"/>
      <c r="F13213" s="18"/>
      <c r="G13213" s="18"/>
      <c r="H13213" s="18"/>
      <c r="I13213" s="18"/>
      <c r="J13213" s="18"/>
      <c r="K13213" s="18"/>
      <c r="L13213" s="18"/>
      <c r="M13213" s="18"/>
      <c r="N13213" s="18"/>
      <c r="O13213" s="18"/>
      <c r="P13213" s="19"/>
      <c r="Q13213" s="19"/>
      <c r="R13213" s="19"/>
      <c r="S13213" s="19"/>
      <c r="T13213" s="19"/>
      <c r="U13213" s="19"/>
      <c r="V13213" s="19"/>
      <c r="W13213" s="19"/>
      <c r="X13213" s="19"/>
      <c r="Y13213" s="19"/>
      <c r="Z13213" s="19"/>
      <c r="AA13213" s="19"/>
    </row>
    <row r="13214" spans="1:27" s="1" customFormat="1" ht="14.1" customHeight="1" outlineLevel="4" x14ac:dyDescent="0.2">
      <c r="A13214" s="17">
        <v>14852</v>
      </c>
      <c r="B13214" s="17"/>
      <c r="C13214" s="17"/>
      <c r="D13214" s="18" t="s">
        <v>6551</v>
      </c>
      <c r="E13214" s="18"/>
      <c r="F13214" s="18"/>
      <c r="G13214" s="18"/>
      <c r="H13214" s="18"/>
      <c r="I13214" s="18"/>
      <c r="J13214" s="18"/>
      <c r="K13214" s="18"/>
      <c r="L13214" s="18"/>
      <c r="M13214" s="18"/>
      <c r="N13214" s="18"/>
      <c r="O13214" s="18"/>
      <c r="P13214" s="19">
        <v>240</v>
      </c>
      <c r="Q13214" s="19"/>
      <c r="R13214" s="19"/>
      <c r="S13214" s="19"/>
      <c r="T13214" s="19">
        <v>145</v>
      </c>
      <c r="U13214" s="19"/>
      <c r="V13214" s="19"/>
      <c r="W13214" s="19"/>
      <c r="X13214" s="19">
        <v>1</v>
      </c>
      <c r="Y13214" s="19"/>
      <c r="Z13214" s="19"/>
      <c r="AA13214" s="19"/>
    </row>
    <row r="13215" spans="1:27" s="1" customFormat="1" ht="14.1" customHeight="1" outlineLevel="4" x14ac:dyDescent="0.2">
      <c r="A13215" s="17"/>
      <c r="B13215" s="17"/>
      <c r="C13215" s="17"/>
      <c r="D13215" s="18"/>
      <c r="E13215" s="18"/>
      <c r="F13215" s="18"/>
      <c r="G13215" s="18"/>
      <c r="H13215" s="18"/>
      <c r="I13215" s="18"/>
      <c r="J13215" s="18"/>
      <c r="K13215" s="18"/>
      <c r="L13215" s="18"/>
      <c r="M13215" s="18"/>
      <c r="N13215" s="18"/>
      <c r="O13215" s="18"/>
      <c r="P13215" s="19"/>
      <c r="Q13215" s="19"/>
      <c r="R13215" s="19"/>
      <c r="S13215" s="19"/>
      <c r="T13215" s="19"/>
      <c r="U13215" s="19"/>
      <c r="V13215" s="19"/>
      <c r="W13215" s="19"/>
      <c r="X13215" s="19"/>
      <c r="Y13215" s="19"/>
      <c r="Z13215" s="19"/>
      <c r="AA13215" s="19"/>
    </row>
    <row r="13216" spans="1:27" s="1" customFormat="1" ht="11.1" customHeight="1" outlineLevel="4" x14ac:dyDescent="0.2">
      <c r="A13216" s="17">
        <v>10562</v>
      </c>
      <c r="B13216" s="17"/>
      <c r="C13216" s="17"/>
      <c r="D13216" s="18" t="s">
        <v>6552</v>
      </c>
      <c r="E13216" s="18"/>
      <c r="F13216" s="18"/>
      <c r="G13216" s="18"/>
      <c r="H13216" s="18"/>
      <c r="I13216" s="18"/>
      <c r="J13216" s="18"/>
      <c r="K13216" s="18"/>
      <c r="L13216" s="18"/>
      <c r="M13216" s="18"/>
      <c r="N13216" s="18"/>
      <c r="O13216" s="18"/>
      <c r="P13216" s="19">
        <v>240</v>
      </c>
      <c r="Q13216" s="19"/>
      <c r="R13216" s="19"/>
      <c r="S13216" s="19"/>
      <c r="T13216" s="19">
        <v>145</v>
      </c>
      <c r="U13216" s="19"/>
      <c r="V13216" s="19"/>
      <c r="W13216" s="19"/>
      <c r="X13216" s="19">
        <v>1</v>
      </c>
      <c r="Y13216" s="19"/>
      <c r="Z13216" s="19"/>
      <c r="AA13216" s="19"/>
    </row>
    <row r="13217" spans="1:27" s="1" customFormat="1" ht="11.1" customHeight="1" outlineLevel="4" x14ac:dyDescent="0.2">
      <c r="A13217" s="17"/>
      <c r="B13217" s="17"/>
      <c r="C13217" s="17"/>
      <c r="D13217" s="18"/>
      <c r="E13217" s="18"/>
      <c r="F13217" s="18"/>
      <c r="G13217" s="18"/>
      <c r="H13217" s="18"/>
      <c r="I13217" s="18"/>
      <c r="J13217" s="18"/>
      <c r="K13217" s="18"/>
      <c r="L13217" s="18"/>
      <c r="M13217" s="18"/>
      <c r="N13217" s="18"/>
      <c r="O13217" s="18"/>
      <c r="P13217" s="19"/>
      <c r="Q13217" s="19"/>
      <c r="R13217" s="19"/>
      <c r="S13217" s="19"/>
      <c r="T13217" s="19"/>
      <c r="U13217" s="19"/>
      <c r="V13217" s="19"/>
      <c r="W13217" s="19"/>
      <c r="X13217" s="19"/>
      <c r="Y13217" s="19"/>
      <c r="Z13217" s="19"/>
      <c r="AA13217" s="19"/>
    </row>
    <row r="13218" spans="1:27" s="1" customFormat="1" ht="11.1" customHeight="1" outlineLevel="4" x14ac:dyDescent="0.2">
      <c r="A13218" s="17">
        <v>10564</v>
      </c>
      <c r="B13218" s="17"/>
      <c r="C13218" s="17"/>
      <c r="D13218" s="18" t="s">
        <v>6553</v>
      </c>
      <c r="E13218" s="18"/>
      <c r="F13218" s="18"/>
      <c r="G13218" s="18"/>
      <c r="H13218" s="18"/>
      <c r="I13218" s="18"/>
      <c r="J13218" s="18"/>
      <c r="K13218" s="18"/>
      <c r="L13218" s="18"/>
      <c r="M13218" s="18"/>
      <c r="N13218" s="18"/>
      <c r="O13218" s="18"/>
      <c r="P13218" s="19">
        <v>240</v>
      </c>
      <c r="Q13218" s="19"/>
      <c r="R13218" s="19"/>
      <c r="S13218" s="19"/>
      <c r="T13218" s="19">
        <v>145</v>
      </c>
      <c r="U13218" s="19"/>
      <c r="V13218" s="19"/>
      <c r="W13218" s="19"/>
      <c r="X13218" s="19">
        <v>1</v>
      </c>
      <c r="Y13218" s="19"/>
      <c r="Z13218" s="19"/>
      <c r="AA13218" s="19"/>
    </row>
    <row r="13219" spans="1:27" s="1" customFormat="1" ht="11.1" customHeight="1" outlineLevel="4" x14ac:dyDescent="0.2">
      <c r="A13219" s="17"/>
      <c r="B13219" s="17"/>
      <c r="C13219" s="17"/>
      <c r="D13219" s="18"/>
      <c r="E13219" s="18"/>
      <c r="F13219" s="18"/>
      <c r="G13219" s="18"/>
      <c r="H13219" s="18"/>
      <c r="I13219" s="18"/>
      <c r="J13219" s="18"/>
      <c r="K13219" s="18"/>
      <c r="L13219" s="18"/>
      <c r="M13219" s="18"/>
      <c r="N13219" s="18"/>
      <c r="O13219" s="18"/>
      <c r="P13219" s="19"/>
      <c r="Q13219" s="19"/>
      <c r="R13219" s="19"/>
      <c r="S13219" s="19"/>
      <c r="T13219" s="19"/>
      <c r="U13219" s="19"/>
      <c r="V13219" s="19"/>
      <c r="W13219" s="19"/>
      <c r="X13219" s="19"/>
      <c r="Y13219" s="19"/>
      <c r="Z13219" s="19"/>
      <c r="AA13219" s="19"/>
    </row>
    <row r="13220" spans="1:27" s="1" customFormat="1" ht="11.1" customHeight="1" outlineLevel="4" x14ac:dyDescent="0.2">
      <c r="A13220" s="17">
        <v>10572</v>
      </c>
      <c r="B13220" s="17"/>
      <c r="C13220" s="17"/>
      <c r="D13220" s="18" t="s">
        <v>6554</v>
      </c>
      <c r="E13220" s="18"/>
      <c r="F13220" s="18"/>
      <c r="G13220" s="18"/>
      <c r="H13220" s="18"/>
      <c r="I13220" s="18"/>
      <c r="J13220" s="18"/>
      <c r="K13220" s="18"/>
      <c r="L13220" s="18"/>
      <c r="M13220" s="18"/>
      <c r="N13220" s="18"/>
      <c r="O13220" s="18"/>
      <c r="P13220" s="19">
        <v>240</v>
      </c>
      <c r="Q13220" s="19"/>
      <c r="R13220" s="19"/>
      <c r="S13220" s="19"/>
      <c r="T13220" s="19">
        <v>145</v>
      </c>
      <c r="U13220" s="19"/>
      <c r="V13220" s="19"/>
      <c r="W13220" s="19"/>
      <c r="X13220" s="19">
        <v>1</v>
      </c>
      <c r="Y13220" s="19"/>
      <c r="Z13220" s="19"/>
      <c r="AA13220" s="19"/>
    </row>
    <row r="13221" spans="1:27" s="1" customFormat="1" ht="11.1" customHeight="1" outlineLevel="4" x14ac:dyDescent="0.2">
      <c r="A13221" s="17"/>
      <c r="B13221" s="17"/>
      <c r="C13221" s="17"/>
      <c r="D13221" s="18"/>
      <c r="E13221" s="18"/>
      <c r="F13221" s="18"/>
      <c r="G13221" s="18"/>
      <c r="H13221" s="18"/>
      <c r="I13221" s="18"/>
      <c r="J13221" s="18"/>
      <c r="K13221" s="18"/>
      <c r="L13221" s="18"/>
      <c r="M13221" s="18"/>
      <c r="N13221" s="18"/>
      <c r="O13221" s="18"/>
      <c r="P13221" s="19"/>
      <c r="Q13221" s="19"/>
      <c r="R13221" s="19"/>
      <c r="S13221" s="19"/>
      <c r="T13221" s="19"/>
      <c r="U13221" s="19"/>
      <c r="V13221" s="19"/>
      <c r="W13221" s="19"/>
      <c r="X13221" s="19"/>
      <c r="Y13221" s="19"/>
      <c r="Z13221" s="19"/>
      <c r="AA13221" s="19"/>
    </row>
    <row r="13222" spans="1:27" s="1" customFormat="1" ht="11.1" customHeight="1" outlineLevel="4" x14ac:dyDescent="0.2">
      <c r="A13222" s="17">
        <v>10561</v>
      </c>
      <c r="B13222" s="17"/>
      <c r="C13222" s="17"/>
      <c r="D13222" s="18" t="s">
        <v>6555</v>
      </c>
      <c r="E13222" s="18"/>
      <c r="F13222" s="18"/>
      <c r="G13222" s="18"/>
      <c r="H13222" s="18"/>
      <c r="I13222" s="18"/>
      <c r="J13222" s="18"/>
      <c r="K13222" s="18"/>
      <c r="L13222" s="18"/>
      <c r="M13222" s="18"/>
      <c r="N13222" s="18"/>
      <c r="O13222" s="18"/>
      <c r="P13222" s="19">
        <v>240</v>
      </c>
      <c r="Q13222" s="19"/>
      <c r="R13222" s="19"/>
      <c r="S13222" s="19"/>
      <c r="T13222" s="19">
        <v>145</v>
      </c>
      <c r="U13222" s="19"/>
      <c r="V13222" s="19"/>
      <c r="W13222" s="19"/>
      <c r="X13222" s="19">
        <v>1</v>
      </c>
      <c r="Y13222" s="19"/>
      <c r="Z13222" s="19"/>
      <c r="AA13222" s="19"/>
    </row>
    <row r="13223" spans="1:27" s="1" customFormat="1" ht="11.1" customHeight="1" outlineLevel="4" x14ac:dyDescent="0.2">
      <c r="A13223" s="17"/>
      <c r="B13223" s="17"/>
      <c r="C13223" s="17"/>
      <c r="D13223" s="18"/>
      <c r="E13223" s="18"/>
      <c r="F13223" s="18"/>
      <c r="G13223" s="18"/>
      <c r="H13223" s="18"/>
      <c r="I13223" s="18"/>
      <c r="J13223" s="18"/>
      <c r="K13223" s="18"/>
      <c r="L13223" s="18"/>
      <c r="M13223" s="18"/>
      <c r="N13223" s="18"/>
      <c r="O13223" s="18"/>
      <c r="P13223" s="19"/>
      <c r="Q13223" s="19"/>
      <c r="R13223" s="19"/>
      <c r="S13223" s="19"/>
      <c r="T13223" s="19"/>
      <c r="U13223" s="19"/>
      <c r="V13223" s="19"/>
      <c r="W13223" s="19"/>
      <c r="X13223" s="19"/>
      <c r="Y13223" s="19"/>
      <c r="Z13223" s="19"/>
      <c r="AA13223" s="19"/>
    </row>
    <row r="13224" spans="1:27" s="1" customFormat="1" ht="11.1" customHeight="1" outlineLevel="4" x14ac:dyDescent="0.2">
      <c r="A13224" s="17">
        <v>10565</v>
      </c>
      <c r="B13224" s="17"/>
      <c r="C13224" s="17"/>
      <c r="D13224" s="18" t="s">
        <v>6556</v>
      </c>
      <c r="E13224" s="18"/>
      <c r="F13224" s="18"/>
      <c r="G13224" s="18"/>
      <c r="H13224" s="18"/>
      <c r="I13224" s="18"/>
      <c r="J13224" s="18"/>
      <c r="K13224" s="18"/>
      <c r="L13224" s="18"/>
      <c r="M13224" s="18"/>
      <c r="N13224" s="18"/>
      <c r="O13224" s="18"/>
      <c r="P13224" s="19">
        <v>240</v>
      </c>
      <c r="Q13224" s="19"/>
      <c r="R13224" s="19"/>
      <c r="S13224" s="19"/>
      <c r="T13224" s="19">
        <v>145</v>
      </c>
      <c r="U13224" s="19"/>
      <c r="V13224" s="19"/>
      <c r="W13224" s="19"/>
      <c r="X13224" s="19">
        <v>1</v>
      </c>
      <c r="Y13224" s="19"/>
      <c r="Z13224" s="19"/>
      <c r="AA13224" s="19"/>
    </row>
    <row r="13225" spans="1:27" s="1" customFormat="1" ht="11.1" customHeight="1" outlineLevel="4" x14ac:dyDescent="0.2">
      <c r="A13225" s="17"/>
      <c r="B13225" s="17"/>
      <c r="C13225" s="17"/>
      <c r="D13225" s="18"/>
      <c r="E13225" s="18"/>
      <c r="F13225" s="18"/>
      <c r="G13225" s="18"/>
      <c r="H13225" s="18"/>
      <c r="I13225" s="18"/>
      <c r="J13225" s="18"/>
      <c r="K13225" s="18"/>
      <c r="L13225" s="18"/>
      <c r="M13225" s="18"/>
      <c r="N13225" s="18"/>
      <c r="O13225" s="18"/>
      <c r="P13225" s="19"/>
      <c r="Q13225" s="19"/>
      <c r="R13225" s="19"/>
      <c r="S13225" s="19"/>
      <c r="T13225" s="19"/>
      <c r="U13225" s="19"/>
      <c r="V13225" s="19"/>
      <c r="W13225" s="19"/>
      <c r="X13225" s="19"/>
      <c r="Y13225" s="19"/>
      <c r="Z13225" s="19"/>
      <c r="AA13225" s="19"/>
    </row>
    <row r="13226" spans="1:27" s="1" customFormat="1" ht="11.1" customHeight="1" outlineLevel="4" x14ac:dyDescent="0.2">
      <c r="A13226" s="17">
        <v>10563</v>
      </c>
      <c r="B13226" s="17"/>
      <c r="C13226" s="17"/>
      <c r="D13226" s="18" t="s">
        <v>6557</v>
      </c>
      <c r="E13226" s="18"/>
      <c r="F13226" s="18"/>
      <c r="G13226" s="18"/>
      <c r="H13226" s="18"/>
      <c r="I13226" s="18"/>
      <c r="J13226" s="18"/>
      <c r="K13226" s="18"/>
      <c r="L13226" s="18"/>
      <c r="M13226" s="18"/>
      <c r="N13226" s="18"/>
      <c r="O13226" s="18"/>
      <c r="P13226" s="19">
        <v>240</v>
      </c>
      <c r="Q13226" s="19"/>
      <c r="R13226" s="19"/>
      <c r="S13226" s="19"/>
      <c r="T13226" s="19">
        <v>145</v>
      </c>
      <c r="U13226" s="19"/>
      <c r="V13226" s="19"/>
      <c r="W13226" s="19"/>
      <c r="X13226" s="19">
        <v>1</v>
      </c>
      <c r="Y13226" s="19"/>
      <c r="Z13226" s="19"/>
      <c r="AA13226" s="19"/>
    </row>
    <row r="13227" spans="1:27" s="1" customFormat="1" ht="11.1" customHeight="1" outlineLevel="4" x14ac:dyDescent="0.2">
      <c r="A13227" s="17"/>
      <c r="B13227" s="17"/>
      <c r="C13227" s="17"/>
      <c r="D13227" s="18"/>
      <c r="E13227" s="18"/>
      <c r="F13227" s="18"/>
      <c r="G13227" s="18"/>
      <c r="H13227" s="18"/>
      <c r="I13227" s="18"/>
      <c r="J13227" s="18"/>
      <c r="K13227" s="18"/>
      <c r="L13227" s="18"/>
      <c r="M13227" s="18"/>
      <c r="N13227" s="18"/>
      <c r="O13227" s="18"/>
      <c r="P13227" s="19"/>
      <c r="Q13227" s="19"/>
      <c r="R13227" s="19"/>
      <c r="S13227" s="19"/>
      <c r="T13227" s="19"/>
      <c r="U13227" s="19"/>
      <c r="V13227" s="19"/>
      <c r="W13227" s="19"/>
      <c r="X13227" s="19"/>
      <c r="Y13227" s="19"/>
      <c r="Z13227" s="19"/>
      <c r="AA13227" s="19"/>
    </row>
    <row r="13228" spans="1:27" s="1" customFormat="1" ht="11.1" customHeight="1" outlineLevel="4" x14ac:dyDescent="0.2">
      <c r="A13228" s="17">
        <v>10567</v>
      </c>
      <c r="B13228" s="17"/>
      <c r="C13228" s="17"/>
      <c r="D13228" s="18" t="s">
        <v>6558</v>
      </c>
      <c r="E13228" s="18"/>
      <c r="F13228" s="18"/>
      <c r="G13228" s="18"/>
      <c r="H13228" s="18"/>
      <c r="I13228" s="18"/>
      <c r="J13228" s="18"/>
      <c r="K13228" s="18"/>
      <c r="L13228" s="18"/>
      <c r="M13228" s="18"/>
      <c r="N13228" s="18"/>
      <c r="O13228" s="18"/>
      <c r="P13228" s="19">
        <v>240</v>
      </c>
      <c r="Q13228" s="19"/>
      <c r="R13228" s="19"/>
      <c r="S13228" s="19"/>
      <c r="T13228" s="19">
        <v>145</v>
      </c>
      <c r="U13228" s="19"/>
      <c r="V13228" s="19"/>
      <c r="W13228" s="19"/>
      <c r="X13228" s="19">
        <v>1</v>
      </c>
      <c r="Y13228" s="19"/>
      <c r="Z13228" s="19"/>
      <c r="AA13228" s="19"/>
    </row>
    <row r="13229" spans="1:27" s="1" customFormat="1" ht="11.1" customHeight="1" outlineLevel="4" x14ac:dyDescent="0.2">
      <c r="A13229" s="17"/>
      <c r="B13229" s="17"/>
      <c r="C13229" s="17"/>
      <c r="D13229" s="18"/>
      <c r="E13229" s="18"/>
      <c r="F13229" s="18"/>
      <c r="G13229" s="18"/>
      <c r="H13229" s="18"/>
      <c r="I13229" s="18"/>
      <c r="J13229" s="18"/>
      <c r="K13229" s="18"/>
      <c r="L13229" s="18"/>
      <c r="M13229" s="18"/>
      <c r="N13229" s="18"/>
      <c r="O13229" s="18"/>
      <c r="P13229" s="19"/>
      <c r="Q13229" s="19"/>
      <c r="R13229" s="19"/>
      <c r="S13229" s="19"/>
      <c r="T13229" s="19"/>
      <c r="U13229" s="19"/>
      <c r="V13229" s="19"/>
      <c r="W13229" s="19"/>
      <c r="X13229" s="19"/>
      <c r="Y13229" s="19"/>
      <c r="Z13229" s="19"/>
      <c r="AA13229" s="19"/>
    </row>
    <row r="13230" spans="1:27" s="1" customFormat="1" ht="11.1" customHeight="1" outlineLevel="4" x14ac:dyDescent="0.2">
      <c r="A13230" s="17">
        <v>10571</v>
      </c>
      <c r="B13230" s="17"/>
      <c r="C13230" s="17"/>
      <c r="D13230" s="18" t="s">
        <v>6559</v>
      </c>
      <c r="E13230" s="18"/>
      <c r="F13230" s="18"/>
      <c r="G13230" s="18"/>
      <c r="H13230" s="18"/>
      <c r="I13230" s="18"/>
      <c r="J13230" s="18"/>
      <c r="K13230" s="18"/>
      <c r="L13230" s="18"/>
      <c r="M13230" s="18"/>
      <c r="N13230" s="18"/>
      <c r="O13230" s="18"/>
      <c r="P13230" s="19">
        <v>240</v>
      </c>
      <c r="Q13230" s="19"/>
      <c r="R13230" s="19"/>
      <c r="S13230" s="19"/>
      <c r="T13230" s="19">
        <v>145</v>
      </c>
      <c r="U13230" s="19"/>
      <c r="V13230" s="19"/>
      <c r="W13230" s="19"/>
      <c r="X13230" s="19">
        <v>1</v>
      </c>
      <c r="Y13230" s="19"/>
      <c r="Z13230" s="19"/>
      <c r="AA13230" s="19"/>
    </row>
    <row r="13231" spans="1:27" s="1" customFormat="1" ht="11.1" customHeight="1" outlineLevel="4" x14ac:dyDescent="0.2">
      <c r="A13231" s="17"/>
      <c r="B13231" s="17"/>
      <c r="C13231" s="17"/>
      <c r="D13231" s="18"/>
      <c r="E13231" s="18"/>
      <c r="F13231" s="18"/>
      <c r="G13231" s="18"/>
      <c r="H13231" s="18"/>
      <c r="I13231" s="18"/>
      <c r="J13231" s="18"/>
      <c r="K13231" s="18"/>
      <c r="L13231" s="18"/>
      <c r="M13231" s="18"/>
      <c r="N13231" s="18"/>
      <c r="O13231" s="18"/>
      <c r="P13231" s="19"/>
      <c r="Q13231" s="19"/>
      <c r="R13231" s="19"/>
      <c r="S13231" s="19"/>
      <c r="T13231" s="19"/>
      <c r="U13231" s="19"/>
      <c r="V13231" s="19"/>
      <c r="W13231" s="19"/>
      <c r="X13231" s="19"/>
      <c r="Y13231" s="19"/>
      <c r="Z13231" s="19"/>
      <c r="AA13231" s="19"/>
    </row>
    <row r="13232" spans="1:27" s="1" customFormat="1" ht="14.1" customHeight="1" outlineLevel="4" x14ac:dyDescent="0.2">
      <c r="A13232" s="17">
        <v>14896</v>
      </c>
      <c r="B13232" s="17"/>
      <c r="C13232" s="17"/>
      <c r="D13232" s="18" t="s">
        <v>6560</v>
      </c>
      <c r="E13232" s="18"/>
      <c r="F13232" s="18"/>
      <c r="G13232" s="18"/>
      <c r="H13232" s="18"/>
      <c r="I13232" s="18"/>
      <c r="J13232" s="18"/>
      <c r="K13232" s="18"/>
      <c r="L13232" s="18"/>
      <c r="M13232" s="18"/>
      <c r="N13232" s="18"/>
      <c r="O13232" s="18"/>
      <c r="P13232" s="19">
        <v>240</v>
      </c>
      <c r="Q13232" s="19"/>
      <c r="R13232" s="19"/>
      <c r="S13232" s="19"/>
      <c r="T13232" s="19">
        <v>145</v>
      </c>
      <c r="U13232" s="19"/>
      <c r="V13232" s="19"/>
      <c r="W13232" s="19"/>
      <c r="X13232" s="19">
        <v>1</v>
      </c>
      <c r="Y13232" s="19"/>
      <c r="Z13232" s="19"/>
      <c r="AA13232" s="19"/>
    </row>
    <row r="13233" spans="1:27" s="1" customFormat="1" ht="14.1" customHeight="1" outlineLevel="4" x14ac:dyDescent="0.2">
      <c r="A13233" s="17"/>
      <c r="B13233" s="17"/>
      <c r="C13233" s="17"/>
      <c r="D13233" s="18"/>
      <c r="E13233" s="18"/>
      <c r="F13233" s="18"/>
      <c r="G13233" s="18"/>
      <c r="H13233" s="18"/>
      <c r="I13233" s="18"/>
      <c r="J13233" s="18"/>
      <c r="K13233" s="18"/>
      <c r="L13233" s="18"/>
      <c r="M13233" s="18"/>
      <c r="N13233" s="18"/>
      <c r="O13233" s="18"/>
      <c r="P13233" s="19"/>
      <c r="Q13233" s="19"/>
      <c r="R13233" s="19"/>
      <c r="S13233" s="19"/>
      <c r="T13233" s="19"/>
      <c r="U13233" s="19"/>
      <c r="V13233" s="19"/>
      <c r="W13233" s="19"/>
      <c r="X13233" s="19"/>
      <c r="Y13233" s="19"/>
      <c r="Z13233" s="19"/>
      <c r="AA13233" s="19"/>
    </row>
    <row r="13234" spans="1:27" s="1" customFormat="1" ht="11.1" customHeight="1" outlineLevel="4" x14ac:dyDescent="0.2">
      <c r="A13234" s="17">
        <v>10569</v>
      </c>
      <c r="B13234" s="17"/>
      <c r="C13234" s="17"/>
      <c r="D13234" s="18" t="s">
        <v>6561</v>
      </c>
      <c r="E13234" s="18"/>
      <c r="F13234" s="18"/>
      <c r="G13234" s="18"/>
      <c r="H13234" s="18"/>
      <c r="I13234" s="18"/>
      <c r="J13234" s="18"/>
      <c r="K13234" s="18"/>
      <c r="L13234" s="18"/>
      <c r="M13234" s="18"/>
      <c r="N13234" s="18"/>
      <c r="O13234" s="18"/>
      <c r="P13234" s="19">
        <v>240</v>
      </c>
      <c r="Q13234" s="19"/>
      <c r="R13234" s="19"/>
      <c r="S13234" s="19"/>
      <c r="T13234" s="19">
        <v>145</v>
      </c>
      <c r="U13234" s="19"/>
      <c r="V13234" s="19"/>
      <c r="W13234" s="19"/>
      <c r="X13234" s="19">
        <v>1</v>
      </c>
      <c r="Y13234" s="19"/>
      <c r="Z13234" s="19"/>
      <c r="AA13234" s="19"/>
    </row>
    <row r="13235" spans="1:27" s="1" customFormat="1" ht="11.1" customHeight="1" outlineLevel="4" x14ac:dyDescent="0.2">
      <c r="A13235" s="17"/>
      <c r="B13235" s="17"/>
      <c r="C13235" s="17"/>
      <c r="D13235" s="18"/>
      <c r="E13235" s="18"/>
      <c r="F13235" s="18"/>
      <c r="G13235" s="18"/>
      <c r="H13235" s="18"/>
      <c r="I13235" s="18"/>
      <c r="J13235" s="18"/>
      <c r="K13235" s="18"/>
      <c r="L13235" s="18"/>
      <c r="M13235" s="18"/>
      <c r="N13235" s="18"/>
      <c r="O13235" s="18"/>
      <c r="P13235" s="19"/>
      <c r="Q13235" s="19"/>
      <c r="R13235" s="19"/>
      <c r="S13235" s="19"/>
      <c r="T13235" s="19"/>
      <c r="U13235" s="19"/>
      <c r="V13235" s="19"/>
      <c r="W13235" s="19"/>
      <c r="X13235" s="19"/>
      <c r="Y13235" s="19"/>
      <c r="Z13235" s="19"/>
      <c r="AA13235" s="19"/>
    </row>
    <row r="13236" spans="1:27" s="1" customFormat="1" ht="11.1" customHeight="1" outlineLevel="4" x14ac:dyDescent="0.2">
      <c r="A13236" s="17">
        <v>10570</v>
      </c>
      <c r="B13236" s="17"/>
      <c r="C13236" s="17"/>
      <c r="D13236" s="18" t="s">
        <v>6562</v>
      </c>
      <c r="E13236" s="18"/>
      <c r="F13236" s="18"/>
      <c r="G13236" s="18"/>
      <c r="H13236" s="18"/>
      <c r="I13236" s="18"/>
      <c r="J13236" s="18"/>
      <c r="K13236" s="18"/>
      <c r="L13236" s="18"/>
      <c r="M13236" s="18"/>
      <c r="N13236" s="18"/>
      <c r="O13236" s="18"/>
      <c r="P13236" s="19">
        <v>240</v>
      </c>
      <c r="Q13236" s="19"/>
      <c r="R13236" s="19"/>
      <c r="S13236" s="19"/>
      <c r="T13236" s="19">
        <v>145</v>
      </c>
      <c r="U13236" s="19"/>
      <c r="V13236" s="19"/>
      <c r="W13236" s="19"/>
      <c r="X13236" s="19">
        <v>2</v>
      </c>
      <c r="Y13236" s="19"/>
      <c r="Z13236" s="19"/>
      <c r="AA13236" s="19"/>
    </row>
    <row r="13237" spans="1:27" s="1" customFormat="1" ht="11.1" customHeight="1" outlineLevel="4" x14ac:dyDescent="0.2">
      <c r="A13237" s="17"/>
      <c r="B13237" s="17"/>
      <c r="C13237" s="17"/>
      <c r="D13237" s="18"/>
      <c r="E13237" s="18"/>
      <c r="F13237" s="18"/>
      <c r="G13237" s="18"/>
      <c r="H13237" s="18"/>
      <c r="I13237" s="18"/>
      <c r="J13237" s="18"/>
      <c r="K13237" s="18"/>
      <c r="L13237" s="18"/>
      <c r="M13237" s="18"/>
      <c r="N13237" s="18"/>
      <c r="O13237" s="18"/>
      <c r="P13237" s="19"/>
      <c r="Q13237" s="19"/>
      <c r="R13237" s="19"/>
      <c r="S13237" s="19"/>
      <c r="T13237" s="19"/>
      <c r="U13237" s="19"/>
      <c r="V13237" s="19"/>
      <c r="W13237" s="19"/>
      <c r="X13237" s="19"/>
      <c r="Y13237" s="19"/>
      <c r="Z13237" s="19"/>
      <c r="AA13237" s="19"/>
    </row>
    <row r="13238" spans="1:27" s="1" customFormat="1" ht="14.1" customHeight="1" outlineLevel="4" x14ac:dyDescent="0.2">
      <c r="A13238" s="17">
        <v>14895</v>
      </c>
      <c r="B13238" s="17"/>
      <c r="C13238" s="17"/>
      <c r="D13238" s="18" t="s">
        <v>6563</v>
      </c>
      <c r="E13238" s="18"/>
      <c r="F13238" s="18"/>
      <c r="G13238" s="18"/>
      <c r="H13238" s="18"/>
      <c r="I13238" s="18"/>
      <c r="J13238" s="18"/>
      <c r="K13238" s="18"/>
      <c r="L13238" s="18"/>
      <c r="M13238" s="18"/>
      <c r="N13238" s="18"/>
      <c r="O13238" s="18"/>
      <c r="P13238" s="19">
        <v>240</v>
      </c>
      <c r="Q13238" s="19"/>
      <c r="R13238" s="19"/>
      <c r="S13238" s="19"/>
      <c r="T13238" s="19">
        <v>145</v>
      </c>
      <c r="U13238" s="19"/>
      <c r="V13238" s="19"/>
      <c r="W13238" s="19"/>
      <c r="X13238" s="19">
        <v>1</v>
      </c>
      <c r="Y13238" s="19"/>
      <c r="Z13238" s="19"/>
      <c r="AA13238" s="19"/>
    </row>
    <row r="13239" spans="1:27" s="1" customFormat="1" ht="14.1" customHeight="1" outlineLevel="4" x14ac:dyDescent="0.2">
      <c r="A13239" s="17"/>
      <c r="B13239" s="17"/>
      <c r="C13239" s="17"/>
      <c r="D13239" s="18"/>
      <c r="E13239" s="18"/>
      <c r="F13239" s="18"/>
      <c r="G13239" s="18"/>
      <c r="H13239" s="18"/>
      <c r="I13239" s="18"/>
      <c r="J13239" s="18"/>
      <c r="K13239" s="18"/>
      <c r="L13239" s="18"/>
      <c r="M13239" s="18"/>
      <c r="N13239" s="18"/>
      <c r="O13239" s="18"/>
      <c r="P13239" s="19"/>
      <c r="Q13239" s="19"/>
      <c r="R13239" s="19"/>
      <c r="S13239" s="19"/>
      <c r="T13239" s="19"/>
      <c r="U13239" s="19"/>
      <c r="V13239" s="19"/>
      <c r="W13239" s="19"/>
      <c r="X13239" s="19"/>
      <c r="Y13239" s="19"/>
      <c r="Z13239" s="19"/>
      <c r="AA13239" s="19"/>
    </row>
    <row r="13240" spans="1:27" s="1" customFormat="1" ht="14.1" customHeight="1" outlineLevel="4" x14ac:dyDescent="0.2">
      <c r="A13240" s="17">
        <v>10568</v>
      </c>
      <c r="B13240" s="17"/>
      <c r="C13240" s="17"/>
      <c r="D13240" s="18" t="s">
        <v>6564</v>
      </c>
      <c r="E13240" s="18"/>
      <c r="F13240" s="18"/>
      <c r="G13240" s="18"/>
      <c r="H13240" s="18"/>
      <c r="I13240" s="18"/>
      <c r="J13240" s="18"/>
      <c r="K13240" s="18"/>
      <c r="L13240" s="18"/>
      <c r="M13240" s="18"/>
      <c r="N13240" s="18"/>
      <c r="O13240" s="18"/>
      <c r="P13240" s="19">
        <v>240</v>
      </c>
      <c r="Q13240" s="19"/>
      <c r="R13240" s="19"/>
      <c r="S13240" s="19"/>
      <c r="T13240" s="19">
        <v>145</v>
      </c>
      <c r="U13240" s="19"/>
      <c r="V13240" s="19"/>
      <c r="W13240" s="19"/>
      <c r="X13240" s="19">
        <v>4</v>
      </c>
      <c r="Y13240" s="19"/>
      <c r="Z13240" s="19"/>
      <c r="AA13240" s="19"/>
    </row>
    <row r="13241" spans="1:27" s="1" customFormat="1" ht="14.1" customHeight="1" outlineLevel="4" x14ac:dyDescent="0.2">
      <c r="A13241" s="17"/>
      <c r="B13241" s="17"/>
      <c r="C13241" s="17"/>
      <c r="D13241" s="18"/>
      <c r="E13241" s="18"/>
      <c r="F13241" s="18"/>
      <c r="G13241" s="18"/>
      <c r="H13241" s="18"/>
      <c r="I13241" s="18"/>
      <c r="J13241" s="18"/>
      <c r="K13241" s="18"/>
      <c r="L13241" s="18"/>
      <c r="M13241" s="18"/>
      <c r="N13241" s="18"/>
      <c r="O13241" s="18"/>
      <c r="P13241" s="19"/>
      <c r="Q13241" s="19"/>
      <c r="R13241" s="19"/>
      <c r="S13241" s="19"/>
      <c r="T13241" s="19"/>
      <c r="U13241" s="19"/>
      <c r="V13241" s="19"/>
      <c r="W13241" s="19"/>
      <c r="X13241" s="19"/>
      <c r="Y13241" s="19"/>
      <c r="Z13241" s="19"/>
      <c r="AA13241" s="19"/>
    </row>
    <row r="13242" spans="1:27" s="1" customFormat="1" ht="11.1" customHeight="1" outlineLevel="4" x14ac:dyDescent="0.2">
      <c r="A13242" s="17">
        <v>10566</v>
      </c>
      <c r="B13242" s="17"/>
      <c r="C13242" s="17"/>
      <c r="D13242" s="18" t="s">
        <v>6565</v>
      </c>
      <c r="E13242" s="18"/>
      <c r="F13242" s="18"/>
      <c r="G13242" s="18"/>
      <c r="H13242" s="18"/>
      <c r="I13242" s="18"/>
      <c r="J13242" s="18"/>
      <c r="K13242" s="18"/>
      <c r="L13242" s="18"/>
      <c r="M13242" s="18"/>
      <c r="N13242" s="18"/>
      <c r="O13242" s="18"/>
      <c r="P13242" s="19">
        <v>240</v>
      </c>
      <c r="Q13242" s="19"/>
      <c r="R13242" s="19"/>
      <c r="S13242" s="19"/>
      <c r="T13242" s="19">
        <v>145</v>
      </c>
      <c r="U13242" s="19"/>
      <c r="V13242" s="19"/>
      <c r="W13242" s="19"/>
      <c r="X13242" s="19">
        <v>1</v>
      </c>
      <c r="Y13242" s="19"/>
      <c r="Z13242" s="19"/>
      <c r="AA13242" s="19"/>
    </row>
    <row r="13243" spans="1:27" s="1" customFormat="1" ht="11.1" customHeight="1" outlineLevel="4" x14ac:dyDescent="0.2">
      <c r="A13243" s="17"/>
      <c r="B13243" s="17"/>
      <c r="C13243" s="17"/>
      <c r="D13243" s="18"/>
      <c r="E13243" s="18"/>
      <c r="F13243" s="18"/>
      <c r="G13243" s="18"/>
      <c r="H13243" s="18"/>
      <c r="I13243" s="18"/>
      <c r="J13243" s="18"/>
      <c r="K13243" s="18"/>
      <c r="L13243" s="18"/>
      <c r="M13243" s="18"/>
      <c r="N13243" s="18"/>
      <c r="O13243" s="18"/>
      <c r="P13243" s="19"/>
      <c r="Q13243" s="19"/>
      <c r="R13243" s="19"/>
      <c r="S13243" s="19"/>
      <c r="T13243" s="19"/>
      <c r="U13243" s="19"/>
      <c r="V13243" s="19"/>
      <c r="W13243" s="19"/>
      <c r="X13243" s="19"/>
      <c r="Y13243" s="19"/>
      <c r="Z13243" s="19"/>
      <c r="AA13243" s="19"/>
    </row>
    <row r="13244" spans="1:27" s="1" customFormat="1" ht="11.1" customHeight="1" outlineLevel="4" x14ac:dyDescent="0.2">
      <c r="A13244" s="17">
        <v>3168</v>
      </c>
      <c r="B13244" s="17"/>
      <c r="C13244" s="17"/>
      <c r="D13244" s="18" t="s">
        <v>6566</v>
      </c>
      <c r="E13244" s="18"/>
      <c r="F13244" s="18"/>
      <c r="G13244" s="18"/>
      <c r="H13244" s="18"/>
      <c r="I13244" s="18"/>
      <c r="J13244" s="18"/>
      <c r="K13244" s="18"/>
      <c r="L13244" s="18"/>
      <c r="M13244" s="18"/>
      <c r="N13244" s="18"/>
      <c r="O13244" s="18"/>
      <c r="P13244" s="19">
        <v>250</v>
      </c>
      <c r="Q13244" s="19"/>
      <c r="R13244" s="19"/>
      <c r="S13244" s="19"/>
      <c r="T13244" s="19">
        <v>120</v>
      </c>
      <c r="U13244" s="19"/>
      <c r="V13244" s="19"/>
      <c r="W13244" s="19"/>
      <c r="X13244" s="19">
        <v>1</v>
      </c>
      <c r="Y13244" s="19"/>
      <c r="Z13244" s="19"/>
      <c r="AA13244" s="19"/>
    </row>
    <row r="13245" spans="1:27" s="1" customFormat="1" ht="11.1" customHeight="1" outlineLevel="4" x14ac:dyDescent="0.2">
      <c r="A13245" s="17"/>
      <c r="B13245" s="17"/>
      <c r="C13245" s="17"/>
      <c r="D13245" s="18"/>
      <c r="E13245" s="18"/>
      <c r="F13245" s="18"/>
      <c r="G13245" s="18"/>
      <c r="H13245" s="18"/>
      <c r="I13245" s="18"/>
      <c r="J13245" s="18"/>
      <c r="K13245" s="18"/>
      <c r="L13245" s="18"/>
      <c r="M13245" s="18"/>
      <c r="N13245" s="18"/>
      <c r="O13245" s="18"/>
      <c r="P13245" s="19"/>
      <c r="Q13245" s="19"/>
      <c r="R13245" s="19"/>
      <c r="S13245" s="19"/>
      <c r="T13245" s="19"/>
      <c r="U13245" s="19"/>
      <c r="V13245" s="19"/>
      <c r="W13245" s="19"/>
      <c r="X13245" s="19"/>
      <c r="Y13245" s="19"/>
      <c r="Z13245" s="19"/>
      <c r="AA13245" s="19"/>
    </row>
    <row r="13246" spans="1:27" s="1" customFormat="1" ht="11.1" customHeight="1" outlineLevel="4" x14ac:dyDescent="0.2">
      <c r="A13246" s="17">
        <v>3169</v>
      </c>
      <c r="B13246" s="17"/>
      <c r="C13246" s="17"/>
      <c r="D13246" s="18" t="s">
        <v>6567</v>
      </c>
      <c r="E13246" s="18"/>
      <c r="F13246" s="18"/>
      <c r="G13246" s="18"/>
      <c r="H13246" s="18"/>
      <c r="I13246" s="18"/>
      <c r="J13246" s="18"/>
      <c r="K13246" s="18"/>
      <c r="L13246" s="18"/>
      <c r="M13246" s="18"/>
      <c r="N13246" s="18"/>
      <c r="O13246" s="18"/>
      <c r="P13246" s="19">
        <v>250</v>
      </c>
      <c r="Q13246" s="19"/>
      <c r="R13246" s="19"/>
      <c r="S13246" s="19"/>
      <c r="T13246" s="19">
        <v>120</v>
      </c>
      <c r="U13246" s="19"/>
      <c r="V13246" s="19"/>
      <c r="W13246" s="19"/>
      <c r="X13246" s="19">
        <v>1</v>
      </c>
      <c r="Y13246" s="19"/>
      <c r="Z13246" s="19"/>
      <c r="AA13246" s="19"/>
    </row>
    <row r="13247" spans="1:27" s="1" customFormat="1" ht="11.1" customHeight="1" outlineLevel="4" x14ac:dyDescent="0.2">
      <c r="A13247" s="17"/>
      <c r="B13247" s="17"/>
      <c r="C13247" s="17"/>
      <c r="D13247" s="18"/>
      <c r="E13247" s="18"/>
      <c r="F13247" s="18"/>
      <c r="G13247" s="18"/>
      <c r="H13247" s="18"/>
      <c r="I13247" s="18"/>
      <c r="J13247" s="18"/>
      <c r="K13247" s="18"/>
      <c r="L13247" s="18"/>
      <c r="M13247" s="18"/>
      <c r="N13247" s="18"/>
      <c r="O13247" s="18"/>
      <c r="P13247" s="19"/>
      <c r="Q13247" s="19"/>
      <c r="R13247" s="19"/>
      <c r="S13247" s="19"/>
      <c r="T13247" s="19"/>
      <c r="U13247" s="19"/>
      <c r="V13247" s="19"/>
      <c r="W13247" s="19"/>
      <c r="X13247" s="19"/>
      <c r="Y13247" s="19"/>
      <c r="Z13247" s="19"/>
      <c r="AA13247" s="19"/>
    </row>
    <row r="13248" spans="1:27" s="1" customFormat="1" ht="11.1" customHeight="1" outlineLevel="4" x14ac:dyDescent="0.2">
      <c r="A13248" s="17">
        <v>3171</v>
      </c>
      <c r="B13248" s="17"/>
      <c r="C13248" s="17"/>
      <c r="D13248" s="18" t="s">
        <v>6568</v>
      </c>
      <c r="E13248" s="18"/>
      <c r="F13248" s="18"/>
      <c r="G13248" s="18"/>
      <c r="H13248" s="18"/>
      <c r="I13248" s="18"/>
      <c r="J13248" s="18"/>
      <c r="K13248" s="18"/>
      <c r="L13248" s="18"/>
      <c r="M13248" s="18"/>
      <c r="N13248" s="18"/>
      <c r="O13248" s="18"/>
      <c r="P13248" s="19">
        <v>250</v>
      </c>
      <c r="Q13248" s="19"/>
      <c r="R13248" s="19"/>
      <c r="S13248" s="19"/>
      <c r="T13248" s="19">
        <v>120</v>
      </c>
      <c r="U13248" s="19"/>
      <c r="V13248" s="19"/>
      <c r="W13248" s="19"/>
      <c r="X13248" s="19">
        <v>1</v>
      </c>
      <c r="Y13248" s="19"/>
      <c r="Z13248" s="19"/>
      <c r="AA13248" s="19"/>
    </row>
    <row r="13249" spans="1:27" s="1" customFormat="1" ht="11.1" customHeight="1" outlineLevel="4" x14ac:dyDescent="0.2">
      <c r="A13249" s="17"/>
      <c r="B13249" s="17"/>
      <c r="C13249" s="17"/>
      <c r="D13249" s="18"/>
      <c r="E13249" s="18"/>
      <c r="F13249" s="18"/>
      <c r="G13249" s="18"/>
      <c r="H13249" s="18"/>
      <c r="I13249" s="18"/>
      <c r="J13249" s="18"/>
      <c r="K13249" s="18"/>
      <c r="L13249" s="18"/>
      <c r="M13249" s="18"/>
      <c r="N13249" s="18"/>
      <c r="O13249" s="18"/>
      <c r="P13249" s="19"/>
      <c r="Q13249" s="19"/>
      <c r="R13249" s="19"/>
      <c r="S13249" s="19"/>
      <c r="T13249" s="19"/>
      <c r="U13249" s="19"/>
      <c r="V13249" s="19"/>
      <c r="W13249" s="19"/>
      <c r="X13249" s="19"/>
      <c r="Y13249" s="19"/>
      <c r="Z13249" s="19"/>
      <c r="AA13249" s="19"/>
    </row>
    <row r="13250" spans="1:27" s="1" customFormat="1" ht="14.1" customHeight="1" outlineLevel="4" x14ac:dyDescent="0.2">
      <c r="A13250" s="17">
        <v>14965</v>
      </c>
      <c r="B13250" s="17"/>
      <c r="C13250" s="17"/>
      <c r="D13250" s="18" t="s">
        <v>6569</v>
      </c>
      <c r="E13250" s="18"/>
      <c r="F13250" s="18"/>
      <c r="G13250" s="18"/>
      <c r="H13250" s="18"/>
      <c r="I13250" s="18"/>
      <c r="J13250" s="18"/>
      <c r="K13250" s="18"/>
      <c r="L13250" s="18"/>
      <c r="M13250" s="18"/>
      <c r="N13250" s="18"/>
      <c r="O13250" s="18"/>
      <c r="P13250" s="19">
        <v>250</v>
      </c>
      <c r="Q13250" s="19"/>
      <c r="R13250" s="19"/>
      <c r="S13250" s="19"/>
      <c r="T13250" s="19">
        <v>160</v>
      </c>
      <c r="U13250" s="19"/>
      <c r="V13250" s="19"/>
      <c r="W13250" s="19"/>
      <c r="X13250" s="19">
        <v>1</v>
      </c>
      <c r="Y13250" s="19"/>
      <c r="Z13250" s="19"/>
      <c r="AA13250" s="19"/>
    </row>
    <row r="13251" spans="1:27" s="1" customFormat="1" ht="14.1" customHeight="1" outlineLevel="4" x14ac:dyDescent="0.2">
      <c r="A13251" s="17"/>
      <c r="B13251" s="17"/>
      <c r="C13251" s="17"/>
      <c r="D13251" s="18"/>
      <c r="E13251" s="18"/>
      <c r="F13251" s="18"/>
      <c r="G13251" s="18"/>
      <c r="H13251" s="18"/>
      <c r="I13251" s="18"/>
      <c r="J13251" s="18"/>
      <c r="K13251" s="18"/>
      <c r="L13251" s="18"/>
      <c r="M13251" s="18"/>
      <c r="N13251" s="18"/>
      <c r="O13251" s="18"/>
      <c r="P13251" s="19"/>
      <c r="Q13251" s="19"/>
      <c r="R13251" s="19"/>
      <c r="S13251" s="19"/>
      <c r="T13251" s="19"/>
      <c r="U13251" s="19"/>
      <c r="V13251" s="19"/>
      <c r="W13251" s="19"/>
      <c r="X13251" s="19"/>
      <c r="Y13251" s="19"/>
      <c r="Z13251" s="19"/>
      <c r="AA13251" s="19"/>
    </row>
    <row r="13252" spans="1:27" s="1" customFormat="1" ht="14.1" customHeight="1" outlineLevel="4" x14ac:dyDescent="0.2">
      <c r="A13252" s="17">
        <v>15966</v>
      </c>
      <c r="B13252" s="17"/>
      <c r="C13252" s="17"/>
      <c r="D13252" s="18" t="s">
        <v>6570</v>
      </c>
      <c r="E13252" s="18"/>
      <c r="F13252" s="18"/>
      <c r="G13252" s="18"/>
      <c r="H13252" s="18"/>
      <c r="I13252" s="18"/>
      <c r="J13252" s="18"/>
      <c r="K13252" s="18"/>
      <c r="L13252" s="18"/>
      <c r="M13252" s="18"/>
      <c r="N13252" s="18"/>
      <c r="O13252" s="18"/>
      <c r="P13252" s="19">
        <v>300</v>
      </c>
      <c r="Q13252" s="19"/>
      <c r="R13252" s="19"/>
      <c r="S13252" s="19"/>
      <c r="T13252" s="19">
        <v>150</v>
      </c>
      <c r="U13252" s="19"/>
      <c r="V13252" s="19"/>
      <c r="W13252" s="19"/>
      <c r="X13252" s="19">
        <v>1</v>
      </c>
      <c r="Y13252" s="19"/>
      <c r="Z13252" s="19"/>
      <c r="AA13252" s="19"/>
    </row>
    <row r="13253" spans="1:27" s="1" customFormat="1" ht="14.1" customHeight="1" outlineLevel="4" x14ac:dyDescent="0.2">
      <c r="A13253" s="17"/>
      <c r="B13253" s="17"/>
      <c r="C13253" s="17"/>
      <c r="D13253" s="18"/>
      <c r="E13253" s="18"/>
      <c r="F13253" s="18"/>
      <c r="G13253" s="18"/>
      <c r="H13253" s="18"/>
      <c r="I13253" s="18"/>
      <c r="J13253" s="18"/>
      <c r="K13253" s="18"/>
      <c r="L13253" s="18"/>
      <c r="M13253" s="18"/>
      <c r="N13253" s="18"/>
      <c r="O13253" s="18"/>
      <c r="P13253" s="19"/>
      <c r="Q13253" s="19"/>
      <c r="R13253" s="19"/>
      <c r="S13253" s="19"/>
      <c r="T13253" s="19"/>
      <c r="U13253" s="19"/>
      <c r="V13253" s="19"/>
      <c r="W13253" s="19"/>
      <c r="X13253" s="19"/>
      <c r="Y13253" s="19"/>
      <c r="Z13253" s="19"/>
      <c r="AA13253" s="19"/>
    </row>
    <row r="13254" spans="1:27" s="1" customFormat="1" ht="14.1" customHeight="1" outlineLevel="4" x14ac:dyDescent="0.2">
      <c r="A13254" s="17">
        <v>15963</v>
      </c>
      <c r="B13254" s="17"/>
      <c r="C13254" s="17"/>
      <c r="D13254" s="18" t="s">
        <v>6571</v>
      </c>
      <c r="E13254" s="18"/>
      <c r="F13254" s="18"/>
      <c r="G13254" s="18"/>
      <c r="H13254" s="18"/>
      <c r="I13254" s="18"/>
      <c r="J13254" s="18"/>
      <c r="K13254" s="18"/>
      <c r="L13254" s="18"/>
      <c r="M13254" s="18"/>
      <c r="N13254" s="18"/>
      <c r="O13254" s="18"/>
      <c r="P13254" s="19">
        <v>300</v>
      </c>
      <c r="Q13254" s="19"/>
      <c r="R13254" s="19"/>
      <c r="S13254" s="19"/>
      <c r="T13254" s="19">
        <v>150</v>
      </c>
      <c r="U13254" s="19"/>
      <c r="V13254" s="19"/>
      <c r="W13254" s="19"/>
      <c r="X13254" s="19">
        <v>1</v>
      </c>
      <c r="Y13254" s="19"/>
      <c r="Z13254" s="19"/>
      <c r="AA13254" s="19"/>
    </row>
    <row r="13255" spans="1:27" s="1" customFormat="1" ht="14.1" customHeight="1" outlineLevel="4" x14ac:dyDescent="0.2">
      <c r="A13255" s="17"/>
      <c r="B13255" s="17"/>
      <c r="C13255" s="17"/>
      <c r="D13255" s="18"/>
      <c r="E13255" s="18"/>
      <c r="F13255" s="18"/>
      <c r="G13255" s="18"/>
      <c r="H13255" s="18"/>
      <c r="I13255" s="18"/>
      <c r="J13255" s="18"/>
      <c r="K13255" s="18"/>
      <c r="L13255" s="18"/>
      <c r="M13255" s="18"/>
      <c r="N13255" s="18"/>
      <c r="O13255" s="18"/>
      <c r="P13255" s="19"/>
      <c r="Q13255" s="19"/>
      <c r="R13255" s="19"/>
      <c r="S13255" s="19"/>
      <c r="T13255" s="19"/>
      <c r="U13255" s="19"/>
      <c r="V13255" s="19"/>
      <c r="W13255" s="19"/>
      <c r="X13255" s="19"/>
      <c r="Y13255" s="19"/>
      <c r="Z13255" s="19"/>
      <c r="AA13255" s="19"/>
    </row>
    <row r="13256" spans="1:27" s="1" customFormat="1" ht="14.1" customHeight="1" outlineLevel="4" x14ac:dyDescent="0.2">
      <c r="A13256" s="17">
        <v>15968</v>
      </c>
      <c r="B13256" s="17"/>
      <c r="C13256" s="17"/>
      <c r="D13256" s="18" t="s">
        <v>6572</v>
      </c>
      <c r="E13256" s="18"/>
      <c r="F13256" s="18"/>
      <c r="G13256" s="18"/>
      <c r="H13256" s="18"/>
      <c r="I13256" s="18"/>
      <c r="J13256" s="18"/>
      <c r="K13256" s="18"/>
      <c r="L13256" s="18"/>
      <c r="M13256" s="18"/>
      <c r="N13256" s="18"/>
      <c r="O13256" s="18"/>
      <c r="P13256" s="19">
        <v>300</v>
      </c>
      <c r="Q13256" s="19"/>
      <c r="R13256" s="19"/>
      <c r="S13256" s="19"/>
      <c r="T13256" s="19">
        <v>150</v>
      </c>
      <c r="U13256" s="19"/>
      <c r="V13256" s="19"/>
      <c r="W13256" s="19"/>
      <c r="X13256" s="19">
        <v>1</v>
      </c>
      <c r="Y13256" s="19"/>
      <c r="Z13256" s="19"/>
      <c r="AA13256" s="19"/>
    </row>
    <row r="13257" spans="1:27" s="1" customFormat="1" ht="14.1" customHeight="1" outlineLevel="4" x14ac:dyDescent="0.2">
      <c r="A13257" s="17"/>
      <c r="B13257" s="17"/>
      <c r="C13257" s="17"/>
      <c r="D13257" s="18"/>
      <c r="E13257" s="18"/>
      <c r="F13257" s="18"/>
      <c r="G13257" s="18"/>
      <c r="H13257" s="18"/>
      <c r="I13257" s="18"/>
      <c r="J13257" s="18"/>
      <c r="K13257" s="18"/>
      <c r="L13257" s="18"/>
      <c r="M13257" s="18"/>
      <c r="N13257" s="18"/>
      <c r="O13257" s="18"/>
      <c r="P13257" s="19"/>
      <c r="Q13257" s="19"/>
      <c r="R13257" s="19"/>
      <c r="S13257" s="19"/>
      <c r="T13257" s="19"/>
      <c r="U13257" s="19"/>
      <c r="V13257" s="19"/>
      <c r="W13257" s="19"/>
      <c r="X13257" s="19"/>
      <c r="Y13257" s="19"/>
      <c r="Z13257" s="19"/>
      <c r="AA13257" s="19"/>
    </row>
    <row r="13258" spans="1:27" s="1" customFormat="1" ht="14.1" customHeight="1" outlineLevel="4" x14ac:dyDescent="0.2">
      <c r="A13258" s="17">
        <v>15970</v>
      </c>
      <c r="B13258" s="17"/>
      <c r="C13258" s="17"/>
      <c r="D13258" s="18" t="s">
        <v>6573</v>
      </c>
      <c r="E13258" s="18"/>
      <c r="F13258" s="18"/>
      <c r="G13258" s="18"/>
      <c r="H13258" s="18"/>
      <c r="I13258" s="18"/>
      <c r="J13258" s="18"/>
      <c r="K13258" s="18"/>
      <c r="L13258" s="18"/>
      <c r="M13258" s="18"/>
      <c r="N13258" s="18"/>
      <c r="O13258" s="18"/>
      <c r="P13258" s="19">
        <v>300</v>
      </c>
      <c r="Q13258" s="19"/>
      <c r="R13258" s="19"/>
      <c r="S13258" s="19"/>
      <c r="T13258" s="19">
        <v>150</v>
      </c>
      <c r="U13258" s="19"/>
      <c r="V13258" s="19"/>
      <c r="W13258" s="19"/>
      <c r="X13258" s="19">
        <v>1</v>
      </c>
      <c r="Y13258" s="19"/>
      <c r="Z13258" s="19"/>
      <c r="AA13258" s="19"/>
    </row>
    <row r="13259" spans="1:27" s="1" customFormat="1" ht="14.1" customHeight="1" outlineLevel="4" x14ac:dyDescent="0.2">
      <c r="A13259" s="17"/>
      <c r="B13259" s="17"/>
      <c r="C13259" s="17"/>
      <c r="D13259" s="18"/>
      <c r="E13259" s="18"/>
      <c r="F13259" s="18"/>
      <c r="G13259" s="18"/>
      <c r="H13259" s="18"/>
      <c r="I13259" s="18"/>
      <c r="J13259" s="18"/>
      <c r="K13259" s="18"/>
      <c r="L13259" s="18"/>
      <c r="M13259" s="18"/>
      <c r="N13259" s="18"/>
      <c r="O13259" s="18"/>
      <c r="P13259" s="19"/>
      <c r="Q13259" s="19"/>
      <c r="R13259" s="19"/>
      <c r="S13259" s="19"/>
      <c r="T13259" s="19"/>
      <c r="U13259" s="19"/>
      <c r="V13259" s="19"/>
      <c r="W13259" s="19"/>
      <c r="X13259" s="19"/>
      <c r="Y13259" s="19"/>
      <c r="Z13259" s="19"/>
      <c r="AA13259" s="19"/>
    </row>
    <row r="13260" spans="1:27" s="1" customFormat="1" ht="14.1" customHeight="1" outlineLevel="4" x14ac:dyDescent="0.2">
      <c r="A13260" s="17">
        <v>15969</v>
      </c>
      <c r="B13260" s="17"/>
      <c r="C13260" s="17"/>
      <c r="D13260" s="18" t="s">
        <v>6574</v>
      </c>
      <c r="E13260" s="18"/>
      <c r="F13260" s="18"/>
      <c r="G13260" s="18"/>
      <c r="H13260" s="18"/>
      <c r="I13260" s="18"/>
      <c r="J13260" s="18"/>
      <c r="K13260" s="18"/>
      <c r="L13260" s="18"/>
      <c r="M13260" s="18"/>
      <c r="N13260" s="18"/>
      <c r="O13260" s="18"/>
      <c r="P13260" s="19">
        <v>300</v>
      </c>
      <c r="Q13260" s="19"/>
      <c r="R13260" s="19"/>
      <c r="S13260" s="19"/>
      <c r="T13260" s="19">
        <v>150</v>
      </c>
      <c r="U13260" s="19"/>
      <c r="V13260" s="19"/>
      <c r="W13260" s="19"/>
      <c r="X13260" s="19">
        <v>1</v>
      </c>
      <c r="Y13260" s="19"/>
      <c r="Z13260" s="19"/>
      <c r="AA13260" s="19"/>
    </row>
    <row r="13261" spans="1:27" s="1" customFormat="1" ht="14.1" customHeight="1" outlineLevel="4" x14ac:dyDescent="0.2">
      <c r="A13261" s="17"/>
      <c r="B13261" s="17"/>
      <c r="C13261" s="17"/>
      <c r="D13261" s="18"/>
      <c r="E13261" s="18"/>
      <c r="F13261" s="18"/>
      <c r="G13261" s="18"/>
      <c r="H13261" s="18"/>
      <c r="I13261" s="18"/>
      <c r="J13261" s="18"/>
      <c r="K13261" s="18"/>
      <c r="L13261" s="18"/>
      <c r="M13261" s="18"/>
      <c r="N13261" s="18"/>
      <c r="O13261" s="18"/>
      <c r="P13261" s="19"/>
      <c r="Q13261" s="19"/>
      <c r="R13261" s="19"/>
      <c r="S13261" s="19"/>
      <c r="T13261" s="19"/>
      <c r="U13261" s="19"/>
      <c r="V13261" s="19"/>
      <c r="W13261" s="19"/>
      <c r="X13261" s="19"/>
      <c r="Y13261" s="19"/>
      <c r="Z13261" s="19"/>
      <c r="AA13261" s="19"/>
    </row>
    <row r="13262" spans="1:27" s="1" customFormat="1" ht="14.1" customHeight="1" outlineLevel="4" x14ac:dyDescent="0.2">
      <c r="A13262" s="17">
        <v>15971</v>
      </c>
      <c r="B13262" s="17"/>
      <c r="C13262" s="17"/>
      <c r="D13262" s="18" t="s">
        <v>6575</v>
      </c>
      <c r="E13262" s="18"/>
      <c r="F13262" s="18"/>
      <c r="G13262" s="18"/>
      <c r="H13262" s="18"/>
      <c r="I13262" s="18"/>
      <c r="J13262" s="18"/>
      <c r="K13262" s="18"/>
      <c r="L13262" s="18"/>
      <c r="M13262" s="18"/>
      <c r="N13262" s="18"/>
      <c r="O13262" s="18"/>
      <c r="P13262" s="19">
        <v>300</v>
      </c>
      <c r="Q13262" s="19"/>
      <c r="R13262" s="19"/>
      <c r="S13262" s="19"/>
      <c r="T13262" s="19">
        <v>150</v>
      </c>
      <c r="U13262" s="19"/>
      <c r="V13262" s="19"/>
      <c r="W13262" s="19"/>
      <c r="X13262" s="19">
        <v>1</v>
      </c>
      <c r="Y13262" s="19"/>
      <c r="Z13262" s="19"/>
      <c r="AA13262" s="19"/>
    </row>
    <row r="13263" spans="1:27" s="1" customFormat="1" ht="14.1" customHeight="1" outlineLevel="4" x14ac:dyDescent="0.2">
      <c r="A13263" s="17"/>
      <c r="B13263" s="17"/>
      <c r="C13263" s="17"/>
      <c r="D13263" s="18"/>
      <c r="E13263" s="18"/>
      <c r="F13263" s="18"/>
      <c r="G13263" s="18"/>
      <c r="H13263" s="18"/>
      <c r="I13263" s="18"/>
      <c r="J13263" s="18"/>
      <c r="K13263" s="18"/>
      <c r="L13263" s="18"/>
      <c r="M13263" s="18"/>
      <c r="N13263" s="18"/>
      <c r="O13263" s="18"/>
      <c r="P13263" s="19"/>
      <c r="Q13263" s="19"/>
      <c r="R13263" s="19"/>
      <c r="S13263" s="19"/>
      <c r="T13263" s="19"/>
      <c r="U13263" s="19"/>
      <c r="V13263" s="19"/>
      <c r="W13263" s="19"/>
      <c r="X13263" s="19"/>
      <c r="Y13263" s="19"/>
      <c r="Z13263" s="19"/>
      <c r="AA13263" s="19"/>
    </row>
    <row r="13264" spans="1:27" s="1" customFormat="1" ht="11.1" customHeight="1" outlineLevel="3" x14ac:dyDescent="0.2">
      <c r="A13264" s="16" t="s">
        <v>6576</v>
      </c>
      <c r="B13264" s="16"/>
      <c r="C13264" s="16"/>
      <c r="D13264" s="16"/>
      <c r="E13264" s="16"/>
      <c r="F13264" s="16"/>
      <c r="G13264" s="16"/>
      <c r="H13264" s="16"/>
      <c r="I13264" s="16"/>
      <c r="J13264" s="16"/>
      <c r="K13264" s="16"/>
      <c r="L13264" s="16"/>
      <c r="M13264" s="16"/>
      <c r="N13264" s="16"/>
      <c r="O13264" s="16"/>
      <c r="P13264" s="16"/>
      <c r="Q13264" s="16"/>
      <c r="R13264" s="16"/>
      <c r="S13264" s="16"/>
      <c r="T13264" s="16"/>
      <c r="U13264" s="16"/>
      <c r="V13264" s="16"/>
      <c r="W13264" s="16"/>
      <c r="X13264" s="16"/>
      <c r="Y13264" s="16"/>
      <c r="Z13264" s="16"/>
      <c r="AA13264" s="16"/>
    </row>
    <row r="13265" spans="1:27" s="1" customFormat="1" ht="11.1" customHeight="1" outlineLevel="3" x14ac:dyDescent="0.2">
      <c r="A13265" s="16"/>
      <c r="B13265" s="16"/>
      <c r="C13265" s="16"/>
      <c r="D13265" s="16"/>
      <c r="E13265" s="16"/>
      <c r="F13265" s="16"/>
      <c r="G13265" s="16"/>
      <c r="H13265" s="16"/>
      <c r="I13265" s="16"/>
      <c r="J13265" s="16"/>
      <c r="K13265" s="16"/>
      <c r="L13265" s="16"/>
      <c r="M13265" s="16"/>
      <c r="N13265" s="16"/>
      <c r="O13265" s="16"/>
      <c r="P13265" s="16"/>
      <c r="Q13265" s="16"/>
      <c r="R13265" s="16"/>
      <c r="S13265" s="16"/>
      <c r="T13265" s="16"/>
      <c r="U13265" s="16"/>
      <c r="V13265" s="16"/>
      <c r="W13265" s="16"/>
      <c r="X13265" s="16"/>
      <c r="Y13265" s="16"/>
      <c r="Z13265" s="16"/>
      <c r="AA13265" s="16"/>
    </row>
    <row r="13266" spans="1:27" s="1" customFormat="1" ht="14.1" customHeight="1" outlineLevel="4" x14ac:dyDescent="0.2">
      <c r="A13266" s="17">
        <v>18024</v>
      </c>
      <c r="B13266" s="17"/>
      <c r="C13266" s="17"/>
      <c r="D13266" s="18" t="s">
        <v>6577</v>
      </c>
      <c r="E13266" s="18"/>
      <c r="F13266" s="18"/>
      <c r="G13266" s="18"/>
      <c r="H13266" s="18"/>
      <c r="I13266" s="18"/>
      <c r="J13266" s="18"/>
      <c r="K13266" s="18"/>
      <c r="L13266" s="18"/>
      <c r="M13266" s="18"/>
      <c r="N13266" s="18"/>
      <c r="O13266" s="18"/>
      <c r="P13266" s="19">
        <v>200</v>
      </c>
      <c r="Q13266" s="19"/>
      <c r="R13266" s="19"/>
      <c r="S13266" s="19"/>
      <c r="T13266" s="19">
        <v>100</v>
      </c>
      <c r="U13266" s="19"/>
      <c r="V13266" s="19"/>
      <c r="W13266" s="19"/>
      <c r="X13266" s="19">
        <v>2</v>
      </c>
      <c r="Y13266" s="19"/>
      <c r="Z13266" s="19"/>
      <c r="AA13266" s="19"/>
    </row>
    <row r="13267" spans="1:27" s="1" customFormat="1" ht="14.1" customHeight="1" outlineLevel="4" x14ac:dyDescent="0.2">
      <c r="A13267" s="17"/>
      <c r="B13267" s="17"/>
      <c r="C13267" s="17"/>
      <c r="D13267" s="18"/>
      <c r="E13267" s="18"/>
      <c r="F13267" s="18"/>
      <c r="G13267" s="18"/>
      <c r="H13267" s="18"/>
      <c r="I13267" s="18"/>
      <c r="J13267" s="18"/>
      <c r="K13267" s="18"/>
      <c r="L13267" s="18"/>
      <c r="M13267" s="18"/>
      <c r="N13267" s="18"/>
      <c r="O13267" s="18"/>
      <c r="P13267" s="19"/>
      <c r="Q13267" s="19"/>
      <c r="R13267" s="19"/>
      <c r="S13267" s="19"/>
      <c r="T13267" s="19"/>
      <c r="U13267" s="19"/>
      <c r="V13267" s="19"/>
      <c r="W13267" s="19"/>
      <c r="X13267" s="19"/>
      <c r="Y13267" s="19"/>
      <c r="Z13267" s="19"/>
      <c r="AA13267" s="19"/>
    </row>
    <row r="13268" spans="1:27" s="1" customFormat="1" ht="11.1" customHeight="1" outlineLevel="4" x14ac:dyDescent="0.2">
      <c r="A13268" s="17">
        <v>15458</v>
      </c>
      <c r="B13268" s="17"/>
      <c r="C13268" s="17"/>
      <c r="D13268" s="18" t="s">
        <v>6578</v>
      </c>
      <c r="E13268" s="18"/>
      <c r="F13268" s="18"/>
      <c r="G13268" s="18"/>
      <c r="H13268" s="18"/>
      <c r="I13268" s="18"/>
      <c r="J13268" s="18"/>
      <c r="K13268" s="18"/>
      <c r="L13268" s="18"/>
      <c r="M13268" s="18"/>
      <c r="N13268" s="18"/>
      <c r="O13268" s="18"/>
      <c r="P13268" s="19">
        <v>240</v>
      </c>
      <c r="Q13268" s="19"/>
      <c r="R13268" s="19"/>
      <c r="S13268" s="19"/>
      <c r="T13268" s="19">
        <v>150</v>
      </c>
      <c r="U13268" s="19"/>
      <c r="V13268" s="19"/>
      <c r="W13268" s="19"/>
      <c r="X13268" s="19">
        <v>1</v>
      </c>
      <c r="Y13268" s="19"/>
      <c r="Z13268" s="19"/>
      <c r="AA13268" s="19"/>
    </row>
    <row r="13269" spans="1:27" s="1" customFormat="1" ht="11.1" customHeight="1" outlineLevel="4" x14ac:dyDescent="0.2">
      <c r="A13269" s="17"/>
      <c r="B13269" s="17"/>
      <c r="C13269" s="17"/>
      <c r="D13269" s="18"/>
      <c r="E13269" s="18"/>
      <c r="F13269" s="18"/>
      <c r="G13269" s="18"/>
      <c r="H13269" s="18"/>
      <c r="I13269" s="18"/>
      <c r="J13269" s="18"/>
      <c r="K13269" s="18"/>
      <c r="L13269" s="18"/>
      <c r="M13269" s="18"/>
      <c r="N13269" s="18"/>
      <c r="O13269" s="18"/>
      <c r="P13269" s="19"/>
      <c r="Q13269" s="19"/>
      <c r="R13269" s="19"/>
      <c r="S13269" s="19"/>
      <c r="T13269" s="19"/>
      <c r="U13269" s="19"/>
      <c r="V13269" s="19"/>
      <c r="W13269" s="19"/>
      <c r="X13269" s="19"/>
      <c r="Y13269" s="19"/>
      <c r="Z13269" s="19"/>
      <c r="AA13269" s="19"/>
    </row>
    <row r="13270" spans="1:27" s="1" customFormat="1" ht="11.1" customHeight="1" outlineLevel="4" x14ac:dyDescent="0.2">
      <c r="A13270" s="17">
        <v>15456</v>
      </c>
      <c r="B13270" s="17"/>
      <c r="C13270" s="17"/>
      <c r="D13270" s="18" t="s">
        <v>6579</v>
      </c>
      <c r="E13270" s="18"/>
      <c r="F13270" s="18"/>
      <c r="G13270" s="18"/>
      <c r="H13270" s="18"/>
      <c r="I13270" s="18"/>
      <c r="J13270" s="18"/>
      <c r="K13270" s="18"/>
      <c r="L13270" s="18"/>
      <c r="M13270" s="18"/>
      <c r="N13270" s="18"/>
      <c r="O13270" s="18"/>
      <c r="P13270" s="19">
        <v>240</v>
      </c>
      <c r="Q13270" s="19"/>
      <c r="R13270" s="19"/>
      <c r="S13270" s="19"/>
      <c r="T13270" s="19">
        <v>150</v>
      </c>
      <c r="U13270" s="19"/>
      <c r="V13270" s="19"/>
      <c r="W13270" s="19"/>
      <c r="X13270" s="19">
        <v>1</v>
      </c>
      <c r="Y13270" s="19"/>
      <c r="Z13270" s="19"/>
      <c r="AA13270" s="19"/>
    </row>
    <row r="13271" spans="1:27" s="1" customFormat="1" ht="11.1" customHeight="1" outlineLevel="4" x14ac:dyDescent="0.2">
      <c r="A13271" s="17"/>
      <c r="B13271" s="17"/>
      <c r="C13271" s="17"/>
      <c r="D13271" s="18"/>
      <c r="E13271" s="18"/>
      <c r="F13271" s="18"/>
      <c r="G13271" s="18"/>
      <c r="H13271" s="18"/>
      <c r="I13271" s="18"/>
      <c r="J13271" s="18"/>
      <c r="K13271" s="18"/>
      <c r="L13271" s="18"/>
      <c r="M13271" s="18"/>
      <c r="N13271" s="18"/>
      <c r="O13271" s="18"/>
      <c r="P13271" s="19"/>
      <c r="Q13271" s="19"/>
      <c r="R13271" s="19"/>
      <c r="S13271" s="19"/>
      <c r="T13271" s="19"/>
      <c r="U13271" s="19"/>
      <c r="V13271" s="19"/>
      <c r="W13271" s="19"/>
      <c r="X13271" s="19"/>
      <c r="Y13271" s="19"/>
      <c r="Z13271" s="19"/>
      <c r="AA13271" s="19"/>
    </row>
    <row r="13272" spans="1:27" s="1" customFormat="1" ht="11.1" customHeight="1" outlineLevel="4" x14ac:dyDescent="0.2">
      <c r="A13272" s="17">
        <v>15463</v>
      </c>
      <c r="B13272" s="17"/>
      <c r="C13272" s="17"/>
      <c r="D13272" s="18" t="s">
        <v>6580</v>
      </c>
      <c r="E13272" s="18"/>
      <c r="F13272" s="18"/>
      <c r="G13272" s="18"/>
      <c r="H13272" s="18"/>
      <c r="I13272" s="18"/>
      <c r="J13272" s="18"/>
      <c r="K13272" s="18"/>
      <c r="L13272" s="18"/>
      <c r="M13272" s="18"/>
      <c r="N13272" s="18"/>
      <c r="O13272" s="18"/>
      <c r="P13272" s="19">
        <v>240</v>
      </c>
      <c r="Q13272" s="19"/>
      <c r="R13272" s="19"/>
      <c r="S13272" s="19"/>
      <c r="T13272" s="19">
        <v>150</v>
      </c>
      <c r="U13272" s="19"/>
      <c r="V13272" s="19"/>
      <c r="W13272" s="19"/>
      <c r="X13272" s="19">
        <v>1</v>
      </c>
      <c r="Y13272" s="19"/>
      <c r="Z13272" s="19"/>
      <c r="AA13272" s="19"/>
    </row>
    <row r="13273" spans="1:27" s="1" customFormat="1" ht="11.1" customHeight="1" outlineLevel="4" x14ac:dyDescent="0.2">
      <c r="A13273" s="17"/>
      <c r="B13273" s="17"/>
      <c r="C13273" s="17"/>
      <c r="D13273" s="18"/>
      <c r="E13273" s="18"/>
      <c r="F13273" s="18"/>
      <c r="G13273" s="18"/>
      <c r="H13273" s="18"/>
      <c r="I13273" s="18"/>
      <c r="J13273" s="18"/>
      <c r="K13273" s="18"/>
      <c r="L13273" s="18"/>
      <c r="M13273" s="18"/>
      <c r="N13273" s="18"/>
      <c r="O13273" s="18"/>
      <c r="P13273" s="19"/>
      <c r="Q13273" s="19"/>
      <c r="R13273" s="19"/>
      <c r="S13273" s="19"/>
      <c r="T13273" s="19"/>
      <c r="U13273" s="19"/>
      <c r="V13273" s="19"/>
      <c r="W13273" s="19"/>
      <c r="X13273" s="19"/>
      <c r="Y13273" s="19"/>
      <c r="Z13273" s="19"/>
      <c r="AA13273" s="19"/>
    </row>
    <row r="13274" spans="1:27" s="1" customFormat="1" ht="11.1" customHeight="1" outlineLevel="4" x14ac:dyDescent="0.2">
      <c r="A13274" s="17">
        <v>15464</v>
      </c>
      <c r="B13274" s="17"/>
      <c r="C13274" s="17"/>
      <c r="D13274" s="18" t="s">
        <v>6581</v>
      </c>
      <c r="E13274" s="18"/>
      <c r="F13274" s="18"/>
      <c r="G13274" s="18"/>
      <c r="H13274" s="18"/>
      <c r="I13274" s="18"/>
      <c r="J13274" s="18"/>
      <c r="K13274" s="18"/>
      <c r="L13274" s="18"/>
      <c r="M13274" s="18"/>
      <c r="N13274" s="18"/>
      <c r="O13274" s="18"/>
      <c r="P13274" s="19">
        <v>240</v>
      </c>
      <c r="Q13274" s="19"/>
      <c r="R13274" s="19"/>
      <c r="S13274" s="19"/>
      <c r="T13274" s="19">
        <v>150</v>
      </c>
      <c r="U13274" s="19"/>
      <c r="V13274" s="19"/>
      <c r="W13274" s="19"/>
      <c r="X13274" s="19">
        <v>1</v>
      </c>
      <c r="Y13274" s="19"/>
      <c r="Z13274" s="19"/>
      <c r="AA13274" s="19"/>
    </row>
    <row r="13275" spans="1:27" s="1" customFormat="1" ht="11.1" customHeight="1" outlineLevel="4" x14ac:dyDescent="0.2">
      <c r="A13275" s="17"/>
      <c r="B13275" s="17"/>
      <c r="C13275" s="17"/>
      <c r="D13275" s="18"/>
      <c r="E13275" s="18"/>
      <c r="F13275" s="18"/>
      <c r="G13275" s="18"/>
      <c r="H13275" s="18"/>
      <c r="I13275" s="18"/>
      <c r="J13275" s="18"/>
      <c r="K13275" s="18"/>
      <c r="L13275" s="18"/>
      <c r="M13275" s="18"/>
      <c r="N13275" s="18"/>
      <c r="O13275" s="18"/>
      <c r="P13275" s="19"/>
      <c r="Q13275" s="19"/>
      <c r="R13275" s="19"/>
      <c r="S13275" s="19"/>
      <c r="T13275" s="19"/>
      <c r="U13275" s="19"/>
      <c r="V13275" s="19"/>
      <c r="W13275" s="19"/>
      <c r="X13275" s="19"/>
      <c r="Y13275" s="19"/>
      <c r="Z13275" s="19"/>
      <c r="AA13275" s="19"/>
    </row>
    <row r="13276" spans="1:27" s="1" customFormat="1" ht="11.1" customHeight="1" outlineLevel="4" x14ac:dyDescent="0.2">
      <c r="A13276" s="17">
        <v>15461</v>
      </c>
      <c r="B13276" s="17"/>
      <c r="C13276" s="17"/>
      <c r="D13276" s="18" t="s">
        <v>6582</v>
      </c>
      <c r="E13276" s="18"/>
      <c r="F13276" s="18"/>
      <c r="G13276" s="18"/>
      <c r="H13276" s="18"/>
      <c r="I13276" s="18"/>
      <c r="J13276" s="18"/>
      <c r="K13276" s="18"/>
      <c r="L13276" s="18"/>
      <c r="M13276" s="18"/>
      <c r="N13276" s="18"/>
      <c r="O13276" s="18"/>
      <c r="P13276" s="19">
        <v>240</v>
      </c>
      <c r="Q13276" s="19"/>
      <c r="R13276" s="19"/>
      <c r="S13276" s="19"/>
      <c r="T13276" s="19">
        <v>150</v>
      </c>
      <c r="U13276" s="19"/>
      <c r="V13276" s="19"/>
      <c r="W13276" s="19"/>
      <c r="X13276" s="19">
        <v>1</v>
      </c>
      <c r="Y13276" s="19"/>
      <c r="Z13276" s="19"/>
      <c r="AA13276" s="19"/>
    </row>
    <row r="13277" spans="1:27" s="1" customFormat="1" ht="11.1" customHeight="1" outlineLevel="4" x14ac:dyDescent="0.2">
      <c r="A13277" s="17"/>
      <c r="B13277" s="17"/>
      <c r="C13277" s="17"/>
      <c r="D13277" s="18"/>
      <c r="E13277" s="18"/>
      <c r="F13277" s="18"/>
      <c r="G13277" s="18"/>
      <c r="H13277" s="18"/>
      <c r="I13277" s="18"/>
      <c r="J13277" s="18"/>
      <c r="K13277" s="18"/>
      <c r="L13277" s="18"/>
      <c r="M13277" s="18"/>
      <c r="N13277" s="18"/>
      <c r="O13277" s="18"/>
      <c r="P13277" s="19"/>
      <c r="Q13277" s="19"/>
      <c r="R13277" s="19"/>
      <c r="S13277" s="19"/>
      <c r="T13277" s="19"/>
      <c r="U13277" s="19"/>
      <c r="V13277" s="19"/>
      <c r="W13277" s="19"/>
      <c r="X13277" s="19"/>
      <c r="Y13277" s="19"/>
      <c r="Z13277" s="19"/>
      <c r="AA13277" s="19"/>
    </row>
    <row r="13278" spans="1:27" s="1" customFormat="1" ht="11.1" customHeight="1" outlineLevel="4" x14ac:dyDescent="0.2">
      <c r="A13278" s="17">
        <v>15457</v>
      </c>
      <c r="B13278" s="17"/>
      <c r="C13278" s="17"/>
      <c r="D13278" s="18" t="s">
        <v>6583</v>
      </c>
      <c r="E13278" s="18"/>
      <c r="F13278" s="18"/>
      <c r="G13278" s="18"/>
      <c r="H13278" s="18"/>
      <c r="I13278" s="18"/>
      <c r="J13278" s="18"/>
      <c r="K13278" s="18"/>
      <c r="L13278" s="18"/>
      <c r="M13278" s="18"/>
      <c r="N13278" s="18"/>
      <c r="O13278" s="18"/>
      <c r="P13278" s="19">
        <v>240</v>
      </c>
      <c r="Q13278" s="19"/>
      <c r="R13278" s="19"/>
      <c r="S13278" s="19"/>
      <c r="T13278" s="19">
        <v>150</v>
      </c>
      <c r="U13278" s="19"/>
      <c r="V13278" s="19"/>
      <c r="W13278" s="19"/>
      <c r="X13278" s="19">
        <v>1</v>
      </c>
      <c r="Y13278" s="19"/>
      <c r="Z13278" s="19"/>
      <c r="AA13278" s="19"/>
    </row>
    <row r="13279" spans="1:27" s="1" customFormat="1" ht="11.1" customHeight="1" outlineLevel="4" x14ac:dyDescent="0.2">
      <c r="A13279" s="17"/>
      <c r="B13279" s="17"/>
      <c r="C13279" s="17"/>
      <c r="D13279" s="18"/>
      <c r="E13279" s="18"/>
      <c r="F13279" s="18"/>
      <c r="G13279" s="18"/>
      <c r="H13279" s="18"/>
      <c r="I13279" s="18"/>
      <c r="J13279" s="18"/>
      <c r="K13279" s="18"/>
      <c r="L13279" s="18"/>
      <c r="M13279" s="18"/>
      <c r="N13279" s="18"/>
      <c r="O13279" s="18"/>
      <c r="P13279" s="19"/>
      <c r="Q13279" s="19"/>
      <c r="R13279" s="19"/>
      <c r="S13279" s="19"/>
      <c r="T13279" s="19"/>
      <c r="U13279" s="19"/>
      <c r="V13279" s="19"/>
      <c r="W13279" s="19"/>
      <c r="X13279" s="19"/>
      <c r="Y13279" s="19"/>
      <c r="Z13279" s="19"/>
      <c r="AA13279" s="19"/>
    </row>
    <row r="13280" spans="1:27" s="1" customFormat="1" ht="11.1" customHeight="1" outlineLevel="4" x14ac:dyDescent="0.2">
      <c r="A13280" s="17">
        <v>15459</v>
      </c>
      <c r="B13280" s="17"/>
      <c r="C13280" s="17"/>
      <c r="D13280" s="18" t="s">
        <v>6584</v>
      </c>
      <c r="E13280" s="18"/>
      <c r="F13280" s="18"/>
      <c r="G13280" s="18"/>
      <c r="H13280" s="18"/>
      <c r="I13280" s="18"/>
      <c r="J13280" s="18"/>
      <c r="K13280" s="18"/>
      <c r="L13280" s="18"/>
      <c r="M13280" s="18"/>
      <c r="N13280" s="18"/>
      <c r="O13280" s="18"/>
      <c r="P13280" s="19">
        <v>240</v>
      </c>
      <c r="Q13280" s="19"/>
      <c r="R13280" s="19"/>
      <c r="S13280" s="19"/>
      <c r="T13280" s="19">
        <v>150</v>
      </c>
      <c r="U13280" s="19"/>
      <c r="V13280" s="19"/>
      <c r="W13280" s="19"/>
      <c r="X13280" s="19">
        <v>1</v>
      </c>
      <c r="Y13280" s="19"/>
      <c r="Z13280" s="19"/>
      <c r="AA13280" s="19"/>
    </row>
    <row r="13281" spans="1:27" s="1" customFormat="1" ht="11.1" customHeight="1" outlineLevel="4" x14ac:dyDescent="0.2">
      <c r="A13281" s="17"/>
      <c r="B13281" s="17"/>
      <c r="C13281" s="17"/>
      <c r="D13281" s="18"/>
      <c r="E13281" s="18"/>
      <c r="F13281" s="18"/>
      <c r="G13281" s="18"/>
      <c r="H13281" s="18"/>
      <c r="I13281" s="18"/>
      <c r="J13281" s="18"/>
      <c r="K13281" s="18"/>
      <c r="L13281" s="18"/>
      <c r="M13281" s="18"/>
      <c r="N13281" s="18"/>
      <c r="O13281" s="18"/>
      <c r="P13281" s="19"/>
      <c r="Q13281" s="19"/>
      <c r="R13281" s="19"/>
      <c r="S13281" s="19"/>
      <c r="T13281" s="19"/>
      <c r="U13281" s="19"/>
      <c r="V13281" s="19"/>
      <c r="W13281" s="19"/>
      <c r="X13281" s="19"/>
      <c r="Y13281" s="19"/>
      <c r="Z13281" s="19"/>
      <c r="AA13281" s="19"/>
    </row>
    <row r="13282" spans="1:27" s="1" customFormat="1" ht="11.1" customHeight="1" outlineLevel="4" x14ac:dyDescent="0.2">
      <c r="A13282" s="17">
        <v>15460</v>
      </c>
      <c r="B13282" s="17"/>
      <c r="C13282" s="17"/>
      <c r="D13282" s="18" t="s">
        <v>6585</v>
      </c>
      <c r="E13282" s="18"/>
      <c r="F13282" s="18"/>
      <c r="G13282" s="18"/>
      <c r="H13282" s="18"/>
      <c r="I13282" s="18"/>
      <c r="J13282" s="18"/>
      <c r="K13282" s="18"/>
      <c r="L13282" s="18"/>
      <c r="M13282" s="18"/>
      <c r="N13282" s="18"/>
      <c r="O13282" s="18"/>
      <c r="P13282" s="19">
        <v>240</v>
      </c>
      <c r="Q13282" s="19"/>
      <c r="R13282" s="19"/>
      <c r="S13282" s="19"/>
      <c r="T13282" s="19">
        <v>150</v>
      </c>
      <c r="U13282" s="19"/>
      <c r="V13282" s="19"/>
      <c r="W13282" s="19"/>
      <c r="X13282" s="19">
        <v>1</v>
      </c>
      <c r="Y13282" s="19"/>
      <c r="Z13282" s="19"/>
      <c r="AA13282" s="19"/>
    </row>
    <row r="13283" spans="1:27" s="1" customFormat="1" ht="11.1" customHeight="1" outlineLevel="4" x14ac:dyDescent="0.2">
      <c r="A13283" s="17"/>
      <c r="B13283" s="17"/>
      <c r="C13283" s="17"/>
      <c r="D13283" s="18"/>
      <c r="E13283" s="18"/>
      <c r="F13283" s="18"/>
      <c r="G13283" s="18"/>
      <c r="H13283" s="18"/>
      <c r="I13283" s="18"/>
      <c r="J13283" s="18"/>
      <c r="K13283" s="18"/>
      <c r="L13283" s="18"/>
      <c r="M13283" s="18"/>
      <c r="N13283" s="18"/>
      <c r="O13283" s="18"/>
      <c r="P13283" s="19"/>
      <c r="Q13283" s="19"/>
      <c r="R13283" s="19"/>
      <c r="S13283" s="19"/>
      <c r="T13283" s="19"/>
      <c r="U13283" s="19"/>
      <c r="V13283" s="19"/>
      <c r="W13283" s="19"/>
      <c r="X13283" s="19"/>
      <c r="Y13283" s="19"/>
      <c r="Z13283" s="19"/>
      <c r="AA13283" s="19"/>
    </row>
    <row r="13284" spans="1:27" s="1" customFormat="1" ht="14.1" customHeight="1" outlineLevel="4" x14ac:dyDescent="0.2">
      <c r="A13284" s="17">
        <v>15462</v>
      </c>
      <c r="B13284" s="17"/>
      <c r="C13284" s="17"/>
      <c r="D13284" s="18" t="s">
        <v>6586</v>
      </c>
      <c r="E13284" s="18"/>
      <c r="F13284" s="18"/>
      <c r="G13284" s="18"/>
      <c r="H13284" s="18"/>
      <c r="I13284" s="18"/>
      <c r="J13284" s="18"/>
      <c r="K13284" s="18"/>
      <c r="L13284" s="18"/>
      <c r="M13284" s="18"/>
      <c r="N13284" s="18"/>
      <c r="O13284" s="18"/>
      <c r="P13284" s="19">
        <v>240</v>
      </c>
      <c r="Q13284" s="19"/>
      <c r="R13284" s="19"/>
      <c r="S13284" s="19"/>
      <c r="T13284" s="19">
        <v>150</v>
      </c>
      <c r="U13284" s="19"/>
      <c r="V13284" s="19"/>
      <c r="W13284" s="19"/>
      <c r="X13284" s="19">
        <v>1</v>
      </c>
      <c r="Y13284" s="19"/>
      <c r="Z13284" s="19"/>
      <c r="AA13284" s="19"/>
    </row>
    <row r="13285" spans="1:27" s="1" customFormat="1" ht="14.1" customHeight="1" outlineLevel="4" x14ac:dyDescent="0.2">
      <c r="A13285" s="17"/>
      <c r="B13285" s="17"/>
      <c r="C13285" s="17"/>
      <c r="D13285" s="18"/>
      <c r="E13285" s="18"/>
      <c r="F13285" s="18"/>
      <c r="G13285" s="18"/>
      <c r="H13285" s="18"/>
      <c r="I13285" s="18"/>
      <c r="J13285" s="18"/>
      <c r="K13285" s="18"/>
      <c r="L13285" s="18"/>
      <c r="M13285" s="18"/>
      <c r="N13285" s="18"/>
      <c r="O13285" s="18"/>
      <c r="P13285" s="19"/>
      <c r="Q13285" s="19"/>
      <c r="R13285" s="19"/>
      <c r="S13285" s="19"/>
      <c r="T13285" s="19"/>
      <c r="U13285" s="19"/>
      <c r="V13285" s="19"/>
      <c r="W13285" s="19"/>
      <c r="X13285" s="19"/>
      <c r="Y13285" s="19"/>
      <c r="Z13285" s="19"/>
      <c r="AA13285" s="19"/>
    </row>
    <row r="13286" spans="1:27" s="1" customFormat="1" ht="11.1" customHeight="1" outlineLevel="4" x14ac:dyDescent="0.2">
      <c r="A13286" s="17">
        <v>15471</v>
      </c>
      <c r="B13286" s="17"/>
      <c r="C13286" s="17"/>
      <c r="D13286" s="18" t="s">
        <v>6587</v>
      </c>
      <c r="E13286" s="18"/>
      <c r="F13286" s="18"/>
      <c r="G13286" s="18"/>
      <c r="H13286" s="18"/>
      <c r="I13286" s="18"/>
      <c r="J13286" s="18"/>
      <c r="K13286" s="18"/>
      <c r="L13286" s="18"/>
      <c r="M13286" s="18"/>
      <c r="N13286" s="18"/>
      <c r="O13286" s="18"/>
      <c r="P13286" s="19">
        <v>240</v>
      </c>
      <c r="Q13286" s="19"/>
      <c r="R13286" s="19"/>
      <c r="S13286" s="19"/>
      <c r="T13286" s="19">
        <v>150</v>
      </c>
      <c r="U13286" s="19"/>
      <c r="V13286" s="19"/>
      <c r="W13286" s="19"/>
      <c r="X13286" s="19">
        <v>1</v>
      </c>
      <c r="Y13286" s="19"/>
      <c r="Z13286" s="19"/>
      <c r="AA13286" s="19"/>
    </row>
    <row r="13287" spans="1:27" s="1" customFormat="1" ht="11.1" customHeight="1" outlineLevel="4" x14ac:dyDescent="0.2">
      <c r="A13287" s="17"/>
      <c r="B13287" s="17"/>
      <c r="C13287" s="17"/>
      <c r="D13287" s="18"/>
      <c r="E13287" s="18"/>
      <c r="F13287" s="18"/>
      <c r="G13287" s="18"/>
      <c r="H13287" s="18"/>
      <c r="I13287" s="18"/>
      <c r="J13287" s="18"/>
      <c r="K13287" s="18"/>
      <c r="L13287" s="18"/>
      <c r="M13287" s="18"/>
      <c r="N13287" s="18"/>
      <c r="O13287" s="18"/>
      <c r="P13287" s="19"/>
      <c r="Q13287" s="19"/>
      <c r="R13287" s="19"/>
      <c r="S13287" s="19"/>
      <c r="T13287" s="19"/>
      <c r="U13287" s="19"/>
      <c r="V13287" s="19"/>
      <c r="W13287" s="19"/>
      <c r="X13287" s="19"/>
      <c r="Y13287" s="19"/>
      <c r="Z13287" s="19"/>
      <c r="AA13287" s="19"/>
    </row>
    <row r="13288" spans="1:27" s="1" customFormat="1" ht="11.1" customHeight="1" outlineLevel="4" x14ac:dyDescent="0.2">
      <c r="A13288" s="17">
        <v>15466</v>
      </c>
      <c r="B13288" s="17"/>
      <c r="C13288" s="17"/>
      <c r="D13288" s="18" t="s">
        <v>6588</v>
      </c>
      <c r="E13288" s="18"/>
      <c r="F13288" s="18"/>
      <c r="G13288" s="18"/>
      <c r="H13288" s="18"/>
      <c r="I13288" s="18"/>
      <c r="J13288" s="18"/>
      <c r="K13288" s="18"/>
      <c r="L13288" s="18"/>
      <c r="M13288" s="18"/>
      <c r="N13288" s="18"/>
      <c r="O13288" s="18"/>
      <c r="P13288" s="19">
        <v>240</v>
      </c>
      <c r="Q13288" s="19"/>
      <c r="R13288" s="19"/>
      <c r="S13288" s="19"/>
      <c r="T13288" s="19">
        <v>150</v>
      </c>
      <c r="U13288" s="19"/>
      <c r="V13288" s="19"/>
      <c r="W13288" s="19"/>
      <c r="X13288" s="19">
        <v>1</v>
      </c>
      <c r="Y13288" s="19"/>
      <c r="Z13288" s="19"/>
      <c r="AA13288" s="19"/>
    </row>
    <row r="13289" spans="1:27" s="1" customFormat="1" ht="11.1" customHeight="1" outlineLevel="4" x14ac:dyDescent="0.2">
      <c r="A13289" s="17"/>
      <c r="B13289" s="17"/>
      <c r="C13289" s="17"/>
      <c r="D13289" s="18"/>
      <c r="E13289" s="18"/>
      <c r="F13289" s="18"/>
      <c r="G13289" s="18"/>
      <c r="H13289" s="18"/>
      <c r="I13289" s="18"/>
      <c r="J13289" s="18"/>
      <c r="K13289" s="18"/>
      <c r="L13289" s="18"/>
      <c r="M13289" s="18"/>
      <c r="N13289" s="18"/>
      <c r="O13289" s="18"/>
      <c r="P13289" s="19"/>
      <c r="Q13289" s="19"/>
      <c r="R13289" s="19"/>
      <c r="S13289" s="19"/>
      <c r="T13289" s="19"/>
      <c r="U13289" s="19"/>
      <c r="V13289" s="19"/>
      <c r="W13289" s="19"/>
      <c r="X13289" s="19"/>
      <c r="Y13289" s="19"/>
      <c r="Z13289" s="19"/>
      <c r="AA13289" s="19"/>
    </row>
    <row r="13290" spans="1:27" s="1" customFormat="1" ht="11.1" customHeight="1" outlineLevel="4" x14ac:dyDescent="0.2">
      <c r="A13290" s="17">
        <v>15472</v>
      </c>
      <c r="B13290" s="17"/>
      <c r="C13290" s="17"/>
      <c r="D13290" s="18" t="s">
        <v>6589</v>
      </c>
      <c r="E13290" s="18"/>
      <c r="F13290" s="18"/>
      <c r="G13290" s="18"/>
      <c r="H13290" s="18"/>
      <c r="I13290" s="18"/>
      <c r="J13290" s="18"/>
      <c r="K13290" s="18"/>
      <c r="L13290" s="18"/>
      <c r="M13290" s="18"/>
      <c r="N13290" s="18"/>
      <c r="O13290" s="18"/>
      <c r="P13290" s="19">
        <v>240</v>
      </c>
      <c r="Q13290" s="19"/>
      <c r="R13290" s="19"/>
      <c r="S13290" s="19"/>
      <c r="T13290" s="19">
        <v>150</v>
      </c>
      <c r="U13290" s="19"/>
      <c r="V13290" s="19"/>
      <c r="W13290" s="19"/>
      <c r="X13290" s="19">
        <v>1</v>
      </c>
      <c r="Y13290" s="19"/>
      <c r="Z13290" s="19"/>
      <c r="AA13290" s="19"/>
    </row>
    <row r="13291" spans="1:27" s="1" customFormat="1" ht="11.1" customHeight="1" outlineLevel="4" x14ac:dyDescent="0.2">
      <c r="A13291" s="17"/>
      <c r="B13291" s="17"/>
      <c r="C13291" s="17"/>
      <c r="D13291" s="18"/>
      <c r="E13291" s="18"/>
      <c r="F13291" s="18"/>
      <c r="G13291" s="18"/>
      <c r="H13291" s="18"/>
      <c r="I13291" s="18"/>
      <c r="J13291" s="18"/>
      <c r="K13291" s="18"/>
      <c r="L13291" s="18"/>
      <c r="M13291" s="18"/>
      <c r="N13291" s="18"/>
      <c r="O13291" s="18"/>
      <c r="P13291" s="19"/>
      <c r="Q13291" s="19"/>
      <c r="R13291" s="19"/>
      <c r="S13291" s="19"/>
      <c r="T13291" s="19"/>
      <c r="U13291" s="19"/>
      <c r="V13291" s="19"/>
      <c r="W13291" s="19"/>
      <c r="X13291" s="19"/>
      <c r="Y13291" s="19"/>
      <c r="Z13291" s="19"/>
      <c r="AA13291" s="19"/>
    </row>
    <row r="13292" spans="1:27" s="1" customFormat="1" ht="11.1" customHeight="1" outlineLevel="4" x14ac:dyDescent="0.2">
      <c r="A13292" s="17">
        <v>15453</v>
      </c>
      <c r="B13292" s="17"/>
      <c r="C13292" s="17"/>
      <c r="D13292" s="18" t="s">
        <v>6590</v>
      </c>
      <c r="E13292" s="18"/>
      <c r="F13292" s="18"/>
      <c r="G13292" s="18"/>
      <c r="H13292" s="18"/>
      <c r="I13292" s="18"/>
      <c r="J13292" s="18"/>
      <c r="K13292" s="18"/>
      <c r="L13292" s="18"/>
      <c r="M13292" s="18"/>
      <c r="N13292" s="18"/>
      <c r="O13292" s="18"/>
      <c r="P13292" s="19">
        <v>240</v>
      </c>
      <c r="Q13292" s="19"/>
      <c r="R13292" s="19"/>
      <c r="S13292" s="19"/>
      <c r="T13292" s="19">
        <v>150</v>
      </c>
      <c r="U13292" s="19"/>
      <c r="V13292" s="19"/>
      <c r="W13292" s="19"/>
      <c r="X13292" s="19">
        <v>1</v>
      </c>
      <c r="Y13292" s="19"/>
      <c r="Z13292" s="19"/>
      <c r="AA13292" s="19"/>
    </row>
    <row r="13293" spans="1:27" s="1" customFormat="1" ht="11.1" customHeight="1" outlineLevel="4" x14ac:dyDescent="0.2">
      <c r="A13293" s="17"/>
      <c r="B13293" s="17"/>
      <c r="C13293" s="17"/>
      <c r="D13293" s="18"/>
      <c r="E13293" s="18"/>
      <c r="F13293" s="18"/>
      <c r="G13293" s="18"/>
      <c r="H13293" s="18"/>
      <c r="I13293" s="18"/>
      <c r="J13293" s="18"/>
      <c r="K13293" s="18"/>
      <c r="L13293" s="18"/>
      <c r="M13293" s="18"/>
      <c r="N13293" s="18"/>
      <c r="O13293" s="18"/>
      <c r="P13293" s="19"/>
      <c r="Q13293" s="19"/>
      <c r="R13293" s="19"/>
      <c r="S13293" s="19"/>
      <c r="T13293" s="19"/>
      <c r="U13293" s="19"/>
      <c r="V13293" s="19"/>
      <c r="W13293" s="19"/>
      <c r="X13293" s="19"/>
      <c r="Y13293" s="19"/>
      <c r="Z13293" s="19"/>
      <c r="AA13293" s="19"/>
    </row>
    <row r="13294" spans="1:27" s="1" customFormat="1" ht="11.1" customHeight="1" outlineLevel="4" x14ac:dyDescent="0.2">
      <c r="A13294" s="17">
        <v>15451</v>
      </c>
      <c r="B13294" s="17"/>
      <c r="C13294" s="17"/>
      <c r="D13294" s="18" t="s">
        <v>6591</v>
      </c>
      <c r="E13294" s="18"/>
      <c r="F13294" s="18"/>
      <c r="G13294" s="18"/>
      <c r="H13294" s="18"/>
      <c r="I13294" s="18"/>
      <c r="J13294" s="18"/>
      <c r="K13294" s="18"/>
      <c r="L13294" s="18"/>
      <c r="M13294" s="18"/>
      <c r="N13294" s="18"/>
      <c r="O13294" s="18"/>
      <c r="P13294" s="19">
        <v>240</v>
      </c>
      <c r="Q13294" s="19"/>
      <c r="R13294" s="19"/>
      <c r="S13294" s="19"/>
      <c r="T13294" s="19">
        <v>150</v>
      </c>
      <c r="U13294" s="19"/>
      <c r="V13294" s="19"/>
      <c r="W13294" s="19"/>
      <c r="X13294" s="19">
        <v>1</v>
      </c>
      <c r="Y13294" s="19"/>
      <c r="Z13294" s="19"/>
      <c r="AA13294" s="19"/>
    </row>
    <row r="13295" spans="1:27" s="1" customFormat="1" ht="11.1" customHeight="1" outlineLevel="4" x14ac:dyDescent="0.2">
      <c r="A13295" s="17"/>
      <c r="B13295" s="17"/>
      <c r="C13295" s="17"/>
      <c r="D13295" s="18"/>
      <c r="E13295" s="18"/>
      <c r="F13295" s="18"/>
      <c r="G13295" s="18"/>
      <c r="H13295" s="18"/>
      <c r="I13295" s="18"/>
      <c r="J13295" s="18"/>
      <c r="K13295" s="18"/>
      <c r="L13295" s="18"/>
      <c r="M13295" s="18"/>
      <c r="N13295" s="18"/>
      <c r="O13295" s="18"/>
      <c r="P13295" s="19"/>
      <c r="Q13295" s="19"/>
      <c r="R13295" s="19"/>
      <c r="S13295" s="19"/>
      <c r="T13295" s="19"/>
      <c r="U13295" s="19"/>
      <c r="V13295" s="19"/>
      <c r="W13295" s="19"/>
      <c r="X13295" s="19"/>
      <c r="Y13295" s="19"/>
      <c r="Z13295" s="19"/>
      <c r="AA13295" s="19"/>
    </row>
    <row r="13296" spans="1:27" s="1" customFormat="1" ht="11.1" customHeight="1" outlineLevel="4" x14ac:dyDescent="0.2">
      <c r="A13296" s="17">
        <v>15454</v>
      </c>
      <c r="B13296" s="17"/>
      <c r="C13296" s="17"/>
      <c r="D13296" s="18" t="s">
        <v>6592</v>
      </c>
      <c r="E13296" s="18"/>
      <c r="F13296" s="18"/>
      <c r="G13296" s="18"/>
      <c r="H13296" s="18"/>
      <c r="I13296" s="18"/>
      <c r="J13296" s="18"/>
      <c r="K13296" s="18"/>
      <c r="L13296" s="18"/>
      <c r="M13296" s="18"/>
      <c r="N13296" s="18"/>
      <c r="O13296" s="18"/>
      <c r="P13296" s="19">
        <v>240</v>
      </c>
      <c r="Q13296" s="19"/>
      <c r="R13296" s="19"/>
      <c r="S13296" s="19"/>
      <c r="T13296" s="19">
        <v>150</v>
      </c>
      <c r="U13296" s="19"/>
      <c r="V13296" s="19"/>
      <c r="W13296" s="19"/>
      <c r="X13296" s="19">
        <v>1</v>
      </c>
      <c r="Y13296" s="19"/>
      <c r="Z13296" s="19"/>
      <c r="AA13296" s="19"/>
    </row>
    <row r="13297" spans="1:27" s="1" customFormat="1" ht="11.1" customHeight="1" outlineLevel="4" x14ac:dyDescent="0.2">
      <c r="A13297" s="17"/>
      <c r="B13297" s="17"/>
      <c r="C13297" s="17"/>
      <c r="D13297" s="18"/>
      <c r="E13297" s="18"/>
      <c r="F13297" s="18"/>
      <c r="G13297" s="18"/>
      <c r="H13297" s="18"/>
      <c r="I13297" s="18"/>
      <c r="J13297" s="18"/>
      <c r="K13297" s="18"/>
      <c r="L13297" s="18"/>
      <c r="M13297" s="18"/>
      <c r="N13297" s="18"/>
      <c r="O13297" s="18"/>
      <c r="P13297" s="19"/>
      <c r="Q13297" s="19"/>
      <c r="R13297" s="19"/>
      <c r="S13297" s="19"/>
      <c r="T13297" s="19"/>
      <c r="U13297" s="19"/>
      <c r="V13297" s="19"/>
      <c r="W13297" s="19"/>
      <c r="X13297" s="19"/>
      <c r="Y13297" s="19"/>
      <c r="Z13297" s="19"/>
      <c r="AA13297" s="19"/>
    </row>
    <row r="13298" spans="1:27" s="1" customFormat="1" ht="11.1" customHeight="1" outlineLevel="4" x14ac:dyDescent="0.2">
      <c r="A13298" s="17">
        <v>15455</v>
      </c>
      <c r="B13298" s="17"/>
      <c r="C13298" s="17"/>
      <c r="D13298" s="18" t="s">
        <v>6593</v>
      </c>
      <c r="E13298" s="18"/>
      <c r="F13298" s="18"/>
      <c r="G13298" s="18"/>
      <c r="H13298" s="18"/>
      <c r="I13298" s="18"/>
      <c r="J13298" s="18"/>
      <c r="K13298" s="18"/>
      <c r="L13298" s="18"/>
      <c r="M13298" s="18"/>
      <c r="N13298" s="18"/>
      <c r="O13298" s="18"/>
      <c r="P13298" s="19">
        <v>240</v>
      </c>
      <c r="Q13298" s="19"/>
      <c r="R13298" s="19"/>
      <c r="S13298" s="19"/>
      <c r="T13298" s="19">
        <v>150</v>
      </c>
      <c r="U13298" s="19"/>
      <c r="V13298" s="19"/>
      <c r="W13298" s="19"/>
      <c r="X13298" s="19">
        <v>1</v>
      </c>
      <c r="Y13298" s="19"/>
      <c r="Z13298" s="19"/>
      <c r="AA13298" s="19"/>
    </row>
    <row r="13299" spans="1:27" s="1" customFormat="1" ht="11.1" customHeight="1" outlineLevel="4" x14ac:dyDescent="0.2">
      <c r="A13299" s="17"/>
      <c r="B13299" s="17"/>
      <c r="C13299" s="17"/>
      <c r="D13299" s="18"/>
      <c r="E13299" s="18"/>
      <c r="F13299" s="18"/>
      <c r="G13299" s="18"/>
      <c r="H13299" s="18"/>
      <c r="I13299" s="18"/>
      <c r="J13299" s="18"/>
      <c r="K13299" s="18"/>
      <c r="L13299" s="18"/>
      <c r="M13299" s="18"/>
      <c r="N13299" s="18"/>
      <c r="O13299" s="18"/>
      <c r="P13299" s="19"/>
      <c r="Q13299" s="19"/>
      <c r="R13299" s="19"/>
      <c r="S13299" s="19"/>
      <c r="T13299" s="19"/>
      <c r="U13299" s="19"/>
      <c r="V13299" s="19"/>
      <c r="W13299" s="19"/>
      <c r="X13299" s="19"/>
      <c r="Y13299" s="19"/>
      <c r="Z13299" s="19"/>
      <c r="AA13299" s="19"/>
    </row>
    <row r="13300" spans="1:27" s="1" customFormat="1" ht="11.1" customHeight="1" outlineLevel="4" x14ac:dyDescent="0.2">
      <c r="A13300" s="17">
        <v>15450</v>
      </c>
      <c r="B13300" s="17"/>
      <c r="C13300" s="17"/>
      <c r="D13300" s="18" t="s">
        <v>6594</v>
      </c>
      <c r="E13300" s="18"/>
      <c r="F13300" s="18"/>
      <c r="G13300" s="18"/>
      <c r="H13300" s="18"/>
      <c r="I13300" s="18"/>
      <c r="J13300" s="18"/>
      <c r="K13300" s="18"/>
      <c r="L13300" s="18"/>
      <c r="M13300" s="18"/>
      <c r="N13300" s="18"/>
      <c r="O13300" s="18"/>
      <c r="P13300" s="19">
        <v>240</v>
      </c>
      <c r="Q13300" s="19"/>
      <c r="R13300" s="19"/>
      <c r="S13300" s="19"/>
      <c r="T13300" s="19">
        <v>150</v>
      </c>
      <c r="U13300" s="19"/>
      <c r="V13300" s="19"/>
      <c r="W13300" s="19"/>
      <c r="X13300" s="19">
        <v>1</v>
      </c>
      <c r="Y13300" s="19"/>
      <c r="Z13300" s="19"/>
      <c r="AA13300" s="19"/>
    </row>
    <row r="13301" spans="1:27" s="1" customFormat="1" ht="11.1" customHeight="1" outlineLevel="4" x14ac:dyDescent="0.2">
      <c r="A13301" s="17"/>
      <c r="B13301" s="17"/>
      <c r="C13301" s="17"/>
      <c r="D13301" s="18"/>
      <c r="E13301" s="18"/>
      <c r="F13301" s="18"/>
      <c r="G13301" s="18"/>
      <c r="H13301" s="18"/>
      <c r="I13301" s="18"/>
      <c r="J13301" s="18"/>
      <c r="K13301" s="18"/>
      <c r="L13301" s="18"/>
      <c r="M13301" s="18"/>
      <c r="N13301" s="18"/>
      <c r="O13301" s="18"/>
      <c r="P13301" s="19"/>
      <c r="Q13301" s="19"/>
      <c r="R13301" s="19"/>
      <c r="S13301" s="19"/>
      <c r="T13301" s="19"/>
      <c r="U13301" s="19"/>
      <c r="V13301" s="19"/>
      <c r="W13301" s="19"/>
      <c r="X13301" s="19"/>
      <c r="Y13301" s="19"/>
      <c r="Z13301" s="19"/>
      <c r="AA13301" s="19"/>
    </row>
    <row r="13302" spans="1:27" s="1" customFormat="1" ht="11.1" customHeight="1" outlineLevel="4" x14ac:dyDescent="0.2">
      <c r="A13302" s="17">
        <v>15452</v>
      </c>
      <c r="B13302" s="17"/>
      <c r="C13302" s="17"/>
      <c r="D13302" s="18" t="s">
        <v>6595</v>
      </c>
      <c r="E13302" s="18"/>
      <c r="F13302" s="18"/>
      <c r="G13302" s="18"/>
      <c r="H13302" s="18"/>
      <c r="I13302" s="18"/>
      <c r="J13302" s="18"/>
      <c r="K13302" s="18"/>
      <c r="L13302" s="18"/>
      <c r="M13302" s="18"/>
      <c r="N13302" s="18"/>
      <c r="O13302" s="18"/>
      <c r="P13302" s="19">
        <v>240</v>
      </c>
      <c r="Q13302" s="19"/>
      <c r="R13302" s="19"/>
      <c r="S13302" s="19"/>
      <c r="T13302" s="19">
        <v>150</v>
      </c>
      <c r="U13302" s="19"/>
      <c r="V13302" s="19"/>
      <c r="W13302" s="19"/>
      <c r="X13302" s="19">
        <v>1</v>
      </c>
      <c r="Y13302" s="19"/>
      <c r="Z13302" s="19"/>
      <c r="AA13302" s="19"/>
    </row>
    <row r="13303" spans="1:27" s="1" customFormat="1" ht="11.1" customHeight="1" outlineLevel="4" x14ac:dyDescent="0.2">
      <c r="A13303" s="17"/>
      <c r="B13303" s="17"/>
      <c r="C13303" s="17"/>
      <c r="D13303" s="18"/>
      <c r="E13303" s="18"/>
      <c r="F13303" s="18"/>
      <c r="G13303" s="18"/>
      <c r="H13303" s="18"/>
      <c r="I13303" s="18"/>
      <c r="J13303" s="18"/>
      <c r="K13303" s="18"/>
      <c r="L13303" s="18"/>
      <c r="M13303" s="18"/>
      <c r="N13303" s="18"/>
      <c r="O13303" s="18"/>
      <c r="P13303" s="19"/>
      <c r="Q13303" s="19"/>
      <c r="R13303" s="19"/>
      <c r="S13303" s="19"/>
      <c r="T13303" s="19"/>
      <c r="U13303" s="19"/>
      <c r="V13303" s="19"/>
      <c r="W13303" s="19"/>
      <c r="X13303" s="19"/>
      <c r="Y13303" s="19"/>
      <c r="Z13303" s="19"/>
      <c r="AA13303" s="19"/>
    </row>
    <row r="13304" spans="1:27" s="1" customFormat="1" ht="11.1" customHeight="1" outlineLevel="4" x14ac:dyDescent="0.2">
      <c r="A13304" s="17">
        <v>15447</v>
      </c>
      <c r="B13304" s="17"/>
      <c r="C13304" s="17"/>
      <c r="D13304" s="18" t="s">
        <v>6596</v>
      </c>
      <c r="E13304" s="18"/>
      <c r="F13304" s="18"/>
      <c r="G13304" s="18"/>
      <c r="H13304" s="18"/>
      <c r="I13304" s="18"/>
      <c r="J13304" s="18"/>
      <c r="K13304" s="18"/>
      <c r="L13304" s="18"/>
      <c r="M13304" s="18"/>
      <c r="N13304" s="18"/>
      <c r="O13304" s="18"/>
      <c r="P13304" s="19">
        <v>240</v>
      </c>
      <c r="Q13304" s="19"/>
      <c r="R13304" s="19"/>
      <c r="S13304" s="19"/>
      <c r="T13304" s="19">
        <v>150</v>
      </c>
      <c r="U13304" s="19"/>
      <c r="V13304" s="19"/>
      <c r="W13304" s="19"/>
      <c r="X13304" s="19">
        <v>1</v>
      </c>
      <c r="Y13304" s="19"/>
      <c r="Z13304" s="19"/>
      <c r="AA13304" s="19"/>
    </row>
    <row r="13305" spans="1:27" s="1" customFormat="1" ht="11.1" customHeight="1" outlineLevel="4" x14ac:dyDescent="0.2">
      <c r="A13305" s="17"/>
      <c r="B13305" s="17"/>
      <c r="C13305" s="17"/>
      <c r="D13305" s="18"/>
      <c r="E13305" s="18"/>
      <c r="F13305" s="18"/>
      <c r="G13305" s="18"/>
      <c r="H13305" s="18"/>
      <c r="I13305" s="18"/>
      <c r="J13305" s="18"/>
      <c r="K13305" s="18"/>
      <c r="L13305" s="18"/>
      <c r="M13305" s="18"/>
      <c r="N13305" s="18"/>
      <c r="O13305" s="18"/>
      <c r="P13305" s="19"/>
      <c r="Q13305" s="19"/>
      <c r="R13305" s="19"/>
      <c r="S13305" s="19"/>
      <c r="T13305" s="19"/>
      <c r="U13305" s="19"/>
      <c r="V13305" s="19"/>
      <c r="W13305" s="19"/>
      <c r="X13305" s="19"/>
      <c r="Y13305" s="19"/>
      <c r="Z13305" s="19"/>
      <c r="AA13305" s="19"/>
    </row>
    <row r="13306" spans="1:27" s="1" customFormat="1" ht="11.1" customHeight="1" outlineLevel="4" x14ac:dyDescent="0.2">
      <c r="A13306" s="17">
        <v>18025</v>
      </c>
      <c r="B13306" s="17"/>
      <c r="C13306" s="17"/>
      <c r="D13306" s="18" t="s">
        <v>6597</v>
      </c>
      <c r="E13306" s="18"/>
      <c r="F13306" s="18"/>
      <c r="G13306" s="18"/>
      <c r="H13306" s="18"/>
      <c r="I13306" s="18"/>
      <c r="J13306" s="18"/>
      <c r="K13306" s="18"/>
      <c r="L13306" s="18"/>
      <c r="M13306" s="18"/>
      <c r="N13306" s="18"/>
      <c r="O13306" s="18"/>
      <c r="P13306" s="19">
        <v>350</v>
      </c>
      <c r="Q13306" s="19"/>
      <c r="R13306" s="19"/>
      <c r="S13306" s="19"/>
      <c r="T13306" s="19">
        <v>160</v>
      </c>
      <c r="U13306" s="19"/>
      <c r="V13306" s="19"/>
      <c r="W13306" s="19"/>
      <c r="X13306" s="19">
        <v>1</v>
      </c>
      <c r="Y13306" s="19"/>
      <c r="Z13306" s="19"/>
      <c r="AA13306" s="19"/>
    </row>
    <row r="13307" spans="1:27" s="1" customFormat="1" ht="11.1" customHeight="1" outlineLevel="4" x14ac:dyDescent="0.2">
      <c r="A13307" s="17"/>
      <c r="B13307" s="17"/>
      <c r="C13307" s="17"/>
      <c r="D13307" s="18"/>
      <c r="E13307" s="18"/>
      <c r="F13307" s="18"/>
      <c r="G13307" s="18"/>
      <c r="H13307" s="18"/>
      <c r="I13307" s="18"/>
      <c r="J13307" s="18"/>
      <c r="K13307" s="18"/>
      <c r="L13307" s="18"/>
      <c r="M13307" s="18"/>
      <c r="N13307" s="18"/>
      <c r="O13307" s="18"/>
      <c r="P13307" s="19"/>
      <c r="Q13307" s="19"/>
      <c r="R13307" s="19"/>
      <c r="S13307" s="19"/>
      <c r="T13307" s="19"/>
      <c r="U13307" s="19"/>
      <c r="V13307" s="19"/>
      <c r="W13307" s="19"/>
      <c r="X13307" s="19"/>
      <c r="Y13307" s="19"/>
      <c r="Z13307" s="19"/>
      <c r="AA13307" s="19"/>
    </row>
    <row r="13308" spans="1:27" s="1" customFormat="1" ht="11.1" customHeight="1" outlineLevel="4" x14ac:dyDescent="0.2">
      <c r="A13308" s="17">
        <v>15480</v>
      </c>
      <c r="B13308" s="17"/>
      <c r="C13308" s="17"/>
      <c r="D13308" s="18" t="s">
        <v>6598</v>
      </c>
      <c r="E13308" s="18"/>
      <c r="F13308" s="18"/>
      <c r="G13308" s="18"/>
      <c r="H13308" s="18"/>
      <c r="I13308" s="18"/>
      <c r="J13308" s="18"/>
      <c r="K13308" s="18"/>
      <c r="L13308" s="18"/>
      <c r="M13308" s="18"/>
      <c r="N13308" s="18"/>
      <c r="O13308" s="18"/>
      <c r="P13308" s="19">
        <v>240</v>
      </c>
      <c r="Q13308" s="19"/>
      <c r="R13308" s="19"/>
      <c r="S13308" s="19"/>
      <c r="T13308" s="19">
        <v>150</v>
      </c>
      <c r="U13308" s="19"/>
      <c r="V13308" s="19"/>
      <c r="W13308" s="19"/>
      <c r="X13308" s="19">
        <v>1</v>
      </c>
      <c r="Y13308" s="19"/>
      <c r="Z13308" s="19"/>
      <c r="AA13308" s="19"/>
    </row>
    <row r="13309" spans="1:27" s="1" customFormat="1" ht="11.1" customHeight="1" outlineLevel="4" x14ac:dyDescent="0.2">
      <c r="A13309" s="17"/>
      <c r="B13309" s="17"/>
      <c r="C13309" s="17"/>
      <c r="D13309" s="18"/>
      <c r="E13309" s="18"/>
      <c r="F13309" s="18"/>
      <c r="G13309" s="18"/>
      <c r="H13309" s="18"/>
      <c r="I13309" s="18"/>
      <c r="J13309" s="18"/>
      <c r="K13309" s="18"/>
      <c r="L13309" s="18"/>
      <c r="M13309" s="18"/>
      <c r="N13309" s="18"/>
      <c r="O13309" s="18"/>
      <c r="P13309" s="19"/>
      <c r="Q13309" s="19"/>
      <c r="R13309" s="19"/>
      <c r="S13309" s="19"/>
      <c r="T13309" s="19"/>
      <c r="U13309" s="19"/>
      <c r="V13309" s="19"/>
      <c r="W13309" s="19"/>
      <c r="X13309" s="19"/>
      <c r="Y13309" s="19"/>
      <c r="Z13309" s="19"/>
      <c r="AA13309" s="19"/>
    </row>
    <row r="13310" spans="1:27" s="1" customFormat="1" ht="11.1" customHeight="1" outlineLevel="4" x14ac:dyDescent="0.2">
      <c r="A13310" s="17">
        <v>15481</v>
      </c>
      <c r="B13310" s="17"/>
      <c r="C13310" s="17"/>
      <c r="D13310" s="18" t="s">
        <v>6599</v>
      </c>
      <c r="E13310" s="18"/>
      <c r="F13310" s="18"/>
      <c r="G13310" s="18"/>
      <c r="H13310" s="18"/>
      <c r="I13310" s="18"/>
      <c r="J13310" s="18"/>
      <c r="K13310" s="18"/>
      <c r="L13310" s="18"/>
      <c r="M13310" s="18"/>
      <c r="N13310" s="18"/>
      <c r="O13310" s="18"/>
      <c r="P13310" s="19">
        <v>240</v>
      </c>
      <c r="Q13310" s="19"/>
      <c r="R13310" s="19"/>
      <c r="S13310" s="19"/>
      <c r="T13310" s="19">
        <v>150</v>
      </c>
      <c r="U13310" s="19"/>
      <c r="V13310" s="19"/>
      <c r="W13310" s="19"/>
      <c r="X13310" s="19">
        <v>1</v>
      </c>
      <c r="Y13310" s="19"/>
      <c r="Z13310" s="19"/>
      <c r="AA13310" s="19"/>
    </row>
    <row r="13311" spans="1:27" s="1" customFormat="1" ht="11.1" customHeight="1" outlineLevel="4" x14ac:dyDescent="0.2">
      <c r="A13311" s="17"/>
      <c r="B13311" s="17"/>
      <c r="C13311" s="17"/>
      <c r="D13311" s="18"/>
      <c r="E13311" s="18"/>
      <c r="F13311" s="18"/>
      <c r="G13311" s="18"/>
      <c r="H13311" s="18"/>
      <c r="I13311" s="18"/>
      <c r="J13311" s="18"/>
      <c r="K13311" s="18"/>
      <c r="L13311" s="18"/>
      <c r="M13311" s="18"/>
      <c r="N13311" s="18"/>
      <c r="O13311" s="18"/>
      <c r="P13311" s="19"/>
      <c r="Q13311" s="19"/>
      <c r="R13311" s="19"/>
      <c r="S13311" s="19"/>
      <c r="T13311" s="19"/>
      <c r="U13311" s="19"/>
      <c r="V13311" s="19"/>
      <c r="W13311" s="19"/>
      <c r="X13311" s="19"/>
      <c r="Y13311" s="19"/>
      <c r="Z13311" s="19"/>
      <c r="AA13311" s="19"/>
    </row>
    <row r="13312" spans="1:27" s="1" customFormat="1" ht="11.1" customHeight="1" outlineLevel="4" x14ac:dyDescent="0.2">
      <c r="A13312" s="17">
        <v>15474</v>
      </c>
      <c r="B13312" s="17"/>
      <c r="C13312" s="17"/>
      <c r="D13312" s="18" t="s">
        <v>6600</v>
      </c>
      <c r="E13312" s="18"/>
      <c r="F13312" s="18"/>
      <c r="G13312" s="18"/>
      <c r="H13312" s="18"/>
      <c r="I13312" s="18"/>
      <c r="J13312" s="18"/>
      <c r="K13312" s="18"/>
      <c r="L13312" s="18"/>
      <c r="M13312" s="18"/>
      <c r="N13312" s="18"/>
      <c r="O13312" s="18"/>
      <c r="P13312" s="19">
        <v>240</v>
      </c>
      <c r="Q13312" s="19"/>
      <c r="R13312" s="19"/>
      <c r="S13312" s="19"/>
      <c r="T13312" s="19">
        <v>150</v>
      </c>
      <c r="U13312" s="19"/>
      <c r="V13312" s="19"/>
      <c r="W13312" s="19"/>
      <c r="X13312" s="19">
        <v>1</v>
      </c>
      <c r="Y13312" s="19"/>
      <c r="Z13312" s="19"/>
      <c r="AA13312" s="19"/>
    </row>
    <row r="13313" spans="1:27" s="1" customFormat="1" ht="11.1" customHeight="1" outlineLevel="4" x14ac:dyDescent="0.2">
      <c r="A13313" s="17"/>
      <c r="B13313" s="17"/>
      <c r="C13313" s="17"/>
      <c r="D13313" s="18"/>
      <c r="E13313" s="18"/>
      <c r="F13313" s="18"/>
      <c r="G13313" s="18"/>
      <c r="H13313" s="18"/>
      <c r="I13313" s="18"/>
      <c r="J13313" s="18"/>
      <c r="K13313" s="18"/>
      <c r="L13313" s="18"/>
      <c r="M13313" s="18"/>
      <c r="N13313" s="18"/>
      <c r="O13313" s="18"/>
      <c r="P13313" s="19"/>
      <c r="Q13313" s="19"/>
      <c r="R13313" s="19"/>
      <c r="S13313" s="19"/>
      <c r="T13313" s="19"/>
      <c r="U13313" s="19"/>
      <c r="V13313" s="19"/>
      <c r="W13313" s="19"/>
      <c r="X13313" s="19"/>
      <c r="Y13313" s="19"/>
      <c r="Z13313" s="19"/>
      <c r="AA13313" s="19"/>
    </row>
    <row r="13314" spans="1:27" s="1" customFormat="1" ht="11.1" customHeight="1" outlineLevel="4" x14ac:dyDescent="0.2">
      <c r="A13314" s="17">
        <v>15475</v>
      </c>
      <c r="B13314" s="17"/>
      <c r="C13314" s="17"/>
      <c r="D13314" s="18" t="s">
        <v>6601</v>
      </c>
      <c r="E13314" s="18"/>
      <c r="F13314" s="18"/>
      <c r="G13314" s="18"/>
      <c r="H13314" s="18"/>
      <c r="I13314" s="18"/>
      <c r="J13314" s="18"/>
      <c r="K13314" s="18"/>
      <c r="L13314" s="18"/>
      <c r="M13314" s="18"/>
      <c r="N13314" s="18"/>
      <c r="O13314" s="18"/>
      <c r="P13314" s="19">
        <v>240</v>
      </c>
      <c r="Q13314" s="19"/>
      <c r="R13314" s="19"/>
      <c r="S13314" s="19"/>
      <c r="T13314" s="19">
        <v>150</v>
      </c>
      <c r="U13314" s="19"/>
      <c r="V13314" s="19"/>
      <c r="W13314" s="19"/>
      <c r="X13314" s="19">
        <v>1</v>
      </c>
      <c r="Y13314" s="19"/>
      <c r="Z13314" s="19"/>
      <c r="AA13314" s="19"/>
    </row>
    <row r="13315" spans="1:27" s="1" customFormat="1" ht="11.1" customHeight="1" outlineLevel="4" x14ac:dyDescent="0.2">
      <c r="A13315" s="17"/>
      <c r="B13315" s="17"/>
      <c r="C13315" s="17"/>
      <c r="D13315" s="18"/>
      <c r="E13315" s="18"/>
      <c r="F13315" s="18"/>
      <c r="G13315" s="18"/>
      <c r="H13315" s="18"/>
      <c r="I13315" s="18"/>
      <c r="J13315" s="18"/>
      <c r="K13315" s="18"/>
      <c r="L13315" s="18"/>
      <c r="M13315" s="18"/>
      <c r="N13315" s="18"/>
      <c r="O13315" s="18"/>
      <c r="P13315" s="19"/>
      <c r="Q13315" s="19"/>
      <c r="R13315" s="19"/>
      <c r="S13315" s="19"/>
      <c r="T13315" s="19"/>
      <c r="U13315" s="19"/>
      <c r="V13315" s="19"/>
      <c r="W13315" s="19"/>
      <c r="X13315" s="19"/>
      <c r="Y13315" s="19"/>
      <c r="Z13315" s="19"/>
      <c r="AA13315" s="19"/>
    </row>
    <row r="13316" spans="1:27" s="1" customFormat="1" ht="11.1" customHeight="1" outlineLevel="4" x14ac:dyDescent="0.2">
      <c r="A13316" s="17">
        <v>15479</v>
      </c>
      <c r="B13316" s="17"/>
      <c r="C13316" s="17"/>
      <c r="D13316" s="18" t="s">
        <v>6602</v>
      </c>
      <c r="E13316" s="18"/>
      <c r="F13316" s="18"/>
      <c r="G13316" s="18"/>
      <c r="H13316" s="18"/>
      <c r="I13316" s="18"/>
      <c r="J13316" s="18"/>
      <c r="K13316" s="18"/>
      <c r="L13316" s="18"/>
      <c r="M13316" s="18"/>
      <c r="N13316" s="18"/>
      <c r="O13316" s="18"/>
      <c r="P13316" s="19">
        <v>240</v>
      </c>
      <c r="Q13316" s="19"/>
      <c r="R13316" s="19"/>
      <c r="S13316" s="19"/>
      <c r="T13316" s="19">
        <v>150</v>
      </c>
      <c r="U13316" s="19"/>
      <c r="V13316" s="19"/>
      <c r="W13316" s="19"/>
      <c r="X13316" s="19">
        <v>1</v>
      </c>
      <c r="Y13316" s="19"/>
      <c r="Z13316" s="19"/>
      <c r="AA13316" s="19"/>
    </row>
    <row r="13317" spans="1:27" s="1" customFormat="1" ht="11.1" customHeight="1" outlineLevel="4" x14ac:dyDescent="0.2">
      <c r="A13317" s="17"/>
      <c r="B13317" s="17"/>
      <c r="C13317" s="17"/>
      <c r="D13317" s="18"/>
      <c r="E13317" s="18"/>
      <c r="F13317" s="18"/>
      <c r="G13317" s="18"/>
      <c r="H13317" s="18"/>
      <c r="I13317" s="18"/>
      <c r="J13317" s="18"/>
      <c r="K13317" s="18"/>
      <c r="L13317" s="18"/>
      <c r="M13317" s="18"/>
      <c r="N13317" s="18"/>
      <c r="O13317" s="18"/>
      <c r="P13317" s="19"/>
      <c r="Q13317" s="19"/>
      <c r="R13317" s="19"/>
      <c r="S13317" s="19"/>
      <c r="T13317" s="19"/>
      <c r="U13317" s="19"/>
      <c r="V13317" s="19"/>
      <c r="W13317" s="19"/>
      <c r="X13317" s="19"/>
      <c r="Y13317" s="19"/>
      <c r="Z13317" s="19"/>
      <c r="AA13317" s="19"/>
    </row>
    <row r="13318" spans="1:27" s="1" customFormat="1" ht="11.1" customHeight="1" outlineLevel="4" x14ac:dyDescent="0.2">
      <c r="A13318" s="17">
        <v>15478</v>
      </c>
      <c r="B13318" s="17"/>
      <c r="C13318" s="17"/>
      <c r="D13318" s="18" t="s">
        <v>6603</v>
      </c>
      <c r="E13318" s="18"/>
      <c r="F13318" s="18"/>
      <c r="G13318" s="18"/>
      <c r="H13318" s="18"/>
      <c r="I13318" s="18"/>
      <c r="J13318" s="18"/>
      <c r="K13318" s="18"/>
      <c r="L13318" s="18"/>
      <c r="M13318" s="18"/>
      <c r="N13318" s="18"/>
      <c r="O13318" s="18"/>
      <c r="P13318" s="19">
        <v>240</v>
      </c>
      <c r="Q13318" s="19"/>
      <c r="R13318" s="19"/>
      <c r="S13318" s="19"/>
      <c r="T13318" s="19">
        <v>150</v>
      </c>
      <c r="U13318" s="19"/>
      <c r="V13318" s="19"/>
      <c r="W13318" s="19"/>
      <c r="X13318" s="19">
        <v>1</v>
      </c>
      <c r="Y13318" s="19"/>
      <c r="Z13318" s="19"/>
      <c r="AA13318" s="19"/>
    </row>
    <row r="13319" spans="1:27" s="1" customFormat="1" ht="11.1" customHeight="1" outlineLevel="4" x14ac:dyDescent="0.2">
      <c r="A13319" s="17"/>
      <c r="B13319" s="17"/>
      <c r="C13319" s="17"/>
      <c r="D13319" s="18"/>
      <c r="E13319" s="18"/>
      <c r="F13319" s="18"/>
      <c r="G13319" s="18"/>
      <c r="H13319" s="18"/>
      <c r="I13319" s="18"/>
      <c r="J13319" s="18"/>
      <c r="K13319" s="18"/>
      <c r="L13319" s="18"/>
      <c r="M13319" s="18"/>
      <c r="N13319" s="18"/>
      <c r="O13319" s="18"/>
      <c r="P13319" s="19"/>
      <c r="Q13319" s="19"/>
      <c r="R13319" s="19"/>
      <c r="S13319" s="19"/>
      <c r="T13319" s="19"/>
      <c r="U13319" s="19"/>
      <c r="V13319" s="19"/>
      <c r="W13319" s="19"/>
      <c r="X13319" s="19"/>
      <c r="Y13319" s="19"/>
      <c r="Z13319" s="19"/>
      <c r="AA13319" s="19"/>
    </row>
    <row r="13320" spans="1:27" s="1" customFormat="1" ht="11.1" customHeight="1" outlineLevel="4" x14ac:dyDescent="0.2">
      <c r="A13320" s="17">
        <v>15477</v>
      </c>
      <c r="B13320" s="17"/>
      <c r="C13320" s="17"/>
      <c r="D13320" s="18" t="s">
        <v>6604</v>
      </c>
      <c r="E13320" s="18"/>
      <c r="F13320" s="18"/>
      <c r="G13320" s="18"/>
      <c r="H13320" s="18"/>
      <c r="I13320" s="18"/>
      <c r="J13320" s="18"/>
      <c r="K13320" s="18"/>
      <c r="L13320" s="18"/>
      <c r="M13320" s="18"/>
      <c r="N13320" s="18"/>
      <c r="O13320" s="18"/>
      <c r="P13320" s="19">
        <v>240</v>
      </c>
      <c r="Q13320" s="19"/>
      <c r="R13320" s="19"/>
      <c r="S13320" s="19"/>
      <c r="T13320" s="19">
        <v>150</v>
      </c>
      <c r="U13320" s="19"/>
      <c r="V13320" s="19"/>
      <c r="W13320" s="19"/>
      <c r="X13320" s="19">
        <v>1</v>
      </c>
      <c r="Y13320" s="19"/>
      <c r="Z13320" s="19"/>
      <c r="AA13320" s="19"/>
    </row>
    <row r="13321" spans="1:27" s="1" customFormat="1" ht="11.1" customHeight="1" outlineLevel="4" x14ac:dyDescent="0.2">
      <c r="A13321" s="17"/>
      <c r="B13321" s="17"/>
      <c r="C13321" s="17"/>
      <c r="D13321" s="18"/>
      <c r="E13321" s="18"/>
      <c r="F13321" s="18"/>
      <c r="G13321" s="18"/>
      <c r="H13321" s="18"/>
      <c r="I13321" s="18"/>
      <c r="J13321" s="18"/>
      <c r="K13321" s="18"/>
      <c r="L13321" s="18"/>
      <c r="M13321" s="18"/>
      <c r="N13321" s="18"/>
      <c r="O13321" s="18"/>
      <c r="P13321" s="19"/>
      <c r="Q13321" s="19"/>
      <c r="R13321" s="19"/>
      <c r="S13321" s="19"/>
      <c r="T13321" s="19"/>
      <c r="U13321" s="19"/>
      <c r="V13321" s="19"/>
      <c r="W13321" s="19"/>
      <c r="X13321" s="19"/>
      <c r="Y13321" s="19"/>
      <c r="Z13321" s="19"/>
      <c r="AA13321" s="19"/>
    </row>
    <row r="13322" spans="1:27" s="1" customFormat="1" ht="11.1" customHeight="1" outlineLevel="4" x14ac:dyDescent="0.2">
      <c r="A13322" s="17">
        <v>15476</v>
      </c>
      <c r="B13322" s="17"/>
      <c r="C13322" s="17"/>
      <c r="D13322" s="18" t="s">
        <v>6605</v>
      </c>
      <c r="E13322" s="18"/>
      <c r="F13322" s="18"/>
      <c r="G13322" s="18"/>
      <c r="H13322" s="18"/>
      <c r="I13322" s="18"/>
      <c r="J13322" s="18"/>
      <c r="K13322" s="18"/>
      <c r="L13322" s="18"/>
      <c r="M13322" s="18"/>
      <c r="N13322" s="18"/>
      <c r="O13322" s="18"/>
      <c r="P13322" s="19">
        <v>240</v>
      </c>
      <c r="Q13322" s="19"/>
      <c r="R13322" s="19"/>
      <c r="S13322" s="19"/>
      <c r="T13322" s="19">
        <v>150</v>
      </c>
      <c r="U13322" s="19"/>
      <c r="V13322" s="19"/>
      <c r="W13322" s="19"/>
      <c r="X13322" s="19">
        <v>1</v>
      </c>
      <c r="Y13322" s="19"/>
      <c r="Z13322" s="19"/>
      <c r="AA13322" s="19"/>
    </row>
    <row r="13323" spans="1:27" s="1" customFormat="1" ht="11.1" customHeight="1" outlineLevel="4" x14ac:dyDescent="0.2">
      <c r="A13323" s="17"/>
      <c r="B13323" s="17"/>
      <c r="C13323" s="17"/>
      <c r="D13323" s="18"/>
      <c r="E13323" s="18"/>
      <c r="F13323" s="18"/>
      <c r="G13323" s="18"/>
      <c r="H13323" s="18"/>
      <c r="I13323" s="18"/>
      <c r="J13323" s="18"/>
      <c r="K13323" s="18"/>
      <c r="L13323" s="18"/>
      <c r="M13323" s="18"/>
      <c r="N13323" s="18"/>
      <c r="O13323" s="18"/>
      <c r="P13323" s="19"/>
      <c r="Q13323" s="19"/>
      <c r="R13323" s="19"/>
      <c r="S13323" s="19"/>
      <c r="T13323" s="19"/>
      <c r="U13323" s="19"/>
      <c r="V13323" s="19"/>
      <c r="W13323" s="19"/>
      <c r="X13323" s="19"/>
      <c r="Y13323" s="19"/>
      <c r="Z13323" s="19"/>
      <c r="AA13323" s="19"/>
    </row>
    <row r="13324" spans="1:27" s="1" customFormat="1" ht="14.1" customHeight="1" outlineLevel="4" x14ac:dyDescent="0.2">
      <c r="A13324" s="17">
        <v>15482</v>
      </c>
      <c r="B13324" s="17"/>
      <c r="C13324" s="17"/>
      <c r="D13324" s="18" t="s">
        <v>6606</v>
      </c>
      <c r="E13324" s="18"/>
      <c r="F13324" s="18"/>
      <c r="G13324" s="18"/>
      <c r="H13324" s="18"/>
      <c r="I13324" s="18"/>
      <c r="J13324" s="18"/>
      <c r="K13324" s="18"/>
      <c r="L13324" s="18"/>
      <c r="M13324" s="18"/>
      <c r="N13324" s="18"/>
      <c r="O13324" s="18"/>
      <c r="P13324" s="19">
        <v>240</v>
      </c>
      <c r="Q13324" s="19"/>
      <c r="R13324" s="19"/>
      <c r="S13324" s="19"/>
      <c r="T13324" s="19">
        <v>150</v>
      </c>
      <c r="U13324" s="19"/>
      <c r="V13324" s="19"/>
      <c r="W13324" s="19"/>
      <c r="X13324" s="19">
        <v>1</v>
      </c>
      <c r="Y13324" s="19"/>
      <c r="Z13324" s="19"/>
      <c r="AA13324" s="19"/>
    </row>
    <row r="13325" spans="1:27" s="1" customFormat="1" ht="14.1" customHeight="1" outlineLevel="4" x14ac:dyDescent="0.2">
      <c r="A13325" s="17"/>
      <c r="B13325" s="17"/>
      <c r="C13325" s="17"/>
      <c r="D13325" s="18"/>
      <c r="E13325" s="18"/>
      <c r="F13325" s="18"/>
      <c r="G13325" s="18"/>
      <c r="H13325" s="18"/>
      <c r="I13325" s="18"/>
      <c r="J13325" s="18"/>
      <c r="K13325" s="18"/>
      <c r="L13325" s="18"/>
      <c r="M13325" s="18"/>
      <c r="N13325" s="18"/>
      <c r="O13325" s="18"/>
      <c r="P13325" s="19"/>
      <c r="Q13325" s="19"/>
      <c r="R13325" s="19"/>
      <c r="S13325" s="19"/>
      <c r="T13325" s="19"/>
      <c r="U13325" s="19"/>
      <c r="V13325" s="19"/>
      <c r="W13325" s="19"/>
      <c r="X13325" s="19"/>
      <c r="Y13325" s="19"/>
      <c r="Z13325" s="19"/>
      <c r="AA13325" s="19"/>
    </row>
    <row r="13326" spans="1:27" s="1" customFormat="1" ht="11.1" customHeight="1" outlineLevel="4" x14ac:dyDescent="0.2">
      <c r="A13326" s="17">
        <v>15492</v>
      </c>
      <c r="B13326" s="17"/>
      <c r="C13326" s="17"/>
      <c r="D13326" s="18" t="s">
        <v>6607</v>
      </c>
      <c r="E13326" s="18"/>
      <c r="F13326" s="18"/>
      <c r="G13326" s="18"/>
      <c r="H13326" s="18"/>
      <c r="I13326" s="18"/>
      <c r="J13326" s="18"/>
      <c r="K13326" s="18"/>
      <c r="L13326" s="18"/>
      <c r="M13326" s="18"/>
      <c r="N13326" s="18"/>
      <c r="O13326" s="18"/>
      <c r="P13326" s="19">
        <v>240</v>
      </c>
      <c r="Q13326" s="19"/>
      <c r="R13326" s="19"/>
      <c r="S13326" s="19"/>
      <c r="T13326" s="19">
        <v>150</v>
      </c>
      <c r="U13326" s="19"/>
      <c r="V13326" s="19"/>
      <c r="W13326" s="19"/>
      <c r="X13326" s="19">
        <v>1</v>
      </c>
      <c r="Y13326" s="19"/>
      <c r="Z13326" s="19"/>
      <c r="AA13326" s="19"/>
    </row>
    <row r="13327" spans="1:27" s="1" customFormat="1" ht="11.1" customHeight="1" outlineLevel="4" x14ac:dyDescent="0.2">
      <c r="A13327" s="17"/>
      <c r="B13327" s="17"/>
      <c r="C13327" s="17"/>
      <c r="D13327" s="18"/>
      <c r="E13327" s="18"/>
      <c r="F13327" s="18"/>
      <c r="G13327" s="18"/>
      <c r="H13327" s="18"/>
      <c r="I13327" s="18"/>
      <c r="J13327" s="18"/>
      <c r="K13327" s="18"/>
      <c r="L13327" s="18"/>
      <c r="M13327" s="18"/>
      <c r="N13327" s="18"/>
      <c r="O13327" s="18"/>
      <c r="P13327" s="19"/>
      <c r="Q13327" s="19"/>
      <c r="R13327" s="19"/>
      <c r="S13327" s="19"/>
      <c r="T13327" s="19"/>
      <c r="U13327" s="19"/>
      <c r="V13327" s="19"/>
      <c r="W13327" s="19"/>
      <c r="X13327" s="19"/>
      <c r="Y13327" s="19"/>
      <c r="Z13327" s="19"/>
      <c r="AA13327" s="19"/>
    </row>
    <row r="13328" spans="1:27" s="1" customFormat="1" ht="11.1" customHeight="1" outlineLevel="4" x14ac:dyDescent="0.2">
      <c r="A13328" s="17">
        <v>15496</v>
      </c>
      <c r="B13328" s="17"/>
      <c r="C13328" s="17"/>
      <c r="D13328" s="18" t="s">
        <v>6608</v>
      </c>
      <c r="E13328" s="18"/>
      <c r="F13328" s="18"/>
      <c r="G13328" s="18"/>
      <c r="H13328" s="18"/>
      <c r="I13328" s="18"/>
      <c r="J13328" s="18"/>
      <c r="K13328" s="18"/>
      <c r="L13328" s="18"/>
      <c r="M13328" s="18"/>
      <c r="N13328" s="18"/>
      <c r="O13328" s="18"/>
      <c r="P13328" s="19">
        <v>240</v>
      </c>
      <c r="Q13328" s="19"/>
      <c r="R13328" s="19"/>
      <c r="S13328" s="19"/>
      <c r="T13328" s="19">
        <v>150</v>
      </c>
      <c r="U13328" s="19"/>
      <c r="V13328" s="19"/>
      <c r="W13328" s="19"/>
      <c r="X13328" s="19">
        <v>1</v>
      </c>
      <c r="Y13328" s="19"/>
      <c r="Z13328" s="19"/>
      <c r="AA13328" s="19"/>
    </row>
    <row r="13329" spans="1:27" s="1" customFormat="1" ht="11.1" customHeight="1" outlineLevel="4" x14ac:dyDescent="0.2">
      <c r="A13329" s="17"/>
      <c r="B13329" s="17"/>
      <c r="C13329" s="17"/>
      <c r="D13329" s="18"/>
      <c r="E13329" s="18"/>
      <c r="F13329" s="18"/>
      <c r="G13329" s="18"/>
      <c r="H13329" s="18"/>
      <c r="I13329" s="18"/>
      <c r="J13329" s="18"/>
      <c r="K13329" s="18"/>
      <c r="L13329" s="18"/>
      <c r="M13329" s="18"/>
      <c r="N13329" s="18"/>
      <c r="O13329" s="18"/>
      <c r="P13329" s="19"/>
      <c r="Q13329" s="19"/>
      <c r="R13329" s="19"/>
      <c r="S13329" s="19"/>
      <c r="T13329" s="19"/>
      <c r="U13329" s="19"/>
      <c r="V13329" s="19"/>
      <c r="W13329" s="19"/>
      <c r="X13329" s="19"/>
      <c r="Y13329" s="19"/>
      <c r="Z13329" s="19"/>
      <c r="AA13329" s="19"/>
    </row>
    <row r="13330" spans="1:27" s="1" customFormat="1" ht="11.1" customHeight="1" outlineLevel="4" x14ac:dyDescent="0.2">
      <c r="A13330" s="17">
        <v>15500</v>
      </c>
      <c r="B13330" s="17"/>
      <c r="C13330" s="17"/>
      <c r="D13330" s="18" t="s">
        <v>6609</v>
      </c>
      <c r="E13330" s="18"/>
      <c r="F13330" s="18"/>
      <c r="G13330" s="18"/>
      <c r="H13330" s="18"/>
      <c r="I13330" s="18"/>
      <c r="J13330" s="18"/>
      <c r="K13330" s="18"/>
      <c r="L13330" s="18"/>
      <c r="M13330" s="18"/>
      <c r="N13330" s="18"/>
      <c r="O13330" s="18"/>
      <c r="P13330" s="19">
        <v>240</v>
      </c>
      <c r="Q13330" s="19"/>
      <c r="R13330" s="19"/>
      <c r="S13330" s="19"/>
      <c r="T13330" s="19">
        <v>150</v>
      </c>
      <c r="U13330" s="19"/>
      <c r="V13330" s="19"/>
      <c r="W13330" s="19"/>
      <c r="X13330" s="19">
        <v>1</v>
      </c>
      <c r="Y13330" s="19"/>
      <c r="Z13330" s="19"/>
      <c r="AA13330" s="19"/>
    </row>
    <row r="13331" spans="1:27" s="1" customFormat="1" ht="11.1" customHeight="1" outlineLevel="4" x14ac:dyDescent="0.2">
      <c r="A13331" s="17"/>
      <c r="B13331" s="17"/>
      <c r="C13331" s="17"/>
      <c r="D13331" s="18"/>
      <c r="E13331" s="18"/>
      <c r="F13331" s="18"/>
      <c r="G13331" s="18"/>
      <c r="H13331" s="18"/>
      <c r="I13331" s="18"/>
      <c r="J13331" s="18"/>
      <c r="K13331" s="18"/>
      <c r="L13331" s="18"/>
      <c r="M13331" s="18"/>
      <c r="N13331" s="18"/>
      <c r="O13331" s="18"/>
      <c r="P13331" s="19"/>
      <c r="Q13331" s="19"/>
      <c r="R13331" s="19"/>
      <c r="S13331" s="19"/>
      <c r="T13331" s="19"/>
      <c r="U13331" s="19"/>
      <c r="V13331" s="19"/>
      <c r="W13331" s="19"/>
      <c r="X13331" s="19"/>
      <c r="Y13331" s="19"/>
      <c r="Z13331" s="19"/>
      <c r="AA13331" s="19"/>
    </row>
    <row r="13332" spans="1:27" s="1" customFormat="1" ht="11.1" customHeight="1" outlineLevel="4" x14ac:dyDescent="0.2">
      <c r="A13332" s="17">
        <v>15494</v>
      </c>
      <c r="B13332" s="17"/>
      <c r="C13332" s="17"/>
      <c r="D13332" s="18" t="s">
        <v>6610</v>
      </c>
      <c r="E13332" s="18"/>
      <c r="F13332" s="18"/>
      <c r="G13332" s="18"/>
      <c r="H13332" s="18"/>
      <c r="I13332" s="18"/>
      <c r="J13332" s="18"/>
      <c r="K13332" s="18"/>
      <c r="L13332" s="18"/>
      <c r="M13332" s="18"/>
      <c r="N13332" s="18"/>
      <c r="O13332" s="18"/>
      <c r="P13332" s="19">
        <v>240</v>
      </c>
      <c r="Q13332" s="19"/>
      <c r="R13332" s="19"/>
      <c r="S13332" s="19"/>
      <c r="T13332" s="19">
        <v>150</v>
      </c>
      <c r="U13332" s="19"/>
      <c r="V13332" s="19"/>
      <c r="W13332" s="19"/>
      <c r="X13332" s="19">
        <v>1</v>
      </c>
      <c r="Y13332" s="19"/>
      <c r="Z13332" s="19"/>
      <c r="AA13332" s="19"/>
    </row>
    <row r="13333" spans="1:27" s="1" customFormat="1" ht="11.1" customHeight="1" outlineLevel="4" x14ac:dyDescent="0.2">
      <c r="A13333" s="17"/>
      <c r="B13333" s="17"/>
      <c r="C13333" s="17"/>
      <c r="D13333" s="18"/>
      <c r="E13333" s="18"/>
      <c r="F13333" s="18"/>
      <c r="G13333" s="18"/>
      <c r="H13333" s="18"/>
      <c r="I13333" s="18"/>
      <c r="J13333" s="18"/>
      <c r="K13333" s="18"/>
      <c r="L13333" s="18"/>
      <c r="M13333" s="18"/>
      <c r="N13333" s="18"/>
      <c r="O13333" s="18"/>
      <c r="P13333" s="19"/>
      <c r="Q13333" s="19"/>
      <c r="R13333" s="19"/>
      <c r="S13333" s="19"/>
      <c r="T13333" s="19"/>
      <c r="U13333" s="19"/>
      <c r="V13333" s="19"/>
      <c r="W13333" s="19"/>
      <c r="X13333" s="19"/>
      <c r="Y13333" s="19"/>
      <c r="Z13333" s="19"/>
      <c r="AA13333" s="19"/>
    </row>
    <row r="13334" spans="1:27" s="1" customFormat="1" ht="11.1" customHeight="1" outlineLevel="4" x14ac:dyDescent="0.2">
      <c r="A13334" s="17">
        <v>15497</v>
      </c>
      <c r="B13334" s="17"/>
      <c r="C13334" s="17"/>
      <c r="D13334" s="18" t="s">
        <v>6611</v>
      </c>
      <c r="E13334" s="18"/>
      <c r="F13334" s="18"/>
      <c r="G13334" s="18"/>
      <c r="H13334" s="18"/>
      <c r="I13334" s="18"/>
      <c r="J13334" s="18"/>
      <c r="K13334" s="18"/>
      <c r="L13334" s="18"/>
      <c r="M13334" s="18"/>
      <c r="N13334" s="18"/>
      <c r="O13334" s="18"/>
      <c r="P13334" s="19">
        <v>240</v>
      </c>
      <c r="Q13334" s="19"/>
      <c r="R13334" s="19"/>
      <c r="S13334" s="19"/>
      <c r="T13334" s="19">
        <v>150</v>
      </c>
      <c r="U13334" s="19"/>
      <c r="V13334" s="19"/>
      <c r="W13334" s="19"/>
      <c r="X13334" s="19">
        <v>1</v>
      </c>
      <c r="Y13334" s="19"/>
      <c r="Z13334" s="19"/>
      <c r="AA13334" s="19"/>
    </row>
    <row r="13335" spans="1:27" s="1" customFormat="1" ht="11.1" customHeight="1" outlineLevel="4" x14ac:dyDescent="0.2">
      <c r="A13335" s="17"/>
      <c r="B13335" s="17"/>
      <c r="C13335" s="17"/>
      <c r="D13335" s="18"/>
      <c r="E13335" s="18"/>
      <c r="F13335" s="18"/>
      <c r="G13335" s="18"/>
      <c r="H13335" s="18"/>
      <c r="I13335" s="18"/>
      <c r="J13335" s="18"/>
      <c r="K13335" s="18"/>
      <c r="L13335" s="18"/>
      <c r="M13335" s="18"/>
      <c r="N13335" s="18"/>
      <c r="O13335" s="18"/>
      <c r="P13335" s="19"/>
      <c r="Q13335" s="19"/>
      <c r="R13335" s="19"/>
      <c r="S13335" s="19"/>
      <c r="T13335" s="19"/>
      <c r="U13335" s="19"/>
      <c r="V13335" s="19"/>
      <c r="W13335" s="19"/>
      <c r="X13335" s="19"/>
      <c r="Y13335" s="19"/>
      <c r="Z13335" s="19"/>
      <c r="AA13335" s="19"/>
    </row>
    <row r="13336" spans="1:27" s="1" customFormat="1" ht="11.1" customHeight="1" outlineLevel="4" x14ac:dyDescent="0.2">
      <c r="A13336" s="17">
        <v>15498</v>
      </c>
      <c r="B13336" s="17"/>
      <c r="C13336" s="17"/>
      <c r="D13336" s="18" t="s">
        <v>6612</v>
      </c>
      <c r="E13336" s="18"/>
      <c r="F13336" s="18"/>
      <c r="G13336" s="18"/>
      <c r="H13336" s="18"/>
      <c r="I13336" s="18"/>
      <c r="J13336" s="18"/>
      <c r="K13336" s="18"/>
      <c r="L13336" s="18"/>
      <c r="M13336" s="18"/>
      <c r="N13336" s="18"/>
      <c r="O13336" s="18"/>
      <c r="P13336" s="19">
        <v>240</v>
      </c>
      <c r="Q13336" s="19"/>
      <c r="R13336" s="19"/>
      <c r="S13336" s="19"/>
      <c r="T13336" s="19">
        <v>150</v>
      </c>
      <c r="U13336" s="19"/>
      <c r="V13336" s="19"/>
      <c r="W13336" s="19"/>
      <c r="X13336" s="19">
        <v>1</v>
      </c>
      <c r="Y13336" s="19"/>
      <c r="Z13336" s="19"/>
      <c r="AA13336" s="19"/>
    </row>
    <row r="13337" spans="1:27" s="1" customFormat="1" ht="11.1" customHeight="1" outlineLevel="4" x14ac:dyDescent="0.2">
      <c r="A13337" s="17"/>
      <c r="B13337" s="17"/>
      <c r="C13337" s="17"/>
      <c r="D13337" s="18"/>
      <c r="E13337" s="18"/>
      <c r="F13337" s="18"/>
      <c r="G13337" s="18"/>
      <c r="H13337" s="18"/>
      <c r="I13337" s="18"/>
      <c r="J13337" s="18"/>
      <c r="K13337" s="18"/>
      <c r="L13337" s="18"/>
      <c r="M13337" s="18"/>
      <c r="N13337" s="18"/>
      <c r="O13337" s="18"/>
      <c r="P13337" s="19"/>
      <c r="Q13337" s="19"/>
      <c r="R13337" s="19"/>
      <c r="S13337" s="19"/>
      <c r="T13337" s="19"/>
      <c r="U13337" s="19"/>
      <c r="V13337" s="19"/>
      <c r="W13337" s="19"/>
      <c r="X13337" s="19"/>
      <c r="Y13337" s="19"/>
      <c r="Z13337" s="19"/>
      <c r="AA13337" s="19"/>
    </row>
    <row r="13338" spans="1:27" s="1" customFormat="1" ht="11.1" customHeight="1" outlineLevel="4" x14ac:dyDescent="0.2">
      <c r="A13338" s="17">
        <v>15493</v>
      </c>
      <c r="B13338" s="17"/>
      <c r="C13338" s="17"/>
      <c r="D13338" s="18" t="s">
        <v>6613</v>
      </c>
      <c r="E13338" s="18"/>
      <c r="F13338" s="18"/>
      <c r="G13338" s="18"/>
      <c r="H13338" s="18"/>
      <c r="I13338" s="18"/>
      <c r="J13338" s="18"/>
      <c r="K13338" s="18"/>
      <c r="L13338" s="18"/>
      <c r="M13338" s="18"/>
      <c r="N13338" s="18"/>
      <c r="O13338" s="18"/>
      <c r="P13338" s="19">
        <v>240</v>
      </c>
      <c r="Q13338" s="19"/>
      <c r="R13338" s="19"/>
      <c r="S13338" s="19"/>
      <c r="T13338" s="19">
        <v>150</v>
      </c>
      <c r="U13338" s="19"/>
      <c r="V13338" s="19"/>
      <c r="W13338" s="19"/>
      <c r="X13338" s="19">
        <v>1</v>
      </c>
      <c r="Y13338" s="19"/>
      <c r="Z13338" s="19"/>
      <c r="AA13338" s="19"/>
    </row>
    <row r="13339" spans="1:27" s="1" customFormat="1" ht="11.1" customHeight="1" outlineLevel="4" x14ac:dyDescent="0.2">
      <c r="A13339" s="17"/>
      <c r="B13339" s="17"/>
      <c r="C13339" s="17"/>
      <c r="D13339" s="18"/>
      <c r="E13339" s="18"/>
      <c r="F13339" s="18"/>
      <c r="G13339" s="18"/>
      <c r="H13339" s="18"/>
      <c r="I13339" s="18"/>
      <c r="J13339" s="18"/>
      <c r="K13339" s="18"/>
      <c r="L13339" s="18"/>
      <c r="M13339" s="18"/>
      <c r="N13339" s="18"/>
      <c r="O13339" s="18"/>
      <c r="P13339" s="19"/>
      <c r="Q13339" s="19"/>
      <c r="R13339" s="19"/>
      <c r="S13339" s="19"/>
      <c r="T13339" s="19"/>
      <c r="U13339" s="19"/>
      <c r="V13339" s="19"/>
      <c r="W13339" s="19"/>
      <c r="X13339" s="19"/>
      <c r="Y13339" s="19"/>
      <c r="Z13339" s="19"/>
      <c r="AA13339" s="19"/>
    </row>
    <row r="13340" spans="1:27" s="1" customFormat="1" ht="14.1" customHeight="1" outlineLevel="4" x14ac:dyDescent="0.2">
      <c r="A13340" s="17">
        <v>15499</v>
      </c>
      <c r="B13340" s="17"/>
      <c r="C13340" s="17"/>
      <c r="D13340" s="18" t="s">
        <v>6614</v>
      </c>
      <c r="E13340" s="18"/>
      <c r="F13340" s="18"/>
      <c r="G13340" s="18"/>
      <c r="H13340" s="18"/>
      <c r="I13340" s="18"/>
      <c r="J13340" s="18"/>
      <c r="K13340" s="18"/>
      <c r="L13340" s="18"/>
      <c r="M13340" s="18"/>
      <c r="N13340" s="18"/>
      <c r="O13340" s="18"/>
      <c r="P13340" s="19">
        <v>240</v>
      </c>
      <c r="Q13340" s="19"/>
      <c r="R13340" s="19"/>
      <c r="S13340" s="19"/>
      <c r="T13340" s="19">
        <v>150</v>
      </c>
      <c r="U13340" s="19"/>
      <c r="V13340" s="19"/>
      <c r="W13340" s="19"/>
      <c r="X13340" s="19">
        <v>1</v>
      </c>
      <c r="Y13340" s="19"/>
      <c r="Z13340" s="19"/>
      <c r="AA13340" s="19"/>
    </row>
    <row r="13341" spans="1:27" s="1" customFormat="1" ht="14.1" customHeight="1" outlineLevel="4" x14ac:dyDescent="0.2">
      <c r="A13341" s="17"/>
      <c r="B13341" s="17"/>
      <c r="C13341" s="17"/>
      <c r="D13341" s="18"/>
      <c r="E13341" s="18"/>
      <c r="F13341" s="18"/>
      <c r="G13341" s="18"/>
      <c r="H13341" s="18"/>
      <c r="I13341" s="18"/>
      <c r="J13341" s="18"/>
      <c r="K13341" s="18"/>
      <c r="L13341" s="18"/>
      <c r="M13341" s="18"/>
      <c r="N13341" s="18"/>
      <c r="O13341" s="18"/>
      <c r="P13341" s="19"/>
      <c r="Q13341" s="19"/>
      <c r="R13341" s="19"/>
      <c r="S13341" s="19"/>
      <c r="T13341" s="19"/>
      <c r="U13341" s="19"/>
      <c r="V13341" s="19"/>
      <c r="W13341" s="19"/>
      <c r="X13341" s="19"/>
      <c r="Y13341" s="19"/>
      <c r="Z13341" s="19"/>
      <c r="AA13341" s="19"/>
    </row>
    <row r="13342" spans="1:27" s="1" customFormat="1" ht="14.1" customHeight="1" outlineLevel="4" x14ac:dyDescent="0.2">
      <c r="A13342" s="17">
        <v>15489</v>
      </c>
      <c r="B13342" s="17"/>
      <c r="C13342" s="17"/>
      <c r="D13342" s="18" t="s">
        <v>6615</v>
      </c>
      <c r="E13342" s="18"/>
      <c r="F13342" s="18"/>
      <c r="G13342" s="18"/>
      <c r="H13342" s="18"/>
      <c r="I13342" s="18"/>
      <c r="J13342" s="18"/>
      <c r="K13342" s="18"/>
      <c r="L13342" s="18"/>
      <c r="M13342" s="18"/>
      <c r="N13342" s="18"/>
      <c r="O13342" s="18"/>
      <c r="P13342" s="19">
        <v>240</v>
      </c>
      <c r="Q13342" s="19"/>
      <c r="R13342" s="19"/>
      <c r="S13342" s="19"/>
      <c r="T13342" s="19">
        <v>150</v>
      </c>
      <c r="U13342" s="19"/>
      <c r="V13342" s="19"/>
      <c r="W13342" s="19"/>
      <c r="X13342" s="19">
        <v>1</v>
      </c>
      <c r="Y13342" s="19"/>
      <c r="Z13342" s="19"/>
      <c r="AA13342" s="19"/>
    </row>
    <row r="13343" spans="1:27" s="1" customFormat="1" ht="14.1" customHeight="1" outlineLevel="4" x14ac:dyDescent="0.2">
      <c r="A13343" s="17"/>
      <c r="B13343" s="17"/>
      <c r="C13343" s="17"/>
      <c r="D13343" s="18"/>
      <c r="E13343" s="18"/>
      <c r="F13343" s="18"/>
      <c r="G13343" s="18"/>
      <c r="H13343" s="18"/>
      <c r="I13343" s="18"/>
      <c r="J13343" s="18"/>
      <c r="K13343" s="18"/>
      <c r="L13343" s="18"/>
      <c r="M13343" s="18"/>
      <c r="N13343" s="18"/>
      <c r="O13343" s="18"/>
      <c r="P13343" s="19"/>
      <c r="Q13343" s="19"/>
      <c r="R13343" s="19"/>
      <c r="S13343" s="19"/>
      <c r="T13343" s="19"/>
      <c r="U13343" s="19"/>
      <c r="V13343" s="19"/>
      <c r="W13343" s="19"/>
      <c r="X13343" s="19"/>
      <c r="Y13343" s="19"/>
      <c r="Z13343" s="19"/>
      <c r="AA13343" s="19"/>
    </row>
    <row r="13344" spans="1:27" s="1" customFormat="1" ht="14.1" customHeight="1" outlineLevel="4" x14ac:dyDescent="0.2">
      <c r="A13344" s="17">
        <v>15484</v>
      </c>
      <c r="B13344" s="17"/>
      <c r="C13344" s="17"/>
      <c r="D13344" s="18" t="s">
        <v>6616</v>
      </c>
      <c r="E13344" s="18"/>
      <c r="F13344" s="18"/>
      <c r="G13344" s="18"/>
      <c r="H13344" s="18"/>
      <c r="I13344" s="18"/>
      <c r="J13344" s="18"/>
      <c r="K13344" s="18"/>
      <c r="L13344" s="18"/>
      <c r="M13344" s="18"/>
      <c r="N13344" s="18"/>
      <c r="O13344" s="18"/>
      <c r="P13344" s="19">
        <v>240</v>
      </c>
      <c r="Q13344" s="19"/>
      <c r="R13344" s="19"/>
      <c r="S13344" s="19"/>
      <c r="T13344" s="19">
        <v>150</v>
      </c>
      <c r="U13344" s="19"/>
      <c r="V13344" s="19"/>
      <c r="W13344" s="19"/>
      <c r="X13344" s="19">
        <v>1</v>
      </c>
      <c r="Y13344" s="19"/>
      <c r="Z13344" s="19"/>
      <c r="AA13344" s="19"/>
    </row>
    <row r="13345" spans="1:27" s="1" customFormat="1" ht="14.1" customHeight="1" outlineLevel="4" x14ac:dyDescent="0.2">
      <c r="A13345" s="17"/>
      <c r="B13345" s="17"/>
      <c r="C13345" s="17"/>
      <c r="D13345" s="18"/>
      <c r="E13345" s="18"/>
      <c r="F13345" s="18"/>
      <c r="G13345" s="18"/>
      <c r="H13345" s="18"/>
      <c r="I13345" s="18"/>
      <c r="J13345" s="18"/>
      <c r="K13345" s="18"/>
      <c r="L13345" s="18"/>
      <c r="M13345" s="18"/>
      <c r="N13345" s="18"/>
      <c r="O13345" s="18"/>
      <c r="P13345" s="19"/>
      <c r="Q13345" s="19"/>
      <c r="R13345" s="19"/>
      <c r="S13345" s="19"/>
      <c r="T13345" s="19"/>
      <c r="U13345" s="19"/>
      <c r="V13345" s="19"/>
      <c r="W13345" s="19"/>
      <c r="X13345" s="19"/>
      <c r="Y13345" s="19"/>
      <c r="Z13345" s="19"/>
      <c r="AA13345" s="19"/>
    </row>
    <row r="13346" spans="1:27" s="1" customFormat="1" ht="14.1" customHeight="1" outlineLevel="4" x14ac:dyDescent="0.2">
      <c r="A13346" s="17">
        <v>15485</v>
      </c>
      <c r="B13346" s="17"/>
      <c r="C13346" s="17"/>
      <c r="D13346" s="18" t="s">
        <v>6617</v>
      </c>
      <c r="E13346" s="18"/>
      <c r="F13346" s="18"/>
      <c r="G13346" s="18"/>
      <c r="H13346" s="18"/>
      <c r="I13346" s="18"/>
      <c r="J13346" s="18"/>
      <c r="K13346" s="18"/>
      <c r="L13346" s="18"/>
      <c r="M13346" s="18"/>
      <c r="N13346" s="18"/>
      <c r="O13346" s="18"/>
      <c r="P13346" s="19">
        <v>240</v>
      </c>
      <c r="Q13346" s="19"/>
      <c r="R13346" s="19"/>
      <c r="S13346" s="19"/>
      <c r="T13346" s="19">
        <v>150</v>
      </c>
      <c r="U13346" s="19"/>
      <c r="V13346" s="19"/>
      <c r="W13346" s="19"/>
      <c r="X13346" s="19">
        <v>1</v>
      </c>
      <c r="Y13346" s="19"/>
      <c r="Z13346" s="19"/>
      <c r="AA13346" s="19"/>
    </row>
    <row r="13347" spans="1:27" s="1" customFormat="1" ht="14.1" customHeight="1" outlineLevel="4" x14ac:dyDescent="0.2">
      <c r="A13347" s="17"/>
      <c r="B13347" s="17"/>
      <c r="C13347" s="17"/>
      <c r="D13347" s="18"/>
      <c r="E13347" s="18"/>
      <c r="F13347" s="18"/>
      <c r="G13347" s="18"/>
      <c r="H13347" s="18"/>
      <c r="I13347" s="18"/>
      <c r="J13347" s="18"/>
      <c r="K13347" s="18"/>
      <c r="L13347" s="18"/>
      <c r="M13347" s="18"/>
      <c r="N13347" s="18"/>
      <c r="O13347" s="18"/>
      <c r="P13347" s="19"/>
      <c r="Q13347" s="19"/>
      <c r="R13347" s="19"/>
      <c r="S13347" s="19"/>
      <c r="T13347" s="19"/>
      <c r="U13347" s="19"/>
      <c r="V13347" s="19"/>
      <c r="W13347" s="19"/>
      <c r="X13347" s="19"/>
      <c r="Y13347" s="19"/>
      <c r="Z13347" s="19"/>
      <c r="AA13347" s="19"/>
    </row>
    <row r="13348" spans="1:27" s="1" customFormat="1" ht="14.1" customHeight="1" outlineLevel="4" x14ac:dyDescent="0.2">
      <c r="A13348" s="17">
        <v>15488</v>
      </c>
      <c r="B13348" s="17"/>
      <c r="C13348" s="17"/>
      <c r="D13348" s="18" t="s">
        <v>6618</v>
      </c>
      <c r="E13348" s="18"/>
      <c r="F13348" s="18"/>
      <c r="G13348" s="18"/>
      <c r="H13348" s="18"/>
      <c r="I13348" s="18"/>
      <c r="J13348" s="18"/>
      <c r="K13348" s="18"/>
      <c r="L13348" s="18"/>
      <c r="M13348" s="18"/>
      <c r="N13348" s="18"/>
      <c r="O13348" s="18"/>
      <c r="P13348" s="19">
        <v>240</v>
      </c>
      <c r="Q13348" s="19"/>
      <c r="R13348" s="19"/>
      <c r="S13348" s="19"/>
      <c r="T13348" s="19">
        <v>150</v>
      </c>
      <c r="U13348" s="19"/>
      <c r="V13348" s="19"/>
      <c r="W13348" s="19"/>
      <c r="X13348" s="19">
        <v>1</v>
      </c>
      <c r="Y13348" s="19"/>
      <c r="Z13348" s="19"/>
      <c r="AA13348" s="19"/>
    </row>
    <row r="13349" spans="1:27" s="1" customFormat="1" ht="14.1" customHeight="1" outlineLevel="4" x14ac:dyDescent="0.2">
      <c r="A13349" s="17"/>
      <c r="B13349" s="17"/>
      <c r="C13349" s="17"/>
      <c r="D13349" s="18"/>
      <c r="E13349" s="18"/>
      <c r="F13349" s="18"/>
      <c r="G13349" s="18"/>
      <c r="H13349" s="18"/>
      <c r="I13349" s="18"/>
      <c r="J13349" s="18"/>
      <c r="K13349" s="18"/>
      <c r="L13349" s="18"/>
      <c r="M13349" s="18"/>
      <c r="N13349" s="18"/>
      <c r="O13349" s="18"/>
      <c r="P13349" s="19"/>
      <c r="Q13349" s="19"/>
      <c r="R13349" s="19"/>
      <c r="S13349" s="19"/>
      <c r="T13349" s="19"/>
      <c r="U13349" s="19"/>
      <c r="V13349" s="19"/>
      <c r="W13349" s="19"/>
      <c r="X13349" s="19"/>
      <c r="Y13349" s="19"/>
      <c r="Z13349" s="19"/>
      <c r="AA13349" s="19"/>
    </row>
    <row r="13350" spans="1:27" s="1" customFormat="1" ht="14.1" customHeight="1" outlineLevel="4" x14ac:dyDescent="0.2">
      <c r="A13350" s="17">
        <v>15487</v>
      </c>
      <c r="B13350" s="17"/>
      <c r="C13350" s="17"/>
      <c r="D13350" s="18" t="s">
        <v>6619</v>
      </c>
      <c r="E13350" s="18"/>
      <c r="F13350" s="18"/>
      <c r="G13350" s="18"/>
      <c r="H13350" s="18"/>
      <c r="I13350" s="18"/>
      <c r="J13350" s="18"/>
      <c r="K13350" s="18"/>
      <c r="L13350" s="18"/>
      <c r="M13350" s="18"/>
      <c r="N13350" s="18"/>
      <c r="O13350" s="18"/>
      <c r="P13350" s="19">
        <v>240</v>
      </c>
      <c r="Q13350" s="19"/>
      <c r="R13350" s="19"/>
      <c r="S13350" s="19"/>
      <c r="T13350" s="19">
        <v>150</v>
      </c>
      <c r="U13350" s="19"/>
      <c r="V13350" s="19"/>
      <c r="W13350" s="19"/>
      <c r="X13350" s="19">
        <v>1</v>
      </c>
      <c r="Y13350" s="19"/>
      <c r="Z13350" s="19"/>
      <c r="AA13350" s="19"/>
    </row>
    <row r="13351" spans="1:27" s="1" customFormat="1" ht="14.1" customHeight="1" outlineLevel="4" x14ac:dyDescent="0.2">
      <c r="A13351" s="17"/>
      <c r="B13351" s="17"/>
      <c r="C13351" s="17"/>
      <c r="D13351" s="18"/>
      <c r="E13351" s="18"/>
      <c r="F13351" s="18"/>
      <c r="G13351" s="18"/>
      <c r="H13351" s="18"/>
      <c r="I13351" s="18"/>
      <c r="J13351" s="18"/>
      <c r="K13351" s="18"/>
      <c r="L13351" s="18"/>
      <c r="M13351" s="18"/>
      <c r="N13351" s="18"/>
      <c r="O13351" s="18"/>
      <c r="P13351" s="19"/>
      <c r="Q13351" s="19"/>
      <c r="R13351" s="19"/>
      <c r="S13351" s="19"/>
      <c r="T13351" s="19"/>
      <c r="U13351" s="19"/>
      <c r="V13351" s="19"/>
      <c r="W13351" s="19"/>
      <c r="X13351" s="19"/>
      <c r="Y13351" s="19"/>
      <c r="Z13351" s="19"/>
      <c r="AA13351" s="19"/>
    </row>
    <row r="13352" spans="1:27" s="1" customFormat="1" ht="11.1" customHeight="1" outlineLevel="4" x14ac:dyDescent="0.2">
      <c r="A13352" s="17">
        <v>18023</v>
      </c>
      <c r="B13352" s="17"/>
      <c r="C13352" s="17"/>
      <c r="D13352" s="18" t="s">
        <v>6620</v>
      </c>
      <c r="E13352" s="18"/>
      <c r="F13352" s="18"/>
      <c r="G13352" s="18"/>
      <c r="H13352" s="18"/>
      <c r="I13352" s="18"/>
      <c r="J13352" s="18"/>
      <c r="K13352" s="18"/>
      <c r="L13352" s="18"/>
      <c r="M13352" s="18"/>
      <c r="N13352" s="18"/>
      <c r="O13352" s="18"/>
      <c r="P13352" s="19">
        <v>350</v>
      </c>
      <c r="Q13352" s="19"/>
      <c r="R13352" s="19"/>
      <c r="S13352" s="19"/>
      <c r="T13352" s="19">
        <v>160</v>
      </c>
      <c r="U13352" s="19"/>
      <c r="V13352" s="19"/>
      <c r="W13352" s="19"/>
      <c r="X13352" s="19">
        <v>1</v>
      </c>
      <c r="Y13352" s="19"/>
      <c r="Z13352" s="19"/>
      <c r="AA13352" s="19"/>
    </row>
    <row r="13353" spans="1:27" s="1" customFormat="1" ht="11.1" customHeight="1" outlineLevel="4" x14ac:dyDescent="0.2">
      <c r="A13353" s="17"/>
      <c r="B13353" s="17"/>
      <c r="C13353" s="17"/>
      <c r="D13353" s="18"/>
      <c r="E13353" s="18"/>
      <c r="F13353" s="18"/>
      <c r="G13353" s="18"/>
      <c r="H13353" s="18"/>
      <c r="I13353" s="18"/>
      <c r="J13353" s="18"/>
      <c r="K13353" s="18"/>
      <c r="L13353" s="18"/>
      <c r="M13353" s="18"/>
      <c r="N13353" s="18"/>
      <c r="O13353" s="18"/>
      <c r="P13353" s="19"/>
      <c r="Q13353" s="19"/>
      <c r="R13353" s="19"/>
      <c r="S13353" s="19"/>
      <c r="T13353" s="19"/>
      <c r="U13353" s="19"/>
      <c r="V13353" s="19"/>
      <c r="W13353" s="19"/>
      <c r="X13353" s="19"/>
      <c r="Y13353" s="19"/>
      <c r="Z13353" s="19"/>
      <c r="AA13353" s="19"/>
    </row>
    <row r="13354" spans="1:27" s="1" customFormat="1" ht="11.1" customHeight="1" outlineLevel="4" x14ac:dyDescent="0.2">
      <c r="A13354" s="17">
        <v>18022</v>
      </c>
      <c r="B13354" s="17"/>
      <c r="C13354" s="17"/>
      <c r="D13354" s="18" t="s">
        <v>6621</v>
      </c>
      <c r="E13354" s="18"/>
      <c r="F13354" s="18"/>
      <c r="G13354" s="18"/>
      <c r="H13354" s="18"/>
      <c r="I13354" s="18"/>
      <c r="J13354" s="18"/>
      <c r="K13354" s="18"/>
      <c r="L13354" s="18"/>
      <c r="M13354" s="18"/>
      <c r="N13354" s="18"/>
      <c r="O13354" s="18"/>
      <c r="P13354" s="19">
        <v>350</v>
      </c>
      <c r="Q13354" s="19"/>
      <c r="R13354" s="19"/>
      <c r="S13354" s="19"/>
      <c r="T13354" s="19">
        <v>160</v>
      </c>
      <c r="U13354" s="19"/>
      <c r="V13354" s="19"/>
      <c r="W13354" s="19"/>
      <c r="X13354" s="19">
        <v>2</v>
      </c>
      <c r="Y13354" s="19"/>
      <c r="Z13354" s="19"/>
      <c r="AA13354" s="19"/>
    </row>
    <row r="13355" spans="1:27" s="1" customFormat="1" ht="11.1" customHeight="1" outlineLevel="4" x14ac:dyDescent="0.2">
      <c r="A13355" s="17"/>
      <c r="B13355" s="17"/>
      <c r="C13355" s="17"/>
      <c r="D13355" s="18"/>
      <c r="E13355" s="18"/>
      <c r="F13355" s="18"/>
      <c r="G13355" s="18"/>
      <c r="H13355" s="18"/>
      <c r="I13355" s="18"/>
      <c r="J13355" s="18"/>
      <c r="K13355" s="18"/>
      <c r="L13355" s="18"/>
      <c r="M13355" s="18"/>
      <c r="N13355" s="18"/>
      <c r="O13355" s="18"/>
      <c r="P13355" s="19"/>
      <c r="Q13355" s="19"/>
      <c r="R13355" s="19"/>
      <c r="S13355" s="19"/>
      <c r="T13355" s="19"/>
      <c r="U13355" s="19"/>
      <c r="V13355" s="19"/>
      <c r="W13355" s="19"/>
      <c r="X13355" s="19"/>
      <c r="Y13355" s="19"/>
      <c r="Z13355" s="19"/>
      <c r="AA13355" s="19"/>
    </row>
    <row r="13356" spans="1:27" s="1" customFormat="1" ht="14.1" customHeight="1" outlineLevel="4" x14ac:dyDescent="0.2">
      <c r="A13356" s="17">
        <v>16386</v>
      </c>
      <c r="B13356" s="17"/>
      <c r="C13356" s="17"/>
      <c r="D13356" s="18" t="s">
        <v>6622</v>
      </c>
      <c r="E13356" s="18"/>
      <c r="F13356" s="18"/>
      <c r="G13356" s="18"/>
      <c r="H13356" s="18"/>
      <c r="I13356" s="18"/>
      <c r="J13356" s="18"/>
      <c r="K13356" s="18"/>
      <c r="L13356" s="18"/>
      <c r="M13356" s="18"/>
      <c r="N13356" s="18"/>
      <c r="O13356" s="18"/>
      <c r="P13356" s="19">
        <v>180</v>
      </c>
      <c r="Q13356" s="19"/>
      <c r="R13356" s="19"/>
      <c r="S13356" s="19"/>
      <c r="T13356" s="19">
        <v>180</v>
      </c>
      <c r="U13356" s="19"/>
      <c r="V13356" s="19"/>
      <c r="W13356" s="19"/>
      <c r="X13356" s="19">
        <v>1</v>
      </c>
      <c r="Y13356" s="19"/>
      <c r="Z13356" s="19"/>
      <c r="AA13356" s="19"/>
    </row>
    <row r="13357" spans="1:27" s="1" customFormat="1" ht="14.1" customHeight="1" outlineLevel="4" x14ac:dyDescent="0.2">
      <c r="A13357" s="17"/>
      <c r="B13357" s="17"/>
      <c r="C13357" s="17"/>
      <c r="D13357" s="18"/>
      <c r="E13357" s="18"/>
      <c r="F13357" s="18"/>
      <c r="G13357" s="18"/>
      <c r="H13357" s="18"/>
      <c r="I13357" s="18"/>
      <c r="J13357" s="18"/>
      <c r="K13357" s="18"/>
      <c r="L13357" s="18"/>
      <c r="M13357" s="18"/>
      <c r="N13357" s="18"/>
      <c r="O13357" s="18"/>
      <c r="P13357" s="19"/>
      <c r="Q13357" s="19"/>
      <c r="R13357" s="19"/>
      <c r="S13357" s="19"/>
      <c r="T13357" s="19"/>
      <c r="U13357" s="19"/>
      <c r="V13357" s="19"/>
      <c r="W13357" s="19"/>
      <c r="X13357" s="19"/>
      <c r="Y13357" s="19"/>
      <c r="Z13357" s="19"/>
      <c r="AA13357" s="19"/>
    </row>
    <row r="13358" spans="1:27" s="1" customFormat="1" ht="11.1" customHeight="1" outlineLevel="3" x14ac:dyDescent="0.2">
      <c r="A13358" s="16" t="s">
        <v>1678</v>
      </c>
      <c r="B13358" s="16"/>
      <c r="C13358" s="16"/>
      <c r="D13358" s="16"/>
      <c r="E13358" s="16"/>
      <c r="F13358" s="16"/>
      <c r="G13358" s="16"/>
      <c r="H13358" s="16"/>
      <c r="I13358" s="16"/>
      <c r="J13358" s="16"/>
      <c r="K13358" s="16"/>
      <c r="L13358" s="16"/>
      <c r="M13358" s="16"/>
      <c r="N13358" s="16"/>
      <c r="O13358" s="16"/>
      <c r="P13358" s="16"/>
      <c r="Q13358" s="16"/>
      <c r="R13358" s="16"/>
      <c r="S13358" s="16"/>
      <c r="T13358" s="16"/>
      <c r="U13358" s="16"/>
      <c r="V13358" s="16"/>
      <c r="W13358" s="16"/>
      <c r="X13358" s="16"/>
      <c r="Y13358" s="16"/>
      <c r="Z13358" s="16"/>
      <c r="AA13358" s="16"/>
    </row>
    <row r="13359" spans="1:27" s="1" customFormat="1" ht="11.1" customHeight="1" outlineLevel="3" x14ac:dyDescent="0.2">
      <c r="A13359" s="16"/>
      <c r="B13359" s="16"/>
      <c r="C13359" s="16"/>
      <c r="D13359" s="16"/>
      <c r="E13359" s="16"/>
      <c r="F13359" s="16"/>
      <c r="G13359" s="16"/>
      <c r="H13359" s="16"/>
      <c r="I13359" s="16"/>
      <c r="J13359" s="16"/>
      <c r="K13359" s="16"/>
      <c r="L13359" s="16"/>
      <c r="M13359" s="16"/>
      <c r="N13359" s="16"/>
      <c r="O13359" s="16"/>
      <c r="P13359" s="16"/>
      <c r="Q13359" s="16"/>
      <c r="R13359" s="16"/>
      <c r="S13359" s="16"/>
      <c r="T13359" s="16"/>
      <c r="U13359" s="16"/>
      <c r="V13359" s="16"/>
      <c r="W13359" s="16"/>
      <c r="X13359" s="16"/>
      <c r="Y13359" s="16"/>
      <c r="Z13359" s="16"/>
      <c r="AA13359" s="16"/>
    </row>
    <row r="13360" spans="1:27" s="1" customFormat="1" ht="11.1" customHeight="1" outlineLevel="4" x14ac:dyDescent="0.2">
      <c r="A13360" s="17">
        <v>7817</v>
      </c>
      <c r="B13360" s="17"/>
      <c r="C13360" s="17"/>
      <c r="D13360" s="18" t="s">
        <v>6623</v>
      </c>
      <c r="E13360" s="18"/>
      <c r="F13360" s="18"/>
      <c r="G13360" s="18"/>
      <c r="H13360" s="18"/>
      <c r="I13360" s="18"/>
      <c r="J13360" s="18"/>
      <c r="K13360" s="18"/>
      <c r="L13360" s="18"/>
      <c r="M13360" s="18"/>
      <c r="N13360" s="18"/>
      <c r="O13360" s="18"/>
      <c r="P13360" s="19">
        <v>160</v>
      </c>
      <c r="Q13360" s="19"/>
      <c r="R13360" s="19"/>
      <c r="S13360" s="19"/>
      <c r="T13360" s="19">
        <v>45</v>
      </c>
      <c r="U13360" s="19"/>
      <c r="V13360" s="19"/>
      <c r="W13360" s="19"/>
      <c r="X13360" s="19">
        <v>3</v>
      </c>
      <c r="Y13360" s="19"/>
      <c r="Z13360" s="19"/>
      <c r="AA13360" s="19"/>
    </row>
    <row r="13361" spans="1:27" s="1" customFormat="1" ht="11.1" customHeight="1" outlineLevel="4" x14ac:dyDescent="0.2">
      <c r="A13361" s="17"/>
      <c r="B13361" s="17"/>
      <c r="C13361" s="17"/>
      <c r="D13361" s="18"/>
      <c r="E13361" s="18"/>
      <c r="F13361" s="18"/>
      <c r="G13361" s="18"/>
      <c r="H13361" s="18"/>
      <c r="I13361" s="18"/>
      <c r="J13361" s="18"/>
      <c r="K13361" s="18"/>
      <c r="L13361" s="18"/>
      <c r="M13361" s="18"/>
      <c r="N13361" s="18"/>
      <c r="O13361" s="18"/>
      <c r="P13361" s="19"/>
      <c r="Q13361" s="19"/>
      <c r="R13361" s="19"/>
      <c r="S13361" s="19"/>
      <c r="T13361" s="19"/>
      <c r="U13361" s="19"/>
      <c r="V13361" s="19"/>
      <c r="W13361" s="19"/>
      <c r="X13361" s="19"/>
      <c r="Y13361" s="19"/>
      <c r="Z13361" s="19"/>
      <c r="AA13361" s="19"/>
    </row>
    <row r="13362" spans="1:27" s="1" customFormat="1" ht="11.1" customHeight="1" outlineLevel="4" x14ac:dyDescent="0.2">
      <c r="A13362" s="17">
        <v>7806</v>
      </c>
      <c r="B13362" s="17"/>
      <c r="C13362" s="17"/>
      <c r="D13362" s="18" t="s">
        <v>6624</v>
      </c>
      <c r="E13362" s="18"/>
      <c r="F13362" s="18"/>
      <c r="G13362" s="18"/>
      <c r="H13362" s="18"/>
      <c r="I13362" s="18"/>
      <c r="J13362" s="18"/>
      <c r="K13362" s="18"/>
      <c r="L13362" s="18"/>
      <c r="M13362" s="18"/>
      <c r="N13362" s="18"/>
      <c r="O13362" s="18"/>
      <c r="P13362" s="19">
        <v>160</v>
      </c>
      <c r="Q13362" s="19"/>
      <c r="R13362" s="19"/>
      <c r="S13362" s="19"/>
      <c r="T13362" s="19">
        <v>45</v>
      </c>
      <c r="U13362" s="19"/>
      <c r="V13362" s="19"/>
      <c r="W13362" s="19"/>
      <c r="X13362" s="19">
        <v>1</v>
      </c>
      <c r="Y13362" s="19"/>
      <c r="Z13362" s="19"/>
      <c r="AA13362" s="19"/>
    </row>
    <row r="13363" spans="1:27" s="1" customFormat="1" ht="11.1" customHeight="1" outlineLevel="4" x14ac:dyDescent="0.2">
      <c r="A13363" s="17"/>
      <c r="B13363" s="17"/>
      <c r="C13363" s="17"/>
      <c r="D13363" s="18"/>
      <c r="E13363" s="18"/>
      <c r="F13363" s="18"/>
      <c r="G13363" s="18"/>
      <c r="H13363" s="18"/>
      <c r="I13363" s="18"/>
      <c r="J13363" s="18"/>
      <c r="K13363" s="18"/>
      <c r="L13363" s="18"/>
      <c r="M13363" s="18"/>
      <c r="N13363" s="18"/>
      <c r="O13363" s="18"/>
      <c r="P13363" s="19"/>
      <c r="Q13363" s="19"/>
      <c r="R13363" s="19"/>
      <c r="S13363" s="19"/>
      <c r="T13363" s="19"/>
      <c r="U13363" s="19"/>
      <c r="V13363" s="19"/>
      <c r="W13363" s="19"/>
      <c r="X13363" s="19"/>
      <c r="Y13363" s="19"/>
      <c r="Z13363" s="19"/>
      <c r="AA13363" s="19"/>
    </row>
    <row r="13364" spans="1:27" s="1" customFormat="1" ht="11.1" customHeight="1" outlineLevel="4" x14ac:dyDescent="0.2">
      <c r="A13364" s="17">
        <v>7808</v>
      </c>
      <c r="B13364" s="17"/>
      <c r="C13364" s="17"/>
      <c r="D13364" s="18" t="s">
        <v>6625</v>
      </c>
      <c r="E13364" s="18"/>
      <c r="F13364" s="18"/>
      <c r="G13364" s="18"/>
      <c r="H13364" s="18"/>
      <c r="I13364" s="18"/>
      <c r="J13364" s="18"/>
      <c r="K13364" s="18"/>
      <c r="L13364" s="18"/>
      <c r="M13364" s="18"/>
      <c r="N13364" s="18"/>
      <c r="O13364" s="18"/>
      <c r="P13364" s="19">
        <v>160</v>
      </c>
      <c r="Q13364" s="19"/>
      <c r="R13364" s="19"/>
      <c r="S13364" s="19"/>
      <c r="T13364" s="19">
        <v>45</v>
      </c>
      <c r="U13364" s="19"/>
      <c r="V13364" s="19"/>
      <c r="W13364" s="19"/>
      <c r="X13364" s="19">
        <v>1</v>
      </c>
      <c r="Y13364" s="19"/>
      <c r="Z13364" s="19"/>
      <c r="AA13364" s="19"/>
    </row>
    <row r="13365" spans="1:27" s="1" customFormat="1" ht="11.1" customHeight="1" outlineLevel="4" x14ac:dyDescent="0.2">
      <c r="A13365" s="17"/>
      <c r="B13365" s="17"/>
      <c r="C13365" s="17"/>
      <c r="D13365" s="18"/>
      <c r="E13365" s="18"/>
      <c r="F13365" s="18"/>
      <c r="G13365" s="18"/>
      <c r="H13365" s="18"/>
      <c r="I13365" s="18"/>
      <c r="J13365" s="18"/>
      <c r="K13365" s="18"/>
      <c r="L13365" s="18"/>
      <c r="M13365" s="18"/>
      <c r="N13365" s="18"/>
      <c r="O13365" s="18"/>
      <c r="P13365" s="19"/>
      <c r="Q13365" s="19"/>
      <c r="R13365" s="19"/>
      <c r="S13365" s="19"/>
      <c r="T13365" s="19"/>
      <c r="U13365" s="19"/>
      <c r="V13365" s="19"/>
      <c r="W13365" s="19"/>
      <c r="X13365" s="19"/>
      <c r="Y13365" s="19"/>
      <c r="Z13365" s="19"/>
      <c r="AA13365" s="19"/>
    </row>
    <row r="13366" spans="1:27" s="1" customFormat="1" ht="11.1" customHeight="1" outlineLevel="4" x14ac:dyDescent="0.2">
      <c r="A13366" s="17">
        <v>7810</v>
      </c>
      <c r="B13366" s="17"/>
      <c r="C13366" s="17"/>
      <c r="D13366" s="18" t="s">
        <v>6626</v>
      </c>
      <c r="E13366" s="18"/>
      <c r="F13366" s="18"/>
      <c r="G13366" s="18"/>
      <c r="H13366" s="18"/>
      <c r="I13366" s="18"/>
      <c r="J13366" s="18"/>
      <c r="K13366" s="18"/>
      <c r="L13366" s="18"/>
      <c r="M13366" s="18"/>
      <c r="N13366" s="18"/>
      <c r="O13366" s="18"/>
      <c r="P13366" s="19">
        <v>160</v>
      </c>
      <c r="Q13366" s="19"/>
      <c r="R13366" s="19"/>
      <c r="S13366" s="19"/>
      <c r="T13366" s="19">
        <v>45</v>
      </c>
      <c r="U13366" s="19"/>
      <c r="V13366" s="19"/>
      <c r="W13366" s="19"/>
      <c r="X13366" s="19">
        <v>1</v>
      </c>
      <c r="Y13366" s="19"/>
      <c r="Z13366" s="19"/>
      <c r="AA13366" s="19"/>
    </row>
    <row r="13367" spans="1:27" s="1" customFormat="1" ht="11.1" customHeight="1" outlineLevel="4" x14ac:dyDescent="0.2">
      <c r="A13367" s="17"/>
      <c r="B13367" s="17"/>
      <c r="C13367" s="17"/>
      <c r="D13367" s="18"/>
      <c r="E13367" s="18"/>
      <c r="F13367" s="18"/>
      <c r="G13367" s="18"/>
      <c r="H13367" s="18"/>
      <c r="I13367" s="18"/>
      <c r="J13367" s="18"/>
      <c r="K13367" s="18"/>
      <c r="L13367" s="18"/>
      <c r="M13367" s="18"/>
      <c r="N13367" s="18"/>
      <c r="O13367" s="18"/>
      <c r="P13367" s="19"/>
      <c r="Q13367" s="19"/>
      <c r="R13367" s="19"/>
      <c r="S13367" s="19"/>
      <c r="T13367" s="19"/>
      <c r="U13367" s="19"/>
      <c r="V13367" s="19"/>
      <c r="W13367" s="19"/>
      <c r="X13367" s="19"/>
      <c r="Y13367" s="19"/>
      <c r="Z13367" s="19"/>
      <c r="AA13367" s="19"/>
    </row>
    <row r="13368" spans="1:27" s="1" customFormat="1" ht="11.1" customHeight="1" outlineLevel="4" x14ac:dyDescent="0.2">
      <c r="A13368" s="17">
        <v>7811</v>
      </c>
      <c r="B13368" s="17"/>
      <c r="C13368" s="17"/>
      <c r="D13368" s="18" t="s">
        <v>6627</v>
      </c>
      <c r="E13368" s="18"/>
      <c r="F13368" s="18"/>
      <c r="G13368" s="18"/>
      <c r="H13368" s="18"/>
      <c r="I13368" s="18"/>
      <c r="J13368" s="18"/>
      <c r="K13368" s="18"/>
      <c r="L13368" s="18"/>
      <c r="M13368" s="18"/>
      <c r="N13368" s="18"/>
      <c r="O13368" s="18"/>
      <c r="P13368" s="19">
        <v>160</v>
      </c>
      <c r="Q13368" s="19"/>
      <c r="R13368" s="19"/>
      <c r="S13368" s="19"/>
      <c r="T13368" s="19">
        <v>45</v>
      </c>
      <c r="U13368" s="19"/>
      <c r="V13368" s="19"/>
      <c r="W13368" s="19"/>
      <c r="X13368" s="19">
        <v>1</v>
      </c>
      <c r="Y13368" s="19"/>
      <c r="Z13368" s="19"/>
      <c r="AA13368" s="19"/>
    </row>
    <row r="13369" spans="1:27" s="1" customFormat="1" ht="11.1" customHeight="1" outlineLevel="4" x14ac:dyDescent="0.2">
      <c r="A13369" s="17"/>
      <c r="B13369" s="17"/>
      <c r="C13369" s="17"/>
      <c r="D13369" s="18"/>
      <c r="E13369" s="18"/>
      <c r="F13369" s="18"/>
      <c r="G13369" s="18"/>
      <c r="H13369" s="18"/>
      <c r="I13369" s="18"/>
      <c r="J13369" s="18"/>
      <c r="K13369" s="18"/>
      <c r="L13369" s="18"/>
      <c r="M13369" s="18"/>
      <c r="N13369" s="18"/>
      <c r="O13369" s="18"/>
      <c r="P13369" s="19"/>
      <c r="Q13369" s="19"/>
      <c r="R13369" s="19"/>
      <c r="S13369" s="19"/>
      <c r="T13369" s="19"/>
      <c r="U13369" s="19"/>
      <c r="V13369" s="19"/>
      <c r="W13369" s="19"/>
      <c r="X13369" s="19"/>
      <c r="Y13369" s="19"/>
      <c r="Z13369" s="19"/>
      <c r="AA13369" s="19"/>
    </row>
    <row r="13370" spans="1:27" s="1" customFormat="1" ht="11.1" customHeight="1" outlineLevel="4" x14ac:dyDescent="0.2">
      <c r="A13370" s="17">
        <v>7812</v>
      </c>
      <c r="B13370" s="17"/>
      <c r="C13370" s="17"/>
      <c r="D13370" s="18" t="s">
        <v>6628</v>
      </c>
      <c r="E13370" s="18"/>
      <c r="F13370" s="18"/>
      <c r="G13370" s="18"/>
      <c r="H13370" s="18"/>
      <c r="I13370" s="18"/>
      <c r="J13370" s="18"/>
      <c r="K13370" s="18"/>
      <c r="L13370" s="18"/>
      <c r="M13370" s="18"/>
      <c r="N13370" s="18"/>
      <c r="O13370" s="18"/>
      <c r="P13370" s="19">
        <v>160</v>
      </c>
      <c r="Q13370" s="19"/>
      <c r="R13370" s="19"/>
      <c r="S13370" s="19"/>
      <c r="T13370" s="19">
        <v>45</v>
      </c>
      <c r="U13370" s="19"/>
      <c r="V13370" s="19"/>
      <c r="W13370" s="19"/>
      <c r="X13370" s="19">
        <v>2</v>
      </c>
      <c r="Y13370" s="19"/>
      <c r="Z13370" s="19"/>
      <c r="AA13370" s="19"/>
    </row>
    <row r="13371" spans="1:27" s="1" customFormat="1" ht="11.1" customHeight="1" outlineLevel="4" x14ac:dyDescent="0.2">
      <c r="A13371" s="17"/>
      <c r="B13371" s="17"/>
      <c r="C13371" s="17"/>
      <c r="D13371" s="18"/>
      <c r="E13371" s="18"/>
      <c r="F13371" s="18"/>
      <c r="G13371" s="18"/>
      <c r="H13371" s="18"/>
      <c r="I13371" s="18"/>
      <c r="J13371" s="18"/>
      <c r="K13371" s="18"/>
      <c r="L13371" s="18"/>
      <c r="M13371" s="18"/>
      <c r="N13371" s="18"/>
      <c r="O13371" s="18"/>
      <c r="P13371" s="19"/>
      <c r="Q13371" s="19"/>
      <c r="R13371" s="19"/>
      <c r="S13371" s="19"/>
      <c r="T13371" s="19"/>
      <c r="U13371" s="19"/>
      <c r="V13371" s="19"/>
      <c r="W13371" s="19"/>
      <c r="X13371" s="19"/>
      <c r="Y13371" s="19"/>
      <c r="Z13371" s="19"/>
      <c r="AA13371" s="19"/>
    </row>
    <row r="13372" spans="1:27" s="1" customFormat="1" ht="11.1" customHeight="1" outlineLevel="4" x14ac:dyDescent="0.2">
      <c r="A13372" s="17">
        <v>7813</v>
      </c>
      <c r="B13372" s="17"/>
      <c r="C13372" s="17"/>
      <c r="D13372" s="18" t="s">
        <v>6629</v>
      </c>
      <c r="E13372" s="18"/>
      <c r="F13372" s="18"/>
      <c r="G13372" s="18"/>
      <c r="H13372" s="18"/>
      <c r="I13372" s="18"/>
      <c r="J13372" s="18"/>
      <c r="K13372" s="18"/>
      <c r="L13372" s="18"/>
      <c r="M13372" s="18"/>
      <c r="N13372" s="18"/>
      <c r="O13372" s="18"/>
      <c r="P13372" s="19">
        <v>160</v>
      </c>
      <c r="Q13372" s="19"/>
      <c r="R13372" s="19"/>
      <c r="S13372" s="19"/>
      <c r="T13372" s="19">
        <v>45</v>
      </c>
      <c r="U13372" s="19"/>
      <c r="V13372" s="19"/>
      <c r="W13372" s="19"/>
      <c r="X13372" s="19">
        <v>2</v>
      </c>
      <c r="Y13372" s="19"/>
      <c r="Z13372" s="19"/>
      <c r="AA13372" s="19"/>
    </row>
    <row r="13373" spans="1:27" s="1" customFormat="1" ht="11.1" customHeight="1" outlineLevel="4" x14ac:dyDescent="0.2">
      <c r="A13373" s="17"/>
      <c r="B13373" s="17"/>
      <c r="C13373" s="17"/>
      <c r="D13373" s="18"/>
      <c r="E13373" s="18"/>
      <c r="F13373" s="18"/>
      <c r="G13373" s="18"/>
      <c r="H13373" s="18"/>
      <c r="I13373" s="18"/>
      <c r="J13373" s="18"/>
      <c r="K13373" s="18"/>
      <c r="L13373" s="18"/>
      <c r="M13373" s="18"/>
      <c r="N13373" s="18"/>
      <c r="O13373" s="18"/>
      <c r="P13373" s="19"/>
      <c r="Q13373" s="19"/>
      <c r="R13373" s="19"/>
      <c r="S13373" s="19"/>
      <c r="T13373" s="19"/>
      <c r="U13373" s="19"/>
      <c r="V13373" s="19"/>
      <c r="W13373" s="19"/>
      <c r="X13373" s="19"/>
      <c r="Y13373" s="19"/>
      <c r="Z13373" s="19"/>
      <c r="AA13373" s="19"/>
    </row>
    <row r="13374" spans="1:27" s="1" customFormat="1" ht="11.1" customHeight="1" outlineLevel="4" x14ac:dyDescent="0.2">
      <c r="A13374" s="17">
        <v>7818</v>
      </c>
      <c r="B13374" s="17"/>
      <c r="C13374" s="17"/>
      <c r="D13374" s="18" t="s">
        <v>6630</v>
      </c>
      <c r="E13374" s="18"/>
      <c r="F13374" s="18"/>
      <c r="G13374" s="18"/>
      <c r="H13374" s="18"/>
      <c r="I13374" s="18"/>
      <c r="J13374" s="18"/>
      <c r="K13374" s="18"/>
      <c r="L13374" s="18"/>
      <c r="M13374" s="18"/>
      <c r="N13374" s="18"/>
      <c r="O13374" s="18"/>
      <c r="P13374" s="19">
        <v>160</v>
      </c>
      <c r="Q13374" s="19"/>
      <c r="R13374" s="19"/>
      <c r="S13374" s="19"/>
      <c r="T13374" s="19">
        <v>45</v>
      </c>
      <c r="U13374" s="19"/>
      <c r="V13374" s="19"/>
      <c r="W13374" s="19"/>
      <c r="X13374" s="19">
        <v>1</v>
      </c>
      <c r="Y13374" s="19"/>
      <c r="Z13374" s="19"/>
      <c r="AA13374" s="19"/>
    </row>
    <row r="13375" spans="1:27" s="1" customFormat="1" ht="11.1" customHeight="1" outlineLevel="4" x14ac:dyDescent="0.2">
      <c r="A13375" s="17"/>
      <c r="B13375" s="17"/>
      <c r="C13375" s="17"/>
      <c r="D13375" s="18"/>
      <c r="E13375" s="18"/>
      <c r="F13375" s="18"/>
      <c r="G13375" s="18"/>
      <c r="H13375" s="18"/>
      <c r="I13375" s="18"/>
      <c r="J13375" s="18"/>
      <c r="K13375" s="18"/>
      <c r="L13375" s="18"/>
      <c r="M13375" s="18"/>
      <c r="N13375" s="18"/>
      <c r="O13375" s="18"/>
      <c r="P13375" s="19"/>
      <c r="Q13375" s="19"/>
      <c r="R13375" s="19"/>
      <c r="S13375" s="19"/>
      <c r="T13375" s="19"/>
      <c r="U13375" s="19"/>
      <c r="V13375" s="19"/>
      <c r="W13375" s="19"/>
      <c r="X13375" s="19"/>
      <c r="Y13375" s="19"/>
      <c r="Z13375" s="19"/>
      <c r="AA13375" s="19"/>
    </row>
    <row r="13376" spans="1:27" s="1" customFormat="1" ht="11.1" customHeight="1" outlineLevel="4" x14ac:dyDescent="0.2">
      <c r="A13376" s="17">
        <v>7819</v>
      </c>
      <c r="B13376" s="17"/>
      <c r="C13376" s="17"/>
      <c r="D13376" s="18" t="s">
        <v>6631</v>
      </c>
      <c r="E13376" s="18"/>
      <c r="F13376" s="18"/>
      <c r="G13376" s="18"/>
      <c r="H13376" s="18"/>
      <c r="I13376" s="18"/>
      <c r="J13376" s="18"/>
      <c r="K13376" s="18"/>
      <c r="L13376" s="18"/>
      <c r="M13376" s="18"/>
      <c r="N13376" s="18"/>
      <c r="O13376" s="18"/>
      <c r="P13376" s="19">
        <v>160</v>
      </c>
      <c r="Q13376" s="19"/>
      <c r="R13376" s="19"/>
      <c r="S13376" s="19"/>
      <c r="T13376" s="19">
        <v>45</v>
      </c>
      <c r="U13376" s="19"/>
      <c r="V13376" s="19"/>
      <c r="W13376" s="19"/>
      <c r="X13376" s="19">
        <v>1</v>
      </c>
      <c r="Y13376" s="19"/>
      <c r="Z13376" s="19"/>
      <c r="AA13376" s="19"/>
    </row>
    <row r="13377" spans="1:27" s="1" customFormat="1" ht="11.1" customHeight="1" outlineLevel="4" x14ac:dyDescent="0.2">
      <c r="A13377" s="17"/>
      <c r="B13377" s="17"/>
      <c r="C13377" s="17"/>
      <c r="D13377" s="18"/>
      <c r="E13377" s="18"/>
      <c r="F13377" s="18"/>
      <c r="G13377" s="18"/>
      <c r="H13377" s="18"/>
      <c r="I13377" s="18"/>
      <c r="J13377" s="18"/>
      <c r="K13377" s="18"/>
      <c r="L13377" s="18"/>
      <c r="M13377" s="18"/>
      <c r="N13377" s="18"/>
      <c r="O13377" s="18"/>
      <c r="P13377" s="19"/>
      <c r="Q13377" s="19"/>
      <c r="R13377" s="19"/>
      <c r="S13377" s="19"/>
      <c r="T13377" s="19"/>
      <c r="U13377" s="19"/>
      <c r="V13377" s="19"/>
      <c r="W13377" s="19"/>
      <c r="X13377" s="19"/>
      <c r="Y13377" s="19"/>
      <c r="Z13377" s="19"/>
      <c r="AA13377" s="19"/>
    </row>
    <row r="13378" spans="1:27" s="1" customFormat="1" ht="11.1" customHeight="1" outlineLevel="4" x14ac:dyDescent="0.2">
      <c r="A13378" s="17">
        <v>7816</v>
      </c>
      <c r="B13378" s="17"/>
      <c r="C13378" s="17"/>
      <c r="D13378" s="18" t="s">
        <v>6632</v>
      </c>
      <c r="E13378" s="18"/>
      <c r="F13378" s="18"/>
      <c r="G13378" s="18"/>
      <c r="H13378" s="18"/>
      <c r="I13378" s="18"/>
      <c r="J13378" s="18"/>
      <c r="K13378" s="18"/>
      <c r="L13378" s="18"/>
      <c r="M13378" s="18"/>
      <c r="N13378" s="18"/>
      <c r="O13378" s="18"/>
      <c r="P13378" s="19">
        <v>160</v>
      </c>
      <c r="Q13378" s="19"/>
      <c r="R13378" s="19"/>
      <c r="S13378" s="19"/>
      <c r="T13378" s="19">
        <v>45</v>
      </c>
      <c r="U13378" s="19"/>
      <c r="V13378" s="19"/>
      <c r="W13378" s="19"/>
      <c r="X13378" s="19">
        <v>2</v>
      </c>
      <c r="Y13378" s="19"/>
      <c r="Z13378" s="19"/>
      <c r="AA13378" s="19"/>
    </row>
    <row r="13379" spans="1:27" s="1" customFormat="1" ht="11.1" customHeight="1" outlineLevel="4" x14ac:dyDescent="0.2">
      <c r="A13379" s="17"/>
      <c r="B13379" s="17"/>
      <c r="C13379" s="17"/>
      <c r="D13379" s="18"/>
      <c r="E13379" s="18"/>
      <c r="F13379" s="18"/>
      <c r="G13379" s="18"/>
      <c r="H13379" s="18"/>
      <c r="I13379" s="18"/>
      <c r="J13379" s="18"/>
      <c r="K13379" s="18"/>
      <c r="L13379" s="18"/>
      <c r="M13379" s="18"/>
      <c r="N13379" s="18"/>
      <c r="O13379" s="18"/>
      <c r="P13379" s="19"/>
      <c r="Q13379" s="19"/>
      <c r="R13379" s="19"/>
      <c r="S13379" s="19"/>
      <c r="T13379" s="19"/>
      <c r="U13379" s="19"/>
      <c r="V13379" s="19"/>
      <c r="W13379" s="19"/>
      <c r="X13379" s="19"/>
      <c r="Y13379" s="19"/>
      <c r="Z13379" s="19"/>
      <c r="AA13379" s="19"/>
    </row>
    <row r="13380" spans="1:27" s="1" customFormat="1" ht="21" customHeight="1" outlineLevel="4" x14ac:dyDescent="0.2">
      <c r="A13380" s="17">
        <v>6182</v>
      </c>
      <c r="B13380" s="17"/>
      <c r="C13380" s="17"/>
      <c r="D13380" s="18" t="s">
        <v>6633</v>
      </c>
      <c r="E13380" s="18"/>
      <c r="F13380" s="18"/>
      <c r="G13380" s="18"/>
      <c r="H13380" s="18"/>
      <c r="I13380" s="18"/>
      <c r="J13380" s="18"/>
      <c r="K13380" s="18"/>
      <c r="L13380" s="18"/>
      <c r="M13380" s="18"/>
      <c r="N13380" s="18"/>
      <c r="O13380" s="18"/>
      <c r="P13380" s="19">
        <v>300</v>
      </c>
      <c r="Q13380" s="19"/>
      <c r="R13380" s="19"/>
      <c r="S13380" s="19"/>
      <c r="T13380" s="19">
        <v>100</v>
      </c>
      <c r="U13380" s="19"/>
      <c r="V13380" s="19"/>
      <c r="W13380" s="19"/>
      <c r="X13380" s="19">
        <v>1</v>
      </c>
      <c r="Y13380" s="19"/>
      <c r="Z13380" s="19"/>
      <c r="AA13380" s="19"/>
    </row>
    <row r="13381" spans="1:27" s="1" customFormat="1" ht="21" customHeight="1" outlineLevel="4" x14ac:dyDescent="0.2">
      <c r="A13381" s="17"/>
      <c r="B13381" s="17"/>
      <c r="C13381" s="17"/>
      <c r="D13381" s="18"/>
      <c r="E13381" s="18"/>
      <c r="F13381" s="18"/>
      <c r="G13381" s="18"/>
      <c r="H13381" s="18"/>
      <c r="I13381" s="18"/>
      <c r="J13381" s="18"/>
      <c r="K13381" s="18"/>
      <c r="L13381" s="18"/>
      <c r="M13381" s="18"/>
      <c r="N13381" s="18"/>
      <c r="O13381" s="18"/>
      <c r="P13381" s="19"/>
      <c r="Q13381" s="19"/>
      <c r="R13381" s="19"/>
      <c r="S13381" s="19"/>
      <c r="T13381" s="19"/>
      <c r="U13381" s="19"/>
      <c r="V13381" s="19"/>
      <c r="W13381" s="19"/>
      <c r="X13381" s="19"/>
      <c r="Y13381" s="19"/>
      <c r="Z13381" s="19"/>
      <c r="AA13381" s="19"/>
    </row>
    <row r="13382" spans="1:27" s="1" customFormat="1" ht="11.1" customHeight="1" outlineLevel="3" x14ac:dyDescent="0.2">
      <c r="A13382" s="16" t="s">
        <v>6634</v>
      </c>
      <c r="B13382" s="16"/>
      <c r="C13382" s="16"/>
      <c r="D13382" s="16"/>
      <c r="E13382" s="16"/>
      <c r="F13382" s="16"/>
      <c r="G13382" s="16"/>
      <c r="H13382" s="16"/>
      <c r="I13382" s="16"/>
      <c r="J13382" s="16"/>
      <c r="K13382" s="16"/>
      <c r="L13382" s="16"/>
      <c r="M13382" s="16"/>
      <c r="N13382" s="16"/>
      <c r="O13382" s="16"/>
      <c r="P13382" s="16"/>
      <c r="Q13382" s="16"/>
      <c r="R13382" s="16"/>
      <c r="S13382" s="16"/>
      <c r="T13382" s="16"/>
      <c r="U13382" s="16"/>
      <c r="V13382" s="16"/>
      <c r="W13382" s="16"/>
      <c r="X13382" s="16"/>
      <c r="Y13382" s="16"/>
      <c r="Z13382" s="16"/>
      <c r="AA13382" s="16"/>
    </row>
    <row r="13383" spans="1:27" s="1" customFormat="1" ht="11.1" customHeight="1" outlineLevel="3" x14ac:dyDescent="0.2">
      <c r="A13383" s="16"/>
      <c r="B13383" s="16"/>
      <c r="C13383" s="16"/>
      <c r="D13383" s="16"/>
      <c r="E13383" s="16"/>
      <c r="F13383" s="16"/>
      <c r="G13383" s="16"/>
      <c r="H13383" s="16"/>
      <c r="I13383" s="16"/>
      <c r="J13383" s="16"/>
      <c r="K13383" s="16"/>
      <c r="L13383" s="16"/>
      <c r="M13383" s="16"/>
      <c r="N13383" s="16"/>
      <c r="O13383" s="16"/>
      <c r="P13383" s="16"/>
      <c r="Q13383" s="16"/>
      <c r="R13383" s="16"/>
      <c r="S13383" s="16"/>
      <c r="T13383" s="16"/>
      <c r="U13383" s="16"/>
      <c r="V13383" s="16"/>
      <c r="W13383" s="16"/>
      <c r="X13383" s="16"/>
      <c r="Y13383" s="16"/>
      <c r="Z13383" s="16"/>
      <c r="AA13383" s="16"/>
    </row>
    <row r="13384" spans="1:27" s="1" customFormat="1" ht="14.1" customHeight="1" outlineLevel="4" x14ac:dyDescent="0.2">
      <c r="A13384" s="17">
        <v>10097</v>
      </c>
      <c r="B13384" s="17"/>
      <c r="C13384" s="17"/>
      <c r="D13384" s="18" t="s">
        <v>6635</v>
      </c>
      <c r="E13384" s="18"/>
      <c r="F13384" s="18"/>
      <c r="G13384" s="18"/>
      <c r="H13384" s="18"/>
      <c r="I13384" s="18"/>
      <c r="J13384" s="18"/>
      <c r="K13384" s="18"/>
      <c r="L13384" s="18"/>
      <c r="M13384" s="18"/>
      <c r="N13384" s="18"/>
      <c r="O13384" s="18"/>
      <c r="P13384" s="19">
        <v>180</v>
      </c>
      <c r="Q13384" s="19"/>
      <c r="R13384" s="19"/>
      <c r="S13384" s="19"/>
      <c r="T13384" s="19">
        <v>100</v>
      </c>
      <c r="U13384" s="19"/>
      <c r="V13384" s="19"/>
      <c r="W13384" s="19"/>
      <c r="X13384" s="19">
        <v>1</v>
      </c>
      <c r="Y13384" s="19"/>
      <c r="Z13384" s="19"/>
      <c r="AA13384" s="19"/>
    </row>
    <row r="13385" spans="1:27" s="1" customFormat="1" ht="14.1" customHeight="1" outlineLevel="4" x14ac:dyDescent="0.2">
      <c r="A13385" s="17"/>
      <c r="B13385" s="17"/>
      <c r="C13385" s="17"/>
      <c r="D13385" s="18"/>
      <c r="E13385" s="18"/>
      <c r="F13385" s="18"/>
      <c r="G13385" s="18"/>
      <c r="H13385" s="18"/>
      <c r="I13385" s="18"/>
      <c r="J13385" s="18"/>
      <c r="K13385" s="18"/>
      <c r="L13385" s="18"/>
      <c r="M13385" s="18"/>
      <c r="N13385" s="18"/>
      <c r="O13385" s="18"/>
      <c r="P13385" s="19"/>
      <c r="Q13385" s="19"/>
      <c r="R13385" s="19"/>
      <c r="S13385" s="19"/>
      <c r="T13385" s="19"/>
      <c r="U13385" s="19"/>
      <c r="V13385" s="19"/>
      <c r="W13385" s="19"/>
      <c r="X13385" s="19"/>
      <c r="Y13385" s="19"/>
      <c r="Z13385" s="19"/>
      <c r="AA13385" s="19"/>
    </row>
    <row r="13386" spans="1:27" s="1" customFormat="1" ht="11.1" customHeight="1" outlineLevel="3" x14ac:dyDescent="0.2">
      <c r="A13386" s="16" t="s">
        <v>1205</v>
      </c>
      <c r="B13386" s="16"/>
      <c r="C13386" s="16"/>
      <c r="D13386" s="16"/>
      <c r="E13386" s="16"/>
      <c r="F13386" s="16"/>
      <c r="G13386" s="16"/>
      <c r="H13386" s="16"/>
      <c r="I13386" s="16"/>
      <c r="J13386" s="16"/>
      <c r="K13386" s="16"/>
      <c r="L13386" s="16"/>
      <c r="M13386" s="16"/>
      <c r="N13386" s="16"/>
      <c r="O13386" s="16"/>
      <c r="P13386" s="16"/>
      <c r="Q13386" s="16"/>
      <c r="R13386" s="16"/>
      <c r="S13386" s="16"/>
      <c r="T13386" s="16"/>
      <c r="U13386" s="16"/>
      <c r="V13386" s="16"/>
      <c r="W13386" s="16"/>
      <c r="X13386" s="16"/>
      <c r="Y13386" s="16"/>
      <c r="Z13386" s="16"/>
      <c r="AA13386" s="16"/>
    </row>
    <row r="13387" spans="1:27" s="1" customFormat="1" ht="11.1" customHeight="1" outlineLevel="3" x14ac:dyDescent="0.2">
      <c r="A13387" s="16"/>
      <c r="B13387" s="16"/>
      <c r="C13387" s="16"/>
      <c r="D13387" s="16"/>
      <c r="E13387" s="16"/>
      <c r="F13387" s="16"/>
      <c r="G13387" s="16"/>
      <c r="H13387" s="16"/>
      <c r="I13387" s="16"/>
      <c r="J13387" s="16"/>
      <c r="K13387" s="16"/>
      <c r="L13387" s="16"/>
      <c r="M13387" s="16"/>
      <c r="N13387" s="16"/>
      <c r="O13387" s="16"/>
      <c r="P13387" s="16"/>
      <c r="Q13387" s="16"/>
      <c r="R13387" s="16"/>
      <c r="S13387" s="16"/>
      <c r="T13387" s="16"/>
      <c r="U13387" s="16"/>
      <c r="V13387" s="16"/>
      <c r="W13387" s="16"/>
      <c r="X13387" s="16"/>
      <c r="Y13387" s="16"/>
      <c r="Z13387" s="16"/>
      <c r="AA13387" s="16"/>
    </row>
    <row r="13388" spans="1:27" s="1" customFormat="1" ht="11.1" customHeight="1" outlineLevel="4" x14ac:dyDescent="0.2">
      <c r="A13388" s="17">
        <v>15433</v>
      </c>
      <c r="B13388" s="17"/>
      <c r="C13388" s="17"/>
      <c r="D13388" s="18" t="s">
        <v>6636</v>
      </c>
      <c r="E13388" s="18"/>
      <c r="F13388" s="18"/>
      <c r="G13388" s="18"/>
      <c r="H13388" s="18"/>
      <c r="I13388" s="18"/>
      <c r="J13388" s="18"/>
      <c r="K13388" s="18"/>
      <c r="L13388" s="18"/>
      <c r="M13388" s="18"/>
      <c r="N13388" s="18"/>
      <c r="O13388" s="18"/>
      <c r="P13388" s="19">
        <v>240</v>
      </c>
      <c r="Q13388" s="19"/>
      <c r="R13388" s="19"/>
      <c r="S13388" s="19"/>
      <c r="T13388" s="19">
        <v>150</v>
      </c>
      <c r="U13388" s="19"/>
      <c r="V13388" s="19"/>
      <c r="W13388" s="19"/>
      <c r="X13388" s="19">
        <v>1</v>
      </c>
      <c r="Y13388" s="19"/>
      <c r="Z13388" s="19"/>
      <c r="AA13388" s="19"/>
    </row>
    <row r="13389" spans="1:27" s="1" customFormat="1" ht="11.1" customHeight="1" outlineLevel="4" x14ac:dyDescent="0.2">
      <c r="A13389" s="17"/>
      <c r="B13389" s="17"/>
      <c r="C13389" s="17"/>
      <c r="D13389" s="18"/>
      <c r="E13389" s="18"/>
      <c r="F13389" s="18"/>
      <c r="G13389" s="18"/>
      <c r="H13389" s="18"/>
      <c r="I13389" s="18"/>
      <c r="J13389" s="18"/>
      <c r="K13389" s="18"/>
      <c r="L13389" s="18"/>
      <c r="M13389" s="18"/>
      <c r="N13389" s="18"/>
      <c r="O13389" s="18"/>
      <c r="P13389" s="19"/>
      <c r="Q13389" s="19"/>
      <c r="R13389" s="19"/>
      <c r="S13389" s="19"/>
      <c r="T13389" s="19"/>
      <c r="U13389" s="19"/>
      <c r="V13389" s="19"/>
      <c r="W13389" s="19"/>
      <c r="X13389" s="19"/>
      <c r="Y13389" s="19"/>
      <c r="Z13389" s="19"/>
      <c r="AA13389" s="19"/>
    </row>
    <row r="13390" spans="1:27" s="1" customFormat="1" ht="11.1" customHeight="1" outlineLevel="4" x14ac:dyDescent="0.2">
      <c r="A13390" s="17">
        <v>15430</v>
      </c>
      <c r="B13390" s="17"/>
      <c r="C13390" s="17"/>
      <c r="D13390" s="18" t="s">
        <v>6637</v>
      </c>
      <c r="E13390" s="18"/>
      <c r="F13390" s="18"/>
      <c r="G13390" s="18"/>
      <c r="H13390" s="18"/>
      <c r="I13390" s="18"/>
      <c r="J13390" s="18"/>
      <c r="K13390" s="18"/>
      <c r="L13390" s="18"/>
      <c r="M13390" s="18"/>
      <c r="N13390" s="18"/>
      <c r="O13390" s="18"/>
      <c r="P13390" s="19">
        <v>240</v>
      </c>
      <c r="Q13390" s="19"/>
      <c r="R13390" s="19"/>
      <c r="S13390" s="19"/>
      <c r="T13390" s="19">
        <v>150</v>
      </c>
      <c r="U13390" s="19"/>
      <c r="V13390" s="19"/>
      <c r="W13390" s="19"/>
      <c r="X13390" s="19">
        <v>1</v>
      </c>
      <c r="Y13390" s="19"/>
      <c r="Z13390" s="19"/>
      <c r="AA13390" s="19"/>
    </row>
    <row r="13391" spans="1:27" s="1" customFormat="1" ht="11.1" customHeight="1" outlineLevel="4" x14ac:dyDescent="0.2">
      <c r="A13391" s="17"/>
      <c r="B13391" s="17"/>
      <c r="C13391" s="17"/>
      <c r="D13391" s="18"/>
      <c r="E13391" s="18"/>
      <c r="F13391" s="18"/>
      <c r="G13391" s="18"/>
      <c r="H13391" s="18"/>
      <c r="I13391" s="18"/>
      <c r="J13391" s="18"/>
      <c r="K13391" s="18"/>
      <c r="L13391" s="18"/>
      <c r="M13391" s="18"/>
      <c r="N13391" s="18"/>
      <c r="O13391" s="18"/>
      <c r="P13391" s="19"/>
      <c r="Q13391" s="19"/>
      <c r="R13391" s="19"/>
      <c r="S13391" s="19"/>
      <c r="T13391" s="19"/>
      <c r="U13391" s="19"/>
      <c r="V13391" s="19"/>
      <c r="W13391" s="19"/>
      <c r="X13391" s="19"/>
      <c r="Y13391" s="19"/>
      <c r="Z13391" s="19"/>
      <c r="AA13391" s="19"/>
    </row>
    <row r="13392" spans="1:27" s="1" customFormat="1" ht="11.1" customHeight="1" outlineLevel="4" x14ac:dyDescent="0.2">
      <c r="A13392" s="17">
        <v>15431</v>
      </c>
      <c r="B13392" s="17"/>
      <c r="C13392" s="17"/>
      <c r="D13392" s="18" t="s">
        <v>6638</v>
      </c>
      <c r="E13392" s="18"/>
      <c r="F13392" s="18"/>
      <c r="G13392" s="18"/>
      <c r="H13392" s="18"/>
      <c r="I13392" s="18"/>
      <c r="J13392" s="18"/>
      <c r="K13392" s="18"/>
      <c r="L13392" s="18"/>
      <c r="M13392" s="18"/>
      <c r="N13392" s="18"/>
      <c r="O13392" s="18"/>
      <c r="P13392" s="19">
        <v>240</v>
      </c>
      <c r="Q13392" s="19"/>
      <c r="R13392" s="19"/>
      <c r="S13392" s="19"/>
      <c r="T13392" s="19">
        <v>150</v>
      </c>
      <c r="U13392" s="19"/>
      <c r="V13392" s="19"/>
      <c r="W13392" s="19"/>
      <c r="X13392" s="19">
        <v>1</v>
      </c>
      <c r="Y13392" s="19"/>
      <c r="Z13392" s="19"/>
      <c r="AA13392" s="19"/>
    </row>
    <row r="13393" spans="1:27" s="1" customFormat="1" ht="11.1" customHeight="1" outlineLevel="4" x14ac:dyDescent="0.2">
      <c r="A13393" s="17"/>
      <c r="B13393" s="17"/>
      <c r="C13393" s="17"/>
      <c r="D13393" s="18"/>
      <c r="E13393" s="18"/>
      <c r="F13393" s="18"/>
      <c r="G13393" s="18"/>
      <c r="H13393" s="18"/>
      <c r="I13393" s="18"/>
      <c r="J13393" s="18"/>
      <c r="K13393" s="18"/>
      <c r="L13393" s="18"/>
      <c r="M13393" s="18"/>
      <c r="N13393" s="18"/>
      <c r="O13393" s="18"/>
      <c r="P13393" s="19"/>
      <c r="Q13393" s="19"/>
      <c r="R13393" s="19"/>
      <c r="S13393" s="19"/>
      <c r="T13393" s="19"/>
      <c r="U13393" s="19"/>
      <c r="V13393" s="19"/>
      <c r="W13393" s="19"/>
      <c r="X13393" s="19"/>
      <c r="Y13393" s="19"/>
      <c r="Z13393" s="19"/>
      <c r="AA13393" s="19"/>
    </row>
    <row r="13394" spans="1:27" s="1" customFormat="1" ht="11.1" customHeight="1" outlineLevel="4" x14ac:dyDescent="0.2">
      <c r="A13394" s="17">
        <v>15437</v>
      </c>
      <c r="B13394" s="17"/>
      <c r="C13394" s="17"/>
      <c r="D13394" s="18" t="s">
        <v>6639</v>
      </c>
      <c r="E13394" s="18"/>
      <c r="F13394" s="18"/>
      <c r="G13394" s="18"/>
      <c r="H13394" s="18"/>
      <c r="I13394" s="18"/>
      <c r="J13394" s="18"/>
      <c r="K13394" s="18"/>
      <c r="L13394" s="18"/>
      <c r="M13394" s="18"/>
      <c r="N13394" s="18"/>
      <c r="O13394" s="18"/>
      <c r="P13394" s="19">
        <v>240</v>
      </c>
      <c r="Q13394" s="19"/>
      <c r="R13394" s="19"/>
      <c r="S13394" s="19"/>
      <c r="T13394" s="19">
        <v>150</v>
      </c>
      <c r="U13394" s="19"/>
      <c r="V13394" s="19"/>
      <c r="W13394" s="19"/>
      <c r="X13394" s="19">
        <v>1</v>
      </c>
      <c r="Y13394" s="19"/>
      <c r="Z13394" s="19"/>
      <c r="AA13394" s="19"/>
    </row>
    <row r="13395" spans="1:27" s="1" customFormat="1" ht="11.1" customHeight="1" outlineLevel="4" x14ac:dyDescent="0.2">
      <c r="A13395" s="17"/>
      <c r="B13395" s="17"/>
      <c r="C13395" s="17"/>
      <c r="D13395" s="18"/>
      <c r="E13395" s="18"/>
      <c r="F13395" s="18"/>
      <c r="G13395" s="18"/>
      <c r="H13395" s="18"/>
      <c r="I13395" s="18"/>
      <c r="J13395" s="18"/>
      <c r="K13395" s="18"/>
      <c r="L13395" s="18"/>
      <c r="M13395" s="18"/>
      <c r="N13395" s="18"/>
      <c r="O13395" s="18"/>
      <c r="P13395" s="19"/>
      <c r="Q13395" s="19"/>
      <c r="R13395" s="19"/>
      <c r="S13395" s="19"/>
      <c r="T13395" s="19"/>
      <c r="U13395" s="19"/>
      <c r="V13395" s="19"/>
      <c r="W13395" s="19"/>
      <c r="X13395" s="19"/>
      <c r="Y13395" s="19"/>
      <c r="Z13395" s="19"/>
      <c r="AA13395" s="19"/>
    </row>
    <row r="13396" spans="1:27" s="1" customFormat="1" ht="11.1" customHeight="1" outlineLevel="4" x14ac:dyDescent="0.2">
      <c r="A13396" s="17">
        <v>15432</v>
      </c>
      <c r="B13396" s="17"/>
      <c r="C13396" s="17"/>
      <c r="D13396" s="18" t="s">
        <v>6640</v>
      </c>
      <c r="E13396" s="18"/>
      <c r="F13396" s="18"/>
      <c r="G13396" s="18"/>
      <c r="H13396" s="18"/>
      <c r="I13396" s="18"/>
      <c r="J13396" s="18"/>
      <c r="K13396" s="18"/>
      <c r="L13396" s="18"/>
      <c r="M13396" s="18"/>
      <c r="N13396" s="18"/>
      <c r="O13396" s="18"/>
      <c r="P13396" s="19">
        <v>240</v>
      </c>
      <c r="Q13396" s="19"/>
      <c r="R13396" s="19"/>
      <c r="S13396" s="19"/>
      <c r="T13396" s="19">
        <v>150</v>
      </c>
      <c r="U13396" s="19"/>
      <c r="V13396" s="19"/>
      <c r="W13396" s="19"/>
      <c r="X13396" s="19">
        <v>1</v>
      </c>
      <c r="Y13396" s="19"/>
      <c r="Z13396" s="19"/>
      <c r="AA13396" s="19"/>
    </row>
    <row r="13397" spans="1:27" s="1" customFormat="1" ht="11.1" customHeight="1" outlineLevel="4" x14ac:dyDescent="0.2">
      <c r="A13397" s="17"/>
      <c r="B13397" s="17"/>
      <c r="C13397" s="17"/>
      <c r="D13397" s="18"/>
      <c r="E13397" s="18"/>
      <c r="F13397" s="18"/>
      <c r="G13397" s="18"/>
      <c r="H13397" s="18"/>
      <c r="I13397" s="18"/>
      <c r="J13397" s="18"/>
      <c r="K13397" s="18"/>
      <c r="L13397" s="18"/>
      <c r="M13397" s="18"/>
      <c r="N13397" s="18"/>
      <c r="O13397" s="18"/>
      <c r="P13397" s="19"/>
      <c r="Q13397" s="19"/>
      <c r="R13397" s="19"/>
      <c r="S13397" s="19"/>
      <c r="T13397" s="19"/>
      <c r="U13397" s="19"/>
      <c r="V13397" s="19"/>
      <c r="W13397" s="19"/>
      <c r="X13397" s="19"/>
      <c r="Y13397" s="19"/>
      <c r="Z13397" s="19"/>
      <c r="AA13397" s="19"/>
    </row>
    <row r="13398" spans="1:27" s="1" customFormat="1" ht="11.1" customHeight="1" outlineLevel="4" x14ac:dyDescent="0.2">
      <c r="A13398" s="17">
        <v>15436</v>
      </c>
      <c r="B13398" s="17"/>
      <c r="C13398" s="17"/>
      <c r="D13398" s="18" t="s">
        <v>6641</v>
      </c>
      <c r="E13398" s="18"/>
      <c r="F13398" s="18"/>
      <c r="G13398" s="18"/>
      <c r="H13398" s="18"/>
      <c r="I13398" s="18"/>
      <c r="J13398" s="18"/>
      <c r="K13398" s="18"/>
      <c r="L13398" s="18"/>
      <c r="M13398" s="18"/>
      <c r="N13398" s="18"/>
      <c r="O13398" s="18"/>
      <c r="P13398" s="19">
        <v>240</v>
      </c>
      <c r="Q13398" s="19"/>
      <c r="R13398" s="19"/>
      <c r="S13398" s="19"/>
      <c r="T13398" s="19">
        <v>150</v>
      </c>
      <c r="U13398" s="19"/>
      <c r="V13398" s="19"/>
      <c r="W13398" s="19"/>
      <c r="X13398" s="19">
        <v>1</v>
      </c>
      <c r="Y13398" s="19"/>
      <c r="Z13398" s="19"/>
      <c r="AA13398" s="19"/>
    </row>
    <row r="13399" spans="1:27" s="1" customFormat="1" ht="11.1" customHeight="1" outlineLevel="4" x14ac:dyDescent="0.2">
      <c r="A13399" s="17"/>
      <c r="B13399" s="17"/>
      <c r="C13399" s="17"/>
      <c r="D13399" s="18"/>
      <c r="E13399" s="18"/>
      <c r="F13399" s="18"/>
      <c r="G13399" s="18"/>
      <c r="H13399" s="18"/>
      <c r="I13399" s="18"/>
      <c r="J13399" s="18"/>
      <c r="K13399" s="18"/>
      <c r="L13399" s="18"/>
      <c r="M13399" s="18"/>
      <c r="N13399" s="18"/>
      <c r="O13399" s="18"/>
      <c r="P13399" s="19"/>
      <c r="Q13399" s="19"/>
      <c r="R13399" s="19"/>
      <c r="S13399" s="19"/>
      <c r="T13399" s="19"/>
      <c r="U13399" s="19"/>
      <c r="V13399" s="19"/>
      <c r="W13399" s="19"/>
      <c r="X13399" s="19"/>
      <c r="Y13399" s="19"/>
      <c r="Z13399" s="19"/>
      <c r="AA13399" s="19"/>
    </row>
    <row r="13400" spans="1:27" s="1" customFormat="1" ht="11.1" customHeight="1" outlineLevel="4" x14ac:dyDescent="0.2">
      <c r="A13400" s="17">
        <v>15435</v>
      </c>
      <c r="B13400" s="17"/>
      <c r="C13400" s="17"/>
      <c r="D13400" s="18" t="s">
        <v>6642</v>
      </c>
      <c r="E13400" s="18"/>
      <c r="F13400" s="18"/>
      <c r="G13400" s="18"/>
      <c r="H13400" s="18"/>
      <c r="I13400" s="18"/>
      <c r="J13400" s="18"/>
      <c r="K13400" s="18"/>
      <c r="L13400" s="18"/>
      <c r="M13400" s="18"/>
      <c r="N13400" s="18"/>
      <c r="O13400" s="18"/>
      <c r="P13400" s="19">
        <v>240</v>
      </c>
      <c r="Q13400" s="19"/>
      <c r="R13400" s="19"/>
      <c r="S13400" s="19"/>
      <c r="T13400" s="19">
        <v>150</v>
      </c>
      <c r="U13400" s="19"/>
      <c r="V13400" s="19"/>
      <c r="W13400" s="19"/>
      <c r="X13400" s="19">
        <v>1</v>
      </c>
      <c r="Y13400" s="19"/>
      <c r="Z13400" s="19"/>
      <c r="AA13400" s="19"/>
    </row>
    <row r="13401" spans="1:27" s="1" customFormat="1" ht="11.1" customHeight="1" outlineLevel="4" x14ac:dyDescent="0.2">
      <c r="A13401" s="17"/>
      <c r="B13401" s="17"/>
      <c r="C13401" s="17"/>
      <c r="D13401" s="18"/>
      <c r="E13401" s="18"/>
      <c r="F13401" s="18"/>
      <c r="G13401" s="18"/>
      <c r="H13401" s="18"/>
      <c r="I13401" s="18"/>
      <c r="J13401" s="18"/>
      <c r="K13401" s="18"/>
      <c r="L13401" s="18"/>
      <c r="M13401" s="18"/>
      <c r="N13401" s="18"/>
      <c r="O13401" s="18"/>
      <c r="P13401" s="19"/>
      <c r="Q13401" s="19"/>
      <c r="R13401" s="19"/>
      <c r="S13401" s="19"/>
      <c r="T13401" s="19"/>
      <c r="U13401" s="19"/>
      <c r="V13401" s="19"/>
      <c r="W13401" s="19"/>
      <c r="X13401" s="19"/>
      <c r="Y13401" s="19"/>
      <c r="Z13401" s="19"/>
      <c r="AA13401" s="19"/>
    </row>
    <row r="13402" spans="1:27" s="1" customFormat="1" ht="11.1" customHeight="1" outlineLevel="4" x14ac:dyDescent="0.2">
      <c r="A13402" s="17">
        <v>15434</v>
      </c>
      <c r="B13402" s="17"/>
      <c r="C13402" s="17"/>
      <c r="D13402" s="18" t="s">
        <v>6643</v>
      </c>
      <c r="E13402" s="18"/>
      <c r="F13402" s="18"/>
      <c r="G13402" s="18"/>
      <c r="H13402" s="18"/>
      <c r="I13402" s="18"/>
      <c r="J13402" s="18"/>
      <c r="K13402" s="18"/>
      <c r="L13402" s="18"/>
      <c r="M13402" s="18"/>
      <c r="N13402" s="18"/>
      <c r="O13402" s="18"/>
      <c r="P13402" s="19">
        <v>240</v>
      </c>
      <c r="Q13402" s="19"/>
      <c r="R13402" s="19"/>
      <c r="S13402" s="19"/>
      <c r="T13402" s="19">
        <v>150</v>
      </c>
      <c r="U13402" s="19"/>
      <c r="V13402" s="19"/>
      <c r="W13402" s="19"/>
      <c r="X13402" s="19">
        <v>1</v>
      </c>
      <c r="Y13402" s="19"/>
      <c r="Z13402" s="19"/>
      <c r="AA13402" s="19"/>
    </row>
    <row r="13403" spans="1:27" s="1" customFormat="1" ht="11.1" customHeight="1" outlineLevel="4" x14ac:dyDescent="0.2">
      <c r="A13403" s="17"/>
      <c r="B13403" s="17"/>
      <c r="C13403" s="17"/>
      <c r="D13403" s="18"/>
      <c r="E13403" s="18"/>
      <c r="F13403" s="18"/>
      <c r="G13403" s="18"/>
      <c r="H13403" s="18"/>
      <c r="I13403" s="18"/>
      <c r="J13403" s="18"/>
      <c r="K13403" s="18"/>
      <c r="L13403" s="18"/>
      <c r="M13403" s="18"/>
      <c r="N13403" s="18"/>
      <c r="O13403" s="18"/>
      <c r="P13403" s="19"/>
      <c r="Q13403" s="19"/>
      <c r="R13403" s="19"/>
      <c r="S13403" s="19"/>
      <c r="T13403" s="19"/>
      <c r="U13403" s="19"/>
      <c r="V13403" s="19"/>
      <c r="W13403" s="19"/>
      <c r="X13403" s="19"/>
      <c r="Y13403" s="19"/>
      <c r="Z13403" s="19"/>
      <c r="AA13403" s="19"/>
    </row>
    <row r="13404" spans="1:27" s="1" customFormat="1" ht="11.1" customHeight="1" outlineLevel="4" x14ac:dyDescent="0.2">
      <c r="A13404" s="17">
        <v>15438</v>
      </c>
      <c r="B13404" s="17"/>
      <c r="C13404" s="17"/>
      <c r="D13404" s="18" t="s">
        <v>6644</v>
      </c>
      <c r="E13404" s="18"/>
      <c r="F13404" s="18"/>
      <c r="G13404" s="18"/>
      <c r="H13404" s="18"/>
      <c r="I13404" s="18"/>
      <c r="J13404" s="18"/>
      <c r="K13404" s="18"/>
      <c r="L13404" s="18"/>
      <c r="M13404" s="18"/>
      <c r="N13404" s="18"/>
      <c r="O13404" s="18"/>
      <c r="P13404" s="19">
        <v>240</v>
      </c>
      <c r="Q13404" s="19"/>
      <c r="R13404" s="19"/>
      <c r="S13404" s="19"/>
      <c r="T13404" s="19">
        <v>150</v>
      </c>
      <c r="U13404" s="19"/>
      <c r="V13404" s="19"/>
      <c r="W13404" s="19"/>
      <c r="X13404" s="19">
        <v>1</v>
      </c>
      <c r="Y13404" s="19"/>
      <c r="Z13404" s="19"/>
      <c r="AA13404" s="19"/>
    </row>
    <row r="13405" spans="1:27" s="1" customFormat="1" ht="11.1" customHeight="1" outlineLevel="4" x14ac:dyDescent="0.2">
      <c r="A13405" s="17"/>
      <c r="B13405" s="17"/>
      <c r="C13405" s="17"/>
      <c r="D13405" s="18"/>
      <c r="E13405" s="18"/>
      <c r="F13405" s="18"/>
      <c r="G13405" s="18"/>
      <c r="H13405" s="18"/>
      <c r="I13405" s="18"/>
      <c r="J13405" s="18"/>
      <c r="K13405" s="18"/>
      <c r="L13405" s="18"/>
      <c r="M13405" s="18"/>
      <c r="N13405" s="18"/>
      <c r="O13405" s="18"/>
      <c r="P13405" s="19"/>
      <c r="Q13405" s="19"/>
      <c r="R13405" s="19"/>
      <c r="S13405" s="19"/>
      <c r="T13405" s="19"/>
      <c r="U13405" s="19"/>
      <c r="V13405" s="19"/>
      <c r="W13405" s="19"/>
      <c r="X13405" s="19"/>
      <c r="Y13405" s="19"/>
      <c r="Z13405" s="19"/>
      <c r="AA13405" s="19"/>
    </row>
    <row r="13406" spans="1:27" s="1" customFormat="1" ht="14.1" customHeight="1" outlineLevel="4" x14ac:dyDescent="0.2">
      <c r="A13406" s="17">
        <v>14513</v>
      </c>
      <c r="B13406" s="17"/>
      <c r="C13406" s="17"/>
      <c r="D13406" s="18" t="s">
        <v>6645</v>
      </c>
      <c r="E13406" s="18"/>
      <c r="F13406" s="18"/>
      <c r="G13406" s="18"/>
      <c r="H13406" s="18"/>
      <c r="I13406" s="18"/>
      <c r="J13406" s="18"/>
      <c r="K13406" s="18"/>
      <c r="L13406" s="18"/>
      <c r="M13406" s="18"/>
      <c r="N13406" s="18"/>
      <c r="O13406" s="18"/>
      <c r="P13406" s="19">
        <v>240</v>
      </c>
      <c r="Q13406" s="19"/>
      <c r="R13406" s="19"/>
      <c r="S13406" s="19"/>
      <c r="T13406" s="19">
        <v>145</v>
      </c>
      <c r="U13406" s="19"/>
      <c r="V13406" s="19"/>
      <c r="W13406" s="19"/>
      <c r="X13406" s="19">
        <v>1</v>
      </c>
      <c r="Y13406" s="19"/>
      <c r="Z13406" s="19"/>
      <c r="AA13406" s="19"/>
    </row>
    <row r="13407" spans="1:27" s="1" customFormat="1" ht="14.1" customHeight="1" outlineLevel="4" x14ac:dyDescent="0.2">
      <c r="A13407" s="17"/>
      <c r="B13407" s="17"/>
      <c r="C13407" s="17"/>
      <c r="D13407" s="18"/>
      <c r="E13407" s="18"/>
      <c r="F13407" s="18"/>
      <c r="G13407" s="18"/>
      <c r="H13407" s="18"/>
      <c r="I13407" s="18"/>
      <c r="J13407" s="18"/>
      <c r="K13407" s="18"/>
      <c r="L13407" s="18"/>
      <c r="M13407" s="18"/>
      <c r="N13407" s="18"/>
      <c r="O13407" s="18"/>
      <c r="P13407" s="19"/>
      <c r="Q13407" s="19"/>
      <c r="R13407" s="19"/>
      <c r="S13407" s="19"/>
      <c r="T13407" s="19"/>
      <c r="U13407" s="19"/>
      <c r="V13407" s="19"/>
      <c r="W13407" s="19"/>
      <c r="X13407" s="19"/>
      <c r="Y13407" s="19"/>
      <c r="Z13407" s="19"/>
      <c r="AA13407" s="19"/>
    </row>
    <row r="13408" spans="1:27" s="1" customFormat="1" ht="11.1" customHeight="1" outlineLevel="4" x14ac:dyDescent="0.2">
      <c r="A13408" s="17">
        <v>14512</v>
      </c>
      <c r="B13408" s="17"/>
      <c r="C13408" s="17"/>
      <c r="D13408" s="18" t="s">
        <v>6646</v>
      </c>
      <c r="E13408" s="18"/>
      <c r="F13408" s="18"/>
      <c r="G13408" s="18"/>
      <c r="H13408" s="18"/>
      <c r="I13408" s="18"/>
      <c r="J13408" s="18"/>
      <c r="K13408" s="18"/>
      <c r="L13408" s="18"/>
      <c r="M13408" s="18"/>
      <c r="N13408" s="18"/>
      <c r="O13408" s="18"/>
      <c r="P13408" s="19">
        <v>240</v>
      </c>
      <c r="Q13408" s="19"/>
      <c r="R13408" s="19"/>
      <c r="S13408" s="19"/>
      <c r="T13408" s="19">
        <v>145</v>
      </c>
      <c r="U13408" s="19"/>
      <c r="V13408" s="19"/>
      <c r="W13408" s="19"/>
      <c r="X13408" s="19">
        <v>2</v>
      </c>
      <c r="Y13408" s="19"/>
      <c r="Z13408" s="19"/>
      <c r="AA13408" s="19"/>
    </row>
    <row r="13409" spans="1:27" s="1" customFormat="1" ht="11.1" customHeight="1" outlineLevel="4" x14ac:dyDescent="0.2">
      <c r="A13409" s="17"/>
      <c r="B13409" s="17"/>
      <c r="C13409" s="17"/>
      <c r="D13409" s="18"/>
      <c r="E13409" s="18"/>
      <c r="F13409" s="18"/>
      <c r="G13409" s="18"/>
      <c r="H13409" s="18"/>
      <c r="I13409" s="18"/>
      <c r="J13409" s="18"/>
      <c r="K13409" s="18"/>
      <c r="L13409" s="18"/>
      <c r="M13409" s="18"/>
      <c r="N13409" s="18"/>
      <c r="O13409" s="18"/>
      <c r="P13409" s="19"/>
      <c r="Q13409" s="19"/>
      <c r="R13409" s="19"/>
      <c r="S13409" s="19"/>
      <c r="T13409" s="19"/>
      <c r="U13409" s="19"/>
      <c r="V13409" s="19"/>
      <c r="W13409" s="19"/>
      <c r="X13409" s="19"/>
      <c r="Y13409" s="19"/>
      <c r="Z13409" s="19"/>
      <c r="AA13409" s="19"/>
    </row>
    <row r="13410" spans="1:27" s="1" customFormat="1" ht="11.1" customHeight="1" outlineLevel="4" x14ac:dyDescent="0.2">
      <c r="A13410" s="17">
        <v>14510</v>
      </c>
      <c r="B13410" s="17"/>
      <c r="C13410" s="17"/>
      <c r="D13410" s="18" t="s">
        <v>6647</v>
      </c>
      <c r="E13410" s="18"/>
      <c r="F13410" s="18"/>
      <c r="G13410" s="18"/>
      <c r="H13410" s="18"/>
      <c r="I13410" s="18"/>
      <c r="J13410" s="18"/>
      <c r="K13410" s="18"/>
      <c r="L13410" s="18"/>
      <c r="M13410" s="18"/>
      <c r="N13410" s="18"/>
      <c r="O13410" s="18"/>
      <c r="P13410" s="19">
        <v>240</v>
      </c>
      <c r="Q13410" s="19"/>
      <c r="R13410" s="19"/>
      <c r="S13410" s="19"/>
      <c r="T13410" s="19">
        <v>145</v>
      </c>
      <c r="U13410" s="19"/>
      <c r="V13410" s="19"/>
      <c r="W13410" s="19"/>
      <c r="X13410" s="19">
        <v>3</v>
      </c>
      <c r="Y13410" s="19"/>
      <c r="Z13410" s="19"/>
      <c r="AA13410" s="19"/>
    </row>
    <row r="13411" spans="1:27" s="1" customFormat="1" ht="11.1" customHeight="1" outlineLevel="4" x14ac:dyDescent="0.2">
      <c r="A13411" s="17"/>
      <c r="B13411" s="17"/>
      <c r="C13411" s="17"/>
      <c r="D13411" s="18"/>
      <c r="E13411" s="18"/>
      <c r="F13411" s="18"/>
      <c r="G13411" s="18"/>
      <c r="H13411" s="18"/>
      <c r="I13411" s="18"/>
      <c r="J13411" s="18"/>
      <c r="K13411" s="18"/>
      <c r="L13411" s="18"/>
      <c r="M13411" s="18"/>
      <c r="N13411" s="18"/>
      <c r="O13411" s="18"/>
      <c r="P13411" s="19"/>
      <c r="Q13411" s="19"/>
      <c r="R13411" s="19"/>
      <c r="S13411" s="19"/>
      <c r="T13411" s="19"/>
      <c r="U13411" s="19"/>
      <c r="V13411" s="19"/>
      <c r="W13411" s="19"/>
      <c r="X13411" s="19"/>
      <c r="Y13411" s="19"/>
      <c r="Z13411" s="19"/>
      <c r="AA13411" s="19"/>
    </row>
    <row r="13412" spans="1:27" s="1" customFormat="1" ht="14.1" customHeight="1" outlineLevel="4" x14ac:dyDescent="0.2">
      <c r="A13412" s="17">
        <v>14898</v>
      </c>
      <c r="B13412" s="17"/>
      <c r="C13412" s="17"/>
      <c r="D13412" s="18" t="s">
        <v>6648</v>
      </c>
      <c r="E13412" s="18"/>
      <c r="F13412" s="18"/>
      <c r="G13412" s="18"/>
      <c r="H13412" s="18"/>
      <c r="I13412" s="18"/>
      <c r="J13412" s="18"/>
      <c r="K13412" s="18"/>
      <c r="L13412" s="18"/>
      <c r="M13412" s="18"/>
      <c r="N13412" s="18"/>
      <c r="O13412" s="18"/>
      <c r="P13412" s="19">
        <v>240</v>
      </c>
      <c r="Q13412" s="19"/>
      <c r="R13412" s="19"/>
      <c r="S13412" s="19"/>
      <c r="T13412" s="19">
        <v>145</v>
      </c>
      <c r="U13412" s="19"/>
      <c r="V13412" s="19"/>
      <c r="W13412" s="19"/>
      <c r="X13412" s="19">
        <v>1</v>
      </c>
      <c r="Y13412" s="19"/>
      <c r="Z13412" s="19"/>
      <c r="AA13412" s="19"/>
    </row>
    <row r="13413" spans="1:27" s="1" customFormat="1" ht="14.1" customHeight="1" outlineLevel="4" x14ac:dyDescent="0.2">
      <c r="A13413" s="17"/>
      <c r="B13413" s="17"/>
      <c r="C13413" s="17"/>
      <c r="D13413" s="18"/>
      <c r="E13413" s="18"/>
      <c r="F13413" s="18"/>
      <c r="G13413" s="18"/>
      <c r="H13413" s="18"/>
      <c r="I13413" s="18"/>
      <c r="J13413" s="18"/>
      <c r="K13413" s="18"/>
      <c r="L13413" s="18"/>
      <c r="M13413" s="18"/>
      <c r="N13413" s="18"/>
      <c r="O13413" s="18"/>
      <c r="P13413" s="19"/>
      <c r="Q13413" s="19"/>
      <c r="R13413" s="19"/>
      <c r="S13413" s="19"/>
      <c r="T13413" s="19"/>
      <c r="U13413" s="19"/>
      <c r="V13413" s="19"/>
      <c r="W13413" s="19"/>
      <c r="X13413" s="19"/>
      <c r="Y13413" s="19"/>
      <c r="Z13413" s="19"/>
      <c r="AA13413" s="19"/>
    </row>
    <row r="13414" spans="1:27" s="1" customFormat="1" ht="11.1" customHeight="1" outlineLevel="4" x14ac:dyDescent="0.2">
      <c r="A13414" s="17">
        <v>14897</v>
      </c>
      <c r="B13414" s="17"/>
      <c r="C13414" s="17"/>
      <c r="D13414" s="18" t="s">
        <v>6649</v>
      </c>
      <c r="E13414" s="18"/>
      <c r="F13414" s="18"/>
      <c r="G13414" s="18"/>
      <c r="H13414" s="18"/>
      <c r="I13414" s="18"/>
      <c r="J13414" s="18"/>
      <c r="K13414" s="18"/>
      <c r="L13414" s="18"/>
      <c r="M13414" s="18"/>
      <c r="N13414" s="18"/>
      <c r="O13414" s="18"/>
      <c r="P13414" s="19">
        <v>240</v>
      </c>
      <c r="Q13414" s="19"/>
      <c r="R13414" s="19"/>
      <c r="S13414" s="19"/>
      <c r="T13414" s="19">
        <v>145</v>
      </c>
      <c r="U13414" s="19"/>
      <c r="V13414" s="19"/>
      <c r="W13414" s="19"/>
      <c r="X13414" s="19">
        <v>1</v>
      </c>
      <c r="Y13414" s="19"/>
      <c r="Z13414" s="19"/>
      <c r="AA13414" s="19"/>
    </row>
    <row r="13415" spans="1:27" s="1" customFormat="1" ht="11.1" customHeight="1" outlineLevel="4" x14ac:dyDescent="0.2">
      <c r="A13415" s="17"/>
      <c r="B13415" s="17"/>
      <c r="C13415" s="17"/>
      <c r="D13415" s="18"/>
      <c r="E13415" s="18"/>
      <c r="F13415" s="18"/>
      <c r="G13415" s="18"/>
      <c r="H13415" s="18"/>
      <c r="I13415" s="18"/>
      <c r="J13415" s="18"/>
      <c r="K13415" s="18"/>
      <c r="L13415" s="18"/>
      <c r="M13415" s="18"/>
      <c r="N13415" s="18"/>
      <c r="O13415" s="18"/>
      <c r="P13415" s="19"/>
      <c r="Q13415" s="19"/>
      <c r="R13415" s="19"/>
      <c r="S13415" s="19"/>
      <c r="T13415" s="19"/>
      <c r="U13415" s="19"/>
      <c r="V13415" s="19"/>
      <c r="W13415" s="19"/>
      <c r="X13415" s="19"/>
      <c r="Y13415" s="19"/>
      <c r="Z13415" s="19"/>
      <c r="AA13415" s="19"/>
    </row>
    <row r="13416" spans="1:27" s="1" customFormat="1" ht="11.1" customHeight="1" outlineLevel="4" x14ac:dyDescent="0.2">
      <c r="A13416" s="17">
        <v>14511</v>
      </c>
      <c r="B13416" s="17"/>
      <c r="C13416" s="17"/>
      <c r="D13416" s="18" t="s">
        <v>6650</v>
      </c>
      <c r="E13416" s="18"/>
      <c r="F13416" s="18"/>
      <c r="G13416" s="18"/>
      <c r="H13416" s="18"/>
      <c r="I13416" s="18"/>
      <c r="J13416" s="18"/>
      <c r="K13416" s="18"/>
      <c r="L13416" s="18"/>
      <c r="M13416" s="18"/>
      <c r="N13416" s="18"/>
      <c r="O13416" s="18"/>
      <c r="P13416" s="19">
        <v>240</v>
      </c>
      <c r="Q13416" s="19"/>
      <c r="R13416" s="19"/>
      <c r="S13416" s="19"/>
      <c r="T13416" s="19">
        <v>145</v>
      </c>
      <c r="U13416" s="19"/>
      <c r="V13416" s="19"/>
      <c r="W13416" s="19"/>
      <c r="X13416" s="19">
        <v>2</v>
      </c>
      <c r="Y13416" s="19"/>
      <c r="Z13416" s="19"/>
      <c r="AA13416" s="19"/>
    </row>
    <row r="13417" spans="1:27" s="1" customFormat="1" ht="11.1" customHeight="1" outlineLevel="4" x14ac:dyDescent="0.2">
      <c r="A13417" s="17"/>
      <c r="B13417" s="17"/>
      <c r="C13417" s="17"/>
      <c r="D13417" s="18"/>
      <c r="E13417" s="18"/>
      <c r="F13417" s="18"/>
      <c r="G13417" s="18"/>
      <c r="H13417" s="18"/>
      <c r="I13417" s="18"/>
      <c r="J13417" s="18"/>
      <c r="K13417" s="18"/>
      <c r="L13417" s="18"/>
      <c r="M13417" s="18"/>
      <c r="N13417" s="18"/>
      <c r="O13417" s="18"/>
      <c r="P13417" s="19"/>
      <c r="Q13417" s="19"/>
      <c r="R13417" s="19"/>
      <c r="S13417" s="19"/>
      <c r="T13417" s="19"/>
      <c r="U13417" s="19"/>
      <c r="V13417" s="19"/>
      <c r="W13417" s="19"/>
      <c r="X13417" s="19"/>
      <c r="Y13417" s="19"/>
      <c r="Z13417" s="19"/>
      <c r="AA13417" s="19"/>
    </row>
    <row r="13418" spans="1:27" s="1" customFormat="1" ht="11.1" customHeight="1" outlineLevel="4" x14ac:dyDescent="0.2">
      <c r="A13418" s="17">
        <v>14899</v>
      </c>
      <c r="B13418" s="17"/>
      <c r="C13418" s="17"/>
      <c r="D13418" s="18" t="s">
        <v>6651</v>
      </c>
      <c r="E13418" s="18"/>
      <c r="F13418" s="18"/>
      <c r="G13418" s="18"/>
      <c r="H13418" s="18"/>
      <c r="I13418" s="18"/>
      <c r="J13418" s="18"/>
      <c r="K13418" s="18"/>
      <c r="L13418" s="18"/>
      <c r="M13418" s="18"/>
      <c r="N13418" s="18"/>
      <c r="O13418" s="18"/>
      <c r="P13418" s="19">
        <v>240</v>
      </c>
      <c r="Q13418" s="19"/>
      <c r="R13418" s="19"/>
      <c r="S13418" s="19"/>
      <c r="T13418" s="19">
        <v>145</v>
      </c>
      <c r="U13418" s="19"/>
      <c r="V13418" s="19"/>
      <c r="W13418" s="19"/>
      <c r="X13418" s="19">
        <v>1</v>
      </c>
      <c r="Y13418" s="19"/>
      <c r="Z13418" s="19"/>
      <c r="AA13418" s="19"/>
    </row>
    <row r="13419" spans="1:27" s="1" customFormat="1" ht="11.1" customHeight="1" outlineLevel="4" x14ac:dyDescent="0.2">
      <c r="A13419" s="17"/>
      <c r="B13419" s="17"/>
      <c r="C13419" s="17"/>
      <c r="D13419" s="18"/>
      <c r="E13419" s="18"/>
      <c r="F13419" s="18"/>
      <c r="G13419" s="18"/>
      <c r="H13419" s="18"/>
      <c r="I13419" s="18"/>
      <c r="J13419" s="18"/>
      <c r="K13419" s="18"/>
      <c r="L13419" s="18"/>
      <c r="M13419" s="18"/>
      <c r="N13419" s="18"/>
      <c r="O13419" s="18"/>
      <c r="P13419" s="19"/>
      <c r="Q13419" s="19"/>
      <c r="R13419" s="19"/>
      <c r="S13419" s="19"/>
      <c r="T13419" s="19"/>
      <c r="U13419" s="19"/>
      <c r="V13419" s="19"/>
      <c r="W13419" s="19"/>
      <c r="X13419" s="19"/>
      <c r="Y13419" s="19"/>
      <c r="Z13419" s="19"/>
      <c r="AA13419" s="19"/>
    </row>
    <row r="13420" spans="1:27" s="1" customFormat="1" ht="11.1" customHeight="1" outlineLevel="4" x14ac:dyDescent="0.2">
      <c r="A13420" s="17">
        <v>14862</v>
      </c>
      <c r="B13420" s="17"/>
      <c r="C13420" s="17"/>
      <c r="D13420" s="18" t="s">
        <v>6652</v>
      </c>
      <c r="E13420" s="18"/>
      <c r="F13420" s="18"/>
      <c r="G13420" s="18"/>
      <c r="H13420" s="18"/>
      <c r="I13420" s="18"/>
      <c r="J13420" s="18"/>
      <c r="K13420" s="18"/>
      <c r="L13420" s="18"/>
      <c r="M13420" s="18"/>
      <c r="N13420" s="18"/>
      <c r="O13420" s="18"/>
      <c r="P13420" s="19">
        <v>240</v>
      </c>
      <c r="Q13420" s="19"/>
      <c r="R13420" s="19"/>
      <c r="S13420" s="19"/>
      <c r="T13420" s="19">
        <v>145</v>
      </c>
      <c r="U13420" s="19"/>
      <c r="V13420" s="19"/>
      <c r="W13420" s="19"/>
      <c r="X13420" s="19">
        <v>1</v>
      </c>
      <c r="Y13420" s="19"/>
      <c r="Z13420" s="19"/>
      <c r="AA13420" s="19"/>
    </row>
    <row r="13421" spans="1:27" s="1" customFormat="1" ht="11.1" customHeight="1" outlineLevel="4" x14ac:dyDescent="0.2">
      <c r="A13421" s="17"/>
      <c r="B13421" s="17"/>
      <c r="C13421" s="17"/>
      <c r="D13421" s="18"/>
      <c r="E13421" s="18"/>
      <c r="F13421" s="18"/>
      <c r="G13421" s="18"/>
      <c r="H13421" s="18"/>
      <c r="I13421" s="18"/>
      <c r="J13421" s="18"/>
      <c r="K13421" s="18"/>
      <c r="L13421" s="18"/>
      <c r="M13421" s="18"/>
      <c r="N13421" s="18"/>
      <c r="O13421" s="18"/>
      <c r="P13421" s="19"/>
      <c r="Q13421" s="19"/>
      <c r="R13421" s="19"/>
      <c r="S13421" s="19"/>
      <c r="T13421" s="19"/>
      <c r="U13421" s="19"/>
      <c r="V13421" s="19"/>
      <c r="W13421" s="19"/>
      <c r="X13421" s="19"/>
      <c r="Y13421" s="19"/>
      <c r="Z13421" s="19"/>
      <c r="AA13421" s="19"/>
    </row>
    <row r="13422" spans="1:27" s="1" customFormat="1" ht="11.1" customHeight="1" outlineLevel="4" x14ac:dyDescent="0.2">
      <c r="A13422" s="17">
        <v>14860</v>
      </c>
      <c r="B13422" s="17"/>
      <c r="C13422" s="17"/>
      <c r="D13422" s="18" t="s">
        <v>6653</v>
      </c>
      <c r="E13422" s="18"/>
      <c r="F13422" s="18"/>
      <c r="G13422" s="18"/>
      <c r="H13422" s="18"/>
      <c r="I13422" s="18"/>
      <c r="J13422" s="18"/>
      <c r="K13422" s="18"/>
      <c r="L13422" s="18"/>
      <c r="M13422" s="18"/>
      <c r="N13422" s="18"/>
      <c r="O13422" s="18"/>
      <c r="P13422" s="19">
        <v>240</v>
      </c>
      <c r="Q13422" s="19"/>
      <c r="R13422" s="19"/>
      <c r="S13422" s="19"/>
      <c r="T13422" s="19">
        <v>145</v>
      </c>
      <c r="U13422" s="19"/>
      <c r="V13422" s="19"/>
      <c r="W13422" s="19"/>
      <c r="X13422" s="19">
        <v>1</v>
      </c>
      <c r="Y13422" s="19"/>
      <c r="Z13422" s="19"/>
      <c r="AA13422" s="19"/>
    </row>
    <row r="13423" spans="1:27" s="1" customFormat="1" ht="11.1" customHeight="1" outlineLevel="4" x14ac:dyDescent="0.2">
      <c r="A13423" s="17"/>
      <c r="B13423" s="17"/>
      <c r="C13423" s="17"/>
      <c r="D13423" s="18"/>
      <c r="E13423" s="18"/>
      <c r="F13423" s="18"/>
      <c r="G13423" s="18"/>
      <c r="H13423" s="18"/>
      <c r="I13423" s="18"/>
      <c r="J13423" s="18"/>
      <c r="K13423" s="18"/>
      <c r="L13423" s="18"/>
      <c r="M13423" s="18"/>
      <c r="N13423" s="18"/>
      <c r="O13423" s="18"/>
      <c r="P13423" s="19"/>
      <c r="Q13423" s="19"/>
      <c r="R13423" s="19"/>
      <c r="S13423" s="19"/>
      <c r="T13423" s="19"/>
      <c r="U13423" s="19"/>
      <c r="V13423" s="19"/>
      <c r="W13423" s="19"/>
      <c r="X13423" s="19"/>
      <c r="Y13423" s="19"/>
      <c r="Z13423" s="19"/>
      <c r="AA13423" s="19"/>
    </row>
    <row r="13424" spans="1:27" s="1" customFormat="1" ht="11.1" customHeight="1" outlineLevel="4" x14ac:dyDescent="0.2">
      <c r="A13424" s="17">
        <v>14863</v>
      </c>
      <c r="B13424" s="17"/>
      <c r="C13424" s="17"/>
      <c r="D13424" s="18" t="s">
        <v>6654</v>
      </c>
      <c r="E13424" s="18"/>
      <c r="F13424" s="18"/>
      <c r="G13424" s="18"/>
      <c r="H13424" s="18"/>
      <c r="I13424" s="18"/>
      <c r="J13424" s="18"/>
      <c r="K13424" s="18"/>
      <c r="L13424" s="18"/>
      <c r="M13424" s="18"/>
      <c r="N13424" s="18"/>
      <c r="O13424" s="18"/>
      <c r="P13424" s="19">
        <v>240</v>
      </c>
      <c r="Q13424" s="19"/>
      <c r="R13424" s="19"/>
      <c r="S13424" s="19"/>
      <c r="T13424" s="19">
        <v>145</v>
      </c>
      <c r="U13424" s="19"/>
      <c r="V13424" s="19"/>
      <c r="W13424" s="19"/>
      <c r="X13424" s="19">
        <v>1</v>
      </c>
      <c r="Y13424" s="19"/>
      <c r="Z13424" s="19"/>
      <c r="AA13424" s="19"/>
    </row>
    <row r="13425" spans="1:27" s="1" customFormat="1" ht="11.1" customHeight="1" outlineLevel="4" x14ac:dyDescent="0.2">
      <c r="A13425" s="17"/>
      <c r="B13425" s="17"/>
      <c r="C13425" s="17"/>
      <c r="D13425" s="18"/>
      <c r="E13425" s="18"/>
      <c r="F13425" s="18"/>
      <c r="G13425" s="18"/>
      <c r="H13425" s="18"/>
      <c r="I13425" s="18"/>
      <c r="J13425" s="18"/>
      <c r="K13425" s="18"/>
      <c r="L13425" s="18"/>
      <c r="M13425" s="18"/>
      <c r="N13425" s="18"/>
      <c r="O13425" s="18"/>
      <c r="P13425" s="19"/>
      <c r="Q13425" s="19"/>
      <c r="R13425" s="19"/>
      <c r="S13425" s="19"/>
      <c r="T13425" s="19"/>
      <c r="U13425" s="19"/>
      <c r="V13425" s="19"/>
      <c r="W13425" s="19"/>
      <c r="X13425" s="19"/>
      <c r="Y13425" s="19"/>
      <c r="Z13425" s="19"/>
      <c r="AA13425" s="19"/>
    </row>
    <row r="13426" spans="1:27" s="1" customFormat="1" ht="11.1" customHeight="1" outlineLevel="4" x14ac:dyDescent="0.2">
      <c r="A13426" s="17">
        <v>14874</v>
      </c>
      <c r="B13426" s="17"/>
      <c r="C13426" s="17"/>
      <c r="D13426" s="18" t="s">
        <v>6655</v>
      </c>
      <c r="E13426" s="18"/>
      <c r="F13426" s="18"/>
      <c r="G13426" s="18"/>
      <c r="H13426" s="18"/>
      <c r="I13426" s="18"/>
      <c r="J13426" s="18"/>
      <c r="K13426" s="18"/>
      <c r="L13426" s="18"/>
      <c r="M13426" s="18"/>
      <c r="N13426" s="18"/>
      <c r="O13426" s="18"/>
      <c r="P13426" s="19">
        <v>240</v>
      </c>
      <c r="Q13426" s="19"/>
      <c r="R13426" s="19"/>
      <c r="S13426" s="19"/>
      <c r="T13426" s="19">
        <v>145</v>
      </c>
      <c r="U13426" s="19"/>
      <c r="V13426" s="19"/>
      <c r="W13426" s="19"/>
      <c r="X13426" s="19">
        <v>1</v>
      </c>
      <c r="Y13426" s="19"/>
      <c r="Z13426" s="19"/>
      <c r="AA13426" s="19"/>
    </row>
    <row r="13427" spans="1:27" s="1" customFormat="1" ht="11.1" customHeight="1" outlineLevel="4" x14ac:dyDescent="0.2">
      <c r="A13427" s="17"/>
      <c r="B13427" s="17"/>
      <c r="C13427" s="17"/>
      <c r="D13427" s="18"/>
      <c r="E13427" s="18"/>
      <c r="F13427" s="18"/>
      <c r="G13427" s="18"/>
      <c r="H13427" s="18"/>
      <c r="I13427" s="18"/>
      <c r="J13427" s="18"/>
      <c r="K13427" s="18"/>
      <c r="L13427" s="18"/>
      <c r="M13427" s="18"/>
      <c r="N13427" s="18"/>
      <c r="O13427" s="18"/>
      <c r="P13427" s="19"/>
      <c r="Q13427" s="19"/>
      <c r="R13427" s="19"/>
      <c r="S13427" s="19"/>
      <c r="T13427" s="19"/>
      <c r="U13427" s="19"/>
      <c r="V13427" s="19"/>
      <c r="W13427" s="19"/>
      <c r="X13427" s="19"/>
      <c r="Y13427" s="19"/>
      <c r="Z13427" s="19"/>
      <c r="AA13427" s="19"/>
    </row>
    <row r="13428" spans="1:27" s="1" customFormat="1" ht="11.1" customHeight="1" outlineLevel="4" x14ac:dyDescent="0.2">
      <c r="A13428" s="17">
        <v>14875</v>
      </c>
      <c r="B13428" s="17"/>
      <c r="C13428" s="17"/>
      <c r="D13428" s="18" t="s">
        <v>6656</v>
      </c>
      <c r="E13428" s="18"/>
      <c r="F13428" s="18"/>
      <c r="G13428" s="18"/>
      <c r="H13428" s="18"/>
      <c r="I13428" s="18"/>
      <c r="J13428" s="18"/>
      <c r="K13428" s="18"/>
      <c r="L13428" s="18"/>
      <c r="M13428" s="18"/>
      <c r="N13428" s="18"/>
      <c r="O13428" s="18"/>
      <c r="P13428" s="19">
        <v>240</v>
      </c>
      <c r="Q13428" s="19"/>
      <c r="R13428" s="19"/>
      <c r="S13428" s="19"/>
      <c r="T13428" s="19">
        <v>145</v>
      </c>
      <c r="U13428" s="19"/>
      <c r="V13428" s="19"/>
      <c r="W13428" s="19"/>
      <c r="X13428" s="19">
        <v>1</v>
      </c>
      <c r="Y13428" s="19"/>
      <c r="Z13428" s="19"/>
      <c r="AA13428" s="19"/>
    </row>
    <row r="13429" spans="1:27" s="1" customFormat="1" ht="11.1" customHeight="1" outlineLevel="4" x14ac:dyDescent="0.2">
      <c r="A13429" s="17"/>
      <c r="B13429" s="17"/>
      <c r="C13429" s="17"/>
      <c r="D13429" s="18"/>
      <c r="E13429" s="18"/>
      <c r="F13429" s="18"/>
      <c r="G13429" s="18"/>
      <c r="H13429" s="18"/>
      <c r="I13429" s="18"/>
      <c r="J13429" s="18"/>
      <c r="K13429" s="18"/>
      <c r="L13429" s="18"/>
      <c r="M13429" s="18"/>
      <c r="N13429" s="18"/>
      <c r="O13429" s="18"/>
      <c r="P13429" s="19"/>
      <c r="Q13429" s="19"/>
      <c r="R13429" s="19"/>
      <c r="S13429" s="19"/>
      <c r="T13429" s="19"/>
      <c r="U13429" s="19"/>
      <c r="V13429" s="19"/>
      <c r="W13429" s="19"/>
      <c r="X13429" s="19"/>
      <c r="Y13429" s="19"/>
      <c r="Z13429" s="19"/>
      <c r="AA13429" s="19"/>
    </row>
    <row r="13430" spans="1:27" s="1" customFormat="1" ht="11.1" customHeight="1" outlineLevel="4" x14ac:dyDescent="0.2">
      <c r="A13430" s="17">
        <v>14882</v>
      </c>
      <c r="B13430" s="17"/>
      <c r="C13430" s="17"/>
      <c r="D13430" s="18" t="s">
        <v>6657</v>
      </c>
      <c r="E13430" s="18"/>
      <c r="F13430" s="18"/>
      <c r="G13430" s="18"/>
      <c r="H13430" s="18"/>
      <c r="I13430" s="18"/>
      <c r="J13430" s="18"/>
      <c r="K13430" s="18"/>
      <c r="L13430" s="18"/>
      <c r="M13430" s="18"/>
      <c r="N13430" s="18"/>
      <c r="O13430" s="18"/>
      <c r="P13430" s="19">
        <v>240</v>
      </c>
      <c r="Q13430" s="19"/>
      <c r="R13430" s="19"/>
      <c r="S13430" s="19"/>
      <c r="T13430" s="19">
        <v>145</v>
      </c>
      <c r="U13430" s="19"/>
      <c r="V13430" s="19"/>
      <c r="W13430" s="19"/>
      <c r="X13430" s="19">
        <v>1</v>
      </c>
      <c r="Y13430" s="19"/>
      <c r="Z13430" s="19"/>
      <c r="AA13430" s="19"/>
    </row>
    <row r="13431" spans="1:27" s="1" customFormat="1" ht="11.1" customHeight="1" outlineLevel="4" x14ac:dyDescent="0.2">
      <c r="A13431" s="17"/>
      <c r="B13431" s="17"/>
      <c r="C13431" s="17"/>
      <c r="D13431" s="18"/>
      <c r="E13431" s="18"/>
      <c r="F13431" s="18"/>
      <c r="G13431" s="18"/>
      <c r="H13431" s="18"/>
      <c r="I13431" s="18"/>
      <c r="J13431" s="18"/>
      <c r="K13431" s="18"/>
      <c r="L13431" s="18"/>
      <c r="M13431" s="18"/>
      <c r="N13431" s="18"/>
      <c r="O13431" s="18"/>
      <c r="P13431" s="19"/>
      <c r="Q13431" s="19"/>
      <c r="R13431" s="19"/>
      <c r="S13431" s="19"/>
      <c r="T13431" s="19"/>
      <c r="U13431" s="19"/>
      <c r="V13431" s="19"/>
      <c r="W13431" s="19"/>
      <c r="X13431" s="19"/>
      <c r="Y13431" s="19"/>
      <c r="Z13431" s="19"/>
      <c r="AA13431" s="19"/>
    </row>
    <row r="13432" spans="1:27" s="1" customFormat="1" ht="11.1" customHeight="1" outlineLevel="4" x14ac:dyDescent="0.2">
      <c r="A13432" s="17">
        <v>14881</v>
      </c>
      <c r="B13432" s="17"/>
      <c r="C13432" s="17"/>
      <c r="D13432" s="18" t="s">
        <v>6658</v>
      </c>
      <c r="E13432" s="18"/>
      <c r="F13432" s="18"/>
      <c r="G13432" s="18"/>
      <c r="H13432" s="18"/>
      <c r="I13432" s="18"/>
      <c r="J13432" s="18"/>
      <c r="K13432" s="18"/>
      <c r="L13432" s="18"/>
      <c r="M13432" s="18"/>
      <c r="N13432" s="18"/>
      <c r="O13432" s="18"/>
      <c r="P13432" s="19">
        <v>240</v>
      </c>
      <c r="Q13432" s="19"/>
      <c r="R13432" s="19"/>
      <c r="S13432" s="19"/>
      <c r="T13432" s="19">
        <v>145</v>
      </c>
      <c r="U13432" s="19"/>
      <c r="V13432" s="19"/>
      <c r="W13432" s="19"/>
      <c r="X13432" s="19">
        <v>1</v>
      </c>
      <c r="Y13432" s="19"/>
      <c r="Z13432" s="19"/>
      <c r="AA13432" s="19"/>
    </row>
    <row r="13433" spans="1:27" s="1" customFormat="1" ht="11.1" customHeight="1" outlineLevel="4" x14ac:dyDescent="0.2">
      <c r="A13433" s="17"/>
      <c r="B13433" s="17"/>
      <c r="C13433" s="17"/>
      <c r="D13433" s="18"/>
      <c r="E13433" s="18"/>
      <c r="F13433" s="18"/>
      <c r="G13433" s="18"/>
      <c r="H13433" s="18"/>
      <c r="I13433" s="18"/>
      <c r="J13433" s="18"/>
      <c r="K13433" s="18"/>
      <c r="L13433" s="18"/>
      <c r="M13433" s="18"/>
      <c r="N13433" s="18"/>
      <c r="O13433" s="18"/>
      <c r="P13433" s="19"/>
      <c r="Q13433" s="19"/>
      <c r="R13433" s="19"/>
      <c r="S13433" s="19"/>
      <c r="T13433" s="19"/>
      <c r="U13433" s="19"/>
      <c r="V13433" s="19"/>
      <c r="W13433" s="19"/>
      <c r="X13433" s="19"/>
      <c r="Y13433" s="19"/>
      <c r="Z13433" s="19"/>
      <c r="AA13433" s="19"/>
    </row>
    <row r="13434" spans="1:27" s="1" customFormat="1" ht="11.1" customHeight="1" outlineLevel="4" x14ac:dyDescent="0.2">
      <c r="A13434" s="17">
        <v>14877</v>
      </c>
      <c r="B13434" s="17"/>
      <c r="C13434" s="17"/>
      <c r="D13434" s="18" t="s">
        <v>6659</v>
      </c>
      <c r="E13434" s="18"/>
      <c r="F13434" s="18"/>
      <c r="G13434" s="18"/>
      <c r="H13434" s="18"/>
      <c r="I13434" s="18"/>
      <c r="J13434" s="18"/>
      <c r="K13434" s="18"/>
      <c r="L13434" s="18"/>
      <c r="M13434" s="18"/>
      <c r="N13434" s="18"/>
      <c r="O13434" s="18"/>
      <c r="P13434" s="19">
        <v>240</v>
      </c>
      <c r="Q13434" s="19"/>
      <c r="R13434" s="19"/>
      <c r="S13434" s="19"/>
      <c r="T13434" s="19">
        <v>145</v>
      </c>
      <c r="U13434" s="19"/>
      <c r="V13434" s="19"/>
      <c r="W13434" s="19"/>
      <c r="X13434" s="19">
        <v>1</v>
      </c>
      <c r="Y13434" s="19"/>
      <c r="Z13434" s="19"/>
      <c r="AA13434" s="19"/>
    </row>
    <row r="13435" spans="1:27" s="1" customFormat="1" ht="11.1" customHeight="1" outlineLevel="4" x14ac:dyDescent="0.2">
      <c r="A13435" s="17"/>
      <c r="B13435" s="17"/>
      <c r="C13435" s="17"/>
      <c r="D13435" s="18"/>
      <c r="E13435" s="18"/>
      <c r="F13435" s="18"/>
      <c r="G13435" s="18"/>
      <c r="H13435" s="18"/>
      <c r="I13435" s="18"/>
      <c r="J13435" s="18"/>
      <c r="K13435" s="18"/>
      <c r="L13435" s="18"/>
      <c r="M13435" s="18"/>
      <c r="N13435" s="18"/>
      <c r="O13435" s="18"/>
      <c r="P13435" s="19"/>
      <c r="Q13435" s="19"/>
      <c r="R13435" s="19"/>
      <c r="S13435" s="19"/>
      <c r="T13435" s="19"/>
      <c r="U13435" s="19"/>
      <c r="V13435" s="19"/>
      <c r="W13435" s="19"/>
      <c r="X13435" s="19"/>
      <c r="Y13435" s="19"/>
      <c r="Z13435" s="19"/>
      <c r="AA13435" s="19"/>
    </row>
    <row r="13436" spans="1:27" s="1" customFormat="1" ht="11.1" customHeight="1" outlineLevel="4" x14ac:dyDescent="0.2">
      <c r="A13436" s="17">
        <v>14878</v>
      </c>
      <c r="B13436" s="17"/>
      <c r="C13436" s="17"/>
      <c r="D13436" s="18" t="s">
        <v>6660</v>
      </c>
      <c r="E13436" s="18"/>
      <c r="F13436" s="18"/>
      <c r="G13436" s="18"/>
      <c r="H13436" s="18"/>
      <c r="I13436" s="18"/>
      <c r="J13436" s="18"/>
      <c r="K13436" s="18"/>
      <c r="L13436" s="18"/>
      <c r="M13436" s="18"/>
      <c r="N13436" s="18"/>
      <c r="O13436" s="18"/>
      <c r="P13436" s="19">
        <v>240</v>
      </c>
      <c r="Q13436" s="19"/>
      <c r="R13436" s="19"/>
      <c r="S13436" s="19"/>
      <c r="T13436" s="19">
        <v>145</v>
      </c>
      <c r="U13436" s="19"/>
      <c r="V13436" s="19"/>
      <c r="W13436" s="19"/>
      <c r="X13436" s="19">
        <v>1</v>
      </c>
      <c r="Y13436" s="19"/>
      <c r="Z13436" s="19"/>
      <c r="AA13436" s="19"/>
    </row>
    <row r="13437" spans="1:27" s="1" customFormat="1" ht="11.1" customHeight="1" outlineLevel="4" x14ac:dyDescent="0.2">
      <c r="A13437" s="17"/>
      <c r="B13437" s="17"/>
      <c r="C13437" s="17"/>
      <c r="D13437" s="18"/>
      <c r="E13437" s="18"/>
      <c r="F13437" s="18"/>
      <c r="G13437" s="18"/>
      <c r="H13437" s="18"/>
      <c r="I13437" s="18"/>
      <c r="J13437" s="18"/>
      <c r="K13437" s="18"/>
      <c r="L13437" s="18"/>
      <c r="M13437" s="18"/>
      <c r="N13437" s="18"/>
      <c r="O13437" s="18"/>
      <c r="P13437" s="19"/>
      <c r="Q13437" s="19"/>
      <c r="R13437" s="19"/>
      <c r="S13437" s="19"/>
      <c r="T13437" s="19"/>
      <c r="U13437" s="19"/>
      <c r="V13437" s="19"/>
      <c r="W13437" s="19"/>
      <c r="X13437" s="19"/>
      <c r="Y13437" s="19"/>
      <c r="Z13437" s="19"/>
      <c r="AA13437" s="19"/>
    </row>
    <row r="13438" spans="1:27" s="1" customFormat="1" ht="11.1" customHeight="1" outlineLevel="4" x14ac:dyDescent="0.2">
      <c r="A13438" s="17">
        <v>14880</v>
      </c>
      <c r="B13438" s="17"/>
      <c r="C13438" s="17"/>
      <c r="D13438" s="18" t="s">
        <v>6661</v>
      </c>
      <c r="E13438" s="18"/>
      <c r="F13438" s="18"/>
      <c r="G13438" s="18"/>
      <c r="H13438" s="18"/>
      <c r="I13438" s="18"/>
      <c r="J13438" s="18"/>
      <c r="K13438" s="18"/>
      <c r="L13438" s="18"/>
      <c r="M13438" s="18"/>
      <c r="N13438" s="18"/>
      <c r="O13438" s="18"/>
      <c r="P13438" s="19">
        <v>240</v>
      </c>
      <c r="Q13438" s="19"/>
      <c r="R13438" s="19"/>
      <c r="S13438" s="19"/>
      <c r="T13438" s="19">
        <v>145</v>
      </c>
      <c r="U13438" s="19"/>
      <c r="V13438" s="19"/>
      <c r="W13438" s="19"/>
      <c r="X13438" s="19">
        <v>1</v>
      </c>
      <c r="Y13438" s="19"/>
      <c r="Z13438" s="19"/>
      <c r="AA13438" s="19"/>
    </row>
    <row r="13439" spans="1:27" s="1" customFormat="1" ht="11.1" customHeight="1" outlineLevel="4" x14ac:dyDescent="0.2">
      <c r="A13439" s="17"/>
      <c r="B13439" s="17"/>
      <c r="C13439" s="17"/>
      <c r="D13439" s="18"/>
      <c r="E13439" s="18"/>
      <c r="F13439" s="18"/>
      <c r="G13439" s="18"/>
      <c r="H13439" s="18"/>
      <c r="I13439" s="18"/>
      <c r="J13439" s="18"/>
      <c r="K13439" s="18"/>
      <c r="L13439" s="18"/>
      <c r="M13439" s="18"/>
      <c r="N13439" s="18"/>
      <c r="O13439" s="18"/>
      <c r="P13439" s="19"/>
      <c r="Q13439" s="19"/>
      <c r="R13439" s="19"/>
      <c r="S13439" s="19"/>
      <c r="T13439" s="19"/>
      <c r="U13439" s="19"/>
      <c r="V13439" s="19"/>
      <c r="W13439" s="19"/>
      <c r="X13439" s="19"/>
      <c r="Y13439" s="19"/>
      <c r="Z13439" s="19"/>
      <c r="AA13439" s="19"/>
    </row>
    <row r="13440" spans="1:27" s="1" customFormat="1" ht="11.1" customHeight="1" outlineLevel="4" x14ac:dyDescent="0.2">
      <c r="A13440" s="17">
        <v>14879</v>
      </c>
      <c r="B13440" s="17"/>
      <c r="C13440" s="17"/>
      <c r="D13440" s="18" t="s">
        <v>6662</v>
      </c>
      <c r="E13440" s="18"/>
      <c r="F13440" s="18"/>
      <c r="G13440" s="18"/>
      <c r="H13440" s="18"/>
      <c r="I13440" s="18"/>
      <c r="J13440" s="18"/>
      <c r="K13440" s="18"/>
      <c r="L13440" s="18"/>
      <c r="M13440" s="18"/>
      <c r="N13440" s="18"/>
      <c r="O13440" s="18"/>
      <c r="P13440" s="19">
        <v>240</v>
      </c>
      <c r="Q13440" s="19"/>
      <c r="R13440" s="19"/>
      <c r="S13440" s="19"/>
      <c r="T13440" s="19">
        <v>145</v>
      </c>
      <c r="U13440" s="19"/>
      <c r="V13440" s="19"/>
      <c r="W13440" s="19"/>
      <c r="X13440" s="19">
        <v>1</v>
      </c>
      <c r="Y13440" s="19"/>
      <c r="Z13440" s="19"/>
      <c r="AA13440" s="19"/>
    </row>
    <row r="13441" spans="1:27" s="1" customFormat="1" ht="11.1" customHeight="1" outlineLevel="4" x14ac:dyDescent="0.2">
      <c r="A13441" s="17"/>
      <c r="B13441" s="17"/>
      <c r="C13441" s="17"/>
      <c r="D13441" s="18"/>
      <c r="E13441" s="18"/>
      <c r="F13441" s="18"/>
      <c r="G13441" s="18"/>
      <c r="H13441" s="18"/>
      <c r="I13441" s="18"/>
      <c r="J13441" s="18"/>
      <c r="K13441" s="18"/>
      <c r="L13441" s="18"/>
      <c r="M13441" s="18"/>
      <c r="N13441" s="18"/>
      <c r="O13441" s="18"/>
      <c r="P13441" s="19"/>
      <c r="Q13441" s="19"/>
      <c r="R13441" s="19"/>
      <c r="S13441" s="19"/>
      <c r="T13441" s="19"/>
      <c r="U13441" s="19"/>
      <c r="V13441" s="19"/>
      <c r="W13441" s="19"/>
      <c r="X13441" s="19"/>
      <c r="Y13441" s="19"/>
      <c r="Z13441" s="19"/>
      <c r="AA13441" s="19"/>
    </row>
    <row r="13442" spans="1:27" s="1" customFormat="1" ht="11.1" customHeight="1" outlineLevel="4" x14ac:dyDescent="0.2">
      <c r="A13442" s="17">
        <v>14868</v>
      </c>
      <c r="B13442" s="17"/>
      <c r="C13442" s="17"/>
      <c r="D13442" s="18" t="s">
        <v>6663</v>
      </c>
      <c r="E13442" s="18"/>
      <c r="F13442" s="18"/>
      <c r="G13442" s="18"/>
      <c r="H13442" s="18"/>
      <c r="I13442" s="18"/>
      <c r="J13442" s="18"/>
      <c r="K13442" s="18"/>
      <c r="L13442" s="18"/>
      <c r="M13442" s="18"/>
      <c r="N13442" s="18"/>
      <c r="O13442" s="18"/>
      <c r="P13442" s="19">
        <v>240</v>
      </c>
      <c r="Q13442" s="19"/>
      <c r="R13442" s="19"/>
      <c r="S13442" s="19"/>
      <c r="T13442" s="19">
        <v>145</v>
      </c>
      <c r="U13442" s="19"/>
      <c r="V13442" s="19"/>
      <c r="W13442" s="19"/>
      <c r="X13442" s="19">
        <v>1</v>
      </c>
      <c r="Y13442" s="19"/>
      <c r="Z13442" s="19"/>
      <c r="AA13442" s="19"/>
    </row>
    <row r="13443" spans="1:27" s="1" customFormat="1" ht="11.1" customHeight="1" outlineLevel="4" x14ac:dyDescent="0.2">
      <c r="A13443" s="17"/>
      <c r="B13443" s="17"/>
      <c r="C13443" s="17"/>
      <c r="D13443" s="18"/>
      <c r="E13443" s="18"/>
      <c r="F13443" s="18"/>
      <c r="G13443" s="18"/>
      <c r="H13443" s="18"/>
      <c r="I13443" s="18"/>
      <c r="J13443" s="18"/>
      <c r="K13443" s="18"/>
      <c r="L13443" s="18"/>
      <c r="M13443" s="18"/>
      <c r="N13443" s="18"/>
      <c r="O13443" s="18"/>
      <c r="P13443" s="19"/>
      <c r="Q13443" s="19"/>
      <c r="R13443" s="19"/>
      <c r="S13443" s="19"/>
      <c r="T13443" s="19"/>
      <c r="U13443" s="19"/>
      <c r="V13443" s="19"/>
      <c r="W13443" s="19"/>
      <c r="X13443" s="19"/>
      <c r="Y13443" s="19"/>
      <c r="Z13443" s="19"/>
      <c r="AA13443" s="19"/>
    </row>
    <row r="13444" spans="1:27" s="1" customFormat="1" ht="11.1" customHeight="1" outlineLevel="4" x14ac:dyDescent="0.2">
      <c r="A13444" s="17">
        <v>14873</v>
      </c>
      <c r="B13444" s="17"/>
      <c r="C13444" s="17"/>
      <c r="D13444" s="18" t="s">
        <v>6664</v>
      </c>
      <c r="E13444" s="18"/>
      <c r="F13444" s="18"/>
      <c r="G13444" s="18"/>
      <c r="H13444" s="18"/>
      <c r="I13444" s="18"/>
      <c r="J13444" s="18"/>
      <c r="K13444" s="18"/>
      <c r="L13444" s="18"/>
      <c r="M13444" s="18"/>
      <c r="N13444" s="18"/>
      <c r="O13444" s="18"/>
      <c r="P13444" s="19">
        <v>240</v>
      </c>
      <c r="Q13444" s="19"/>
      <c r="R13444" s="19"/>
      <c r="S13444" s="19"/>
      <c r="T13444" s="19">
        <v>145</v>
      </c>
      <c r="U13444" s="19"/>
      <c r="V13444" s="19"/>
      <c r="W13444" s="19"/>
      <c r="X13444" s="19">
        <v>1</v>
      </c>
      <c r="Y13444" s="19"/>
      <c r="Z13444" s="19"/>
      <c r="AA13444" s="19"/>
    </row>
    <row r="13445" spans="1:27" s="1" customFormat="1" ht="11.1" customHeight="1" outlineLevel="4" x14ac:dyDescent="0.2">
      <c r="A13445" s="17"/>
      <c r="B13445" s="17"/>
      <c r="C13445" s="17"/>
      <c r="D13445" s="18"/>
      <c r="E13445" s="18"/>
      <c r="F13445" s="18"/>
      <c r="G13445" s="18"/>
      <c r="H13445" s="18"/>
      <c r="I13445" s="18"/>
      <c r="J13445" s="18"/>
      <c r="K13445" s="18"/>
      <c r="L13445" s="18"/>
      <c r="M13445" s="18"/>
      <c r="N13445" s="18"/>
      <c r="O13445" s="18"/>
      <c r="P13445" s="19"/>
      <c r="Q13445" s="19"/>
      <c r="R13445" s="19"/>
      <c r="S13445" s="19"/>
      <c r="T13445" s="19"/>
      <c r="U13445" s="19"/>
      <c r="V13445" s="19"/>
      <c r="W13445" s="19"/>
      <c r="X13445" s="19"/>
      <c r="Y13445" s="19"/>
      <c r="Z13445" s="19"/>
      <c r="AA13445" s="19"/>
    </row>
    <row r="13446" spans="1:27" s="1" customFormat="1" ht="11.1" customHeight="1" outlineLevel="4" x14ac:dyDescent="0.2">
      <c r="A13446" s="17">
        <v>14870</v>
      </c>
      <c r="B13446" s="17"/>
      <c r="C13446" s="17"/>
      <c r="D13446" s="18" t="s">
        <v>6665</v>
      </c>
      <c r="E13446" s="18"/>
      <c r="F13446" s="18"/>
      <c r="G13446" s="18"/>
      <c r="H13446" s="18"/>
      <c r="I13446" s="18"/>
      <c r="J13446" s="18"/>
      <c r="K13446" s="18"/>
      <c r="L13446" s="18"/>
      <c r="M13446" s="18"/>
      <c r="N13446" s="18"/>
      <c r="O13446" s="18"/>
      <c r="P13446" s="19">
        <v>240</v>
      </c>
      <c r="Q13446" s="19"/>
      <c r="R13446" s="19"/>
      <c r="S13446" s="19"/>
      <c r="T13446" s="19">
        <v>145</v>
      </c>
      <c r="U13446" s="19"/>
      <c r="V13446" s="19"/>
      <c r="W13446" s="19"/>
      <c r="X13446" s="19">
        <v>1</v>
      </c>
      <c r="Y13446" s="19"/>
      <c r="Z13446" s="19"/>
      <c r="AA13446" s="19"/>
    </row>
    <row r="13447" spans="1:27" s="1" customFormat="1" ht="11.1" customHeight="1" outlineLevel="4" x14ac:dyDescent="0.2">
      <c r="A13447" s="17"/>
      <c r="B13447" s="17"/>
      <c r="C13447" s="17"/>
      <c r="D13447" s="18"/>
      <c r="E13447" s="18"/>
      <c r="F13447" s="18"/>
      <c r="G13447" s="18"/>
      <c r="H13447" s="18"/>
      <c r="I13447" s="18"/>
      <c r="J13447" s="18"/>
      <c r="K13447" s="18"/>
      <c r="L13447" s="18"/>
      <c r="M13447" s="18"/>
      <c r="N13447" s="18"/>
      <c r="O13447" s="18"/>
      <c r="P13447" s="19"/>
      <c r="Q13447" s="19"/>
      <c r="R13447" s="19"/>
      <c r="S13447" s="19"/>
      <c r="T13447" s="19"/>
      <c r="U13447" s="19"/>
      <c r="V13447" s="19"/>
      <c r="W13447" s="19"/>
      <c r="X13447" s="19"/>
      <c r="Y13447" s="19"/>
      <c r="Z13447" s="19"/>
      <c r="AA13447" s="19"/>
    </row>
    <row r="13448" spans="1:27" s="1" customFormat="1" ht="11.1" customHeight="1" outlineLevel="4" x14ac:dyDescent="0.2">
      <c r="A13448" s="17">
        <v>14867</v>
      </c>
      <c r="B13448" s="17"/>
      <c r="C13448" s="17"/>
      <c r="D13448" s="18" t="s">
        <v>6666</v>
      </c>
      <c r="E13448" s="18"/>
      <c r="F13448" s="18"/>
      <c r="G13448" s="18"/>
      <c r="H13448" s="18"/>
      <c r="I13448" s="18"/>
      <c r="J13448" s="18"/>
      <c r="K13448" s="18"/>
      <c r="L13448" s="18"/>
      <c r="M13448" s="18"/>
      <c r="N13448" s="18"/>
      <c r="O13448" s="18"/>
      <c r="P13448" s="19">
        <v>240</v>
      </c>
      <c r="Q13448" s="19"/>
      <c r="R13448" s="19"/>
      <c r="S13448" s="19"/>
      <c r="T13448" s="19">
        <v>145</v>
      </c>
      <c r="U13448" s="19"/>
      <c r="V13448" s="19"/>
      <c r="W13448" s="19"/>
      <c r="X13448" s="19">
        <v>1</v>
      </c>
      <c r="Y13448" s="19"/>
      <c r="Z13448" s="19"/>
      <c r="AA13448" s="19"/>
    </row>
    <row r="13449" spans="1:27" s="1" customFormat="1" ht="11.1" customHeight="1" outlineLevel="4" x14ac:dyDescent="0.2">
      <c r="A13449" s="17"/>
      <c r="B13449" s="17"/>
      <c r="C13449" s="17"/>
      <c r="D13449" s="18"/>
      <c r="E13449" s="18"/>
      <c r="F13449" s="18"/>
      <c r="G13449" s="18"/>
      <c r="H13449" s="18"/>
      <c r="I13449" s="18"/>
      <c r="J13449" s="18"/>
      <c r="K13449" s="18"/>
      <c r="L13449" s="18"/>
      <c r="M13449" s="18"/>
      <c r="N13449" s="18"/>
      <c r="O13449" s="18"/>
      <c r="P13449" s="19"/>
      <c r="Q13449" s="19"/>
      <c r="R13449" s="19"/>
      <c r="S13449" s="19"/>
      <c r="T13449" s="19"/>
      <c r="U13449" s="19"/>
      <c r="V13449" s="19"/>
      <c r="W13449" s="19"/>
      <c r="X13449" s="19"/>
      <c r="Y13449" s="19"/>
      <c r="Z13449" s="19"/>
      <c r="AA13449" s="19"/>
    </row>
    <row r="13450" spans="1:27" s="1" customFormat="1" ht="11.1" customHeight="1" outlineLevel="4" x14ac:dyDescent="0.2">
      <c r="A13450" s="17">
        <v>14866</v>
      </c>
      <c r="B13450" s="17"/>
      <c r="C13450" s="17"/>
      <c r="D13450" s="18" t="s">
        <v>6667</v>
      </c>
      <c r="E13450" s="18"/>
      <c r="F13450" s="18"/>
      <c r="G13450" s="18"/>
      <c r="H13450" s="18"/>
      <c r="I13450" s="18"/>
      <c r="J13450" s="18"/>
      <c r="K13450" s="18"/>
      <c r="L13450" s="18"/>
      <c r="M13450" s="18"/>
      <c r="N13450" s="18"/>
      <c r="O13450" s="18"/>
      <c r="P13450" s="19">
        <v>240</v>
      </c>
      <c r="Q13450" s="19"/>
      <c r="R13450" s="19"/>
      <c r="S13450" s="19"/>
      <c r="T13450" s="19">
        <v>145</v>
      </c>
      <c r="U13450" s="19"/>
      <c r="V13450" s="19"/>
      <c r="W13450" s="19"/>
      <c r="X13450" s="19">
        <v>1</v>
      </c>
      <c r="Y13450" s="19"/>
      <c r="Z13450" s="19"/>
      <c r="AA13450" s="19"/>
    </row>
    <row r="13451" spans="1:27" s="1" customFormat="1" ht="11.1" customHeight="1" outlineLevel="4" x14ac:dyDescent="0.2">
      <c r="A13451" s="17"/>
      <c r="B13451" s="17"/>
      <c r="C13451" s="17"/>
      <c r="D13451" s="18"/>
      <c r="E13451" s="18"/>
      <c r="F13451" s="18"/>
      <c r="G13451" s="18"/>
      <c r="H13451" s="18"/>
      <c r="I13451" s="18"/>
      <c r="J13451" s="18"/>
      <c r="K13451" s="18"/>
      <c r="L13451" s="18"/>
      <c r="M13451" s="18"/>
      <c r="N13451" s="18"/>
      <c r="O13451" s="18"/>
      <c r="P13451" s="19"/>
      <c r="Q13451" s="19"/>
      <c r="R13451" s="19"/>
      <c r="S13451" s="19"/>
      <c r="T13451" s="19"/>
      <c r="U13451" s="19"/>
      <c r="V13451" s="19"/>
      <c r="W13451" s="19"/>
      <c r="X13451" s="19"/>
      <c r="Y13451" s="19"/>
      <c r="Z13451" s="19"/>
      <c r="AA13451" s="19"/>
    </row>
    <row r="13452" spans="1:27" s="1" customFormat="1" ht="11.1" customHeight="1" outlineLevel="4" x14ac:dyDescent="0.2">
      <c r="A13452" s="17">
        <v>14872</v>
      </c>
      <c r="B13452" s="17"/>
      <c r="C13452" s="17"/>
      <c r="D13452" s="18" t="s">
        <v>6668</v>
      </c>
      <c r="E13452" s="18"/>
      <c r="F13452" s="18"/>
      <c r="G13452" s="18"/>
      <c r="H13452" s="18"/>
      <c r="I13452" s="18"/>
      <c r="J13452" s="18"/>
      <c r="K13452" s="18"/>
      <c r="L13452" s="18"/>
      <c r="M13452" s="18"/>
      <c r="N13452" s="18"/>
      <c r="O13452" s="18"/>
      <c r="P13452" s="19">
        <v>240</v>
      </c>
      <c r="Q13452" s="19"/>
      <c r="R13452" s="19"/>
      <c r="S13452" s="19"/>
      <c r="T13452" s="19">
        <v>145</v>
      </c>
      <c r="U13452" s="19"/>
      <c r="V13452" s="19"/>
      <c r="W13452" s="19"/>
      <c r="X13452" s="19">
        <v>1</v>
      </c>
      <c r="Y13452" s="19"/>
      <c r="Z13452" s="19"/>
      <c r="AA13452" s="19"/>
    </row>
    <row r="13453" spans="1:27" s="1" customFormat="1" ht="11.1" customHeight="1" outlineLevel="4" x14ac:dyDescent="0.2">
      <c r="A13453" s="17"/>
      <c r="B13453" s="17"/>
      <c r="C13453" s="17"/>
      <c r="D13453" s="18"/>
      <c r="E13453" s="18"/>
      <c r="F13453" s="18"/>
      <c r="G13453" s="18"/>
      <c r="H13453" s="18"/>
      <c r="I13453" s="18"/>
      <c r="J13453" s="18"/>
      <c r="K13453" s="18"/>
      <c r="L13453" s="18"/>
      <c r="M13453" s="18"/>
      <c r="N13453" s="18"/>
      <c r="O13453" s="18"/>
      <c r="P13453" s="19"/>
      <c r="Q13453" s="19"/>
      <c r="R13453" s="19"/>
      <c r="S13453" s="19"/>
      <c r="T13453" s="19"/>
      <c r="U13453" s="19"/>
      <c r="V13453" s="19"/>
      <c r="W13453" s="19"/>
      <c r="X13453" s="19"/>
      <c r="Y13453" s="19"/>
      <c r="Z13453" s="19"/>
      <c r="AA13453" s="19"/>
    </row>
    <row r="13454" spans="1:27" s="1" customFormat="1" ht="11.1" customHeight="1" outlineLevel="4" x14ac:dyDescent="0.2">
      <c r="A13454" s="17">
        <v>14869</v>
      </c>
      <c r="B13454" s="17"/>
      <c r="C13454" s="17"/>
      <c r="D13454" s="18" t="s">
        <v>6669</v>
      </c>
      <c r="E13454" s="18"/>
      <c r="F13454" s="18"/>
      <c r="G13454" s="18"/>
      <c r="H13454" s="18"/>
      <c r="I13454" s="18"/>
      <c r="J13454" s="18"/>
      <c r="K13454" s="18"/>
      <c r="L13454" s="18"/>
      <c r="M13454" s="18"/>
      <c r="N13454" s="18"/>
      <c r="O13454" s="18"/>
      <c r="P13454" s="19">
        <v>240</v>
      </c>
      <c r="Q13454" s="19"/>
      <c r="R13454" s="19"/>
      <c r="S13454" s="19"/>
      <c r="T13454" s="19">
        <v>145</v>
      </c>
      <c r="U13454" s="19"/>
      <c r="V13454" s="19"/>
      <c r="W13454" s="19"/>
      <c r="X13454" s="19">
        <v>1</v>
      </c>
      <c r="Y13454" s="19"/>
      <c r="Z13454" s="19"/>
      <c r="AA13454" s="19"/>
    </row>
    <row r="13455" spans="1:27" s="1" customFormat="1" ht="11.1" customHeight="1" outlineLevel="4" x14ac:dyDescent="0.2">
      <c r="A13455" s="17"/>
      <c r="B13455" s="17"/>
      <c r="C13455" s="17"/>
      <c r="D13455" s="18"/>
      <c r="E13455" s="18"/>
      <c r="F13455" s="18"/>
      <c r="G13455" s="18"/>
      <c r="H13455" s="18"/>
      <c r="I13455" s="18"/>
      <c r="J13455" s="18"/>
      <c r="K13455" s="18"/>
      <c r="L13455" s="18"/>
      <c r="M13455" s="18"/>
      <c r="N13455" s="18"/>
      <c r="O13455" s="18"/>
      <c r="P13455" s="19"/>
      <c r="Q13455" s="19"/>
      <c r="R13455" s="19"/>
      <c r="S13455" s="19"/>
      <c r="T13455" s="19"/>
      <c r="U13455" s="19"/>
      <c r="V13455" s="19"/>
      <c r="W13455" s="19"/>
      <c r="X13455" s="19"/>
      <c r="Y13455" s="19"/>
      <c r="Z13455" s="19"/>
      <c r="AA13455" s="19"/>
    </row>
    <row r="13456" spans="1:27" s="1" customFormat="1" ht="11.1" customHeight="1" outlineLevel="4" x14ac:dyDescent="0.2">
      <c r="A13456" s="17">
        <v>14883</v>
      </c>
      <c r="B13456" s="17"/>
      <c r="C13456" s="17"/>
      <c r="D13456" s="18" t="s">
        <v>6670</v>
      </c>
      <c r="E13456" s="18"/>
      <c r="F13456" s="18"/>
      <c r="G13456" s="18"/>
      <c r="H13456" s="18"/>
      <c r="I13456" s="18"/>
      <c r="J13456" s="18"/>
      <c r="K13456" s="18"/>
      <c r="L13456" s="18"/>
      <c r="M13456" s="18"/>
      <c r="N13456" s="18"/>
      <c r="O13456" s="18"/>
      <c r="P13456" s="19">
        <v>240</v>
      </c>
      <c r="Q13456" s="19"/>
      <c r="R13456" s="19"/>
      <c r="S13456" s="19"/>
      <c r="T13456" s="19">
        <v>145</v>
      </c>
      <c r="U13456" s="19"/>
      <c r="V13456" s="19"/>
      <c r="W13456" s="19"/>
      <c r="X13456" s="19">
        <v>1</v>
      </c>
      <c r="Y13456" s="19"/>
      <c r="Z13456" s="19"/>
      <c r="AA13456" s="19"/>
    </row>
    <row r="13457" spans="1:27" s="1" customFormat="1" ht="11.1" customHeight="1" outlineLevel="4" x14ac:dyDescent="0.2">
      <c r="A13457" s="17"/>
      <c r="B13457" s="17"/>
      <c r="C13457" s="17"/>
      <c r="D13457" s="18"/>
      <c r="E13457" s="18"/>
      <c r="F13457" s="18"/>
      <c r="G13457" s="18"/>
      <c r="H13457" s="18"/>
      <c r="I13457" s="18"/>
      <c r="J13457" s="18"/>
      <c r="K13457" s="18"/>
      <c r="L13457" s="18"/>
      <c r="M13457" s="18"/>
      <c r="N13457" s="18"/>
      <c r="O13457" s="18"/>
      <c r="P13457" s="19"/>
      <c r="Q13457" s="19"/>
      <c r="R13457" s="19"/>
      <c r="S13457" s="19"/>
      <c r="T13457" s="19"/>
      <c r="U13457" s="19"/>
      <c r="V13457" s="19"/>
      <c r="W13457" s="19"/>
      <c r="X13457" s="19"/>
      <c r="Y13457" s="19"/>
      <c r="Z13457" s="19"/>
      <c r="AA13457" s="19"/>
    </row>
    <row r="13458" spans="1:27" s="1" customFormat="1" ht="11.1" customHeight="1" outlineLevel="4" x14ac:dyDescent="0.2">
      <c r="A13458" s="17">
        <v>14887</v>
      </c>
      <c r="B13458" s="17"/>
      <c r="C13458" s="17"/>
      <c r="D13458" s="18" t="s">
        <v>6671</v>
      </c>
      <c r="E13458" s="18"/>
      <c r="F13458" s="18"/>
      <c r="G13458" s="18"/>
      <c r="H13458" s="18"/>
      <c r="I13458" s="18"/>
      <c r="J13458" s="18"/>
      <c r="K13458" s="18"/>
      <c r="L13458" s="18"/>
      <c r="M13458" s="18"/>
      <c r="N13458" s="18"/>
      <c r="O13458" s="18"/>
      <c r="P13458" s="19">
        <v>240</v>
      </c>
      <c r="Q13458" s="19"/>
      <c r="R13458" s="19"/>
      <c r="S13458" s="19"/>
      <c r="T13458" s="19">
        <v>145</v>
      </c>
      <c r="U13458" s="19"/>
      <c r="V13458" s="19"/>
      <c r="W13458" s="19"/>
      <c r="X13458" s="19">
        <v>1</v>
      </c>
      <c r="Y13458" s="19"/>
      <c r="Z13458" s="19"/>
      <c r="AA13458" s="19"/>
    </row>
    <row r="13459" spans="1:27" s="1" customFormat="1" ht="11.1" customHeight="1" outlineLevel="4" x14ac:dyDescent="0.2">
      <c r="A13459" s="17"/>
      <c r="B13459" s="17"/>
      <c r="C13459" s="17"/>
      <c r="D13459" s="18"/>
      <c r="E13459" s="18"/>
      <c r="F13459" s="18"/>
      <c r="G13459" s="18"/>
      <c r="H13459" s="18"/>
      <c r="I13459" s="18"/>
      <c r="J13459" s="18"/>
      <c r="K13459" s="18"/>
      <c r="L13459" s="18"/>
      <c r="M13459" s="18"/>
      <c r="N13459" s="18"/>
      <c r="O13459" s="18"/>
      <c r="P13459" s="19"/>
      <c r="Q13459" s="19"/>
      <c r="R13459" s="19"/>
      <c r="S13459" s="19"/>
      <c r="T13459" s="19"/>
      <c r="U13459" s="19"/>
      <c r="V13459" s="19"/>
      <c r="W13459" s="19"/>
      <c r="X13459" s="19"/>
      <c r="Y13459" s="19"/>
      <c r="Z13459" s="19"/>
      <c r="AA13459" s="19"/>
    </row>
    <row r="13460" spans="1:27" s="1" customFormat="1" ht="11.1" customHeight="1" outlineLevel="4" x14ac:dyDescent="0.2">
      <c r="A13460" s="17">
        <v>14886</v>
      </c>
      <c r="B13460" s="17"/>
      <c r="C13460" s="17"/>
      <c r="D13460" s="18" t="s">
        <v>6672</v>
      </c>
      <c r="E13460" s="18"/>
      <c r="F13460" s="18"/>
      <c r="G13460" s="18"/>
      <c r="H13460" s="18"/>
      <c r="I13460" s="18"/>
      <c r="J13460" s="18"/>
      <c r="K13460" s="18"/>
      <c r="L13460" s="18"/>
      <c r="M13460" s="18"/>
      <c r="N13460" s="18"/>
      <c r="O13460" s="18"/>
      <c r="P13460" s="19">
        <v>240</v>
      </c>
      <c r="Q13460" s="19"/>
      <c r="R13460" s="19"/>
      <c r="S13460" s="19"/>
      <c r="T13460" s="19">
        <v>145</v>
      </c>
      <c r="U13460" s="19"/>
      <c r="V13460" s="19"/>
      <c r="W13460" s="19"/>
      <c r="X13460" s="19">
        <v>1</v>
      </c>
      <c r="Y13460" s="19"/>
      <c r="Z13460" s="19"/>
      <c r="AA13460" s="19"/>
    </row>
    <row r="13461" spans="1:27" s="1" customFormat="1" ht="11.1" customHeight="1" outlineLevel="4" x14ac:dyDescent="0.2">
      <c r="A13461" s="17"/>
      <c r="B13461" s="17"/>
      <c r="C13461" s="17"/>
      <c r="D13461" s="18"/>
      <c r="E13461" s="18"/>
      <c r="F13461" s="18"/>
      <c r="G13461" s="18"/>
      <c r="H13461" s="18"/>
      <c r="I13461" s="18"/>
      <c r="J13461" s="18"/>
      <c r="K13461" s="18"/>
      <c r="L13461" s="18"/>
      <c r="M13461" s="18"/>
      <c r="N13461" s="18"/>
      <c r="O13461" s="18"/>
      <c r="P13461" s="19"/>
      <c r="Q13461" s="19"/>
      <c r="R13461" s="19"/>
      <c r="S13461" s="19"/>
      <c r="T13461" s="19"/>
      <c r="U13461" s="19"/>
      <c r="V13461" s="19"/>
      <c r="W13461" s="19"/>
      <c r="X13461" s="19"/>
      <c r="Y13461" s="19"/>
      <c r="Z13461" s="19"/>
      <c r="AA13461" s="19"/>
    </row>
    <row r="13462" spans="1:27" s="1" customFormat="1" ht="11.1" customHeight="1" outlineLevel="4" x14ac:dyDescent="0.2">
      <c r="A13462" s="17">
        <v>14891</v>
      </c>
      <c r="B13462" s="17"/>
      <c r="C13462" s="17"/>
      <c r="D13462" s="18" t="s">
        <v>6673</v>
      </c>
      <c r="E13462" s="18"/>
      <c r="F13462" s="18"/>
      <c r="G13462" s="18"/>
      <c r="H13462" s="18"/>
      <c r="I13462" s="18"/>
      <c r="J13462" s="18"/>
      <c r="K13462" s="18"/>
      <c r="L13462" s="18"/>
      <c r="M13462" s="18"/>
      <c r="N13462" s="18"/>
      <c r="O13462" s="18"/>
      <c r="P13462" s="19">
        <v>240</v>
      </c>
      <c r="Q13462" s="19"/>
      <c r="R13462" s="19"/>
      <c r="S13462" s="19"/>
      <c r="T13462" s="19">
        <v>145</v>
      </c>
      <c r="U13462" s="19"/>
      <c r="V13462" s="19"/>
      <c r="W13462" s="19"/>
      <c r="X13462" s="19">
        <v>1</v>
      </c>
      <c r="Y13462" s="19"/>
      <c r="Z13462" s="19"/>
      <c r="AA13462" s="19"/>
    </row>
    <row r="13463" spans="1:27" s="1" customFormat="1" ht="11.1" customHeight="1" outlineLevel="4" x14ac:dyDescent="0.2">
      <c r="A13463" s="17"/>
      <c r="B13463" s="17"/>
      <c r="C13463" s="17"/>
      <c r="D13463" s="18"/>
      <c r="E13463" s="18"/>
      <c r="F13463" s="18"/>
      <c r="G13463" s="18"/>
      <c r="H13463" s="18"/>
      <c r="I13463" s="18"/>
      <c r="J13463" s="18"/>
      <c r="K13463" s="18"/>
      <c r="L13463" s="18"/>
      <c r="M13463" s="18"/>
      <c r="N13463" s="18"/>
      <c r="O13463" s="18"/>
      <c r="P13463" s="19"/>
      <c r="Q13463" s="19"/>
      <c r="R13463" s="19"/>
      <c r="S13463" s="19"/>
      <c r="T13463" s="19"/>
      <c r="U13463" s="19"/>
      <c r="V13463" s="19"/>
      <c r="W13463" s="19"/>
      <c r="X13463" s="19"/>
      <c r="Y13463" s="19"/>
      <c r="Z13463" s="19"/>
      <c r="AA13463" s="19"/>
    </row>
    <row r="13464" spans="1:27" s="1" customFormat="1" ht="11.1" customHeight="1" outlineLevel="4" x14ac:dyDescent="0.2">
      <c r="A13464" s="17">
        <v>14890</v>
      </c>
      <c r="B13464" s="17"/>
      <c r="C13464" s="17"/>
      <c r="D13464" s="18" t="s">
        <v>6674</v>
      </c>
      <c r="E13464" s="18"/>
      <c r="F13464" s="18"/>
      <c r="G13464" s="18"/>
      <c r="H13464" s="18"/>
      <c r="I13464" s="18"/>
      <c r="J13464" s="18"/>
      <c r="K13464" s="18"/>
      <c r="L13464" s="18"/>
      <c r="M13464" s="18"/>
      <c r="N13464" s="18"/>
      <c r="O13464" s="18"/>
      <c r="P13464" s="19">
        <v>240</v>
      </c>
      <c r="Q13464" s="19"/>
      <c r="R13464" s="19"/>
      <c r="S13464" s="19"/>
      <c r="T13464" s="19">
        <v>145</v>
      </c>
      <c r="U13464" s="19"/>
      <c r="V13464" s="19"/>
      <c r="W13464" s="19"/>
      <c r="X13464" s="19">
        <v>1</v>
      </c>
      <c r="Y13464" s="19"/>
      <c r="Z13464" s="19"/>
      <c r="AA13464" s="19"/>
    </row>
    <row r="13465" spans="1:27" s="1" customFormat="1" ht="11.1" customHeight="1" outlineLevel="4" x14ac:dyDescent="0.2">
      <c r="A13465" s="17"/>
      <c r="B13465" s="17"/>
      <c r="C13465" s="17"/>
      <c r="D13465" s="18"/>
      <c r="E13465" s="18"/>
      <c r="F13465" s="18"/>
      <c r="G13465" s="18"/>
      <c r="H13465" s="18"/>
      <c r="I13465" s="18"/>
      <c r="J13465" s="18"/>
      <c r="K13465" s="18"/>
      <c r="L13465" s="18"/>
      <c r="M13465" s="18"/>
      <c r="N13465" s="18"/>
      <c r="O13465" s="18"/>
      <c r="P13465" s="19"/>
      <c r="Q13465" s="19"/>
      <c r="R13465" s="19"/>
      <c r="S13465" s="19"/>
      <c r="T13465" s="19"/>
      <c r="U13465" s="19"/>
      <c r="V13465" s="19"/>
      <c r="W13465" s="19"/>
      <c r="X13465" s="19"/>
      <c r="Y13465" s="19"/>
      <c r="Z13465" s="19"/>
      <c r="AA13465" s="19"/>
    </row>
    <row r="13466" spans="1:27" s="1" customFormat="1" ht="11.1" customHeight="1" outlineLevel="4" x14ac:dyDescent="0.2">
      <c r="A13466" s="17">
        <v>14889</v>
      </c>
      <c r="B13466" s="17"/>
      <c r="C13466" s="17"/>
      <c r="D13466" s="18" t="s">
        <v>6675</v>
      </c>
      <c r="E13466" s="18"/>
      <c r="F13466" s="18"/>
      <c r="G13466" s="18"/>
      <c r="H13466" s="18"/>
      <c r="I13466" s="18"/>
      <c r="J13466" s="18"/>
      <c r="K13466" s="18"/>
      <c r="L13466" s="18"/>
      <c r="M13466" s="18"/>
      <c r="N13466" s="18"/>
      <c r="O13466" s="18"/>
      <c r="P13466" s="19">
        <v>240</v>
      </c>
      <c r="Q13466" s="19"/>
      <c r="R13466" s="19"/>
      <c r="S13466" s="19"/>
      <c r="T13466" s="19">
        <v>145</v>
      </c>
      <c r="U13466" s="19"/>
      <c r="V13466" s="19"/>
      <c r="W13466" s="19"/>
      <c r="X13466" s="19">
        <v>1</v>
      </c>
      <c r="Y13466" s="19"/>
      <c r="Z13466" s="19"/>
      <c r="AA13466" s="19"/>
    </row>
    <row r="13467" spans="1:27" s="1" customFormat="1" ht="11.1" customHeight="1" outlineLevel="4" x14ac:dyDescent="0.2">
      <c r="A13467" s="17"/>
      <c r="B13467" s="17"/>
      <c r="C13467" s="17"/>
      <c r="D13467" s="18"/>
      <c r="E13467" s="18"/>
      <c r="F13467" s="18"/>
      <c r="G13467" s="18"/>
      <c r="H13467" s="18"/>
      <c r="I13467" s="18"/>
      <c r="J13467" s="18"/>
      <c r="K13467" s="18"/>
      <c r="L13467" s="18"/>
      <c r="M13467" s="18"/>
      <c r="N13467" s="18"/>
      <c r="O13467" s="18"/>
      <c r="P13467" s="19"/>
      <c r="Q13467" s="19"/>
      <c r="R13467" s="19"/>
      <c r="S13467" s="19"/>
      <c r="T13467" s="19"/>
      <c r="U13467" s="19"/>
      <c r="V13467" s="19"/>
      <c r="W13467" s="19"/>
      <c r="X13467" s="19"/>
      <c r="Y13467" s="19"/>
      <c r="Z13467" s="19"/>
      <c r="AA13467" s="19"/>
    </row>
    <row r="13468" spans="1:27" s="1" customFormat="1" ht="11.1" customHeight="1" outlineLevel="3" x14ac:dyDescent="0.2">
      <c r="A13468" s="16" t="s">
        <v>1212</v>
      </c>
      <c r="B13468" s="16"/>
      <c r="C13468" s="16"/>
      <c r="D13468" s="16"/>
      <c r="E13468" s="16"/>
      <c r="F13468" s="16"/>
      <c r="G13468" s="16"/>
      <c r="H13468" s="16"/>
      <c r="I13468" s="16"/>
      <c r="J13468" s="16"/>
      <c r="K13468" s="16"/>
      <c r="L13468" s="16"/>
      <c r="M13468" s="16"/>
      <c r="N13468" s="16"/>
      <c r="O13468" s="16"/>
      <c r="P13468" s="16"/>
      <c r="Q13468" s="16"/>
      <c r="R13468" s="16"/>
      <c r="S13468" s="16"/>
      <c r="T13468" s="16"/>
      <c r="U13468" s="16"/>
      <c r="V13468" s="16"/>
      <c r="W13468" s="16"/>
      <c r="X13468" s="16"/>
      <c r="Y13468" s="16"/>
      <c r="Z13468" s="16"/>
      <c r="AA13468" s="16"/>
    </row>
    <row r="13469" spans="1:27" s="1" customFormat="1" ht="11.1" customHeight="1" outlineLevel="3" x14ac:dyDescent="0.2">
      <c r="A13469" s="16"/>
      <c r="B13469" s="16"/>
      <c r="C13469" s="16"/>
      <c r="D13469" s="16"/>
      <c r="E13469" s="16"/>
      <c r="F13469" s="16"/>
      <c r="G13469" s="16"/>
      <c r="H13469" s="16"/>
      <c r="I13469" s="16"/>
      <c r="J13469" s="16"/>
      <c r="K13469" s="16"/>
      <c r="L13469" s="16"/>
      <c r="M13469" s="16"/>
      <c r="N13469" s="16"/>
      <c r="O13469" s="16"/>
      <c r="P13469" s="16"/>
      <c r="Q13469" s="16"/>
      <c r="R13469" s="16"/>
      <c r="S13469" s="16"/>
      <c r="T13469" s="16"/>
      <c r="U13469" s="16"/>
      <c r="V13469" s="16"/>
      <c r="W13469" s="16"/>
      <c r="X13469" s="16"/>
      <c r="Y13469" s="16"/>
      <c r="Z13469" s="16"/>
      <c r="AA13469" s="16"/>
    </row>
    <row r="13470" spans="1:27" s="1" customFormat="1" ht="11.1" customHeight="1" outlineLevel="4" x14ac:dyDescent="0.2">
      <c r="A13470" s="17">
        <v>7777</v>
      </c>
      <c r="B13470" s="17"/>
      <c r="C13470" s="17"/>
      <c r="D13470" s="18" t="s">
        <v>6676</v>
      </c>
      <c r="E13470" s="18"/>
      <c r="F13470" s="18"/>
      <c r="G13470" s="18"/>
      <c r="H13470" s="18"/>
      <c r="I13470" s="18"/>
      <c r="J13470" s="18"/>
      <c r="K13470" s="18"/>
      <c r="L13470" s="18"/>
      <c r="M13470" s="18"/>
      <c r="N13470" s="18"/>
      <c r="O13470" s="18"/>
      <c r="P13470" s="19">
        <v>180</v>
      </c>
      <c r="Q13470" s="19"/>
      <c r="R13470" s="19"/>
      <c r="S13470" s="19"/>
      <c r="T13470" s="19">
        <v>55</v>
      </c>
      <c r="U13470" s="19"/>
      <c r="V13470" s="19"/>
      <c r="W13470" s="19"/>
      <c r="X13470" s="19">
        <v>1</v>
      </c>
      <c r="Y13470" s="19"/>
      <c r="Z13470" s="19"/>
      <c r="AA13470" s="19"/>
    </row>
    <row r="13471" spans="1:27" s="1" customFormat="1" ht="11.1" customHeight="1" outlineLevel="4" x14ac:dyDescent="0.2">
      <c r="A13471" s="17"/>
      <c r="B13471" s="17"/>
      <c r="C13471" s="17"/>
      <c r="D13471" s="18"/>
      <c r="E13471" s="18"/>
      <c r="F13471" s="18"/>
      <c r="G13471" s="18"/>
      <c r="H13471" s="18"/>
      <c r="I13471" s="18"/>
      <c r="J13471" s="18"/>
      <c r="K13471" s="18"/>
      <c r="L13471" s="18"/>
      <c r="M13471" s="18"/>
      <c r="N13471" s="18"/>
      <c r="O13471" s="18"/>
      <c r="P13471" s="19"/>
      <c r="Q13471" s="19"/>
      <c r="R13471" s="19"/>
      <c r="S13471" s="19"/>
      <c r="T13471" s="19"/>
      <c r="U13471" s="19"/>
      <c r="V13471" s="19"/>
      <c r="W13471" s="19"/>
      <c r="X13471" s="19"/>
      <c r="Y13471" s="19"/>
      <c r="Z13471" s="19"/>
      <c r="AA13471" s="19"/>
    </row>
    <row r="13472" spans="1:27" s="1" customFormat="1" ht="11.1" customHeight="1" outlineLevel="4" x14ac:dyDescent="0.2">
      <c r="A13472" s="17">
        <v>7779</v>
      </c>
      <c r="B13472" s="17"/>
      <c r="C13472" s="17"/>
      <c r="D13472" s="18" t="s">
        <v>6677</v>
      </c>
      <c r="E13472" s="18"/>
      <c r="F13472" s="18"/>
      <c r="G13472" s="18"/>
      <c r="H13472" s="18"/>
      <c r="I13472" s="18"/>
      <c r="J13472" s="18"/>
      <c r="K13472" s="18"/>
      <c r="L13472" s="18"/>
      <c r="M13472" s="18"/>
      <c r="N13472" s="18"/>
      <c r="O13472" s="18"/>
      <c r="P13472" s="19">
        <v>180</v>
      </c>
      <c r="Q13472" s="19"/>
      <c r="R13472" s="19"/>
      <c r="S13472" s="19"/>
      <c r="T13472" s="19">
        <v>55</v>
      </c>
      <c r="U13472" s="19"/>
      <c r="V13472" s="19"/>
      <c r="W13472" s="19"/>
      <c r="X13472" s="19">
        <v>1</v>
      </c>
      <c r="Y13472" s="19"/>
      <c r="Z13472" s="19"/>
      <c r="AA13472" s="19"/>
    </row>
    <row r="13473" spans="1:27" s="1" customFormat="1" ht="11.1" customHeight="1" outlineLevel="4" x14ac:dyDescent="0.2">
      <c r="A13473" s="17"/>
      <c r="B13473" s="17"/>
      <c r="C13473" s="17"/>
      <c r="D13473" s="18"/>
      <c r="E13473" s="18"/>
      <c r="F13473" s="18"/>
      <c r="G13473" s="18"/>
      <c r="H13473" s="18"/>
      <c r="I13473" s="18"/>
      <c r="J13473" s="18"/>
      <c r="K13473" s="18"/>
      <c r="L13473" s="18"/>
      <c r="M13473" s="18"/>
      <c r="N13473" s="18"/>
      <c r="O13473" s="18"/>
      <c r="P13473" s="19"/>
      <c r="Q13473" s="19"/>
      <c r="R13473" s="19"/>
      <c r="S13473" s="19"/>
      <c r="T13473" s="19"/>
      <c r="U13473" s="19"/>
      <c r="V13473" s="19"/>
      <c r="W13473" s="19"/>
      <c r="X13473" s="19"/>
      <c r="Y13473" s="19"/>
      <c r="Z13473" s="19"/>
      <c r="AA13473" s="19"/>
    </row>
    <row r="13474" spans="1:27" s="1" customFormat="1" ht="11.1" customHeight="1" outlineLevel="4" x14ac:dyDescent="0.2">
      <c r="A13474" s="17">
        <v>7792</v>
      </c>
      <c r="B13474" s="17"/>
      <c r="C13474" s="17"/>
      <c r="D13474" s="18" t="s">
        <v>6678</v>
      </c>
      <c r="E13474" s="18"/>
      <c r="F13474" s="18"/>
      <c r="G13474" s="18"/>
      <c r="H13474" s="18"/>
      <c r="I13474" s="18"/>
      <c r="J13474" s="18"/>
      <c r="K13474" s="18"/>
      <c r="L13474" s="18"/>
      <c r="M13474" s="18"/>
      <c r="N13474" s="18"/>
      <c r="O13474" s="18"/>
      <c r="P13474" s="19">
        <v>180</v>
      </c>
      <c r="Q13474" s="19"/>
      <c r="R13474" s="19"/>
      <c r="S13474" s="19"/>
      <c r="T13474" s="19">
        <v>55</v>
      </c>
      <c r="U13474" s="19"/>
      <c r="V13474" s="19"/>
      <c r="W13474" s="19"/>
      <c r="X13474" s="19">
        <v>1</v>
      </c>
      <c r="Y13474" s="19"/>
      <c r="Z13474" s="19"/>
      <c r="AA13474" s="19"/>
    </row>
    <row r="13475" spans="1:27" s="1" customFormat="1" ht="11.1" customHeight="1" outlineLevel="4" x14ac:dyDescent="0.2">
      <c r="A13475" s="17"/>
      <c r="B13475" s="17"/>
      <c r="C13475" s="17"/>
      <c r="D13475" s="18"/>
      <c r="E13475" s="18"/>
      <c r="F13475" s="18"/>
      <c r="G13475" s="18"/>
      <c r="H13475" s="18"/>
      <c r="I13475" s="18"/>
      <c r="J13475" s="18"/>
      <c r="K13475" s="18"/>
      <c r="L13475" s="18"/>
      <c r="M13475" s="18"/>
      <c r="N13475" s="18"/>
      <c r="O13475" s="18"/>
      <c r="P13475" s="19"/>
      <c r="Q13475" s="19"/>
      <c r="R13475" s="19"/>
      <c r="S13475" s="19"/>
      <c r="T13475" s="19"/>
      <c r="U13475" s="19"/>
      <c r="V13475" s="19"/>
      <c r="W13475" s="19"/>
      <c r="X13475" s="19"/>
      <c r="Y13475" s="19"/>
      <c r="Z13475" s="19"/>
      <c r="AA13475" s="19"/>
    </row>
    <row r="13476" spans="1:27" s="1" customFormat="1" ht="11.1" customHeight="1" outlineLevel="4" x14ac:dyDescent="0.2">
      <c r="A13476" s="17">
        <v>7796</v>
      </c>
      <c r="B13476" s="17"/>
      <c r="C13476" s="17"/>
      <c r="D13476" s="18" t="s">
        <v>6679</v>
      </c>
      <c r="E13476" s="18"/>
      <c r="F13476" s="18"/>
      <c r="G13476" s="18"/>
      <c r="H13476" s="18"/>
      <c r="I13476" s="18"/>
      <c r="J13476" s="18"/>
      <c r="K13476" s="18"/>
      <c r="L13476" s="18"/>
      <c r="M13476" s="18"/>
      <c r="N13476" s="18"/>
      <c r="O13476" s="18"/>
      <c r="P13476" s="19">
        <v>180</v>
      </c>
      <c r="Q13476" s="19"/>
      <c r="R13476" s="19"/>
      <c r="S13476" s="19"/>
      <c r="T13476" s="19">
        <v>55</v>
      </c>
      <c r="U13476" s="19"/>
      <c r="V13476" s="19"/>
      <c r="W13476" s="19"/>
      <c r="X13476" s="19">
        <v>1</v>
      </c>
      <c r="Y13476" s="19"/>
      <c r="Z13476" s="19"/>
      <c r="AA13476" s="19"/>
    </row>
    <row r="13477" spans="1:27" s="1" customFormat="1" ht="11.1" customHeight="1" outlineLevel="4" x14ac:dyDescent="0.2">
      <c r="A13477" s="17"/>
      <c r="B13477" s="17"/>
      <c r="C13477" s="17"/>
      <c r="D13477" s="18"/>
      <c r="E13477" s="18"/>
      <c r="F13477" s="18"/>
      <c r="G13477" s="18"/>
      <c r="H13477" s="18"/>
      <c r="I13477" s="18"/>
      <c r="J13477" s="18"/>
      <c r="K13477" s="18"/>
      <c r="L13477" s="18"/>
      <c r="M13477" s="18"/>
      <c r="N13477" s="18"/>
      <c r="O13477" s="18"/>
      <c r="P13477" s="19"/>
      <c r="Q13477" s="19"/>
      <c r="R13477" s="19"/>
      <c r="S13477" s="19"/>
      <c r="T13477" s="19"/>
      <c r="U13477" s="19"/>
      <c r="V13477" s="19"/>
      <c r="W13477" s="19"/>
      <c r="X13477" s="19"/>
      <c r="Y13477" s="19"/>
      <c r="Z13477" s="19"/>
      <c r="AA13477" s="19"/>
    </row>
    <row r="13478" spans="1:27" s="1" customFormat="1" ht="11.1" customHeight="1" outlineLevel="4" x14ac:dyDescent="0.2">
      <c r="A13478" s="17">
        <v>7791</v>
      </c>
      <c r="B13478" s="17"/>
      <c r="C13478" s="17"/>
      <c r="D13478" s="18" t="s">
        <v>6680</v>
      </c>
      <c r="E13478" s="18"/>
      <c r="F13478" s="18"/>
      <c r="G13478" s="18"/>
      <c r="H13478" s="18"/>
      <c r="I13478" s="18"/>
      <c r="J13478" s="18"/>
      <c r="K13478" s="18"/>
      <c r="L13478" s="18"/>
      <c r="M13478" s="18"/>
      <c r="N13478" s="18"/>
      <c r="O13478" s="18"/>
      <c r="P13478" s="19">
        <v>180</v>
      </c>
      <c r="Q13478" s="19"/>
      <c r="R13478" s="19"/>
      <c r="S13478" s="19"/>
      <c r="T13478" s="19">
        <v>55</v>
      </c>
      <c r="U13478" s="19"/>
      <c r="V13478" s="19"/>
      <c r="W13478" s="19"/>
      <c r="X13478" s="19">
        <v>1</v>
      </c>
      <c r="Y13478" s="19"/>
      <c r="Z13478" s="19"/>
      <c r="AA13478" s="19"/>
    </row>
    <row r="13479" spans="1:27" s="1" customFormat="1" ht="11.1" customHeight="1" outlineLevel="4" x14ac:dyDescent="0.2">
      <c r="A13479" s="17"/>
      <c r="B13479" s="17"/>
      <c r="C13479" s="17"/>
      <c r="D13479" s="18"/>
      <c r="E13479" s="18"/>
      <c r="F13479" s="18"/>
      <c r="G13479" s="18"/>
      <c r="H13479" s="18"/>
      <c r="I13479" s="18"/>
      <c r="J13479" s="18"/>
      <c r="K13479" s="18"/>
      <c r="L13479" s="18"/>
      <c r="M13479" s="18"/>
      <c r="N13479" s="18"/>
      <c r="O13479" s="18"/>
      <c r="P13479" s="19"/>
      <c r="Q13479" s="19"/>
      <c r="R13479" s="19"/>
      <c r="S13479" s="19"/>
      <c r="T13479" s="19"/>
      <c r="U13479" s="19"/>
      <c r="V13479" s="19"/>
      <c r="W13479" s="19"/>
      <c r="X13479" s="19"/>
      <c r="Y13479" s="19"/>
      <c r="Z13479" s="19"/>
      <c r="AA13479" s="19"/>
    </row>
    <row r="13480" spans="1:27" s="1" customFormat="1" ht="11.1" customHeight="1" outlineLevel="4" x14ac:dyDescent="0.2">
      <c r="A13480" s="17">
        <v>7775</v>
      </c>
      <c r="B13480" s="17"/>
      <c r="C13480" s="17"/>
      <c r="D13480" s="18" t="s">
        <v>6681</v>
      </c>
      <c r="E13480" s="18"/>
      <c r="F13480" s="18"/>
      <c r="G13480" s="18"/>
      <c r="H13480" s="18"/>
      <c r="I13480" s="18"/>
      <c r="J13480" s="18"/>
      <c r="K13480" s="18"/>
      <c r="L13480" s="18"/>
      <c r="M13480" s="18"/>
      <c r="N13480" s="18"/>
      <c r="O13480" s="18"/>
      <c r="P13480" s="19">
        <v>180</v>
      </c>
      <c r="Q13480" s="19"/>
      <c r="R13480" s="19"/>
      <c r="S13480" s="19"/>
      <c r="T13480" s="19">
        <v>55</v>
      </c>
      <c r="U13480" s="19"/>
      <c r="V13480" s="19"/>
      <c r="W13480" s="19"/>
      <c r="X13480" s="19">
        <v>1</v>
      </c>
      <c r="Y13480" s="19"/>
      <c r="Z13480" s="19"/>
      <c r="AA13480" s="19"/>
    </row>
    <row r="13481" spans="1:27" s="1" customFormat="1" ht="11.1" customHeight="1" outlineLevel="4" x14ac:dyDescent="0.2">
      <c r="A13481" s="17"/>
      <c r="B13481" s="17"/>
      <c r="C13481" s="17"/>
      <c r="D13481" s="18"/>
      <c r="E13481" s="18"/>
      <c r="F13481" s="18"/>
      <c r="G13481" s="18"/>
      <c r="H13481" s="18"/>
      <c r="I13481" s="18"/>
      <c r="J13481" s="18"/>
      <c r="K13481" s="18"/>
      <c r="L13481" s="18"/>
      <c r="M13481" s="18"/>
      <c r="N13481" s="18"/>
      <c r="O13481" s="18"/>
      <c r="P13481" s="19"/>
      <c r="Q13481" s="19"/>
      <c r="R13481" s="19"/>
      <c r="S13481" s="19"/>
      <c r="T13481" s="19"/>
      <c r="U13481" s="19"/>
      <c r="V13481" s="19"/>
      <c r="W13481" s="19"/>
      <c r="X13481" s="19"/>
      <c r="Y13481" s="19"/>
      <c r="Z13481" s="19"/>
      <c r="AA13481" s="19"/>
    </row>
    <row r="13482" spans="1:27" s="1" customFormat="1" ht="11.1" customHeight="1" outlineLevel="4" x14ac:dyDescent="0.2">
      <c r="A13482" s="17">
        <v>7795</v>
      </c>
      <c r="B13482" s="17"/>
      <c r="C13482" s="17"/>
      <c r="D13482" s="18" t="s">
        <v>6682</v>
      </c>
      <c r="E13482" s="18"/>
      <c r="F13482" s="18"/>
      <c r="G13482" s="18"/>
      <c r="H13482" s="18"/>
      <c r="I13482" s="18"/>
      <c r="J13482" s="18"/>
      <c r="K13482" s="18"/>
      <c r="L13482" s="18"/>
      <c r="M13482" s="18"/>
      <c r="N13482" s="18"/>
      <c r="O13482" s="18"/>
      <c r="P13482" s="19">
        <v>180</v>
      </c>
      <c r="Q13482" s="19"/>
      <c r="R13482" s="19"/>
      <c r="S13482" s="19"/>
      <c r="T13482" s="19">
        <v>55</v>
      </c>
      <c r="U13482" s="19"/>
      <c r="V13482" s="19"/>
      <c r="W13482" s="19"/>
      <c r="X13482" s="19">
        <v>2</v>
      </c>
      <c r="Y13482" s="19"/>
      <c r="Z13482" s="19"/>
      <c r="AA13482" s="19"/>
    </row>
    <row r="13483" spans="1:27" s="1" customFormat="1" ht="11.1" customHeight="1" outlineLevel="4" x14ac:dyDescent="0.2">
      <c r="A13483" s="17"/>
      <c r="B13483" s="17"/>
      <c r="C13483" s="17"/>
      <c r="D13483" s="18"/>
      <c r="E13483" s="18"/>
      <c r="F13483" s="18"/>
      <c r="G13483" s="18"/>
      <c r="H13483" s="18"/>
      <c r="I13483" s="18"/>
      <c r="J13483" s="18"/>
      <c r="K13483" s="18"/>
      <c r="L13483" s="18"/>
      <c r="M13483" s="18"/>
      <c r="N13483" s="18"/>
      <c r="O13483" s="18"/>
      <c r="P13483" s="19"/>
      <c r="Q13483" s="19"/>
      <c r="R13483" s="19"/>
      <c r="S13483" s="19"/>
      <c r="T13483" s="19"/>
      <c r="U13483" s="19"/>
      <c r="V13483" s="19"/>
      <c r="W13483" s="19"/>
      <c r="X13483" s="19"/>
      <c r="Y13483" s="19"/>
      <c r="Z13483" s="19"/>
      <c r="AA13483" s="19"/>
    </row>
    <row r="13484" spans="1:27" s="1" customFormat="1" ht="11.1" customHeight="1" outlineLevel="4" x14ac:dyDescent="0.2">
      <c r="A13484" s="17">
        <v>7788</v>
      </c>
      <c r="B13484" s="17"/>
      <c r="C13484" s="17"/>
      <c r="D13484" s="18" t="s">
        <v>6683</v>
      </c>
      <c r="E13484" s="18"/>
      <c r="F13484" s="18"/>
      <c r="G13484" s="18"/>
      <c r="H13484" s="18"/>
      <c r="I13484" s="18"/>
      <c r="J13484" s="18"/>
      <c r="K13484" s="18"/>
      <c r="L13484" s="18"/>
      <c r="M13484" s="18"/>
      <c r="N13484" s="18"/>
      <c r="O13484" s="18"/>
      <c r="P13484" s="19">
        <v>180</v>
      </c>
      <c r="Q13484" s="19"/>
      <c r="R13484" s="19"/>
      <c r="S13484" s="19"/>
      <c r="T13484" s="19">
        <v>55</v>
      </c>
      <c r="U13484" s="19"/>
      <c r="V13484" s="19"/>
      <c r="W13484" s="19"/>
      <c r="X13484" s="19">
        <v>1</v>
      </c>
      <c r="Y13484" s="19"/>
      <c r="Z13484" s="19"/>
      <c r="AA13484" s="19"/>
    </row>
    <row r="13485" spans="1:27" s="1" customFormat="1" ht="11.1" customHeight="1" outlineLevel="4" x14ac:dyDescent="0.2">
      <c r="A13485" s="17"/>
      <c r="B13485" s="17"/>
      <c r="C13485" s="17"/>
      <c r="D13485" s="18"/>
      <c r="E13485" s="18"/>
      <c r="F13485" s="18"/>
      <c r="G13485" s="18"/>
      <c r="H13485" s="18"/>
      <c r="I13485" s="18"/>
      <c r="J13485" s="18"/>
      <c r="K13485" s="18"/>
      <c r="L13485" s="18"/>
      <c r="M13485" s="18"/>
      <c r="N13485" s="18"/>
      <c r="O13485" s="18"/>
      <c r="P13485" s="19"/>
      <c r="Q13485" s="19"/>
      <c r="R13485" s="19"/>
      <c r="S13485" s="19"/>
      <c r="T13485" s="19"/>
      <c r="U13485" s="19"/>
      <c r="V13485" s="19"/>
      <c r="W13485" s="19"/>
      <c r="X13485" s="19"/>
      <c r="Y13485" s="19"/>
      <c r="Z13485" s="19"/>
      <c r="AA13485" s="19"/>
    </row>
    <row r="13486" spans="1:27" s="1" customFormat="1" ht="14.1" customHeight="1" outlineLevel="4" x14ac:dyDescent="0.2">
      <c r="A13486" s="17">
        <v>7789</v>
      </c>
      <c r="B13486" s="17"/>
      <c r="C13486" s="17"/>
      <c r="D13486" s="18" t="s">
        <v>6684</v>
      </c>
      <c r="E13486" s="18"/>
      <c r="F13486" s="18"/>
      <c r="G13486" s="18"/>
      <c r="H13486" s="18"/>
      <c r="I13486" s="18"/>
      <c r="J13486" s="18"/>
      <c r="K13486" s="18"/>
      <c r="L13486" s="18"/>
      <c r="M13486" s="18"/>
      <c r="N13486" s="18"/>
      <c r="O13486" s="18"/>
      <c r="P13486" s="19">
        <v>180</v>
      </c>
      <c r="Q13486" s="19"/>
      <c r="R13486" s="19"/>
      <c r="S13486" s="19"/>
      <c r="T13486" s="19">
        <v>55</v>
      </c>
      <c r="U13486" s="19"/>
      <c r="V13486" s="19"/>
      <c r="W13486" s="19"/>
      <c r="X13486" s="19">
        <v>1</v>
      </c>
      <c r="Y13486" s="19"/>
      <c r="Z13486" s="19"/>
      <c r="AA13486" s="19"/>
    </row>
    <row r="13487" spans="1:27" s="1" customFormat="1" ht="14.1" customHeight="1" outlineLevel="4" x14ac:dyDescent="0.2">
      <c r="A13487" s="17"/>
      <c r="B13487" s="17"/>
      <c r="C13487" s="17"/>
      <c r="D13487" s="18"/>
      <c r="E13487" s="18"/>
      <c r="F13487" s="18"/>
      <c r="G13487" s="18"/>
      <c r="H13487" s="18"/>
      <c r="I13487" s="18"/>
      <c r="J13487" s="18"/>
      <c r="K13487" s="18"/>
      <c r="L13487" s="18"/>
      <c r="M13487" s="18"/>
      <c r="N13487" s="18"/>
      <c r="O13487" s="18"/>
      <c r="P13487" s="19"/>
      <c r="Q13487" s="19"/>
      <c r="R13487" s="19"/>
      <c r="S13487" s="19"/>
      <c r="T13487" s="19"/>
      <c r="U13487" s="19"/>
      <c r="V13487" s="19"/>
      <c r="W13487" s="19"/>
      <c r="X13487" s="19"/>
      <c r="Y13487" s="19"/>
      <c r="Z13487" s="19"/>
      <c r="AA13487" s="19"/>
    </row>
    <row r="13488" spans="1:27" s="1" customFormat="1" ht="11.1" customHeight="1" outlineLevel="4" x14ac:dyDescent="0.2">
      <c r="A13488" s="17">
        <v>7787</v>
      </c>
      <c r="B13488" s="17"/>
      <c r="C13488" s="17"/>
      <c r="D13488" s="18" t="s">
        <v>6685</v>
      </c>
      <c r="E13488" s="18"/>
      <c r="F13488" s="18"/>
      <c r="G13488" s="18"/>
      <c r="H13488" s="18"/>
      <c r="I13488" s="18"/>
      <c r="J13488" s="18"/>
      <c r="K13488" s="18"/>
      <c r="L13488" s="18"/>
      <c r="M13488" s="18"/>
      <c r="N13488" s="18"/>
      <c r="O13488" s="18"/>
      <c r="P13488" s="19">
        <v>180</v>
      </c>
      <c r="Q13488" s="19"/>
      <c r="R13488" s="19"/>
      <c r="S13488" s="19"/>
      <c r="T13488" s="19">
        <v>55</v>
      </c>
      <c r="U13488" s="19"/>
      <c r="V13488" s="19"/>
      <c r="W13488" s="19"/>
      <c r="X13488" s="19">
        <v>1</v>
      </c>
      <c r="Y13488" s="19"/>
      <c r="Z13488" s="19"/>
      <c r="AA13488" s="19"/>
    </row>
    <row r="13489" spans="1:27" s="1" customFormat="1" ht="11.1" customHeight="1" outlineLevel="4" x14ac:dyDescent="0.2">
      <c r="A13489" s="17"/>
      <c r="B13489" s="17"/>
      <c r="C13489" s="17"/>
      <c r="D13489" s="18"/>
      <c r="E13489" s="18"/>
      <c r="F13489" s="18"/>
      <c r="G13489" s="18"/>
      <c r="H13489" s="18"/>
      <c r="I13489" s="18"/>
      <c r="J13489" s="18"/>
      <c r="K13489" s="18"/>
      <c r="L13489" s="18"/>
      <c r="M13489" s="18"/>
      <c r="N13489" s="18"/>
      <c r="O13489" s="18"/>
      <c r="P13489" s="19"/>
      <c r="Q13489" s="19"/>
      <c r="R13489" s="19"/>
      <c r="S13489" s="19"/>
      <c r="T13489" s="19"/>
      <c r="U13489" s="19"/>
      <c r="V13489" s="19"/>
      <c r="W13489" s="19"/>
      <c r="X13489" s="19"/>
      <c r="Y13489" s="19"/>
      <c r="Z13489" s="19"/>
      <c r="AA13489" s="19"/>
    </row>
    <row r="13490" spans="1:27" s="1" customFormat="1" ht="11.1" customHeight="1" outlineLevel="4" x14ac:dyDescent="0.2">
      <c r="A13490" s="17">
        <v>7793</v>
      </c>
      <c r="B13490" s="17"/>
      <c r="C13490" s="17"/>
      <c r="D13490" s="18" t="s">
        <v>6686</v>
      </c>
      <c r="E13490" s="18"/>
      <c r="F13490" s="18"/>
      <c r="G13490" s="18"/>
      <c r="H13490" s="18"/>
      <c r="I13490" s="18"/>
      <c r="J13490" s="18"/>
      <c r="K13490" s="18"/>
      <c r="L13490" s="18"/>
      <c r="M13490" s="18"/>
      <c r="N13490" s="18"/>
      <c r="O13490" s="18"/>
      <c r="P13490" s="19">
        <v>180</v>
      </c>
      <c r="Q13490" s="19"/>
      <c r="R13490" s="19"/>
      <c r="S13490" s="19"/>
      <c r="T13490" s="19">
        <v>55</v>
      </c>
      <c r="U13490" s="19"/>
      <c r="V13490" s="19"/>
      <c r="W13490" s="19"/>
      <c r="X13490" s="19">
        <v>1</v>
      </c>
      <c r="Y13490" s="19"/>
      <c r="Z13490" s="19"/>
      <c r="AA13490" s="19"/>
    </row>
    <row r="13491" spans="1:27" s="1" customFormat="1" ht="11.1" customHeight="1" outlineLevel="4" x14ac:dyDescent="0.2">
      <c r="A13491" s="17"/>
      <c r="B13491" s="17"/>
      <c r="C13491" s="17"/>
      <c r="D13491" s="18"/>
      <c r="E13491" s="18"/>
      <c r="F13491" s="18"/>
      <c r="G13491" s="18"/>
      <c r="H13491" s="18"/>
      <c r="I13491" s="18"/>
      <c r="J13491" s="18"/>
      <c r="K13491" s="18"/>
      <c r="L13491" s="18"/>
      <c r="M13491" s="18"/>
      <c r="N13491" s="18"/>
      <c r="O13491" s="18"/>
      <c r="P13491" s="19"/>
      <c r="Q13491" s="19"/>
      <c r="R13491" s="19"/>
      <c r="S13491" s="19"/>
      <c r="T13491" s="19"/>
      <c r="U13491" s="19"/>
      <c r="V13491" s="19"/>
      <c r="W13491" s="19"/>
      <c r="X13491" s="19"/>
      <c r="Y13491" s="19"/>
      <c r="Z13491" s="19"/>
      <c r="AA13491" s="19"/>
    </row>
    <row r="13492" spans="1:27" s="1" customFormat="1" ht="11.1" customHeight="1" outlineLevel="4" x14ac:dyDescent="0.2">
      <c r="A13492" s="17">
        <v>7786</v>
      </c>
      <c r="B13492" s="17"/>
      <c r="C13492" s="17"/>
      <c r="D13492" s="18" t="s">
        <v>6687</v>
      </c>
      <c r="E13492" s="18"/>
      <c r="F13492" s="18"/>
      <c r="G13492" s="18"/>
      <c r="H13492" s="18"/>
      <c r="I13492" s="18"/>
      <c r="J13492" s="18"/>
      <c r="K13492" s="18"/>
      <c r="L13492" s="18"/>
      <c r="M13492" s="18"/>
      <c r="N13492" s="18"/>
      <c r="O13492" s="18"/>
      <c r="P13492" s="19">
        <v>180</v>
      </c>
      <c r="Q13492" s="19"/>
      <c r="R13492" s="19"/>
      <c r="S13492" s="19"/>
      <c r="T13492" s="19">
        <v>55</v>
      </c>
      <c r="U13492" s="19"/>
      <c r="V13492" s="19"/>
      <c r="W13492" s="19"/>
      <c r="X13492" s="19">
        <v>1</v>
      </c>
      <c r="Y13492" s="19"/>
      <c r="Z13492" s="19"/>
      <c r="AA13492" s="19"/>
    </row>
    <row r="13493" spans="1:27" s="1" customFormat="1" ht="11.1" customHeight="1" outlineLevel="4" x14ac:dyDescent="0.2">
      <c r="A13493" s="17"/>
      <c r="B13493" s="17"/>
      <c r="C13493" s="17"/>
      <c r="D13493" s="18"/>
      <c r="E13493" s="18"/>
      <c r="F13493" s="18"/>
      <c r="G13493" s="18"/>
      <c r="H13493" s="18"/>
      <c r="I13493" s="18"/>
      <c r="J13493" s="18"/>
      <c r="K13493" s="18"/>
      <c r="L13493" s="18"/>
      <c r="M13493" s="18"/>
      <c r="N13493" s="18"/>
      <c r="O13493" s="18"/>
      <c r="P13493" s="19"/>
      <c r="Q13493" s="19"/>
      <c r="R13493" s="19"/>
      <c r="S13493" s="19"/>
      <c r="T13493" s="19"/>
      <c r="U13493" s="19"/>
      <c r="V13493" s="19"/>
      <c r="W13493" s="19"/>
      <c r="X13493" s="19"/>
      <c r="Y13493" s="19"/>
      <c r="Z13493" s="19"/>
      <c r="AA13493" s="19"/>
    </row>
    <row r="13494" spans="1:27" s="1" customFormat="1" ht="11.1" customHeight="1" outlineLevel="4" x14ac:dyDescent="0.2">
      <c r="A13494" s="17">
        <v>4756</v>
      </c>
      <c r="B13494" s="17"/>
      <c r="C13494" s="17"/>
      <c r="D13494" s="18" t="s">
        <v>6688</v>
      </c>
      <c r="E13494" s="18"/>
      <c r="F13494" s="18"/>
      <c r="G13494" s="18"/>
      <c r="H13494" s="18"/>
      <c r="I13494" s="18"/>
      <c r="J13494" s="18"/>
      <c r="K13494" s="18"/>
      <c r="L13494" s="18"/>
      <c r="M13494" s="18"/>
      <c r="N13494" s="18"/>
      <c r="O13494" s="18"/>
      <c r="P13494" s="19">
        <v>150</v>
      </c>
      <c r="Q13494" s="19"/>
      <c r="R13494" s="19"/>
      <c r="S13494" s="19"/>
      <c r="T13494" s="19">
        <v>50</v>
      </c>
      <c r="U13494" s="19"/>
      <c r="V13494" s="19"/>
      <c r="W13494" s="19"/>
      <c r="X13494" s="19">
        <v>2</v>
      </c>
      <c r="Y13494" s="19"/>
      <c r="Z13494" s="19"/>
      <c r="AA13494" s="19"/>
    </row>
    <row r="13495" spans="1:27" s="1" customFormat="1" ht="11.1" customHeight="1" outlineLevel="4" x14ac:dyDescent="0.2">
      <c r="A13495" s="17"/>
      <c r="B13495" s="17"/>
      <c r="C13495" s="17"/>
      <c r="D13495" s="18"/>
      <c r="E13495" s="18"/>
      <c r="F13495" s="18"/>
      <c r="G13495" s="18"/>
      <c r="H13495" s="18"/>
      <c r="I13495" s="18"/>
      <c r="J13495" s="18"/>
      <c r="K13495" s="18"/>
      <c r="L13495" s="18"/>
      <c r="M13495" s="18"/>
      <c r="N13495" s="18"/>
      <c r="O13495" s="18"/>
      <c r="P13495" s="19"/>
      <c r="Q13495" s="19"/>
      <c r="R13495" s="19"/>
      <c r="S13495" s="19"/>
      <c r="T13495" s="19"/>
      <c r="U13495" s="19"/>
      <c r="V13495" s="19"/>
      <c r="W13495" s="19"/>
      <c r="X13495" s="19"/>
      <c r="Y13495" s="19"/>
      <c r="Z13495" s="19"/>
      <c r="AA13495" s="19"/>
    </row>
    <row r="13496" spans="1:27" s="1" customFormat="1" ht="14.1" customHeight="1" outlineLevel="4" x14ac:dyDescent="0.2">
      <c r="A13496" s="17">
        <v>12970</v>
      </c>
      <c r="B13496" s="17"/>
      <c r="C13496" s="17"/>
      <c r="D13496" s="18" t="s">
        <v>6689</v>
      </c>
      <c r="E13496" s="18"/>
      <c r="F13496" s="18"/>
      <c r="G13496" s="18"/>
      <c r="H13496" s="18"/>
      <c r="I13496" s="18"/>
      <c r="J13496" s="18"/>
      <c r="K13496" s="18"/>
      <c r="L13496" s="18"/>
      <c r="M13496" s="18"/>
      <c r="N13496" s="18"/>
      <c r="O13496" s="18"/>
      <c r="P13496" s="19">
        <v>150</v>
      </c>
      <c r="Q13496" s="19"/>
      <c r="R13496" s="19"/>
      <c r="S13496" s="19"/>
      <c r="T13496" s="19">
        <v>45</v>
      </c>
      <c r="U13496" s="19"/>
      <c r="V13496" s="19"/>
      <c r="W13496" s="19"/>
      <c r="X13496" s="19">
        <v>1</v>
      </c>
      <c r="Y13496" s="19"/>
      <c r="Z13496" s="19"/>
      <c r="AA13496" s="19"/>
    </row>
    <row r="13497" spans="1:27" s="1" customFormat="1" ht="14.1" customHeight="1" outlineLevel="4" x14ac:dyDescent="0.2">
      <c r="A13497" s="17"/>
      <c r="B13497" s="17"/>
      <c r="C13497" s="17"/>
      <c r="D13497" s="18"/>
      <c r="E13497" s="18"/>
      <c r="F13497" s="18"/>
      <c r="G13497" s="18"/>
      <c r="H13497" s="18"/>
      <c r="I13497" s="18"/>
      <c r="J13497" s="18"/>
      <c r="K13497" s="18"/>
      <c r="L13497" s="18"/>
      <c r="M13497" s="18"/>
      <c r="N13497" s="18"/>
      <c r="O13497" s="18"/>
      <c r="P13497" s="19"/>
      <c r="Q13497" s="19"/>
      <c r="R13497" s="19"/>
      <c r="S13497" s="19"/>
      <c r="T13497" s="19"/>
      <c r="U13497" s="19"/>
      <c r="V13497" s="19"/>
      <c r="W13497" s="19"/>
      <c r="X13497" s="19"/>
      <c r="Y13497" s="19"/>
      <c r="Z13497" s="19"/>
      <c r="AA13497" s="19"/>
    </row>
    <row r="13498" spans="1:27" s="1" customFormat="1" ht="11.1" customHeight="1" outlineLevel="4" x14ac:dyDescent="0.2">
      <c r="A13498" s="17">
        <v>4818</v>
      </c>
      <c r="B13498" s="17"/>
      <c r="C13498" s="17"/>
      <c r="D13498" s="18" t="s">
        <v>6690</v>
      </c>
      <c r="E13498" s="18"/>
      <c r="F13498" s="18"/>
      <c r="G13498" s="18"/>
      <c r="H13498" s="18"/>
      <c r="I13498" s="18"/>
      <c r="J13498" s="18"/>
      <c r="K13498" s="18"/>
      <c r="L13498" s="18"/>
      <c r="M13498" s="18"/>
      <c r="N13498" s="18"/>
      <c r="O13498" s="18"/>
      <c r="P13498" s="19">
        <v>120</v>
      </c>
      <c r="Q13498" s="19"/>
      <c r="R13498" s="19"/>
      <c r="S13498" s="19"/>
      <c r="T13498" s="19">
        <v>50</v>
      </c>
      <c r="U13498" s="19"/>
      <c r="V13498" s="19"/>
      <c r="W13498" s="19"/>
      <c r="X13498" s="19">
        <v>2</v>
      </c>
      <c r="Y13498" s="19"/>
      <c r="Z13498" s="19"/>
      <c r="AA13498" s="19"/>
    </row>
    <row r="13499" spans="1:27" s="1" customFormat="1" ht="11.1" customHeight="1" outlineLevel="4" x14ac:dyDescent="0.2">
      <c r="A13499" s="17"/>
      <c r="B13499" s="17"/>
      <c r="C13499" s="17"/>
      <c r="D13499" s="18"/>
      <c r="E13499" s="18"/>
      <c r="F13499" s="18"/>
      <c r="G13499" s="18"/>
      <c r="H13499" s="18"/>
      <c r="I13499" s="18"/>
      <c r="J13499" s="18"/>
      <c r="K13499" s="18"/>
      <c r="L13499" s="18"/>
      <c r="M13499" s="18"/>
      <c r="N13499" s="18"/>
      <c r="O13499" s="18"/>
      <c r="P13499" s="19"/>
      <c r="Q13499" s="19"/>
      <c r="R13499" s="19"/>
      <c r="S13499" s="19"/>
      <c r="T13499" s="19"/>
      <c r="U13499" s="19"/>
      <c r="V13499" s="19"/>
      <c r="W13499" s="19"/>
      <c r="X13499" s="19"/>
      <c r="Y13499" s="19"/>
      <c r="Z13499" s="19"/>
      <c r="AA13499" s="19"/>
    </row>
    <row r="13500" spans="1:27" s="1" customFormat="1" ht="11.1" customHeight="1" outlineLevel="4" x14ac:dyDescent="0.2">
      <c r="A13500" s="17">
        <v>5965</v>
      </c>
      <c r="B13500" s="17"/>
      <c r="C13500" s="17"/>
      <c r="D13500" s="18" t="s">
        <v>6691</v>
      </c>
      <c r="E13500" s="18"/>
      <c r="F13500" s="18"/>
      <c r="G13500" s="18"/>
      <c r="H13500" s="18"/>
      <c r="I13500" s="18"/>
      <c r="J13500" s="18"/>
      <c r="K13500" s="18"/>
      <c r="L13500" s="18"/>
      <c r="M13500" s="18"/>
      <c r="N13500" s="18"/>
      <c r="O13500" s="18"/>
      <c r="P13500" s="19">
        <v>160</v>
      </c>
      <c r="Q13500" s="19"/>
      <c r="R13500" s="19"/>
      <c r="S13500" s="19"/>
      <c r="T13500" s="19">
        <v>45</v>
      </c>
      <c r="U13500" s="19"/>
      <c r="V13500" s="19"/>
      <c r="W13500" s="19"/>
      <c r="X13500" s="19">
        <v>1</v>
      </c>
      <c r="Y13500" s="19"/>
      <c r="Z13500" s="19"/>
      <c r="AA13500" s="19"/>
    </row>
    <row r="13501" spans="1:27" s="1" customFormat="1" ht="11.1" customHeight="1" outlineLevel="4" x14ac:dyDescent="0.2">
      <c r="A13501" s="17"/>
      <c r="B13501" s="17"/>
      <c r="C13501" s="17"/>
      <c r="D13501" s="18"/>
      <c r="E13501" s="18"/>
      <c r="F13501" s="18"/>
      <c r="G13501" s="18"/>
      <c r="H13501" s="18"/>
      <c r="I13501" s="18"/>
      <c r="J13501" s="18"/>
      <c r="K13501" s="18"/>
      <c r="L13501" s="18"/>
      <c r="M13501" s="18"/>
      <c r="N13501" s="18"/>
      <c r="O13501" s="18"/>
      <c r="P13501" s="19"/>
      <c r="Q13501" s="19"/>
      <c r="R13501" s="19"/>
      <c r="S13501" s="19"/>
      <c r="T13501" s="19"/>
      <c r="U13501" s="19"/>
      <c r="V13501" s="19"/>
      <c r="W13501" s="19"/>
      <c r="X13501" s="19"/>
      <c r="Y13501" s="19"/>
      <c r="Z13501" s="19"/>
      <c r="AA13501" s="19"/>
    </row>
    <row r="13502" spans="1:27" s="1" customFormat="1" ht="11.1" customHeight="1" outlineLevel="4" x14ac:dyDescent="0.2">
      <c r="A13502" s="17">
        <v>5964</v>
      </c>
      <c r="B13502" s="17"/>
      <c r="C13502" s="17"/>
      <c r="D13502" s="18" t="s">
        <v>6692</v>
      </c>
      <c r="E13502" s="18"/>
      <c r="F13502" s="18"/>
      <c r="G13502" s="18"/>
      <c r="H13502" s="18"/>
      <c r="I13502" s="18"/>
      <c r="J13502" s="18"/>
      <c r="K13502" s="18"/>
      <c r="L13502" s="18"/>
      <c r="M13502" s="18"/>
      <c r="N13502" s="18"/>
      <c r="O13502" s="18"/>
      <c r="P13502" s="19">
        <v>140</v>
      </c>
      <c r="Q13502" s="19"/>
      <c r="R13502" s="19"/>
      <c r="S13502" s="19"/>
      <c r="T13502" s="19">
        <v>45</v>
      </c>
      <c r="U13502" s="19"/>
      <c r="V13502" s="19"/>
      <c r="W13502" s="19"/>
      <c r="X13502" s="19">
        <v>1</v>
      </c>
      <c r="Y13502" s="19"/>
      <c r="Z13502" s="19"/>
      <c r="AA13502" s="19"/>
    </row>
    <row r="13503" spans="1:27" s="1" customFormat="1" ht="11.1" customHeight="1" outlineLevel="4" x14ac:dyDescent="0.2">
      <c r="A13503" s="17"/>
      <c r="B13503" s="17"/>
      <c r="C13503" s="17"/>
      <c r="D13503" s="18"/>
      <c r="E13503" s="18"/>
      <c r="F13503" s="18"/>
      <c r="G13503" s="18"/>
      <c r="H13503" s="18"/>
      <c r="I13503" s="18"/>
      <c r="J13503" s="18"/>
      <c r="K13503" s="18"/>
      <c r="L13503" s="18"/>
      <c r="M13503" s="18"/>
      <c r="N13503" s="18"/>
      <c r="O13503" s="18"/>
      <c r="P13503" s="19"/>
      <c r="Q13503" s="19"/>
      <c r="R13503" s="19"/>
      <c r="S13503" s="19"/>
      <c r="T13503" s="19"/>
      <c r="U13503" s="19"/>
      <c r="V13503" s="19"/>
      <c r="W13503" s="19"/>
      <c r="X13503" s="19"/>
      <c r="Y13503" s="19"/>
      <c r="Z13503" s="19"/>
      <c r="AA13503" s="19"/>
    </row>
    <row r="13504" spans="1:27" s="1" customFormat="1" ht="14.1" customHeight="1" outlineLevel="4" x14ac:dyDescent="0.2">
      <c r="A13504" s="17">
        <v>5967</v>
      </c>
      <c r="B13504" s="17"/>
      <c r="C13504" s="17"/>
      <c r="D13504" s="18" t="s">
        <v>6693</v>
      </c>
      <c r="E13504" s="18"/>
      <c r="F13504" s="18"/>
      <c r="G13504" s="18"/>
      <c r="H13504" s="18"/>
      <c r="I13504" s="18"/>
      <c r="J13504" s="18"/>
      <c r="K13504" s="18"/>
      <c r="L13504" s="18"/>
      <c r="M13504" s="18"/>
      <c r="N13504" s="18"/>
      <c r="O13504" s="18"/>
      <c r="P13504" s="19">
        <v>160</v>
      </c>
      <c r="Q13504" s="19"/>
      <c r="R13504" s="19"/>
      <c r="S13504" s="19"/>
      <c r="T13504" s="19">
        <v>45</v>
      </c>
      <c r="U13504" s="19"/>
      <c r="V13504" s="19"/>
      <c r="W13504" s="19"/>
      <c r="X13504" s="19">
        <v>1</v>
      </c>
      <c r="Y13504" s="19"/>
      <c r="Z13504" s="19"/>
      <c r="AA13504" s="19"/>
    </row>
    <row r="13505" spans="1:27" s="1" customFormat="1" ht="14.1" customHeight="1" outlineLevel="4" x14ac:dyDescent="0.2">
      <c r="A13505" s="17"/>
      <c r="B13505" s="17"/>
      <c r="C13505" s="17"/>
      <c r="D13505" s="18"/>
      <c r="E13505" s="18"/>
      <c r="F13505" s="18"/>
      <c r="G13505" s="18"/>
      <c r="H13505" s="18"/>
      <c r="I13505" s="18"/>
      <c r="J13505" s="18"/>
      <c r="K13505" s="18"/>
      <c r="L13505" s="18"/>
      <c r="M13505" s="18"/>
      <c r="N13505" s="18"/>
      <c r="O13505" s="18"/>
      <c r="P13505" s="19"/>
      <c r="Q13505" s="19"/>
      <c r="R13505" s="19"/>
      <c r="S13505" s="19"/>
      <c r="T13505" s="19"/>
      <c r="U13505" s="19"/>
      <c r="V13505" s="19"/>
      <c r="W13505" s="19"/>
      <c r="X13505" s="19"/>
      <c r="Y13505" s="19"/>
      <c r="Z13505" s="19"/>
      <c r="AA13505" s="19"/>
    </row>
    <row r="13506" spans="1:27" s="1" customFormat="1" ht="11.1" customHeight="1" outlineLevel="4" x14ac:dyDescent="0.2">
      <c r="A13506" s="17">
        <v>5472</v>
      </c>
      <c r="B13506" s="17"/>
      <c r="C13506" s="17"/>
      <c r="D13506" s="18" t="s">
        <v>6694</v>
      </c>
      <c r="E13506" s="18"/>
      <c r="F13506" s="18"/>
      <c r="G13506" s="18"/>
      <c r="H13506" s="18"/>
      <c r="I13506" s="18"/>
      <c r="J13506" s="18"/>
      <c r="K13506" s="18"/>
      <c r="L13506" s="18"/>
      <c r="M13506" s="18"/>
      <c r="N13506" s="18"/>
      <c r="O13506" s="18"/>
      <c r="P13506" s="19">
        <v>120</v>
      </c>
      <c r="Q13506" s="19"/>
      <c r="R13506" s="19"/>
      <c r="S13506" s="19"/>
      <c r="T13506" s="19">
        <v>45</v>
      </c>
      <c r="U13506" s="19"/>
      <c r="V13506" s="19"/>
      <c r="W13506" s="19"/>
      <c r="X13506" s="19">
        <v>1</v>
      </c>
      <c r="Y13506" s="19"/>
      <c r="Z13506" s="19"/>
      <c r="AA13506" s="19"/>
    </row>
    <row r="13507" spans="1:27" s="1" customFormat="1" ht="11.1" customHeight="1" outlineLevel="4" x14ac:dyDescent="0.2">
      <c r="A13507" s="17"/>
      <c r="B13507" s="17"/>
      <c r="C13507" s="17"/>
      <c r="D13507" s="18"/>
      <c r="E13507" s="18"/>
      <c r="F13507" s="18"/>
      <c r="G13507" s="18"/>
      <c r="H13507" s="18"/>
      <c r="I13507" s="18"/>
      <c r="J13507" s="18"/>
      <c r="K13507" s="18"/>
      <c r="L13507" s="18"/>
      <c r="M13507" s="18"/>
      <c r="N13507" s="18"/>
      <c r="O13507" s="18"/>
      <c r="P13507" s="19"/>
      <c r="Q13507" s="19"/>
      <c r="R13507" s="19"/>
      <c r="S13507" s="19"/>
      <c r="T13507" s="19"/>
      <c r="U13507" s="19"/>
      <c r="V13507" s="19"/>
      <c r="W13507" s="19"/>
      <c r="X13507" s="19"/>
      <c r="Y13507" s="19"/>
      <c r="Z13507" s="19"/>
      <c r="AA13507" s="19"/>
    </row>
    <row r="13508" spans="1:27" s="1" customFormat="1" ht="11.1" customHeight="1" outlineLevel="4" x14ac:dyDescent="0.2">
      <c r="A13508" s="17">
        <v>5966</v>
      </c>
      <c r="B13508" s="17"/>
      <c r="C13508" s="17"/>
      <c r="D13508" s="18" t="s">
        <v>6695</v>
      </c>
      <c r="E13508" s="18"/>
      <c r="F13508" s="18"/>
      <c r="G13508" s="18"/>
      <c r="H13508" s="18"/>
      <c r="I13508" s="18"/>
      <c r="J13508" s="18"/>
      <c r="K13508" s="18"/>
      <c r="L13508" s="18"/>
      <c r="M13508" s="18"/>
      <c r="N13508" s="18"/>
      <c r="O13508" s="18"/>
      <c r="P13508" s="19">
        <v>160</v>
      </c>
      <c r="Q13508" s="19"/>
      <c r="R13508" s="19"/>
      <c r="S13508" s="19"/>
      <c r="T13508" s="19">
        <v>45</v>
      </c>
      <c r="U13508" s="19"/>
      <c r="V13508" s="19"/>
      <c r="W13508" s="19"/>
      <c r="X13508" s="19">
        <v>1</v>
      </c>
      <c r="Y13508" s="19"/>
      <c r="Z13508" s="19"/>
      <c r="AA13508" s="19"/>
    </row>
    <row r="13509" spans="1:27" s="1" customFormat="1" ht="11.1" customHeight="1" outlineLevel="4" x14ac:dyDescent="0.2">
      <c r="A13509" s="17"/>
      <c r="B13509" s="17"/>
      <c r="C13509" s="17"/>
      <c r="D13509" s="18"/>
      <c r="E13509" s="18"/>
      <c r="F13509" s="18"/>
      <c r="G13509" s="18"/>
      <c r="H13509" s="18"/>
      <c r="I13509" s="18"/>
      <c r="J13509" s="18"/>
      <c r="K13509" s="18"/>
      <c r="L13509" s="18"/>
      <c r="M13509" s="18"/>
      <c r="N13509" s="18"/>
      <c r="O13509" s="18"/>
      <c r="P13509" s="19"/>
      <c r="Q13509" s="19"/>
      <c r="R13509" s="19"/>
      <c r="S13509" s="19"/>
      <c r="T13509" s="19"/>
      <c r="U13509" s="19"/>
      <c r="V13509" s="19"/>
      <c r="W13509" s="19"/>
      <c r="X13509" s="19"/>
      <c r="Y13509" s="19"/>
      <c r="Z13509" s="19"/>
      <c r="AA13509" s="19"/>
    </row>
    <row r="13510" spans="1:27" s="1" customFormat="1" ht="14.1" customHeight="1" outlineLevel="4" x14ac:dyDescent="0.2">
      <c r="A13510" s="17">
        <v>8110</v>
      </c>
      <c r="B13510" s="17"/>
      <c r="C13510" s="17"/>
      <c r="D13510" s="18" t="s">
        <v>6696</v>
      </c>
      <c r="E13510" s="18"/>
      <c r="F13510" s="18"/>
      <c r="G13510" s="18"/>
      <c r="H13510" s="18"/>
      <c r="I13510" s="18"/>
      <c r="J13510" s="18"/>
      <c r="K13510" s="18"/>
      <c r="L13510" s="18"/>
      <c r="M13510" s="18"/>
      <c r="N13510" s="18"/>
      <c r="O13510" s="18"/>
      <c r="P13510" s="19">
        <v>165</v>
      </c>
      <c r="Q13510" s="19"/>
      <c r="R13510" s="19"/>
      <c r="S13510" s="19"/>
      <c r="T13510" s="19">
        <v>65</v>
      </c>
      <c r="U13510" s="19"/>
      <c r="V13510" s="19"/>
      <c r="W13510" s="19"/>
      <c r="X13510" s="19">
        <v>5</v>
      </c>
      <c r="Y13510" s="19"/>
      <c r="Z13510" s="19"/>
      <c r="AA13510" s="19"/>
    </row>
    <row r="13511" spans="1:27" s="1" customFormat="1" ht="14.1" customHeight="1" outlineLevel="4" x14ac:dyDescent="0.2">
      <c r="A13511" s="17"/>
      <c r="B13511" s="17"/>
      <c r="C13511" s="17"/>
      <c r="D13511" s="18"/>
      <c r="E13511" s="18"/>
      <c r="F13511" s="18"/>
      <c r="G13511" s="18"/>
      <c r="H13511" s="18"/>
      <c r="I13511" s="18"/>
      <c r="J13511" s="18"/>
      <c r="K13511" s="18"/>
      <c r="L13511" s="18"/>
      <c r="M13511" s="18"/>
      <c r="N13511" s="18"/>
      <c r="O13511" s="18"/>
      <c r="P13511" s="19"/>
      <c r="Q13511" s="19"/>
      <c r="R13511" s="19"/>
      <c r="S13511" s="19"/>
      <c r="T13511" s="19"/>
      <c r="U13511" s="19"/>
      <c r="V13511" s="19"/>
      <c r="W13511" s="19"/>
      <c r="X13511" s="19"/>
      <c r="Y13511" s="19"/>
      <c r="Z13511" s="19"/>
      <c r="AA13511" s="19"/>
    </row>
    <row r="13512" spans="1:27" s="1" customFormat="1" ht="14.1" customHeight="1" outlineLevel="4" x14ac:dyDescent="0.2">
      <c r="A13512" s="17">
        <v>15734</v>
      </c>
      <c r="B13512" s="17"/>
      <c r="C13512" s="17"/>
      <c r="D13512" s="18" t="s">
        <v>6697</v>
      </c>
      <c r="E13512" s="18"/>
      <c r="F13512" s="18"/>
      <c r="G13512" s="18"/>
      <c r="H13512" s="18"/>
      <c r="I13512" s="18"/>
      <c r="J13512" s="18"/>
      <c r="K13512" s="18"/>
      <c r="L13512" s="18"/>
      <c r="M13512" s="18"/>
      <c r="N13512" s="18"/>
      <c r="O13512" s="18"/>
      <c r="P13512" s="19">
        <v>165</v>
      </c>
      <c r="Q13512" s="19"/>
      <c r="R13512" s="19"/>
      <c r="S13512" s="19"/>
      <c r="T13512" s="19">
        <v>65</v>
      </c>
      <c r="U13512" s="19"/>
      <c r="V13512" s="19"/>
      <c r="W13512" s="19"/>
      <c r="X13512" s="19">
        <v>2</v>
      </c>
      <c r="Y13512" s="19"/>
      <c r="Z13512" s="19"/>
      <c r="AA13512" s="19"/>
    </row>
    <row r="13513" spans="1:27" s="1" customFormat="1" ht="14.1" customHeight="1" outlineLevel="4" x14ac:dyDescent="0.2">
      <c r="A13513" s="17"/>
      <c r="B13513" s="17"/>
      <c r="C13513" s="17"/>
      <c r="D13513" s="18"/>
      <c r="E13513" s="18"/>
      <c r="F13513" s="18"/>
      <c r="G13513" s="18"/>
      <c r="H13513" s="18"/>
      <c r="I13513" s="18"/>
      <c r="J13513" s="18"/>
      <c r="K13513" s="18"/>
      <c r="L13513" s="18"/>
      <c r="M13513" s="18"/>
      <c r="N13513" s="18"/>
      <c r="O13513" s="18"/>
      <c r="P13513" s="19"/>
      <c r="Q13513" s="19"/>
      <c r="R13513" s="19"/>
      <c r="S13513" s="19"/>
      <c r="T13513" s="19"/>
      <c r="U13513" s="19"/>
      <c r="V13513" s="19"/>
      <c r="W13513" s="19"/>
      <c r="X13513" s="19"/>
      <c r="Y13513" s="19"/>
      <c r="Z13513" s="19"/>
      <c r="AA13513" s="19"/>
    </row>
    <row r="13514" spans="1:27" s="1" customFormat="1" ht="14.1" customHeight="1" outlineLevel="4" x14ac:dyDescent="0.2">
      <c r="A13514" s="17">
        <v>8111</v>
      </c>
      <c r="B13514" s="17"/>
      <c r="C13514" s="17"/>
      <c r="D13514" s="18" t="s">
        <v>6698</v>
      </c>
      <c r="E13514" s="18"/>
      <c r="F13514" s="18"/>
      <c r="G13514" s="18"/>
      <c r="H13514" s="18"/>
      <c r="I13514" s="18"/>
      <c r="J13514" s="18"/>
      <c r="K13514" s="18"/>
      <c r="L13514" s="18"/>
      <c r="M13514" s="18"/>
      <c r="N13514" s="18"/>
      <c r="O13514" s="18"/>
      <c r="P13514" s="19">
        <v>165</v>
      </c>
      <c r="Q13514" s="19"/>
      <c r="R13514" s="19"/>
      <c r="S13514" s="19"/>
      <c r="T13514" s="19">
        <v>65</v>
      </c>
      <c r="U13514" s="19"/>
      <c r="V13514" s="19"/>
      <c r="W13514" s="19"/>
      <c r="X13514" s="19">
        <v>4</v>
      </c>
      <c r="Y13514" s="19"/>
      <c r="Z13514" s="19"/>
      <c r="AA13514" s="19"/>
    </row>
    <row r="13515" spans="1:27" s="1" customFormat="1" ht="14.1" customHeight="1" outlineLevel="4" x14ac:dyDescent="0.2">
      <c r="A13515" s="17"/>
      <c r="B13515" s="17"/>
      <c r="C13515" s="17"/>
      <c r="D13515" s="18"/>
      <c r="E13515" s="18"/>
      <c r="F13515" s="18"/>
      <c r="G13515" s="18"/>
      <c r="H13515" s="18"/>
      <c r="I13515" s="18"/>
      <c r="J13515" s="18"/>
      <c r="K13515" s="18"/>
      <c r="L13515" s="18"/>
      <c r="M13515" s="18"/>
      <c r="N13515" s="18"/>
      <c r="O13515" s="18"/>
      <c r="P13515" s="19"/>
      <c r="Q13515" s="19"/>
      <c r="R13515" s="19"/>
      <c r="S13515" s="19"/>
      <c r="T13515" s="19"/>
      <c r="U13515" s="19"/>
      <c r="V13515" s="19"/>
      <c r="W13515" s="19"/>
      <c r="X13515" s="19"/>
      <c r="Y13515" s="19"/>
      <c r="Z13515" s="19"/>
      <c r="AA13515" s="19"/>
    </row>
    <row r="13516" spans="1:27" s="1" customFormat="1" ht="14.1" customHeight="1" outlineLevel="4" x14ac:dyDescent="0.2">
      <c r="A13516" s="17">
        <v>8112</v>
      </c>
      <c r="B13516" s="17"/>
      <c r="C13516" s="17"/>
      <c r="D13516" s="18" t="s">
        <v>6699</v>
      </c>
      <c r="E13516" s="18"/>
      <c r="F13516" s="18"/>
      <c r="G13516" s="18"/>
      <c r="H13516" s="18"/>
      <c r="I13516" s="18"/>
      <c r="J13516" s="18"/>
      <c r="K13516" s="18"/>
      <c r="L13516" s="18"/>
      <c r="M13516" s="18"/>
      <c r="N13516" s="18"/>
      <c r="O13516" s="18"/>
      <c r="P13516" s="19">
        <v>165</v>
      </c>
      <c r="Q13516" s="19"/>
      <c r="R13516" s="19"/>
      <c r="S13516" s="19"/>
      <c r="T13516" s="19">
        <v>65</v>
      </c>
      <c r="U13516" s="19"/>
      <c r="V13516" s="19"/>
      <c r="W13516" s="19"/>
      <c r="X13516" s="19">
        <v>1</v>
      </c>
      <c r="Y13516" s="19"/>
      <c r="Z13516" s="19"/>
      <c r="AA13516" s="19"/>
    </row>
    <row r="13517" spans="1:27" s="1" customFormat="1" ht="14.1" customHeight="1" outlineLevel="4" x14ac:dyDescent="0.2">
      <c r="A13517" s="17"/>
      <c r="B13517" s="17"/>
      <c r="C13517" s="17"/>
      <c r="D13517" s="18"/>
      <c r="E13517" s="18"/>
      <c r="F13517" s="18"/>
      <c r="G13517" s="18"/>
      <c r="H13517" s="18"/>
      <c r="I13517" s="18"/>
      <c r="J13517" s="18"/>
      <c r="K13517" s="18"/>
      <c r="L13517" s="18"/>
      <c r="M13517" s="18"/>
      <c r="N13517" s="18"/>
      <c r="O13517" s="18"/>
      <c r="P13517" s="19"/>
      <c r="Q13517" s="19"/>
      <c r="R13517" s="19"/>
      <c r="S13517" s="19"/>
      <c r="T13517" s="19"/>
      <c r="U13517" s="19"/>
      <c r="V13517" s="19"/>
      <c r="W13517" s="19"/>
      <c r="X13517" s="19"/>
      <c r="Y13517" s="19"/>
      <c r="Z13517" s="19"/>
      <c r="AA13517" s="19"/>
    </row>
    <row r="13518" spans="1:27" s="1" customFormat="1" ht="14.1" customHeight="1" outlineLevel="4" x14ac:dyDescent="0.2">
      <c r="A13518" s="17">
        <v>8114</v>
      </c>
      <c r="B13518" s="17"/>
      <c r="C13518" s="17"/>
      <c r="D13518" s="18" t="s">
        <v>6700</v>
      </c>
      <c r="E13518" s="18"/>
      <c r="F13518" s="18"/>
      <c r="G13518" s="18"/>
      <c r="H13518" s="18"/>
      <c r="I13518" s="18"/>
      <c r="J13518" s="18"/>
      <c r="K13518" s="18"/>
      <c r="L13518" s="18"/>
      <c r="M13518" s="18"/>
      <c r="N13518" s="18"/>
      <c r="O13518" s="18"/>
      <c r="P13518" s="19">
        <v>165</v>
      </c>
      <c r="Q13518" s="19"/>
      <c r="R13518" s="19"/>
      <c r="S13518" s="19"/>
      <c r="T13518" s="19">
        <v>65</v>
      </c>
      <c r="U13518" s="19"/>
      <c r="V13518" s="19"/>
      <c r="W13518" s="19"/>
      <c r="X13518" s="19">
        <v>7</v>
      </c>
      <c r="Y13518" s="19"/>
      <c r="Z13518" s="19"/>
      <c r="AA13518" s="19"/>
    </row>
    <row r="13519" spans="1:27" s="1" customFormat="1" ht="14.1" customHeight="1" outlineLevel="4" x14ac:dyDescent="0.2">
      <c r="A13519" s="17"/>
      <c r="B13519" s="17"/>
      <c r="C13519" s="17"/>
      <c r="D13519" s="18"/>
      <c r="E13519" s="18"/>
      <c r="F13519" s="18"/>
      <c r="G13519" s="18"/>
      <c r="H13519" s="18"/>
      <c r="I13519" s="18"/>
      <c r="J13519" s="18"/>
      <c r="K13519" s="18"/>
      <c r="L13519" s="18"/>
      <c r="M13519" s="18"/>
      <c r="N13519" s="18"/>
      <c r="O13519" s="18"/>
      <c r="P13519" s="19"/>
      <c r="Q13519" s="19"/>
      <c r="R13519" s="19"/>
      <c r="S13519" s="19"/>
      <c r="T13519" s="19"/>
      <c r="U13519" s="19"/>
      <c r="V13519" s="19"/>
      <c r="W13519" s="19"/>
      <c r="X13519" s="19"/>
      <c r="Y13519" s="19"/>
      <c r="Z13519" s="19"/>
      <c r="AA13519" s="19"/>
    </row>
    <row r="13520" spans="1:27" s="1" customFormat="1" ht="14.1" customHeight="1" outlineLevel="4" x14ac:dyDescent="0.2">
      <c r="A13520" s="17">
        <v>8177</v>
      </c>
      <c r="B13520" s="17"/>
      <c r="C13520" s="17"/>
      <c r="D13520" s="18" t="s">
        <v>6701</v>
      </c>
      <c r="E13520" s="18"/>
      <c r="F13520" s="18"/>
      <c r="G13520" s="18"/>
      <c r="H13520" s="18"/>
      <c r="I13520" s="18"/>
      <c r="J13520" s="18"/>
      <c r="K13520" s="18"/>
      <c r="L13520" s="18"/>
      <c r="M13520" s="18"/>
      <c r="N13520" s="18"/>
      <c r="O13520" s="18"/>
      <c r="P13520" s="19">
        <v>165</v>
      </c>
      <c r="Q13520" s="19"/>
      <c r="R13520" s="19"/>
      <c r="S13520" s="19"/>
      <c r="T13520" s="19">
        <v>65</v>
      </c>
      <c r="U13520" s="19"/>
      <c r="V13520" s="19"/>
      <c r="W13520" s="19"/>
      <c r="X13520" s="19">
        <v>2</v>
      </c>
      <c r="Y13520" s="19"/>
      <c r="Z13520" s="19"/>
      <c r="AA13520" s="19"/>
    </row>
    <row r="13521" spans="1:27" s="1" customFormat="1" ht="14.1" customHeight="1" outlineLevel="4" x14ac:dyDescent="0.2">
      <c r="A13521" s="17"/>
      <c r="B13521" s="17"/>
      <c r="C13521" s="17"/>
      <c r="D13521" s="18"/>
      <c r="E13521" s="18"/>
      <c r="F13521" s="18"/>
      <c r="G13521" s="18"/>
      <c r="H13521" s="18"/>
      <c r="I13521" s="18"/>
      <c r="J13521" s="18"/>
      <c r="K13521" s="18"/>
      <c r="L13521" s="18"/>
      <c r="M13521" s="18"/>
      <c r="N13521" s="18"/>
      <c r="O13521" s="18"/>
      <c r="P13521" s="19"/>
      <c r="Q13521" s="19"/>
      <c r="R13521" s="19"/>
      <c r="S13521" s="19"/>
      <c r="T13521" s="19"/>
      <c r="U13521" s="19"/>
      <c r="V13521" s="19"/>
      <c r="W13521" s="19"/>
      <c r="X13521" s="19"/>
      <c r="Y13521" s="19"/>
      <c r="Z13521" s="19"/>
      <c r="AA13521" s="19"/>
    </row>
    <row r="13522" spans="1:27" s="1" customFormat="1" ht="14.1" customHeight="1" outlineLevel="4" x14ac:dyDescent="0.2">
      <c r="A13522" s="17">
        <v>8178</v>
      </c>
      <c r="B13522" s="17"/>
      <c r="C13522" s="17"/>
      <c r="D13522" s="18" t="s">
        <v>6702</v>
      </c>
      <c r="E13522" s="18"/>
      <c r="F13522" s="18"/>
      <c r="G13522" s="18"/>
      <c r="H13522" s="18"/>
      <c r="I13522" s="18"/>
      <c r="J13522" s="18"/>
      <c r="K13522" s="18"/>
      <c r="L13522" s="18"/>
      <c r="M13522" s="18"/>
      <c r="N13522" s="18"/>
      <c r="O13522" s="18"/>
      <c r="P13522" s="19">
        <v>165</v>
      </c>
      <c r="Q13522" s="19"/>
      <c r="R13522" s="19"/>
      <c r="S13522" s="19"/>
      <c r="T13522" s="19">
        <v>65</v>
      </c>
      <c r="U13522" s="19"/>
      <c r="V13522" s="19"/>
      <c r="W13522" s="19"/>
      <c r="X13522" s="19">
        <v>4</v>
      </c>
      <c r="Y13522" s="19"/>
      <c r="Z13522" s="19"/>
      <c r="AA13522" s="19"/>
    </row>
    <row r="13523" spans="1:27" s="1" customFormat="1" ht="14.1" customHeight="1" outlineLevel="4" x14ac:dyDescent="0.2">
      <c r="A13523" s="17"/>
      <c r="B13523" s="17"/>
      <c r="C13523" s="17"/>
      <c r="D13523" s="18"/>
      <c r="E13523" s="18"/>
      <c r="F13523" s="18"/>
      <c r="G13523" s="18"/>
      <c r="H13523" s="18"/>
      <c r="I13523" s="18"/>
      <c r="J13523" s="18"/>
      <c r="K13523" s="18"/>
      <c r="L13523" s="18"/>
      <c r="M13523" s="18"/>
      <c r="N13523" s="18"/>
      <c r="O13523" s="18"/>
      <c r="P13523" s="19"/>
      <c r="Q13523" s="19"/>
      <c r="R13523" s="19"/>
      <c r="S13523" s="19"/>
      <c r="T13523" s="19"/>
      <c r="U13523" s="19"/>
      <c r="V13523" s="19"/>
      <c r="W13523" s="19"/>
      <c r="X13523" s="19"/>
      <c r="Y13523" s="19"/>
      <c r="Z13523" s="19"/>
      <c r="AA13523" s="19"/>
    </row>
    <row r="13524" spans="1:27" s="1" customFormat="1" ht="14.1" customHeight="1" outlineLevel="4" x14ac:dyDescent="0.2">
      <c r="A13524" s="17">
        <v>8115</v>
      </c>
      <c r="B13524" s="17"/>
      <c r="C13524" s="17"/>
      <c r="D13524" s="18" t="s">
        <v>6703</v>
      </c>
      <c r="E13524" s="18"/>
      <c r="F13524" s="18"/>
      <c r="G13524" s="18"/>
      <c r="H13524" s="18"/>
      <c r="I13524" s="18"/>
      <c r="J13524" s="18"/>
      <c r="K13524" s="18"/>
      <c r="L13524" s="18"/>
      <c r="M13524" s="18"/>
      <c r="N13524" s="18"/>
      <c r="O13524" s="18"/>
      <c r="P13524" s="19">
        <v>165</v>
      </c>
      <c r="Q13524" s="19"/>
      <c r="R13524" s="19"/>
      <c r="S13524" s="19"/>
      <c r="T13524" s="19">
        <v>65</v>
      </c>
      <c r="U13524" s="19"/>
      <c r="V13524" s="19"/>
      <c r="W13524" s="19"/>
      <c r="X13524" s="19">
        <v>2</v>
      </c>
      <c r="Y13524" s="19"/>
      <c r="Z13524" s="19"/>
      <c r="AA13524" s="19"/>
    </row>
    <row r="13525" spans="1:27" s="1" customFormat="1" ht="14.1" customHeight="1" outlineLevel="4" x14ac:dyDescent="0.2">
      <c r="A13525" s="17"/>
      <c r="B13525" s="17"/>
      <c r="C13525" s="17"/>
      <c r="D13525" s="18"/>
      <c r="E13525" s="18"/>
      <c r="F13525" s="18"/>
      <c r="G13525" s="18"/>
      <c r="H13525" s="18"/>
      <c r="I13525" s="18"/>
      <c r="J13525" s="18"/>
      <c r="K13525" s="18"/>
      <c r="L13525" s="18"/>
      <c r="M13525" s="18"/>
      <c r="N13525" s="18"/>
      <c r="O13525" s="18"/>
      <c r="P13525" s="19"/>
      <c r="Q13525" s="19"/>
      <c r="R13525" s="19"/>
      <c r="S13525" s="19"/>
      <c r="T13525" s="19"/>
      <c r="U13525" s="19"/>
      <c r="V13525" s="19"/>
      <c r="W13525" s="19"/>
      <c r="X13525" s="19"/>
      <c r="Y13525" s="19"/>
      <c r="Z13525" s="19"/>
      <c r="AA13525" s="19"/>
    </row>
    <row r="13526" spans="1:27" s="1" customFormat="1" ht="14.1" customHeight="1" outlineLevel="4" x14ac:dyDescent="0.2">
      <c r="A13526" s="17">
        <v>8117</v>
      </c>
      <c r="B13526" s="17"/>
      <c r="C13526" s="17"/>
      <c r="D13526" s="18" t="s">
        <v>6704</v>
      </c>
      <c r="E13526" s="18"/>
      <c r="F13526" s="18"/>
      <c r="G13526" s="18"/>
      <c r="H13526" s="18"/>
      <c r="I13526" s="18"/>
      <c r="J13526" s="18"/>
      <c r="K13526" s="18"/>
      <c r="L13526" s="18"/>
      <c r="M13526" s="18"/>
      <c r="N13526" s="18"/>
      <c r="O13526" s="18"/>
      <c r="P13526" s="19">
        <v>165</v>
      </c>
      <c r="Q13526" s="19"/>
      <c r="R13526" s="19"/>
      <c r="S13526" s="19"/>
      <c r="T13526" s="19">
        <v>65</v>
      </c>
      <c r="U13526" s="19"/>
      <c r="V13526" s="19"/>
      <c r="W13526" s="19"/>
      <c r="X13526" s="19">
        <v>1</v>
      </c>
      <c r="Y13526" s="19"/>
      <c r="Z13526" s="19"/>
      <c r="AA13526" s="19"/>
    </row>
    <row r="13527" spans="1:27" s="1" customFormat="1" ht="14.1" customHeight="1" outlineLevel="4" x14ac:dyDescent="0.2">
      <c r="A13527" s="17"/>
      <c r="B13527" s="17"/>
      <c r="C13527" s="17"/>
      <c r="D13527" s="18"/>
      <c r="E13527" s="18"/>
      <c r="F13527" s="18"/>
      <c r="G13527" s="18"/>
      <c r="H13527" s="18"/>
      <c r="I13527" s="18"/>
      <c r="J13527" s="18"/>
      <c r="K13527" s="18"/>
      <c r="L13527" s="18"/>
      <c r="M13527" s="18"/>
      <c r="N13527" s="18"/>
      <c r="O13527" s="18"/>
      <c r="P13527" s="19"/>
      <c r="Q13527" s="19"/>
      <c r="R13527" s="19"/>
      <c r="S13527" s="19"/>
      <c r="T13527" s="19"/>
      <c r="U13527" s="19"/>
      <c r="V13527" s="19"/>
      <c r="W13527" s="19"/>
      <c r="X13527" s="19"/>
      <c r="Y13527" s="19"/>
      <c r="Z13527" s="19"/>
      <c r="AA13527" s="19"/>
    </row>
    <row r="13528" spans="1:27" s="1" customFormat="1" ht="14.1" customHeight="1" outlineLevel="4" x14ac:dyDescent="0.2">
      <c r="A13528" s="17">
        <v>8105</v>
      </c>
      <c r="B13528" s="17"/>
      <c r="C13528" s="17"/>
      <c r="D13528" s="18" t="s">
        <v>6705</v>
      </c>
      <c r="E13528" s="18"/>
      <c r="F13528" s="18"/>
      <c r="G13528" s="18"/>
      <c r="H13528" s="18"/>
      <c r="I13528" s="18"/>
      <c r="J13528" s="18"/>
      <c r="K13528" s="18"/>
      <c r="L13528" s="18"/>
      <c r="M13528" s="18"/>
      <c r="N13528" s="18"/>
      <c r="O13528" s="18"/>
      <c r="P13528" s="19">
        <v>180</v>
      </c>
      <c r="Q13528" s="19"/>
      <c r="R13528" s="19"/>
      <c r="S13528" s="19"/>
      <c r="T13528" s="19">
        <v>80</v>
      </c>
      <c r="U13528" s="19"/>
      <c r="V13528" s="19"/>
      <c r="W13528" s="19"/>
      <c r="X13528" s="19">
        <v>1</v>
      </c>
      <c r="Y13528" s="19"/>
      <c r="Z13528" s="19"/>
      <c r="AA13528" s="19"/>
    </row>
    <row r="13529" spans="1:27" s="1" customFormat="1" ht="14.1" customHeight="1" outlineLevel="4" x14ac:dyDescent="0.2">
      <c r="A13529" s="17"/>
      <c r="B13529" s="17"/>
      <c r="C13529" s="17"/>
      <c r="D13529" s="18"/>
      <c r="E13529" s="18"/>
      <c r="F13529" s="18"/>
      <c r="G13529" s="18"/>
      <c r="H13529" s="18"/>
      <c r="I13529" s="18"/>
      <c r="J13529" s="18"/>
      <c r="K13529" s="18"/>
      <c r="L13529" s="18"/>
      <c r="M13529" s="18"/>
      <c r="N13529" s="18"/>
      <c r="O13529" s="18"/>
      <c r="P13529" s="19"/>
      <c r="Q13529" s="19"/>
      <c r="R13529" s="19"/>
      <c r="S13529" s="19"/>
      <c r="T13529" s="19"/>
      <c r="U13529" s="19"/>
      <c r="V13529" s="19"/>
      <c r="W13529" s="19"/>
      <c r="X13529" s="19"/>
      <c r="Y13529" s="19"/>
      <c r="Z13529" s="19"/>
      <c r="AA13529" s="19"/>
    </row>
    <row r="13530" spans="1:27" s="1" customFormat="1" ht="14.1" customHeight="1" outlineLevel="4" x14ac:dyDescent="0.2">
      <c r="A13530" s="17">
        <v>8109</v>
      </c>
      <c r="B13530" s="17"/>
      <c r="C13530" s="17"/>
      <c r="D13530" s="18" t="s">
        <v>6706</v>
      </c>
      <c r="E13530" s="18"/>
      <c r="F13530" s="18"/>
      <c r="G13530" s="18"/>
      <c r="H13530" s="18"/>
      <c r="I13530" s="18"/>
      <c r="J13530" s="18"/>
      <c r="K13530" s="18"/>
      <c r="L13530" s="18"/>
      <c r="M13530" s="18"/>
      <c r="N13530" s="18"/>
      <c r="O13530" s="18"/>
      <c r="P13530" s="19">
        <v>180</v>
      </c>
      <c r="Q13530" s="19"/>
      <c r="R13530" s="19"/>
      <c r="S13530" s="19"/>
      <c r="T13530" s="19">
        <v>80</v>
      </c>
      <c r="U13530" s="19"/>
      <c r="V13530" s="19"/>
      <c r="W13530" s="19"/>
      <c r="X13530" s="19">
        <v>1</v>
      </c>
      <c r="Y13530" s="19"/>
      <c r="Z13530" s="19"/>
      <c r="AA13530" s="19"/>
    </row>
    <row r="13531" spans="1:27" s="1" customFormat="1" ht="14.1" customHeight="1" outlineLevel="4" x14ac:dyDescent="0.2">
      <c r="A13531" s="17"/>
      <c r="B13531" s="17"/>
      <c r="C13531" s="17"/>
      <c r="D13531" s="18"/>
      <c r="E13531" s="18"/>
      <c r="F13531" s="18"/>
      <c r="G13531" s="18"/>
      <c r="H13531" s="18"/>
      <c r="I13531" s="18"/>
      <c r="J13531" s="18"/>
      <c r="K13531" s="18"/>
      <c r="L13531" s="18"/>
      <c r="M13531" s="18"/>
      <c r="N13531" s="18"/>
      <c r="O13531" s="18"/>
      <c r="P13531" s="19"/>
      <c r="Q13531" s="19"/>
      <c r="R13531" s="19"/>
      <c r="S13531" s="19"/>
      <c r="T13531" s="19"/>
      <c r="U13531" s="19"/>
      <c r="V13531" s="19"/>
      <c r="W13531" s="19"/>
      <c r="X13531" s="19"/>
      <c r="Y13531" s="19"/>
      <c r="Z13531" s="19"/>
      <c r="AA13531" s="19"/>
    </row>
    <row r="13532" spans="1:27" s="1" customFormat="1" ht="14.1" customHeight="1" outlineLevel="4" x14ac:dyDescent="0.2">
      <c r="A13532" s="17">
        <v>8068</v>
      </c>
      <c r="B13532" s="17"/>
      <c r="C13532" s="17"/>
      <c r="D13532" s="18" t="s">
        <v>6707</v>
      </c>
      <c r="E13532" s="18"/>
      <c r="F13532" s="18"/>
      <c r="G13532" s="18"/>
      <c r="H13532" s="18"/>
      <c r="I13532" s="18"/>
      <c r="J13532" s="18"/>
      <c r="K13532" s="18"/>
      <c r="L13532" s="18"/>
      <c r="M13532" s="18"/>
      <c r="N13532" s="18"/>
      <c r="O13532" s="18"/>
      <c r="P13532" s="19">
        <v>180</v>
      </c>
      <c r="Q13532" s="19"/>
      <c r="R13532" s="19"/>
      <c r="S13532" s="19"/>
      <c r="T13532" s="19">
        <v>80</v>
      </c>
      <c r="U13532" s="19"/>
      <c r="V13532" s="19"/>
      <c r="W13532" s="19"/>
      <c r="X13532" s="19">
        <v>1</v>
      </c>
      <c r="Y13532" s="19"/>
      <c r="Z13532" s="19"/>
      <c r="AA13532" s="19"/>
    </row>
    <row r="13533" spans="1:27" s="1" customFormat="1" ht="14.1" customHeight="1" outlineLevel="4" x14ac:dyDescent="0.2">
      <c r="A13533" s="17"/>
      <c r="B13533" s="17"/>
      <c r="C13533" s="17"/>
      <c r="D13533" s="18"/>
      <c r="E13533" s="18"/>
      <c r="F13533" s="18"/>
      <c r="G13533" s="18"/>
      <c r="H13533" s="18"/>
      <c r="I13533" s="18"/>
      <c r="J13533" s="18"/>
      <c r="K13533" s="18"/>
      <c r="L13533" s="18"/>
      <c r="M13533" s="18"/>
      <c r="N13533" s="18"/>
      <c r="O13533" s="18"/>
      <c r="P13533" s="19"/>
      <c r="Q13533" s="19"/>
      <c r="R13533" s="19"/>
      <c r="S13533" s="19"/>
      <c r="T13533" s="19"/>
      <c r="U13533" s="19"/>
      <c r="V13533" s="19"/>
      <c r="W13533" s="19"/>
      <c r="X13533" s="19"/>
      <c r="Y13533" s="19"/>
      <c r="Z13533" s="19"/>
      <c r="AA13533" s="19"/>
    </row>
    <row r="13534" spans="1:27" s="1" customFormat="1" ht="14.1" customHeight="1" outlineLevel="4" x14ac:dyDescent="0.2">
      <c r="A13534" s="17">
        <v>8069</v>
      </c>
      <c r="B13534" s="17"/>
      <c r="C13534" s="17"/>
      <c r="D13534" s="18" t="s">
        <v>6708</v>
      </c>
      <c r="E13534" s="18"/>
      <c r="F13534" s="18"/>
      <c r="G13534" s="18"/>
      <c r="H13534" s="18"/>
      <c r="I13534" s="18"/>
      <c r="J13534" s="18"/>
      <c r="K13534" s="18"/>
      <c r="L13534" s="18"/>
      <c r="M13534" s="18"/>
      <c r="N13534" s="18"/>
      <c r="O13534" s="18"/>
      <c r="P13534" s="19">
        <v>180</v>
      </c>
      <c r="Q13534" s="19"/>
      <c r="R13534" s="19"/>
      <c r="S13534" s="19"/>
      <c r="T13534" s="19">
        <v>80</v>
      </c>
      <c r="U13534" s="19"/>
      <c r="V13534" s="19"/>
      <c r="W13534" s="19"/>
      <c r="X13534" s="19">
        <v>1</v>
      </c>
      <c r="Y13534" s="19"/>
      <c r="Z13534" s="19"/>
      <c r="AA13534" s="19"/>
    </row>
    <row r="13535" spans="1:27" s="1" customFormat="1" ht="14.1" customHeight="1" outlineLevel="4" x14ac:dyDescent="0.2">
      <c r="A13535" s="17"/>
      <c r="B13535" s="17"/>
      <c r="C13535" s="17"/>
      <c r="D13535" s="18"/>
      <c r="E13535" s="18"/>
      <c r="F13535" s="18"/>
      <c r="G13535" s="18"/>
      <c r="H13535" s="18"/>
      <c r="I13535" s="18"/>
      <c r="J13535" s="18"/>
      <c r="K13535" s="18"/>
      <c r="L13535" s="18"/>
      <c r="M13535" s="18"/>
      <c r="N13535" s="18"/>
      <c r="O13535" s="18"/>
      <c r="P13535" s="19"/>
      <c r="Q13535" s="19"/>
      <c r="R13535" s="19"/>
      <c r="S13535" s="19"/>
      <c r="T13535" s="19"/>
      <c r="U13535" s="19"/>
      <c r="V13535" s="19"/>
      <c r="W13535" s="19"/>
      <c r="X13535" s="19"/>
      <c r="Y13535" s="19"/>
      <c r="Z13535" s="19"/>
      <c r="AA13535" s="19"/>
    </row>
    <row r="13536" spans="1:27" s="1" customFormat="1" ht="14.1" customHeight="1" outlineLevel="4" x14ac:dyDescent="0.2">
      <c r="A13536" s="17">
        <v>8072</v>
      </c>
      <c r="B13536" s="17"/>
      <c r="C13536" s="17"/>
      <c r="D13536" s="18" t="s">
        <v>6709</v>
      </c>
      <c r="E13536" s="18"/>
      <c r="F13536" s="18"/>
      <c r="G13536" s="18"/>
      <c r="H13536" s="18"/>
      <c r="I13536" s="18"/>
      <c r="J13536" s="18"/>
      <c r="K13536" s="18"/>
      <c r="L13536" s="18"/>
      <c r="M13536" s="18"/>
      <c r="N13536" s="18"/>
      <c r="O13536" s="18"/>
      <c r="P13536" s="19">
        <v>180</v>
      </c>
      <c r="Q13536" s="19"/>
      <c r="R13536" s="19"/>
      <c r="S13536" s="19"/>
      <c r="T13536" s="19">
        <v>80</v>
      </c>
      <c r="U13536" s="19"/>
      <c r="V13536" s="19"/>
      <c r="W13536" s="19"/>
      <c r="X13536" s="19">
        <v>1</v>
      </c>
      <c r="Y13536" s="19"/>
      <c r="Z13536" s="19"/>
      <c r="AA13536" s="19"/>
    </row>
    <row r="13537" spans="1:27" s="1" customFormat="1" ht="14.1" customHeight="1" outlineLevel="4" x14ac:dyDescent="0.2">
      <c r="A13537" s="17"/>
      <c r="B13537" s="17"/>
      <c r="C13537" s="17"/>
      <c r="D13537" s="18"/>
      <c r="E13537" s="18"/>
      <c r="F13537" s="18"/>
      <c r="G13537" s="18"/>
      <c r="H13537" s="18"/>
      <c r="I13537" s="18"/>
      <c r="J13537" s="18"/>
      <c r="K13537" s="18"/>
      <c r="L13537" s="18"/>
      <c r="M13537" s="18"/>
      <c r="N13537" s="18"/>
      <c r="O13537" s="18"/>
      <c r="P13537" s="19"/>
      <c r="Q13537" s="19"/>
      <c r="R13537" s="19"/>
      <c r="S13537" s="19"/>
      <c r="T13537" s="19"/>
      <c r="U13537" s="19"/>
      <c r="V13537" s="19"/>
      <c r="W13537" s="19"/>
      <c r="X13537" s="19"/>
      <c r="Y13537" s="19"/>
      <c r="Z13537" s="19"/>
      <c r="AA13537" s="19"/>
    </row>
    <row r="13538" spans="1:27" s="1" customFormat="1" ht="14.1" customHeight="1" outlineLevel="4" x14ac:dyDescent="0.2">
      <c r="A13538" s="17">
        <v>14505</v>
      </c>
      <c r="B13538" s="17"/>
      <c r="C13538" s="17"/>
      <c r="D13538" s="18" t="s">
        <v>6710</v>
      </c>
      <c r="E13538" s="18"/>
      <c r="F13538" s="18"/>
      <c r="G13538" s="18"/>
      <c r="H13538" s="18"/>
      <c r="I13538" s="18"/>
      <c r="J13538" s="18"/>
      <c r="K13538" s="18"/>
      <c r="L13538" s="18"/>
      <c r="M13538" s="18"/>
      <c r="N13538" s="18"/>
      <c r="O13538" s="18"/>
      <c r="P13538" s="19">
        <v>240</v>
      </c>
      <c r="Q13538" s="19"/>
      <c r="R13538" s="19"/>
      <c r="S13538" s="19"/>
      <c r="T13538" s="19">
        <v>140</v>
      </c>
      <c r="U13538" s="19"/>
      <c r="V13538" s="19"/>
      <c r="W13538" s="19"/>
      <c r="X13538" s="19">
        <v>3</v>
      </c>
      <c r="Y13538" s="19"/>
      <c r="Z13538" s="19"/>
      <c r="AA13538" s="19"/>
    </row>
    <row r="13539" spans="1:27" s="1" customFormat="1" ht="14.1" customHeight="1" outlineLevel="4" x14ac:dyDescent="0.2">
      <c r="A13539" s="17"/>
      <c r="B13539" s="17"/>
      <c r="C13539" s="17"/>
      <c r="D13539" s="18"/>
      <c r="E13539" s="18"/>
      <c r="F13539" s="18"/>
      <c r="G13539" s="18"/>
      <c r="H13539" s="18"/>
      <c r="I13539" s="18"/>
      <c r="J13539" s="18"/>
      <c r="K13539" s="18"/>
      <c r="L13539" s="18"/>
      <c r="M13539" s="18"/>
      <c r="N13539" s="18"/>
      <c r="O13539" s="18"/>
      <c r="P13539" s="19"/>
      <c r="Q13539" s="19"/>
      <c r="R13539" s="19"/>
      <c r="S13539" s="19"/>
      <c r="T13539" s="19"/>
      <c r="U13539" s="19"/>
      <c r="V13539" s="19"/>
      <c r="W13539" s="19"/>
      <c r="X13539" s="19"/>
      <c r="Y13539" s="19"/>
      <c r="Z13539" s="19"/>
      <c r="AA13539" s="19"/>
    </row>
    <row r="13540" spans="1:27" s="1" customFormat="1" ht="14.1" customHeight="1" outlineLevel="4" x14ac:dyDescent="0.2">
      <c r="A13540" s="17">
        <v>18034</v>
      </c>
      <c r="B13540" s="17"/>
      <c r="C13540" s="17"/>
      <c r="D13540" s="18" t="s">
        <v>6711</v>
      </c>
      <c r="E13540" s="18"/>
      <c r="F13540" s="18"/>
      <c r="G13540" s="18"/>
      <c r="H13540" s="18"/>
      <c r="I13540" s="18"/>
      <c r="J13540" s="18"/>
      <c r="K13540" s="18"/>
      <c r="L13540" s="18"/>
      <c r="M13540" s="18"/>
      <c r="N13540" s="18"/>
      <c r="O13540" s="18"/>
      <c r="P13540" s="19">
        <v>300</v>
      </c>
      <c r="Q13540" s="19"/>
      <c r="R13540" s="19"/>
      <c r="S13540" s="19"/>
      <c r="T13540" s="19">
        <v>140</v>
      </c>
      <c r="U13540" s="19"/>
      <c r="V13540" s="19"/>
      <c r="W13540" s="19"/>
      <c r="X13540" s="19">
        <v>1</v>
      </c>
      <c r="Y13540" s="19"/>
      <c r="Z13540" s="19"/>
      <c r="AA13540" s="19"/>
    </row>
    <row r="13541" spans="1:27" s="1" customFormat="1" ht="14.1" customHeight="1" outlineLevel="4" x14ac:dyDescent="0.2">
      <c r="A13541" s="17"/>
      <c r="B13541" s="17"/>
      <c r="C13541" s="17"/>
      <c r="D13541" s="18"/>
      <c r="E13541" s="18"/>
      <c r="F13541" s="18"/>
      <c r="G13541" s="18"/>
      <c r="H13541" s="18"/>
      <c r="I13541" s="18"/>
      <c r="J13541" s="18"/>
      <c r="K13541" s="18"/>
      <c r="L13541" s="18"/>
      <c r="M13541" s="18"/>
      <c r="N13541" s="18"/>
      <c r="O13541" s="18"/>
      <c r="P13541" s="19"/>
      <c r="Q13541" s="19"/>
      <c r="R13541" s="19"/>
      <c r="S13541" s="19"/>
      <c r="T13541" s="19"/>
      <c r="U13541" s="19"/>
      <c r="V13541" s="19"/>
      <c r="W13541" s="19"/>
      <c r="X13541" s="19"/>
      <c r="Y13541" s="19"/>
      <c r="Z13541" s="19"/>
      <c r="AA13541" s="19"/>
    </row>
    <row r="13542" spans="1:27" s="1" customFormat="1" ht="11.1" customHeight="1" outlineLevel="4" x14ac:dyDescent="0.2">
      <c r="A13542" s="17">
        <v>11215</v>
      </c>
      <c r="B13542" s="17"/>
      <c r="C13542" s="17"/>
      <c r="D13542" s="18" t="s">
        <v>6712</v>
      </c>
      <c r="E13542" s="18"/>
      <c r="F13542" s="18"/>
      <c r="G13542" s="18"/>
      <c r="H13542" s="18"/>
      <c r="I13542" s="18"/>
      <c r="J13542" s="18"/>
      <c r="K13542" s="18"/>
      <c r="L13542" s="18"/>
      <c r="M13542" s="18"/>
      <c r="N13542" s="18"/>
      <c r="O13542" s="18"/>
      <c r="P13542" s="19">
        <v>240</v>
      </c>
      <c r="Q13542" s="19"/>
      <c r="R13542" s="19"/>
      <c r="S13542" s="19"/>
      <c r="T13542" s="19">
        <v>145</v>
      </c>
      <c r="U13542" s="19"/>
      <c r="V13542" s="19"/>
      <c r="W13542" s="19"/>
      <c r="X13542" s="19">
        <v>2</v>
      </c>
      <c r="Y13542" s="19"/>
      <c r="Z13542" s="19"/>
      <c r="AA13542" s="19"/>
    </row>
    <row r="13543" spans="1:27" s="1" customFormat="1" ht="11.1" customHeight="1" outlineLevel="4" x14ac:dyDescent="0.2">
      <c r="A13543" s="17"/>
      <c r="B13543" s="17"/>
      <c r="C13543" s="17"/>
      <c r="D13543" s="18"/>
      <c r="E13543" s="18"/>
      <c r="F13543" s="18"/>
      <c r="G13543" s="18"/>
      <c r="H13543" s="18"/>
      <c r="I13543" s="18"/>
      <c r="J13543" s="18"/>
      <c r="K13543" s="18"/>
      <c r="L13543" s="18"/>
      <c r="M13543" s="18"/>
      <c r="N13543" s="18"/>
      <c r="O13543" s="18"/>
      <c r="P13543" s="19"/>
      <c r="Q13543" s="19"/>
      <c r="R13543" s="19"/>
      <c r="S13543" s="19"/>
      <c r="T13543" s="19"/>
      <c r="U13543" s="19"/>
      <c r="V13543" s="19"/>
      <c r="W13543" s="19"/>
      <c r="X13543" s="19"/>
      <c r="Y13543" s="19"/>
      <c r="Z13543" s="19"/>
      <c r="AA13543" s="19"/>
    </row>
    <row r="13544" spans="1:27" s="1" customFormat="1" ht="14.1" customHeight="1" outlineLevel="4" x14ac:dyDescent="0.2">
      <c r="A13544" s="17">
        <v>11216</v>
      </c>
      <c r="B13544" s="17"/>
      <c r="C13544" s="17"/>
      <c r="D13544" s="18" t="s">
        <v>6713</v>
      </c>
      <c r="E13544" s="18"/>
      <c r="F13544" s="18"/>
      <c r="G13544" s="18"/>
      <c r="H13544" s="18"/>
      <c r="I13544" s="18"/>
      <c r="J13544" s="18"/>
      <c r="K13544" s="18"/>
      <c r="L13544" s="18"/>
      <c r="M13544" s="18"/>
      <c r="N13544" s="18"/>
      <c r="O13544" s="18"/>
      <c r="P13544" s="19">
        <v>240</v>
      </c>
      <c r="Q13544" s="19"/>
      <c r="R13544" s="19"/>
      <c r="S13544" s="19"/>
      <c r="T13544" s="19">
        <v>145</v>
      </c>
      <c r="U13544" s="19"/>
      <c r="V13544" s="19"/>
      <c r="W13544" s="19"/>
      <c r="X13544" s="19">
        <v>2</v>
      </c>
      <c r="Y13544" s="19"/>
      <c r="Z13544" s="19"/>
      <c r="AA13544" s="19"/>
    </row>
    <row r="13545" spans="1:27" s="1" customFormat="1" ht="14.1" customHeight="1" outlineLevel="4" x14ac:dyDescent="0.2">
      <c r="A13545" s="17"/>
      <c r="B13545" s="17"/>
      <c r="C13545" s="17"/>
      <c r="D13545" s="18"/>
      <c r="E13545" s="18"/>
      <c r="F13545" s="18"/>
      <c r="G13545" s="18"/>
      <c r="H13545" s="18"/>
      <c r="I13545" s="18"/>
      <c r="J13545" s="18"/>
      <c r="K13545" s="18"/>
      <c r="L13545" s="18"/>
      <c r="M13545" s="18"/>
      <c r="N13545" s="18"/>
      <c r="O13545" s="18"/>
      <c r="P13545" s="19"/>
      <c r="Q13545" s="19"/>
      <c r="R13545" s="19"/>
      <c r="S13545" s="19"/>
      <c r="T13545" s="19"/>
      <c r="U13545" s="19"/>
      <c r="V13545" s="19"/>
      <c r="W13545" s="19"/>
      <c r="X13545" s="19"/>
      <c r="Y13545" s="19"/>
      <c r="Z13545" s="19"/>
      <c r="AA13545" s="19"/>
    </row>
    <row r="13546" spans="1:27" s="1" customFormat="1" ht="14.1" customHeight="1" outlineLevel="4" x14ac:dyDescent="0.2">
      <c r="A13546" s="17">
        <v>14909</v>
      </c>
      <c r="B13546" s="17"/>
      <c r="C13546" s="17"/>
      <c r="D13546" s="18" t="s">
        <v>6714</v>
      </c>
      <c r="E13546" s="18"/>
      <c r="F13546" s="18"/>
      <c r="G13546" s="18"/>
      <c r="H13546" s="18"/>
      <c r="I13546" s="18"/>
      <c r="J13546" s="18"/>
      <c r="K13546" s="18"/>
      <c r="L13546" s="18"/>
      <c r="M13546" s="18"/>
      <c r="N13546" s="18"/>
      <c r="O13546" s="18"/>
      <c r="P13546" s="19">
        <v>240</v>
      </c>
      <c r="Q13546" s="19"/>
      <c r="R13546" s="19"/>
      <c r="S13546" s="19"/>
      <c r="T13546" s="19">
        <v>145</v>
      </c>
      <c r="U13546" s="19"/>
      <c r="V13546" s="19"/>
      <c r="W13546" s="19"/>
      <c r="X13546" s="19">
        <v>1</v>
      </c>
      <c r="Y13546" s="19"/>
      <c r="Z13546" s="19"/>
      <c r="AA13546" s="19"/>
    </row>
    <row r="13547" spans="1:27" s="1" customFormat="1" ht="14.1" customHeight="1" outlineLevel="4" x14ac:dyDescent="0.2">
      <c r="A13547" s="17"/>
      <c r="B13547" s="17"/>
      <c r="C13547" s="17"/>
      <c r="D13547" s="18"/>
      <c r="E13547" s="18"/>
      <c r="F13547" s="18"/>
      <c r="G13547" s="18"/>
      <c r="H13547" s="18"/>
      <c r="I13547" s="18"/>
      <c r="J13547" s="18"/>
      <c r="K13547" s="18"/>
      <c r="L13547" s="18"/>
      <c r="M13547" s="18"/>
      <c r="N13547" s="18"/>
      <c r="O13547" s="18"/>
      <c r="P13547" s="19"/>
      <c r="Q13547" s="19"/>
      <c r="R13547" s="19"/>
      <c r="S13547" s="19"/>
      <c r="T13547" s="19"/>
      <c r="U13547" s="19"/>
      <c r="V13547" s="19"/>
      <c r="W13547" s="19"/>
      <c r="X13547" s="19"/>
      <c r="Y13547" s="19"/>
      <c r="Z13547" s="19"/>
      <c r="AA13547" s="19"/>
    </row>
    <row r="13548" spans="1:27" s="1" customFormat="1" ht="14.1" customHeight="1" outlineLevel="4" x14ac:dyDescent="0.2">
      <c r="A13548" s="17">
        <v>14637</v>
      </c>
      <c r="B13548" s="17"/>
      <c r="C13548" s="17"/>
      <c r="D13548" s="18" t="s">
        <v>6715</v>
      </c>
      <c r="E13548" s="18"/>
      <c r="F13548" s="18"/>
      <c r="G13548" s="18"/>
      <c r="H13548" s="18"/>
      <c r="I13548" s="18"/>
      <c r="J13548" s="18"/>
      <c r="K13548" s="18"/>
      <c r="L13548" s="18"/>
      <c r="M13548" s="18"/>
      <c r="N13548" s="18"/>
      <c r="O13548" s="18"/>
      <c r="P13548" s="19">
        <v>240</v>
      </c>
      <c r="Q13548" s="19"/>
      <c r="R13548" s="19"/>
      <c r="S13548" s="19"/>
      <c r="T13548" s="19">
        <v>145</v>
      </c>
      <c r="U13548" s="19"/>
      <c r="V13548" s="19"/>
      <c r="W13548" s="19"/>
      <c r="X13548" s="19">
        <v>2</v>
      </c>
      <c r="Y13548" s="19"/>
      <c r="Z13548" s="19"/>
      <c r="AA13548" s="19"/>
    </row>
    <row r="13549" spans="1:27" s="1" customFormat="1" ht="14.1" customHeight="1" outlineLevel="4" x14ac:dyDescent="0.2">
      <c r="A13549" s="17"/>
      <c r="B13549" s="17"/>
      <c r="C13549" s="17"/>
      <c r="D13549" s="18"/>
      <c r="E13549" s="18"/>
      <c r="F13549" s="18"/>
      <c r="G13549" s="18"/>
      <c r="H13549" s="18"/>
      <c r="I13549" s="18"/>
      <c r="J13549" s="18"/>
      <c r="K13549" s="18"/>
      <c r="L13549" s="18"/>
      <c r="M13549" s="18"/>
      <c r="N13549" s="18"/>
      <c r="O13549" s="18"/>
      <c r="P13549" s="19"/>
      <c r="Q13549" s="19"/>
      <c r="R13549" s="19"/>
      <c r="S13549" s="19"/>
      <c r="T13549" s="19"/>
      <c r="U13549" s="19"/>
      <c r="V13549" s="19"/>
      <c r="W13549" s="19"/>
      <c r="X13549" s="19"/>
      <c r="Y13549" s="19"/>
      <c r="Z13549" s="19"/>
      <c r="AA13549" s="19"/>
    </row>
    <row r="13550" spans="1:27" s="1" customFormat="1" ht="14.1" customHeight="1" outlineLevel="4" x14ac:dyDescent="0.2">
      <c r="A13550" s="17">
        <v>15731</v>
      </c>
      <c r="B13550" s="17"/>
      <c r="C13550" s="17"/>
      <c r="D13550" s="18" t="s">
        <v>6716</v>
      </c>
      <c r="E13550" s="18"/>
      <c r="F13550" s="18"/>
      <c r="G13550" s="18"/>
      <c r="H13550" s="18"/>
      <c r="I13550" s="18"/>
      <c r="J13550" s="18"/>
      <c r="K13550" s="18"/>
      <c r="L13550" s="18"/>
      <c r="M13550" s="18"/>
      <c r="N13550" s="18"/>
      <c r="O13550" s="18"/>
      <c r="P13550" s="19">
        <v>240</v>
      </c>
      <c r="Q13550" s="19"/>
      <c r="R13550" s="19"/>
      <c r="S13550" s="19"/>
      <c r="T13550" s="19">
        <v>140</v>
      </c>
      <c r="U13550" s="19"/>
      <c r="V13550" s="19"/>
      <c r="W13550" s="19"/>
      <c r="X13550" s="19">
        <v>1</v>
      </c>
      <c r="Y13550" s="19"/>
      <c r="Z13550" s="19"/>
      <c r="AA13550" s="19"/>
    </row>
    <row r="13551" spans="1:27" s="1" customFormat="1" ht="14.1" customHeight="1" outlineLevel="4" x14ac:dyDescent="0.2">
      <c r="A13551" s="17"/>
      <c r="B13551" s="17"/>
      <c r="C13551" s="17"/>
      <c r="D13551" s="18"/>
      <c r="E13551" s="18"/>
      <c r="F13551" s="18"/>
      <c r="G13551" s="18"/>
      <c r="H13551" s="18"/>
      <c r="I13551" s="18"/>
      <c r="J13551" s="18"/>
      <c r="K13551" s="18"/>
      <c r="L13551" s="18"/>
      <c r="M13551" s="18"/>
      <c r="N13551" s="18"/>
      <c r="O13551" s="18"/>
      <c r="P13551" s="19"/>
      <c r="Q13551" s="19"/>
      <c r="R13551" s="19"/>
      <c r="S13551" s="19"/>
      <c r="T13551" s="19"/>
      <c r="U13551" s="19"/>
      <c r="V13551" s="19"/>
      <c r="W13551" s="19"/>
      <c r="X13551" s="19"/>
      <c r="Y13551" s="19"/>
      <c r="Z13551" s="19"/>
      <c r="AA13551" s="19"/>
    </row>
    <row r="13552" spans="1:27" s="1" customFormat="1" ht="14.1" customHeight="1" outlineLevel="4" x14ac:dyDescent="0.2">
      <c r="A13552" s="17">
        <v>15732</v>
      </c>
      <c r="B13552" s="17"/>
      <c r="C13552" s="17"/>
      <c r="D13552" s="18" t="s">
        <v>6717</v>
      </c>
      <c r="E13552" s="18"/>
      <c r="F13552" s="18"/>
      <c r="G13552" s="18"/>
      <c r="H13552" s="18"/>
      <c r="I13552" s="18"/>
      <c r="J13552" s="18"/>
      <c r="K13552" s="18"/>
      <c r="L13552" s="18"/>
      <c r="M13552" s="18"/>
      <c r="N13552" s="18"/>
      <c r="O13552" s="18"/>
      <c r="P13552" s="19">
        <v>240</v>
      </c>
      <c r="Q13552" s="19"/>
      <c r="R13552" s="19"/>
      <c r="S13552" s="19"/>
      <c r="T13552" s="19">
        <v>140</v>
      </c>
      <c r="U13552" s="19"/>
      <c r="V13552" s="19"/>
      <c r="W13552" s="19"/>
      <c r="X13552" s="19">
        <v>1</v>
      </c>
      <c r="Y13552" s="19"/>
      <c r="Z13552" s="19"/>
      <c r="AA13552" s="19"/>
    </row>
    <row r="13553" spans="1:27" s="1" customFormat="1" ht="14.1" customHeight="1" outlineLevel="4" x14ac:dyDescent="0.2">
      <c r="A13553" s="17"/>
      <c r="B13553" s="17"/>
      <c r="C13553" s="17"/>
      <c r="D13553" s="18"/>
      <c r="E13553" s="18"/>
      <c r="F13553" s="18"/>
      <c r="G13553" s="18"/>
      <c r="H13553" s="18"/>
      <c r="I13553" s="18"/>
      <c r="J13553" s="18"/>
      <c r="K13553" s="18"/>
      <c r="L13553" s="18"/>
      <c r="M13553" s="18"/>
      <c r="N13553" s="18"/>
      <c r="O13553" s="18"/>
      <c r="P13553" s="19"/>
      <c r="Q13553" s="19"/>
      <c r="R13553" s="19"/>
      <c r="S13553" s="19"/>
      <c r="T13553" s="19"/>
      <c r="U13553" s="19"/>
      <c r="V13553" s="19"/>
      <c r="W13553" s="19"/>
      <c r="X13553" s="19"/>
      <c r="Y13553" s="19"/>
      <c r="Z13553" s="19"/>
      <c r="AA13553" s="19"/>
    </row>
    <row r="13554" spans="1:27" s="1" customFormat="1" ht="14.1" customHeight="1" outlineLevel="4" x14ac:dyDescent="0.2">
      <c r="A13554" s="17">
        <v>14900</v>
      </c>
      <c r="B13554" s="17"/>
      <c r="C13554" s="17"/>
      <c r="D13554" s="18" t="s">
        <v>6718</v>
      </c>
      <c r="E13554" s="18"/>
      <c r="F13554" s="18"/>
      <c r="G13554" s="18"/>
      <c r="H13554" s="18"/>
      <c r="I13554" s="18"/>
      <c r="J13554" s="18"/>
      <c r="K13554" s="18"/>
      <c r="L13554" s="18"/>
      <c r="M13554" s="18"/>
      <c r="N13554" s="18"/>
      <c r="O13554" s="18"/>
      <c r="P13554" s="19">
        <v>240</v>
      </c>
      <c r="Q13554" s="19"/>
      <c r="R13554" s="19"/>
      <c r="S13554" s="19"/>
      <c r="T13554" s="19">
        <v>145</v>
      </c>
      <c r="U13554" s="19"/>
      <c r="V13554" s="19"/>
      <c r="W13554" s="19"/>
      <c r="X13554" s="19">
        <v>1</v>
      </c>
      <c r="Y13554" s="19"/>
      <c r="Z13554" s="19"/>
      <c r="AA13554" s="19"/>
    </row>
    <row r="13555" spans="1:27" s="1" customFormat="1" ht="14.1" customHeight="1" outlineLevel="4" x14ac:dyDescent="0.2">
      <c r="A13555" s="17"/>
      <c r="B13555" s="17"/>
      <c r="C13555" s="17"/>
      <c r="D13555" s="18"/>
      <c r="E13555" s="18"/>
      <c r="F13555" s="18"/>
      <c r="G13555" s="18"/>
      <c r="H13555" s="18"/>
      <c r="I13555" s="18"/>
      <c r="J13555" s="18"/>
      <c r="K13555" s="18"/>
      <c r="L13555" s="18"/>
      <c r="M13555" s="18"/>
      <c r="N13555" s="18"/>
      <c r="O13555" s="18"/>
      <c r="P13555" s="19"/>
      <c r="Q13555" s="19"/>
      <c r="R13555" s="19"/>
      <c r="S13555" s="19"/>
      <c r="T13555" s="19"/>
      <c r="U13555" s="19"/>
      <c r="V13555" s="19"/>
      <c r="W13555" s="19"/>
      <c r="X13555" s="19"/>
      <c r="Y13555" s="19"/>
      <c r="Z13555" s="19"/>
      <c r="AA13555" s="19"/>
    </row>
    <row r="13556" spans="1:27" s="1" customFormat="1" ht="14.1" customHeight="1" outlineLevel="4" x14ac:dyDescent="0.2">
      <c r="A13556" s="17">
        <v>14906</v>
      </c>
      <c r="B13556" s="17"/>
      <c r="C13556" s="17"/>
      <c r="D13556" s="18" t="s">
        <v>6719</v>
      </c>
      <c r="E13556" s="18"/>
      <c r="F13556" s="18"/>
      <c r="G13556" s="18"/>
      <c r="H13556" s="18"/>
      <c r="I13556" s="18"/>
      <c r="J13556" s="18"/>
      <c r="K13556" s="18"/>
      <c r="L13556" s="18"/>
      <c r="M13556" s="18"/>
      <c r="N13556" s="18"/>
      <c r="O13556" s="18"/>
      <c r="P13556" s="19">
        <v>240</v>
      </c>
      <c r="Q13556" s="19"/>
      <c r="R13556" s="19"/>
      <c r="S13556" s="19"/>
      <c r="T13556" s="19">
        <v>145</v>
      </c>
      <c r="U13556" s="19"/>
      <c r="V13556" s="19"/>
      <c r="W13556" s="19"/>
      <c r="X13556" s="19">
        <v>1</v>
      </c>
      <c r="Y13556" s="19"/>
      <c r="Z13556" s="19"/>
      <c r="AA13556" s="19"/>
    </row>
    <row r="13557" spans="1:27" s="1" customFormat="1" ht="14.1" customHeight="1" outlineLevel="4" x14ac:dyDescent="0.2">
      <c r="A13557" s="17"/>
      <c r="B13557" s="17"/>
      <c r="C13557" s="17"/>
      <c r="D13557" s="18"/>
      <c r="E13557" s="18"/>
      <c r="F13557" s="18"/>
      <c r="G13557" s="18"/>
      <c r="H13557" s="18"/>
      <c r="I13557" s="18"/>
      <c r="J13557" s="18"/>
      <c r="K13557" s="18"/>
      <c r="L13557" s="18"/>
      <c r="M13557" s="18"/>
      <c r="N13557" s="18"/>
      <c r="O13557" s="18"/>
      <c r="P13557" s="19"/>
      <c r="Q13557" s="19"/>
      <c r="R13557" s="19"/>
      <c r="S13557" s="19"/>
      <c r="T13557" s="19"/>
      <c r="U13557" s="19"/>
      <c r="V13557" s="19"/>
      <c r="W13557" s="19"/>
      <c r="X13557" s="19"/>
      <c r="Y13557" s="19"/>
      <c r="Z13557" s="19"/>
      <c r="AA13557" s="19"/>
    </row>
    <row r="13558" spans="1:27" s="1" customFormat="1" ht="14.1" customHeight="1" outlineLevel="4" x14ac:dyDescent="0.2">
      <c r="A13558" s="17">
        <v>14903</v>
      </c>
      <c r="B13558" s="17"/>
      <c r="C13558" s="17"/>
      <c r="D13558" s="18" t="s">
        <v>6720</v>
      </c>
      <c r="E13558" s="18"/>
      <c r="F13558" s="18"/>
      <c r="G13558" s="18"/>
      <c r="H13558" s="18"/>
      <c r="I13558" s="18"/>
      <c r="J13558" s="18"/>
      <c r="K13558" s="18"/>
      <c r="L13558" s="18"/>
      <c r="M13558" s="18"/>
      <c r="N13558" s="18"/>
      <c r="O13558" s="18"/>
      <c r="P13558" s="19">
        <v>240</v>
      </c>
      <c r="Q13558" s="19"/>
      <c r="R13558" s="19"/>
      <c r="S13558" s="19"/>
      <c r="T13558" s="19">
        <v>145</v>
      </c>
      <c r="U13558" s="19"/>
      <c r="V13558" s="19"/>
      <c r="W13558" s="19"/>
      <c r="X13558" s="19">
        <v>1</v>
      </c>
      <c r="Y13558" s="19"/>
      <c r="Z13558" s="19"/>
      <c r="AA13558" s="19"/>
    </row>
    <row r="13559" spans="1:27" s="1" customFormat="1" ht="14.1" customHeight="1" outlineLevel="4" x14ac:dyDescent="0.2">
      <c r="A13559" s="17"/>
      <c r="B13559" s="17"/>
      <c r="C13559" s="17"/>
      <c r="D13559" s="18"/>
      <c r="E13559" s="18"/>
      <c r="F13559" s="18"/>
      <c r="G13559" s="18"/>
      <c r="H13559" s="18"/>
      <c r="I13559" s="18"/>
      <c r="J13559" s="18"/>
      <c r="K13559" s="18"/>
      <c r="L13559" s="18"/>
      <c r="M13559" s="18"/>
      <c r="N13559" s="18"/>
      <c r="O13559" s="18"/>
      <c r="P13559" s="19"/>
      <c r="Q13559" s="19"/>
      <c r="R13559" s="19"/>
      <c r="S13559" s="19"/>
      <c r="T13559" s="19"/>
      <c r="U13559" s="19"/>
      <c r="V13559" s="19"/>
      <c r="W13559" s="19"/>
      <c r="X13559" s="19"/>
      <c r="Y13559" s="19"/>
      <c r="Z13559" s="19"/>
      <c r="AA13559" s="19"/>
    </row>
    <row r="13560" spans="1:27" s="1" customFormat="1" ht="14.1" customHeight="1" outlineLevel="4" x14ac:dyDescent="0.2">
      <c r="A13560" s="17">
        <v>14902</v>
      </c>
      <c r="B13560" s="17"/>
      <c r="C13560" s="17"/>
      <c r="D13560" s="18" t="s">
        <v>6721</v>
      </c>
      <c r="E13560" s="18"/>
      <c r="F13560" s="18"/>
      <c r="G13560" s="18"/>
      <c r="H13560" s="18"/>
      <c r="I13560" s="18"/>
      <c r="J13560" s="18"/>
      <c r="K13560" s="18"/>
      <c r="L13560" s="18"/>
      <c r="M13560" s="18"/>
      <c r="N13560" s="18"/>
      <c r="O13560" s="18"/>
      <c r="P13560" s="19">
        <v>240</v>
      </c>
      <c r="Q13560" s="19"/>
      <c r="R13560" s="19"/>
      <c r="S13560" s="19"/>
      <c r="T13560" s="19">
        <v>145</v>
      </c>
      <c r="U13560" s="19"/>
      <c r="V13560" s="19"/>
      <c r="W13560" s="19"/>
      <c r="X13560" s="19">
        <v>1</v>
      </c>
      <c r="Y13560" s="19"/>
      <c r="Z13560" s="19"/>
      <c r="AA13560" s="19"/>
    </row>
    <row r="13561" spans="1:27" s="1" customFormat="1" ht="14.1" customHeight="1" outlineLevel="4" x14ac:dyDescent="0.2">
      <c r="A13561" s="17"/>
      <c r="B13561" s="17"/>
      <c r="C13561" s="17"/>
      <c r="D13561" s="18"/>
      <c r="E13561" s="18"/>
      <c r="F13561" s="18"/>
      <c r="G13561" s="18"/>
      <c r="H13561" s="18"/>
      <c r="I13561" s="18"/>
      <c r="J13561" s="18"/>
      <c r="K13561" s="18"/>
      <c r="L13561" s="18"/>
      <c r="M13561" s="18"/>
      <c r="N13561" s="18"/>
      <c r="O13561" s="18"/>
      <c r="P13561" s="19"/>
      <c r="Q13561" s="19"/>
      <c r="R13561" s="19"/>
      <c r="S13561" s="19"/>
      <c r="T13561" s="19"/>
      <c r="U13561" s="19"/>
      <c r="V13561" s="19"/>
      <c r="W13561" s="19"/>
      <c r="X13561" s="19"/>
      <c r="Y13561" s="19"/>
      <c r="Z13561" s="19"/>
      <c r="AA13561" s="19"/>
    </row>
    <row r="13562" spans="1:27" s="1" customFormat="1" ht="14.1" customHeight="1" outlineLevel="4" x14ac:dyDescent="0.2">
      <c r="A13562" s="17">
        <v>14907</v>
      </c>
      <c r="B13562" s="17"/>
      <c r="C13562" s="17"/>
      <c r="D13562" s="18" t="s">
        <v>6722</v>
      </c>
      <c r="E13562" s="18"/>
      <c r="F13562" s="18"/>
      <c r="G13562" s="18"/>
      <c r="H13562" s="18"/>
      <c r="I13562" s="18"/>
      <c r="J13562" s="18"/>
      <c r="K13562" s="18"/>
      <c r="L13562" s="18"/>
      <c r="M13562" s="18"/>
      <c r="N13562" s="18"/>
      <c r="O13562" s="18"/>
      <c r="P13562" s="19">
        <v>240</v>
      </c>
      <c r="Q13562" s="19"/>
      <c r="R13562" s="19"/>
      <c r="S13562" s="19"/>
      <c r="T13562" s="19">
        <v>145</v>
      </c>
      <c r="U13562" s="19"/>
      <c r="V13562" s="19"/>
      <c r="W13562" s="19"/>
      <c r="X13562" s="19">
        <v>1</v>
      </c>
      <c r="Y13562" s="19"/>
      <c r="Z13562" s="19"/>
      <c r="AA13562" s="19"/>
    </row>
    <row r="13563" spans="1:27" s="1" customFormat="1" ht="14.1" customHeight="1" outlineLevel="4" x14ac:dyDescent="0.2">
      <c r="A13563" s="17"/>
      <c r="B13563" s="17"/>
      <c r="C13563" s="17"/>
      <c r="D13563" s="18"/>
      <c r="E13563" s="18"/>
      <c r="F13563" s="18"/>
      <c r="G13563" s="18"/>
      <c r="H13563" s="18"/>
      <c r="I13563" s="18"/>
      <c r="J13563" s="18"/>
      <c r="K13563" s="18"/>
      <c r="L13563" s="18"/>
      <c r="M13563" s="18"/>
      <c r="N13563" s="18"/>
      <c r="O13563" s="18"/>
      <c r="P13563" s="19"/>
      <c r="Q13563" s="19"/>
      <c r="R13563" s="19"/>
      <c r="S13563" s="19"/>
      <c r="T13563" s="19"/>
      <c r="U13563" s="19"/>
      <c r="V13563" s="19"/>
      <c r="W13563" s="19"/>
      <c r="X13563" s="19"/>
      <c r="Y13563" s="19"/>
      <c r="Z13563" s="19"/>
      <c r="AA13563" s="19"/>
    </row>
    <row r="13564" spans="1:27" s="1" customFormat="1" ht="14.1" customHeight="1" outlineLevel="4" x14ac:dyDescent="0.2">
      <c r="A13564" s="17">
        <v>14908</v>
      </c>
      <c r="B13564" s="17"/>
      <c r="C13564" s="17"/>
      <c r="D13564" s="18" t="s">
        <v>6723</v>
      </c>
      <c r="E13564" s="18"/>
      <c r="F13564" s="18"/>
      <c r="G13564" s="18"/>
      <c r="H13564" s="18"/>
      <c r="I13564" s="18"/>
      <c r="J13564" s="18"/>
      <c r="K13564" s="18"/>
      <c r="L13564" s="18"/>
      <c r="M13564" s="18"/>
      <c r="N13564" s="18"/>
      <c r="O13564" s="18"/>
      <c r="P13564" s="19">
        <v>240</v>
      </c>
      <c r="Q13564" s="19"/>
      <c r="R13564" s="19"/>
      <c r="S13564" s="19"/>
      <c r="T13564" s="19">
        <v>145</v>
      </c>
      <c r="U13564" s="19"/>
      <c r="V13564" s="19"/>
      <c r="W13564" s="19"/>
      <c r="X13564" s="19">
        <v>1</v>
      </c>
      <c r="Y13564" s="19"/>
      <c r="Z13564" s="19"/>
      <c r="AA13564" s="19"/>
    </row>
    <row r="13565" spans="1:27" s="1" customFormat="1" ht="14.1" customHeight="1" outlineLevel="4" x14ac:dyDescent="0.2">
      <c r="A13565" s="17"/>
      <c r="B13565" s="17"/>
      <c r="C13565" s="17"/>
      <c r="D13565" s="18"/>
      <c r="E13565" s="18"/>
      <c r="F13565" s="18"/>
      <c r="G13565" s="18"/>
      <c r="H13565" s="18"/>
      <c r="I13565" s="18"/>
      <c r="J13565" s="18"/>
      <c r="K13565" s="18"/>
      <c r="L13565" s="18"/>
      <c r="M13565" s="18"/>
      <c r="N13565" s="18"/>
      <c r="O13565" s="18"/>
      <c r="P13565" s="19"/>
      <c r="Q13565" s="19"/>
      <c r="R13565" s="19"/>
      <c r="S13565" s="19"/>
      <c r="T13565" s="19"/>
      <c r="U13565" s="19"/>
      <c r="V13565" s="19"/>
      <c r="W13565" s="19"/>
      <c r="X13565" s="19"/>
      <c r="Y13565" s="19"/>
      <c r="Z13565" s="19"/>
      <c r="AA13565" s="19"/>
    </row>
    <row r="13566" spans="1:27" s="1" customFormat="1" ht="14.1" customHeight="1" outlineLevel="4" x14ac:dyDescent="0.2">
      <c r="A13566" s="17">
        <v>14905</v>
      </c>
      <c r="B13566" s="17"/>
      <c r="C13566" s="17"/>
      <c r="D13566" s="18" t="s">
        <v>6724</v>
      </c>
      <c r="E13566" s="18"/>
      <c r="F13566" s="18"/>
      <c r="G13566" s="18"/>
      <c r="H13566" s="18"/>
      <c r="I13566" s="18"/>
      <c r="J13566" s="18"/>
      <c r="K13566" s="18"/>
      <c r="L13566" s="18"/>
      <c r="M13566" s="18"/>
      <c r="N13566" s="18"/>
      <c r="O13566" s="18"/>
      <c r="P13566" s="19">
        <v>240</v>
      </c>
      <c r="Q13566" s="19"/>
      <c r="R13566" s="19"/>
      <c r="S13566" s="19"/>
      <c r="T13566" s="19">
        <v>145</v>
      </c>
      <c r="U13566" s="19"/>
      <c r="V13566" s="19"/>
      <c r="W13566" s="19"/>
      <c r="X13566" s="19">
        <v>1</v>
      </c>
      <c r="Y13566" s="19"/>
      <c r="Z13566" s="19"/>
      <c r="AA13566" s="19"/>
    </row>
    <row r="13567" spans="1:27" s="1" customFormat="1" ht="14.1" customHeight="1" outlineLevel="4" x14ac:dyDescent="0.2">
      <c r="A13567" s="17"/>
      <c r="B13567" s="17"/>
      <c r="C13567" s="17"/>
      <c r="D13567" s="18"/>
      <c r="E13567" s="18"/>
      <c r="F13567" s="18"/>
      <c r="G13567" s="18"/>
      <c r="H13567" s="18"/>
      <c r="I13567" s="18"/>
      <c r="J13567" s="18"/>
      <c r="K13567" s="18"/>
      <c r="L13567" s="18"/>
      <c r="M13567" s="18"/>
      <c r="N13567" s="18"/>
      <c r="O13567" s="18"/>
      <c r="P13567" s="19"/>
      <c r="Q13567" s="19"/>
      <c r="R13567" s="19"/>
      <c r="S13567" s="19"/>
      <c r="T13567" s="19"/>
      <c r="U13567" s="19"/>
      <c r="V13567" s="19"/>
      <c r="W13567" s="19"/>
      <c r="X13567" s="19"/>
      <c r="Y13567" s="19"/>
      <c r="Z13567" s="19"/>
      <c r="AA13567" s="19"/>
    </row>
    <row r="13568" spans="1:27" s="1" customFormat="1" ht="14.1" customHeight="1" outlineLevel="4" x14ac:dyDescent="0.2">
      <c r="A13568" s="17">
        <v>14904</v>
      </c>
      <c r="B13568" s="17"/>
      <c r="C13568" s="17"/>
      <c r="D13568" s="18" t="s">
        <v>6725</v>
      </c>
      <c r="E13568" s="18"/>
      <c r="F13568" s="18"/>
      <c r="G13568" s="18"/>
      <c r="H13568" s="18"/>
      <c r="I13568" s="18"/>
      <c r="J13568" s="18"/>
      <c r="K13568" s="18"/>
      <c r="L13568" s="18"/>
      <c r="M13568" s="18"/>
      <c r="N13568" s="18"/>
      <c r="O13568" s="18"/>
      <c r="P13568" s="19">
        <v>240</v>
      </c>
      <c r="Q13568" s="19"/>
      <c r="R13568" s="19"/>
      <c r="S13568" s="19"/>
      <c r="T13568" s="19">
        <v>145</v>
      </c>
      <c r="U13568" s="19"/>
      <c r="V13568" s="19"/>
      <c r="W13568" s="19"/>
      <c r="X13568" s="19">
        <v>1</v>
      </c>
      <c r="Y13568" s="19"/>
      <c r="Z13568" s="19"/>
      <c r="AA13568" s="19"/>
    </row>
    <row r="13569" spans="1:27" s="1" customFormat="1" ht="14.1" customHeight="1" outlineLevel="4" x14ac:dyDescent="0.2">
      <c r="A13569" s="17"/>
      <c r="B13569" s="17"/>
      <c r="C13569" s="17"/>
      <c r="D13569" s="18"/>
      <c r="E13569" s="18"/>
      <c r="F13569" s="18"/>
      <c r="G13569" s="18"/>
      <c r="H13569" s="18"/>
      <c r="I13569" s="18"/>
      <c r="J13569" s="18"/>
      <c r="K13569" s="18"/>
      <c r="L13569" s="18"/>
      <c r="M13569" s="18"/>
      <c r="N13569" s="18"/>
      <c r="O13569" s="18"/>
      <c r="P13569" s="19"/>
      <c r="Q13569" s="19"/>
      <c r="R13569" s="19"/>
      <c r="S13569" s="19"/>
      <c r="T13569" s="19"/>
      <c r="U13569" s="19"/>
      <c r="V13569" s="19"/>
      <c r="W13569" s="19"/>
      <c r="X13569" s="19"/>
      <c r="Y13569" s="19"/>
      <c r="Z13569" s="19"/>
      <c r="AA13569" s="19"/>
    </row>
    <row r="13570" spans="1:27" s="1" customFormat="1" ht="14.1" customHeight="1" outlineLevel="4" x14ac:dyDescent="0.2">
      <c r="A13570" s="17">
        <v>14901</v>
      </c>
      <c r="B13570" s="17"/>
      <c r="C13570" s="17"/>
      <c r="D13570" s="18" t="s">
        <v>6726</v>
      </c>
      <c r="E13570" s="18"/>
      <c r="F13570" s="18"/>
      <c r="G13570" s="18"/>
      <c r="H13570" s="18"/>
      <c r="I13570" s="18"/>
      <c r="J13570" s="18"/>
      <c r="K13570" s="18"/>
      <c r="L13570" s="18"/>
      <c r="M13570" s="18"/>
      <c r="N13570" s="18"/>
      <c r="O13570" s="18"/>
      <c r="P13570" s="19">
        <v>240</v>
      </c>
      <c r="Q13570" s="19"/>
      <c r="R13570" s="19"/>
      <c r="S13570" s="19"/>
      <c r="T13570" s="19">
        <v>145</v>
      </c>
      <c r="U13570" s="19"/>
      <c r="V13570" s="19"/>
      <c r="W13570" s="19"/>
      <c r="X13570" s="19">
        <v>1</v>
      </c>
      <c r="Y13570" s="19"/>
      <c r="Z13570" s="19"/>
      <c r="AA13570" s="19"/>
    </row>
    <row r="13571" spans="1:27" s="1" customFormat="1" ht="14.1" customHeight="1" outlineLevel="4" x14ac:dyDescent="0.2">
      <c r="A13571" s="17"/>
      <c r="B13571" s="17"/>
      <c r="C13571" s="17"/>
      <c r="D13571" s="18"/>
      <c r="E13571" s="18"/>
      <c r="F13571" s="18"/>
      <c r="G13571" s="18"/>
      <c r="H13571" s="18"/>
      <c r="I13571" s="18"/>
      <c r="J13571" s="18"/>
      <c r="K13571" s="18"/>
      <c r="L13571" s="18"/>
      <c r="M13571" s="18"/>
      <c r="N13571" s="18"/>
      <c r="O13571" s="18"/>
      <c r="P13571" s="19"/>
      <c r="Q13571" s="19"/>
      <c r="R13571" s="19"/>
      <c r="S13571" s="19"/>
      <c r="T13571" s="19"/>
      <c r="U13571" s="19"/>
      <c r="V13571" s="19"/>
      <c r="W13571" s="19"/>
      <c r="X13571" s="19"/>
      <c r="Y13571" s="19"/>
      <c r="Z13571" s="19"/>
      <c r="AA13571" s="19"/>
    </row>
    <row r="13572" spans="1:27" s="1" customFormat="1" ht="14.1" customHeight="1" outlineLevel="4" x14ac:dyDescent="0.2">
      <c r="A13572" s="17">
        <v>11210</v>
      </c>
      <c r="B13572" s="17"/>
      <c r="C13572" s="17"/>
      <c r="D13572" s="18" t="s">
        <v>6727</v>
      </c>
      <c r="E13572" s="18"/>
      <c r="F13572" s="18"/>
      <c r="G13572" s="18"/>
      <c r="H13572" s="18"/>
      <c r="I13572" s="18"/>
      <c r="J13572" s="18"/>
      <c r="K13572" s="18"/>
      <c r="L13572" s="18"/>
      <c r="M13572" s="18"/>
      <c r="N13572" s="18"/>
      <c r="O13572" s="18"/>
      <c r="P13572" s="19">
        <v>240</v>
      </c>
      <c r="Q13572" s="19"/>
      <c r="R13572" s="19"/>
      <c r="S13572" s="19"/>
      <c r="T13572" s="19">
        <v>145</v>
      </c>
      <c r="U13572" s="19"/>
      <c r="V13572" s="19"/>
      <c r="W13572" s="19"/>
      <c r="X13572" s="19">
        <v>1</v>
      </c>
      <c r="Y13572" s="19"/>
      <c r="Z13572" s="19"/>
      <c r="AA13572" s="19"/>
    </row>
    <row r="13573" spans="1:27" s="1" customFormat="1" ht="14.1" customHeight="1" outlineLevel="4" x14ac:dyDescent="0.2">
      <c r="A13573" s="17"/>
      <c r="B13573" s="17"/>
      <c r="C13573" s="17"/>
      <c r="D13573" s="18"/>
      <c r="E13573" s="18"/>
      <c r="F13573" s="18"/>
      <c r="G13573" s="18"/>
      <c r="H13573" s="18"/>
      <c r="I13573" s="18"/>
      <c r="J13573" s="18"/>
      <c r="K13573" s="18"/>
      <c r="L13573" s="18"/>
      <c r="M13573" s="18"/>
      <c r="N13573" s="18"/>
      <c r="O13573" s="18"/>
      <c r="P13573" s="19"/>
      <c r="Q13573" s="19"/>
      <c r="R13573" s="19"/>
      <c r="S13573" s="19"/>
      <c r="T13573" s="19"/>
      <c r="U13573" s="19"/>
      <c r="V13573" s="19"/>
      <c r="W13573" s="19"/>
      <c r="X13573" s="19"/>
      <c r="Y13573" s="19"/>
      <c r="Z13573" s="19"/>
      <c r="AA13573" s="19"/>
    </row>
    <row r="13574" spans="1:27" s="1" customFormat="1" ht="11.1" customHeight="1" outlineLevel="4" x14ac:dyDescent="0.2">
      <c r="A13574" s="17">
        <v>11208</v>
      </c>
      <c r="B13574" s="17"/>
      <c r="C13574" s="17"/>
      <c r="D13574" s="18" t="s">
        <v>6728</v>
      </c>
      <c r="E13574" s="18"/>
      <c r="F13574" s="18"/>
      <c r="G13574" s="18"/>
      <c r="H13574" s="18"/>
      <c r="I13574" s="18"/>
      <c r="J13574" s="18"/>
      <c r="K13574" s="18"/>
      <c r="L13574" s="18"/>
      <c r="M13574" s="18"/>
      <c r="N13574" s="18"/>
      <c r="O13574" s="18"/>
      <c r="P13574" s="19">
        <v>240</v>
      </c>
      <c r="Q13574" s="19"/>
      <c r="R13574" s="19"/>
      <c r="S13574" s="19"/>
      <c r="T13574" s="19">
        <v>145</v>
      </c>
      <c r="U13574" s="19"/>
      <c r="V13574" s="19"/>
      <c r="W13574" s="19"/>
      <c r="X13574" s="19">
        <v>1</v>
      </c>
      <c r="Y13574" s="19"/>
      <c r="Z13574" s="19"/>
      <c r="AA13574" s="19"/>
    </row>
    <row r="13575" spans="1:27" s="1" customFormat="1" ht="11.1" customHeight="1" outlineLevel="4" x14ac:dyDescent="0.2">
      <c r="A13575" s="17"/>
      <c r="B13575" s="17"/>
      <c r="C13575" s="17"/>
      <c r="D13575" s="18"/>
      <c r="E13575" s="18"/>
      <c r="F13575" s="18"/>
      <c r="G13575" s="18"/>
      <c r="H13575" s="18"/>
      <c r="I13575" s="18"/>
      <c r="J13575" s="18"/>
      <c r="K13575" s="18"/>
      <c r="L13575" s="18"/>
      <c r="M13575" s="18"/>
      <c r="N13575" s="18"/>
      <c r="O13575" s="18"/>
      <c r="P13575" s="19"/>
      <c r="Q13575" s="19"/>
      <c r="R13575" s="19"/>
      <c r="S13575" s="19"/>
      <c r="T13575" s="19"/>
      <c r="U13575" s="19"/>
      <c r="V13575" s="19"/>
      <c r="W13575" s="19"/>
      <c r="X13575" s="19"/>
      <c r="Y13575" s="19"/>
      <c r="Z13575" s="19"/>
      <c r="AA13575" s="19"/>
    </row>
    <row r="13576" spans="1:27" s="1" customFormat="1" ht="14.1" customHeight="1" outlineLevel="4" x14ac:dyDescent="0.2">
      <c r="A13576" s="17">
        <v>11209</v>
      </c>
      <c r="B13576" s="17"/>
      <c r="C13576" s="17"/>
      <c r="D13576" s="18" t="s">
        <v>6729</v>
      </c>
      <c r="E13576" s="18"/>
      <c r="F13576" s="18"/>
      <c r="G13576" s="18"/>
      <c r="H13576" s="18"/>
      <c r="I13576" s="18"/>
      <c r="J13576" s="18"/>
      <c r="K13576" s="18"/>
      <c r="L13576" s="18"/>
      <c r="M13576" s="18"/>
      <c r="N13576" s="18"/>
      <c r="O13576" s="18"/>
      <c r="P13576" s="19">
        <v>240</v>
      </c>
      <c r="Q13576" s="19"/>
      <c r="R13576" s="19"/>
      <c r="S13576" s="19"/>
      <c r="T13576" s="19">
        <v>145</v>
      </c>
      <c r="U13576" s="19"/>
      <c r="V13576" s="19"/>
      <c r="W13576" s="19"/>
      <c r="X13576" s="19">
        <v>1</v>
      </c>
      <c r="Y13576" s="19"/>
      <c r="Z13576" s="19"/>
      <c r="AA13576" s="19"/>
    </row>
    <row r="13577" spans="1:27" s="1" customFormat="1" ht="14.1" customHeight="1" outlineLevel="4" x14ac:dyDescent="0.2">
      <c r="A13577" s="17"/>
      <c r="B13577" s="17"/>
      <c r="C13577" s="17"/>
      <c r="D13577" s="18"/>
      <c r="E13577" s="18"/>
      <c r="F13577" s="18"/>
      <c r="G13577" s="18"/>
      <c r="H13577" s="18"/>
      <c r="I13577" s="18"/>
      <c r="J13577" s="18"/>
      <c r="K13577" s="18"/>
      <c r="L13577" s="18"/>
      <c r="M13577" s="18"/>
      <c r="N13577" s="18"/>
      <c r="O13577" s="18"/>
      <c r="P13577" s="19"/>
      <c r="Q13577" s="19"/>
      <c r="R13577" s="19"/>
      <c r="S13577" s="19"/>
      <c r="T13577" s="19"/>
      <c r="U13577" s="19"/>
      <c r="V13577" s="19"/>
      <c r="W13577" s="19"/>
      <c r="X13577" s="19"/>
      <c r="Y13577" s="19"/>
      <c r="Z13577" s="19"/>
      <c r="AA13577" s="19"/>
    </row>
    <row r="13578" spans="1:27" s="1" customFormat="1" ht="14.1" customHeight="1" outlineLevel="4" x14ac:dyDescent="0.2">
      <c r="A13578" s="17">
        <v>11212</v>
      </c>
      <c r="B13578" s="17"/>
      <c r="C13578" s="17"/>
      <c r="D13578" s="18" t="s">
        <v>6730</v>
      </c>
      <c r="E13578" s="18"/>
      <c r="F13578" s="18"/>
      <c r="G13578" s="18"/>
      <c r="H13578" s="18"/>
      <c r="I13578" s="18"/>
      <c r="J13578" s="18"/>
      <c r="K13578" s="18"/>
      <c r="L13578" s="18"/>
      <c r="M13578" s="18"/>
      <c r="N13578" s="18"/>
      <c r="O13578" s="18"/>
      <c r="P13578" s="19">
        <v>240</v>
      </c>
      <c r="Q13578" s="19"/>
      <c r="R13578" s="19"/>
      <c r="S13578" s="19"/>
      <c r="T13578" s="19">
        <v>145</v>
      </c>
      <c r="U13578" s="19"/>
      <c r="V13578" s="19"/>
      <c r="W13578" s="19"/>
      <c r="X13578" s="19">
        <v>1</v>
      </c>
      <c r="Y13578" s="19"/>
      <c r="Z13578" s="19"/>
      <c r="AA13578" s="19"/>
    </row>
    <row r="13579" spans="1:27" s="1" customFormat="1" ht="14.1" customHeight="1" outlineLevel="4" x14ac:dyDescent="0.2">
      <c r="A13579" s="17"/>
      <c r="B13579" s="17"/>
      <c r="C13579" s="17"/>
      <c r="D13579" s="18"/>
      <c r="E13579" s="18"/>
      <c r="F13579" s="18"/>
      <c r="G13579" s="18"/>
      <c r="H13579" s="18"/>
      <c r="I13579" s="18"/>
      <c r="J13579" s="18"/>
      <c r="K13579" s="18"/>
      <c r="L13579" s="18"/>
      <c r="M13579" s="18"/>
      <c r="N13579" s="18"/>
      <c r="O13579" s="18"/>
      <c r="P13579" s="19"/>
      <c r="Q13579" s="19"/>
      <c r="R13579" s="19"/>
      <c r="S13579" s="19"/>
      <c r="T13579" s="19"/>
      <c r="U13579" s="19"/>
      <c r="V13579" s="19"/>
      <c r="W13579" s="19"/>
      <c r="X13579" s="19"/>
      <c r="Y13579" s="19"/>
      <c r="Z13579" s="19"/>
      <c r="AA13579" s="19"/>
    </row>
    <row r="13580" spans="1:27" s="1" customFormat="1" ht="14.1" customHeight="1" outlineLevel="4" x14ac:dyDescent="0.2">
      <c r="A13580" s="17">
        <v>11211</v>
      </c>
      <c r="B13580" s="17"/>
      <c r="C13580" s="17"/>
      <c r="D13580" s="18" t="s">
        <v>6731</v>
      </c>
      <c r="E13580" s="18"/>
      <c r="F13580" s="18"/>
      <c r="G13580" s="18"/>
      <c r="H13580" s="18"/>
      <c r="I13580" s="18"/>
      <c r="J13580" s="18"/>
      <c r="K13580" s="18"/>
      <c r="L13580" s="18"/>
      <c r="M13580" s="18"/>
      <c r="N13580" s="18"/>
      <c r="O13580" s="18"/>
      <c r="P13580" s="19">
        <v>240</v>
      </c>
      <c r="Q13580" s="19"/>
      <c r="R13580" s="19"/>
      <c r="S13580" s="19"/>
      <c r="T13580" s="19">
        <v>145</v>
      </c>
      <c r="U13580" s="19"/>
      <c r="V13580" s="19"/>
      <c r="W13580" s="19"/>
      <c r="X13580" s="19">
        <v>1</v>
      </c>
      <c r="Y13580" s="19"/>
      <c r="Z13580" s="19"/>
      <c r="AA13580" s="19"/>
    </row>
    <row r="13581" spans="1:27" s="1" customFormat="1" ht="14.1" customHeight="1" outlineLevel="4" x14ac:dyDescent="0.2">
      <c r="A13581" s="17"/>
      <c r="B13581" s="17"/>
      <c r="C13581" s="17"/>
      <c r="D13581" s="18"/>
      <c r="E13581" s="18"/>
      <c r="F13581" s="18"/>
      <c r="G13581" s="18"/>
      <c r="H13581" s="18"/>
      <c r="I13581" s="18"/>
      <c r="J13581" s="18"/>
      <c r="K13581" s="18"/>
      <c r="L13581" s="18"/>
      <c r="M13581" s="18"/>
      <c r="N13581" s="18"/>
      <c r="O13581" s="18"/>
      <c r="P13581" s="19"/>
      <c r="Q13581" s="19"/>
      <c r="R13581" s="19"/>
      <c r="S13581" s="19"/>
      <c r="T13581" s="19"/>
      <c r="U13581" s="19"/>
      <c r="V13581" s="19"/>
      <c r="W13581" s="19"/>
      <c r="X13581" s="19"/>
      <c r="Y13581" s="19"/>
      <c r="Z13581" s="19"/>
      <c r="AA13581" s="19"/>
    </row>
    <row r="13582" spans="1:27" s="1" customFormat="1" ht="14.1" customHeight="1" outlineLevel="4" x14ac:dyDescent="0.2">
      <c r="A13582" s="17">
        <v>10581</v>
      </c>
      <c r="B13582" s="17"/>
      <c r="C13582" s="17"/>
      <c r="D13582" s="18" t="s">
        <v>6732</v>
      </c>
      <c r="E13582" s="18"/>
      <c r="F13582" s="18"/>
      <c r="G13582" s="18"/>
      <c r="H13582" s="18"/>
      <c r="I13582" s="18"/>
      <c r="J13582" s="18"/>
      <c r="K13582" s="18"/>
      <c r="L13582" s="18"/>
      <c r="M13582" s="18"/>
      <c r="N13582" s="18"/>
      <c r="O13582" s="18"/>
      <c r="P13582" s="19">
        <v>240</v>
      </c>
      <c r="Q13582" s="19"/>
      <c r="R13582" s="19"/>
      <c r="S13582" s="19"/>
      <c r="T13582" s="19">
        <v>145</v>
      </c>
      <c r="U13582" s="19"/>
      <c r="V13582" s="19"/>
      <c r="W13582" s="19"/>
      <c r="X13582" s="19">
        <v>1</v>
      </c>
      <c r="Y13582" s="19"/>
      <c r="Z13582" s="19"/>
      <c r="AA13582" s="19"/>
    </row>
    <row r="13583" spans="1:27" s="1" customFormat="1" ht="14.1" customHeight="1" outlineLevel="4" x14ac:dyDescent="0.2">
      <c r="A13583" s="17"/>
      <c r="B13583" s="17"/>
      <c r="C13583" s="17"/>
      <c r="D13583" s="18"/>
      <c r="E13583" s="18"/>
      <c r="F13583" s="18"/>
      <c r="G13583" s="18"/>
      <c r="H13583" s="18"/>
      <c r="I13583" s="18"/>
      <c r="J13583" s="18"/>
      <c r="K13583" s="18"/>
      <c r="L13583" s="18"/>
      <c r="M13583" s="18"/>
      <c r="N13583" s="18"/>
      <c r="O13583" s="18"/>
      <c r="P13583" s="19"/>
      <c r="Q13583" s="19"/>
      <c r="R13583" s="19"/>
      <c r="S13583" s="19"/>
      <c r="T13583" s="19"/>
      <c r="U13583" s="19"/>
      <c r="V13583" s="19"/>
      <c r="W13583" s="19"/>
      <c r="X13583" s="19"/>
      <c r="Y13583" s="19"/>
      <c r="Z13583" s="19"/>
      <c r="AA13583" s="19"/>
    </row>
    <row r="13584" spans="1:27" s="1" customFormat="1" ht="14.1" customHeight="1" outlineLevel="4" x14ac:dyDescent="0.2">
      <c r="A13584" s="17">
        <v>10583</v>
      </c>
      <c r="B13584" s="17"/>
      <c r="C13584" s="17"/>
      <c r="D13584" s="18" t="s">
        <v>6733</v>
      </c>
      <c r="E13584" s="18"/>
      <c r="F13584" s="18"/>
      <c r="G13584" s="18"/>
      <c r="H13584" s="18"/>
      <c r="I13584" s="18"/>
      <c r="J13584" s="18"/>
      <c r="K13584" s="18"/>
      <c r="L13584" s="18"/>
      <c r="M13584" s="18"/>
      <c r="N13584" s="18"/>
      <c r="O13584" s="18"/>
      <c r="P13584" s="19">
        <v>240</v>
      </c>
      <c r="Q13584" s="19"/>
      <c r="R13584" s="19"/>
      <c r="S13584" s="19"/>
      <c r="T13584" s="19">
        <v>145</v>
      </c>
      <c r="U13584" s="19"/>
      <c r="V13584" s="19"/>
      <c r="W13584" s="19"/>
      <c r="X13584" s="19">
        <v>1</v>
      </c>
      <c r="Y13584" s="19"/>
      <c r="Z13584" s="19"/>
      <c r="AA13584" s="19"/>
    </row>
    <row r="13585" spans="1:27" s="1" customFormat="1" ht="14.1" customHeight="1" outlineLevel="4" x14ac:dyDescent="0.2">
      <c r="A13585" s="17"/>
      <c r="B13585" s="17"/>
      <c r="C13585" s="17"/>
      <c r="D13585" s="18"/>
      <c r="E13585" s="18"/>
      <c r="F13585" s="18"/>
      <c r="G13585" s="18"/>
      <c r="H13585" s="18"/>
      <c r="I13585" s="18"/>
      <c r="J13585" s="18"/>
      <c r="K13585" s="18"/>
      <c r="L13585" s="18"/>
      <c r="M13585" s="18"/>
      <c r="N13585" s="18"/>
      <c r="O13585" s="18"/>
      <c r="P13585" s="19"/>
      <c r="Q13585" s="19"/>
      <c r="R13585" s="19"/>
      <c r="S13585" s="19"/>
      <c r="T13585" s="19"/>
      <c r="U13585" s="19"/>
      <c r="V13585" s="19"/>
      <c r="W13585" s="19"/>
      <c r="X13585" s="19"/>
      <c r="Y13585" s="19"/>
      <c r="Z13585" s="19"/>
      <c r="AA13585" s="19"/>
    </row>
    <row r="13586" spans="1:27" s="1" customFormat="1" ht="11.1" customHeight="1" outlineLevel="4" x14ac:dyDescent="0.2">
      <c r="A13586" s="17">
        <v>16171</v>
      </c>
      <c r="B13586" s="17"/>
      <c r="C13586" s="17"/>
      <c r="D13586" s="18" t="s">
        <v>6734</v>
      </c>
      <c r="E13586" s="18"/>
      <c r="F13586" s="18"/>
      <c r="G13586" s="18"/>
      <c r="H13586" s="18"/>
      <c r="I13586" s="18"/>
      <c r="J13586" s="18"/>
      <c r="K13586" s="18"/>
      <c r="L13586" s="18"/>
      <c r="M13586" s="18"/>
      <c r="N13586" s="18"/>
      <c r="O13586" s="18"/>
      <c r="P13586" s="19">
        <v>240</v>
      </c>
      <c r="Q13586" s="19"/>
      <c r="R13586" s="19"/>
      <c r="S13586" s="19"/>
      <c r="T13586" s="19">
        <v>145</v>
      </c>
      <c r="U13586" s="19"/>
      <c r="V13586" s="19"/>
      <c r="W13586" s="19"/>
      <c r="X13586" s="19">
        <v>1</v>
      </c>
      <c r="Y13586" s="19"/>
      <c r="Z13586" s="19"/>
      <c r="AA13586" s="19"/>
    </row>
    <row r="13587" spans="1:27" s="1" customFormat="1" ht="11.1" customHeight="1" outlineLevel="4" x14ac:dyDescent="0.2">
      <c r="A13587" s="17"/>
      <c r="B13587" s="17"/>
      <c r="C13587" s="17"/>
      <c r="D13587" s="18"/>
      <c r="E13587" s="18"/>
      <c r="F13587" s="18"/>
      <c r="G13587" s="18"/>
      <c r="H13587" s="18"/>
      <c r="I13587" s="18"/>
      <c r="J13587" s="18"/>
      <c r="K13587" s="18"/>
      <c r="L13587" s="18"/>
      <c r="M13587" s="18"/>
      <c r="N13587" s="18"/>
      <c r="O13587" s="18"/>
      <c r="P13587" s="19"/>
      <c r="Q13587" s="19"/>
      <c r="R13587" s="19"/>
      <c r="S13587" s="19"/>
      <c r="T13587" s="19"/>
      <c r="U13587" s="19"/>
      <c r="V13587" s="19"/>
      <c r="W13587" s="19"/>
      <c r="X13587" s="19"/>
      <c r="Y13587" s="19"/>
      <c r="Z13587" s="19"/>
      <c r="AA13587" s="19"/>
    </row>
    <row r="13588" spans="1:27" s="1" customFormat="1" ht="14.1" customHeight="1" outlineLevel="4" x14ac:dyDescent="0.2">
      <c r="A13588" s="17">
        <v>16170</v>
      </c>
      <c r="B13588" s="17"/>
      <c r="C13588" s="17"/>
      <c r="D13588" s="18" t="s">
        <v>6735</v>
      </c>
      <c r="E13588" s="18"/>
      <c r="F13588" s="18"/>
      <c r="G13588" s="18"/>
      <c r="H13588" s="18"/>
      <c r="I13588" s="18"/>
      <c r="J13588" s="18"/>
      <c r="K13588" s="18"/>
      <c r="L13588" s="18"/>
      <c r="M13588" s="18"/>
      <c r="N13588" s="18"/>
      <c r="O13588" s="18"/>
      <c r="P13588" s="19">
        <v>240</v>
      </c>
      <c r="Q13588" s="19"/>
      <c r="R13588" s="19"/>
      <c r="S13588" s="19"/>
      <c r="T13588" s="19">
        <v>145</v>
      </c>
      <c r="U13588" s="19"/>
      <c r="V13588" s="19"/>
      <c r="W13588" s="19"/>
      <c r="X13588" s="19">
        <v>1</v>
      </c>
      <c r="Y13588" s="19"/>
      <c r="Z13588" s="19"/>
      <c r="AA13588" s="19"/>
    </row>
    <row r="13589" spans="1:27" s="1" customFormat="1" ht="14.1" customHeight="1" outlineLevel="4" x14ac:dyDescent="0.2">
      <c r="A13589" s="17"/>
      <c r="B13589" s="17"/>
      <c r="C13589" s="17"/>
      <c r="D13589" s="18"/>
      <c r="E13589" s="18"/>
      <c r="F13589" s="18"/>
      <c r="G13589" s="18"/>
      <c r="H13589" s="18"/>
      <c r="I13589" s="18"/>
      <c r="J13589" s="18"/>
      <c r="K13589" s="18"/>
      <c r="L13589" s="18"/>
      <c r="M13589" s="18"/>
      <c r="N13589" s="18"/>
      <c r="O13589" s="18"/>
      <c r="P13589" s="19"/>
      <c r="Q13589" s="19"/>
      <c r="R13589" s="19"/>
      <c r="S13589" s="19"/>
      <c r="T13589" s="19"/>
      <c r="U13589" s="19"/>
      <c r="V13589" s="19"/>
      <c r="W13589" s="19"/>
      <c r="X13589" s="19"/>
      <c r="Y13589" s="19"/>
      <c r="Z13589" s="19"/>
      <c r="AA13589" s="19"/>
    </row>
    <row r="13590" spans="1:27" s="1" customFormat="1" ht="14.1" customHeight="1" outlineLevel="4" x14ac:dyDescent="0.2">
      <c r="A13590" s="17">
        <v>15733</v>
      </c>
      <c r="B13590" s="17"/>
      <c r="C13590" s="17"/>
      <c r="D13590" s="18" t="s">
        <v>6736</v>
      </c>
      <c r="E13590" s="18"/>
      <c r="F13590" s="18"/>
      <c r="G13590" s="18"/>
      <c r="H13590" s="18"/>
      <c r="I13590" s="18"/>
      <c r="J13590" s="18"/>
      <c r="K13590" s="18"/>
      <c r="L13590" s="18"/>
      <c r="M13590" s="18"/>
      <c r="N13590" s="18"/>
      <c r="O13590" s="18"/>
      <c r="P13590" s="19">
        <v>240</v>
      </c>
      <c r="Q13590" s="19"/>
      <c r="R13590" s="19"/>
      <c r="S13590" s="19"/>
      <c r="T13590" s="19">
        <v>140</v>
      </c>
      <c r="U13590" s="19"/>
      <c r="V13590" s="19"/>
      <c r="W13590" s="19"/>
      <c r="X13590" s="19">
        <v>1</v>
      </c>
      <c r="Y13590" s="19"/>
      <c r="Z13590" s="19"/>
      <c r="AA13590" s="19"/>
    </row>
    <row r="13591" spans="1:27" s="1" customFormat="1" ht="14.1" customHeight="1" outlineLevel="4" x14ac:dyDescent="0.2">
      <c r="A13591" s="17"/>
      <c r="B13591" s="17"/>
      <c r="C13591" s="17"/>
      <c r="D13591" s="18"/>
      <c r="E13591" s="18"/>
      <c r="F13591" s="18"/>
      <c r="G13591" s="18"/>
      <c r="H13591" s="18"/>
      <c r="I13591" s="18"/>
      <c r="J13591" s="18"/>
      <c r="K13591" s="18"/>
      <c r="L13591" s="18"/>
      <c r="M13591" s="18"/>
      <c r="N13591" s="18"/>
      <c r="O13591" s="18"/>
      <c r="P13591" s="19"/>
      <c r="Q13591" s="19"/>
      <c r="R13591" s="19"/>
      <c r="S13591" s="19"/>
      <c r="T13591" s="19"/>
      <c r="U13591" s="19"/>
      <c r="V13591" s="19"/>
      <c r="W13591" s="19"/>
      <c r="X13591" s="19"/>
      <c r="Y13591" s="19"/>
      <c r="Z13591" s="19"/>
      <c r="AA13591" s="19"/>
    </row>
    <row r="13592" spans="1:27" s="1" customFormat="1" ht="14.1" customHeight="1" outlineLevel="4" x14ac:dyDescent="0.2">
      <c r="A13592" s="17">
        <v>18017</v>
      </c>
      <c r="B13592" s="17"/>
      <c r="C13592" s="17"/>
      <c r="D13592" s="18" t="s">
        <v>6737</v>
      </c>
      <c r="E13592" s="18"/>
      <c r="F13592" s="18"/>
      <c r="G13592" s="18"/>
      <c r="H13592" s="18"/>
      <c r="I13592" s="18"/>
      <c r="J13592" s="18"/>
      <c r="K13592" s="18"/>
      <c r="L13592" s="18"/>
      <c r="M13592" s="18"/>
      <c r="N13592" s="18"/>
      <c r="O13592" s="18"/>
      <c r="P13592" s="19">
        <v>350</v>
      </c>
      <c r="Q13592" s="19"/>
      <c r="R13592" s="19"/>
      <c r="S13592" s="19"/>
      <c r="T13592" s="19">
        <v>160</v>
      </c>
      <c r="U13592" s="19"/>
      <c r="V13592" s="19"/>
      <c r="W13592" s="19"/>
      <c r="X13592" s="19">
        <v>2</v>
      </c>
      <c r="Y13592" s="19"/>
      <c r="Z13592" s="19"/>
      <c r="AA13592" s="19"/>
    </row>
    <row r="13593" spans="1:27" s="1" customFormat="1" ht="14.1" customHeight="1" outlineLevel="4" x14ac:dyDescent="0.2">
      <c r="A13593" s="17"/>
      <c r="B13593" s="17"/>
      <c r="C13593" s="17"/>
      <c r="D13593" s="18"/>
      <c r="E13593" s="18"/>
      <c r="F13593" s="18"/>
      <c r="G13593" s="18"/>
      <c r="H13593" s="18"/>
      <c r="I13593" s="18"/>
      <c r="J13593" s="18"/>
      <c r="K13593" s="18"/>
      <c r="L13593" s="18"/>
      <c r="M13593" s="18"/>
      <c r="N13593" s="18"/>
      <c r="O13593" s="18"/>
      <c r="P13593" s="19"/>
      <c r="Q13593" s="19"/>
      <c r="R13593" s="19"/>
      <c r="S13593" s="19"/>
      <c r="T13593" s="19"/>
      <c r="U13593" s="19"/>
      <c r="V13593" s="19"/>
      <c r="W13593" s="19"/>
      <c r="X13593" s="19"/>
      <c r="Y13593" s="19"/>
      <c r="Z13593" s="19"/>
      <c r="AA13593" s="19"/>
    </row>
    <row r="13594" spans="1:27" s="1" customFormat="1" ht="14.1" customHeight="1" outlineLevel="4" x14ac:dyDescent="0.2">
      <c r="A13594" s="17">
        <v>18016</v>
      </c>
      <c r="B13594" s="17"/>
      <c r="C13594" s="17"/>
      <c r="D13594" s="18" t="s">
        <v>6738</v>
      </c>
      <c r="E13594" s="18"/>
      <c r="F13594" s="18"/>
      <c r="G13594" s="18"/>
      <c r="H13594" s="18"/>
      <c r="I13594" s="18"/>
      <c r="J13594" s="18"/>
      <c r="K13594" s="18"/>
      <c r="L13594" s="18"/>
      <c r="M13594" s="18"/>
      <c r="N13594" s="18"/>
      <c r="O13594" s="18"/>
      <c r="P13594" s="19">
        <v>350</v>
      </c>
      <c r="Q13594" s="19"/>
      <c r="R13594" s="19"/>
      <c r="S13594" s="19"/>
      <c r="T13594" s="19">
        <v>160</v>
      </c>
      <c r="U13594" s="19"/>
      <c r="V13594" s="19"/>
      <c r="W13594" s="19"/>
      <c r="X13594" s="19">
        <v>1</v>
      </c>
      <c r="Y13594" s="19"/>
      <c r="Z13594" s="19"/>
      <c r="AA13594" s="19"/>
    </row>
    <row r="13595" spans="1:27" s="1" customFormat="1" ht="14.1" customHeight="1" outlineLevel="4" x14ac:dyDescent="0.2">
      <c r="A13595" s="17"/>
      <c r="B13595" s="17"/>
      <c r="C13595" s="17"/>
      <c r="D13595" s="18"/>
      <c r="E13595" s="18"/>
      <c r="F13595" s="18"/>
      <c r="G13595" s="18"/>
      <c r="H13595" s="18"/>
      <c r="I13595" s="18"/>
      <c r="J13595" s="18"/>
      <c r="K13595" s="18"/>
      <c r="L13595" s="18"/>
      <c r="M13595" s="18"/>
      <c r="N13595" s="18"/>
      <c r="O13595" s="18"/>
      <c r="P13595" s="19"/>
      <c r="Q13595" s="19"/>
      <c r="R13595" s="19"/>
      <c r="S13595" s="19"/>
      <c r="T13595" s="19"/>
      <c r="U13595" s="19"/>
      <c r="V13595" s="19"/>
      <c r="W13595" s="19"/>
      <c r="X13595" s="19"/>
      <c r="Y13595" s="19"/>
      <c r="Z13595" s="19"/>
      <c r="AA13595" s="19"/>
    </row>
    <row r="13596" spans="1:27" s="1" customFormat="1" ht="14.1" customHeight="1" outlineLevel="4" x14ac:dyDescent="0.2">
      <c r="A13596" s="17">
        <v>11206</v>
      </c>
      <c r="B13596" s="17"/>
      <c r="C13596" s="17"/>
      <c r="D13596" s="18" t="s">
        <v>6739</v>
      </c>
      <c r="E13596" s="18"/>
      <c r="F13596" s="18"/>
      <c r="G13596" s="18"/>
      <c r="H13596" s="18"/>
      <c r="I13596" s="18"/>
      <c r="J13596" s="18"/>
      <c r="K13596" s="18"/>
      <c r="L13596" s="18"/>
      <c r="M13596" s="18"/>
      <c r="N13596" s="18"/>
      <c r="O13596" s="18"/>
      <c r="P13596" s="19">
        <v>240</v>
      </c>
      <c r="Q13596" s="19"/>
      <c r="R13596" s="19"/>
      <c r="S13596" s="19"/>
      <c r="T13596" s="19">
        <v>145</v>
      </c>
      <c r="U13596" s="19"/>
      <c r="V13596" s="19"/>
      <c r="W13596" s="19"/>
      <c r="X13596" s="19">
        <v>5</v>
      </c>
      <c r="Y13596" s="19"/>
      <c r="Z13596" s="19"/>
      <c r="AA13596" s="19"/>
    </row>
    <row r="13597" spans="1:27" s="1" customFormat="1" ht="14.1" customHeight="1" outlineLevel="4" x14ac:dyDescent="0.2">
      <c r="A13597" s="17"/>
      <c r="B13597" s="17"/>
      <c r="C13597" s="17"/>
      <c r="D13597" s="18"/>
      <c r="E13597" s="18"/>
      <c r="F13597" s="18"/>
      <c r="G13597" s="18"/>
      <c r="H13597" s="18"/>
      <c r="I13597" s="18"/>
      <c r="J13597" s="18"/>
      <c r="K13597" s="18"/>
      <c r="L13597" s="18"/>
      <c r="M13597" s="18"/>
      <c r="N13597" s="18"/>
      <c r="O13597" s="18"/>
      <c r="P13597" s="19"/>
      <c r="Q13597" s="19"/>
      <c r="R13597" s="19"/>
      <c r="S13597" s="19"/>
      <c r="T13597" s="19"/>
      <c r="U13597" s="19"/>
      <c r="V13597" s="19"/>
      <c r="W13597" s="19"/>
      <c r="X13597" s="19"/>
      <c r="Y13597" s="19"/>
      <c r="Z13597" s="19"/>
      <c r="AA13597" s="19"/>
    </row>
    <row r="13598" spans="1:27" s="1" customFormat="1" ht="14.1" customHeight="1" outlineLevel="4" x14ac:dyDescent="0.2">
      <c r="A13598" s="17">
        <v>8208</v>
      </c>
      <c r="B13598" s="17"/>
      <c r="C13598" s="17"/>
      <c r="D13598" s="18" t="s">
        <v>6740</v>
      </c>
      <c r="E13598" s="18"/>
      <c r="F13598" s="18"/>
      <c r="G13598" s="18"/>
      <c r="H13598" s="18"/>
      <c r="I13598" s="18"/>
      <c r="J13598" s="18"/>
      <c r="K13598" s="18"/>
      <c r="L13598" s="18"/>
      <c r="M13598" s="18"/>
      <c r="N13598" s="18"/>
      <c r="O13598" s="18"/>
      <c r="P13598" s="19">
        <v>240</v>
      </c>
      <c r="Q13598" s="19"/>
      <c r="R13598" s="19"/>
      <c r="S13598" s="19"/>
      <c r="T13598" s="19">
        <v>145</v>
      </c>
      <c r="U13598" s="19"/>
      <c r="V13598" s="19"/>
      <c r="W13598" s="19"/>
      <c r="X13598" s="19">
        <v>2</v>
      </c>
      <c r="Y13598" s="19"/>
      <c r="Z13598" s="19"/>
      <c r="AA13598" s="19"/>
    </row>
    <row r="13599" spans="1:27" s="1" customFormat="1" ht="14.1" customHeight="1" outlineLevel="4" x14ac:dyDescent="0.2">
      <c r="A13599" s="17"/>
      <c r="B13599" s="17"/>
      <c r="C13599" s="17"/>
      <c r="D13599" s="18"/>
      <c r="E13599" s="18"/>
      <c r="F13599" s="18"/>
      <c r="G13599" s="18"/>
      <c r="H13599" s="18"/>
      <c r="I13599" s="18"/>
      <c r="J13599" s="18"/>
      <c r="K13599" s="18"/>
      <c r="L13599" s="18"/>
      <c r="M13599" s="18"/>
      <c r="N13599" s="18"/>
      <c r="O13599" s="18"/>
      <c r="P13599" s="19"/>
      <c r="Q13599" s="19"/>
      <c r="R13599" s="19"/>
      <c r="S13599" s="19"/>
      <c r="T13599" s="19"/>
      <c r="U13599" s="19"/>
      <c r="V13599" s="19"/>
      <c r="W13599" s="19"/>
      <c r="X13599" s="19"/>
      <c r="Y13599" s="19"/>
      <c r="Z13599" s="19"/>
      <c r="AA13599" s="19"/>
    </row>
    <row r="13600" spans="1:27" s="1" customFormat="1" ht="14.1" customHeight="1" outlineLevel="4" x14ac:dyDescent="0.2">
      <c r="A13600" s="17">
        <v>8206</v>
      </c>
      <c r="B13600" s="17"/>
      <c r="C13600" s="17"/>
      <c r="D13600" s="18" t="s">
        <v>6741</v>
      </c>
      <c r="E13600" s="18"/>
      <c r="F13600" s="18"/>
      <c r="G13600" s="18"/>
      <c r="H13600" s="18"/>
      <c r="I13600" s="18"/>
      <c r="J13600" s="18"/>
      <c r="K13600" s="18"/>
      <c r="L13600" s="18"/>
      <c r="M13600" s="18"/>
      <c r="N13600" s="18"/>
      <c r="O13600" s="18"/>
      <c r="P13600" s="19">
        <v>240</v>
      </c>
      <c r="Q13600" s="19"/>
      <c r="R13600" s="19"/>
      <c r="S13600" s="19"/>
      <c r="T13600" s="19">
        <v>145</v>
      </c>
      <c r="U13600" s="19"/>
      <c r="V13600" s="19"/>
      <c r="W13600" s="19"/>
      <c r="X13600" s="19">
        <v>1</v>
      </c>
      <c r="Y13600" s="19"/>
      <c r="Z13600" s="19"/>
      <c r="AA13600" s="19"/>
    </row>
    <row r="13601" spans="1:27" s="1" customFormat="1" ht="14.1" customHeight="1" outlineLevel="4" x14ac:dyDescent="0.2">
      <c r="A13601" s="17"/>
      <c r="B13601" s="17"/>
      <c r="C13601" s="17"/>
      <c r="D13601" s="18"/>
      <c r="E13601" s="18"/>
      <c r="F13601" s="18"/>
      <c r="G13601" s="18"/>
      <c r="H13601" s="18"/>
      <c r="I13601" s="18"/>
      <c r="J13601" s="18"/>
      <c r="K13601" s="18"/>
      <c r="L13601" s="18"/>
      <c r="M13601" s="18"/>
      <c r="N13601" s="18"/>
      <c r="O13601" s="18"/>
      <c r="P13601" s="19"/>
      <c r="Q13601" s="19"/>
      <c r="R13601" s="19"/>
      <c r="S13601" s="19"/>
      <c r="T13601" s="19"/>
      <c r="U13601" s="19"/>
      <c r="V13601" s="19"/>
      <c r="W13601" s="19"/>
      <c r="X13601" s="19"/>
      <c r="Y13601" s="19"/>
      <c r="Z13601" s="19"/>
      <c r="AA13601" s="19"/>
    </row>
    <row r="13602" spans="1:27" s="1" customFormat="1" ht="14.1" customHeight="1" outlineLevel="4" x14ac:dyDescent="0.2">
      <c r="A13602" s="17">
        <v>11205</v>
      </c>
      <c r="B13602" s="17"/>
      <c r="C13602" s="17"/>
      <c r="D13602" s="18" t="s">
        <v>6742</v>
      </c>
      <c r="E13602" s="18"/>
      <c r="F13602" s="18"/>
      <c r="G13602" s="18"/>
      <c r="H13602" s="18"/>
      <c r="I13602" s="18"/>
      <c r="J13602" s="18"/>
      <c r="K13602" s="18"/>
      <c r="L13602" s="18"/>
      <c r="M13602" s="18"/>
      <c r="N13602" s="18"/>
      <c r="O13602" s="18"/>
      <c r="P13602" s="19">
        <v>240</v>
      </c>
      <c r="Q13602" s="19"/>
      <c r="R13602" s="19"/>
      <c r="S13602" s="19"/>
      <c r="T13602" s="19">
        <v>145</v>
      </c>
      <c r="U13602" s="19"/>
      <c r="V13602" s="19"/>
      <c r="W13602" s="19"/>
      <c r="X13602" s="19">
        <v>3</v>
      </c>
      <c r="Y13602" s="19"/>
      <c r="Z13602" s="19"/>
      <c r="AA13602" s="19"/>
    </row>
    <row r="13603" spans="1:27" s="1" customFormat="1" ht="14.1" customHeight="1" outlineLevel="4" x14ac:dyDescent="0.2">
      <c r="A13603" s="17"/>
      <c r="B13603" s="17"/>
      <c r="C13603" s="17"/>
      <c r="D13603" s="18"/>
      <c r="E13603" s="18"/>
      <c r="F13603" s="18"/>
      <c r="G13603" s="18"/>
      <c r="H13603" s="18"/>
      <c r="I13603" s="18"/>
      <c r="J13603" s="18"/>
      <c r="K13603" s="18"/>
      <c r="L13603" s="18"/>
      <c r="M13603" s="18"/>
      <c r="N13603" s="18"/>
      <c r="O13603" s="18"/>
      <c r="P13603" s="19"/>
      <c r="Q13603" s="19"/>
      <c r="R13603" s="19"/>
      <c r="S13603" s="19"/>
      <c r="T13603" s="19"/>
      <c r="U13603" s="19"/>
      <c r="V13603" s="19"/>
      <c r="W13603" s="19"/>
      <c r="X13603" s="19"/>
      <c r="Y13603" s="19"/>
      <c r="Z13603" s="19"/>
      <c r="AA13603" s="19"/>
    </row>
    <row r="13604" spans="1:27" s="1" customFormat="1" ht="14.1" customHeight="1" outlineLevel="4" x14ac:dyDescent="0.2">
      <c r="A13604" s="17">
        <v>8207</v>
      </c>
      <c r="B13604" s="17"/>
      <c r="C13604" s="17"/>
      <c r="D13604" s="18" t="s">
        <v>6743</v>
      </c>
      <c r="E13604" s="18"/>
      <c r="F13604" s="18"/>
      <c r="G13604" s="18"/>
      <c r="H13604" s="18"/>
      <c r="I13604" s="18"/>
      <c r="J13604" s="18"/>
      <c r="K13604" s="18"/>
      <c r="L13604" s="18"/>
      <c r="M13604" s="18"/>
      <c r="N13604" s="18"/>
      <c r="O13604" s="18"/>
      <c r="P13604" s="19">
        <v>240</v>
      </c>
      <c r="Q13604" s="19"/>
      <c r="R13604" s="19"/>
      <c r="S13604" s="19"/>
      <c r="T13604" s="19">
        <v>145</v>
      </c>
      <c r="U13604" s="19"/>
      <c r="V13604" s="19"/>
      <c r="W13604" s="19"/>
      <c r="X13604" s="19">
        <v>2</v>
      </c>
      <c r="Y13604" s="19"/>
      <c r="Z13604" s="19"/>
      <c r="AA13604" s="19"/>
    </row>
    <row r="13605" spans="1:27" s="1" customFormat="1" ht="14.1" customHeight="1" outlineLevel="4" x14ac:dyDescent="0.2">
      <c r="A13605" s="17"/>
      <c r="B13605" s="17"/>
      <c r="C13605" s="17"/>
      <c r="D13605" s="18"/>
      <c r="E13605" s="18"/>
      <c r="F13605" s="18"/>
      <c r="G13605" s="18"/>
      <c r="H13605" s="18"/>
      <c r="I13605" s="18"/>
      <c r="J13605" s="18"/>
      <c r="K13605" s="18"/>
      <c r="L13605" s="18"/>
      <c r="M13605" s="18"/>
      <c r="N13605" s="18"/>
      <c r="O13605" s="18"/>
      <c r="P13605" s="19"/>
      <c r="Q13605" s="19"/>
      <c r="R13605" s="19"/>
      <c r="S13605" s="19"/>
      <c r="T13605" s="19"/>
      <c r="U13605" s="19"/>
      <c r="V13605" s="19"/>
      <c r="W13605" s="19"/>
      <c r="X13605" s="19"/>
      <c r="Y13605" s="19"/>
      <c r="Z13605" s="19"/>
      <c r="AA13605" s="19"/>
    </row>
    <row r="13606" spans="1:27" s="1" customFormat="1" ht="14.1" customHeight="1" outlineLevel="4" x14ac:dyDescent="0.2">
      <c r="A13606" s="17">
        <v>11207</v>
      </c>
      <c r="B13606" s="17"/>
      <c r="C13606" s="17"/>
      <c r="D13606" s="18" t="s">
        <v>6744</v>
      </c>
      <c r="E13606" s="18"/>
      <c r="F13606" s="18"/>
      <c r="G13606" s="18"/>
      <c r="H13606" s="18"/>
      <c r="I13606" s="18"/>
      <c r="J13606" s="18"/>
      <c r="K13606" s="18"/>
      <c r="L13606" s="18"/>
      <c r="M13606" s="18"/>
      <c r="N13606" s="18"/>
      <c r="O13606" s="18"/>
      <c r="P13606" s="19">
        <v>240</v>
      </c>
      <c r="Q13606" s="19"/>
      <c r="R13606" s="19"/>
      <c r="S13606" s="19"/>
      <c r="T13606" s="19">
        <v>145</v>
      </c>
      <c r="U13606" s="19"/>
      <c r="V13606" s="19"/>
      <c r="W13606" s="19"/>
      <c r="X13606" s="19">
        <v>4</v>
      </c>
      <c r="Y13606" s="19"/>
      <c r="Z13606" s="19"/>
      <c r="AA13606" s="19"/>
    </row>
    <row r="13607" spans="1:27" s="1" customFormat="1" ht="14.1" customHeight="1" outlineLevel="4" x14ac:dyDescent="0.2">
      <c r="A13607" s="17"/>
      <c r="B13607" s="17"/>
      <c r="C13607" s="17"/>
      <c r="D13607" s="18"/>
      <c r="E13607" s="18"/>
      <c r="F13607" s="18"/>
      <c r="G13607" s="18"/>
      <c r="H13607" s="18"/>
      <c r="I13607" s="18"/>
      <c r="J13607" s="18"/>
      <c r="K13607" s="18"/>
      <c r="L13607" s="18"/>
      <c r="M13607" s="18"/>
      <c r="N13607" s="18"/>
      <c r="O13607" s="18"/>
      <c r="P13607" s="19"/>
      <c r="Q13607" s="19"/>
      <c r="R13607" s="19"/>
      <c r="S13607" s="19"/>
      <c r="T13607" s="19"/>
      <c r="U13607" s="19"/>
      <c r="V13607" s="19"/>
      <c r="W13607" s="19"/>
      <c r="X13607" s="19"/>
      <c r="Y13607" s="19"/>
      <c r="Z13607" s="19"/>
      <c r="AA13607" s="19"/>
    </row>
    <row r="13608" spans="1:27" s="1" customFormat="1" ht="14.1" customHeight="1" outlineLevel="4" x14ac:dyDescent="0.2">
      <c r="A13608" s="17">
        <v>8205</v>
      </c>
      <c r="B13608" s="17"/>
      <c r="C13608" s="17"/>
      <c r="D13608" s="18" t="s">
        <v>6745</v>
      </c>
      <c r="E13608" s="18"/>
      <c r="F13608" s="18"/>
      <c r="G13608" s="18"/>
      <c r="H13608" s="18"/>
      <c r="I13608" s="18"/>
      <c r="J13608" s="18"/>
      <c r="K13608" s="18"/>
      <c r="L13608" s="18"/>
      <c r="M13608" s="18"/>
      <c r="N13608" s="18"/>
      <c r="O13608" s="18"/>
      <c r="P13608" s="19">
        <v>240</v>
      </c>
      <c r="Q13608" s="19"/>
      <c r="R13608" s="19"/>
      <c r="S13608" s="19"/>
      <c r="T13608" s="19">
        <v>145</v>
      </c>
      <c r="U13608" s="19"/>
      <c r="V13608" s="19"/>
      <c r="W13608" s="19"/>
      <c r="X13608" s="19">
        <v>5</v>
      </c>
      <c r="Y13608" s="19"/>
      <c r="Z13608" s="19"/>
      <c r="AA13608" s="19"/>
    </row>
    <row r="13609" spans="1:27" s="1" customFormat="1" ht="14.1" customHeight="1" outlineLevel="4" x14ac:dyDescent="0.2">
      <c r="A13609" s="17"/>
      <c r="B13609" s="17"/>
      <c r="C13609" s="17"/>
      <c r="D13609" s="18"/>
      <c r="E13609" s="18"/>
      <c r="F13609" s="18"/>
      <c r="G13609" s="18"/>
      <c r="H13609" s="18"/>
      <c r="I13609" s="18"/>
      <c r="J13609" s="18"/>
      <c r="K13609" s="18"/>
      <c r="L13609" s="18"/>
      <c r="M13609" s="18"/>
      <c r="N13609" s="18"/>
      <c r="O13609" s="18"/>
      <c r="P13609" s="19"/>
      <c r="Q13609" s="19"/>
      <c r="R13609" s="19"/>
      <c r="S13609" s="19"/>
      <c r="T13609" s="19"/>
      <c r="U13609" s="19"/>
      <c r="V13609" s="19"/>
      <c r="W13609" s="19"/>
      <c r="X13609" s="19"/>
      <c r="Y13609" s="19"/>
      <c r="Z13609" s="19"/>
      <c r="AA13609" s="19"/>
    </row>
    <row r="13610" spans="1:27" s="1" customFormat="1" ht="14.1" customHeight="1" outlineLevel="4" x14ac:dyDescent="0.2">
      <c r="A13610" s="17">
        <v>10209</v>
      </c>
      <c r="B13610" s="17"/>
      <c r="C13610" s="17"/>
      <c r="D13610" s="18" t="s">
        <v>6746</v>
      </c>
      <c r="E13610" s="18"/>
      <c r="F13610" s="18"/>
      <c r="G13610" s="18"/>
      <c r="H13610" s="18"/>
      <c r="I13610" s="18"/>
      <c r="J13610" s="18"/>
      <c r="K13610" s="18"/>
      <c r="L13610" s="18"/>
      <c r="M13610" s="18"/>
      <c r="N13610" s="18"/>
      <c r="O13610" s="18"/>
      <c r="P13610" s="19">
        <v>240</v>
      </c>
      <c r="Q13610" s="19"/>
      <c r="R13610" s="19"/>
      <c r="S13610" s="19"/>
      <c r="T13610" s="19">
        <v>145</v>
      </c>
      <c r="U13610" s="19"/>
      <c r="V13610" s="19"/>
      <c r="W13610" s="19"/>
      <c r="X13610" s="19">
        <v>1</v>
      </c>
      <c r="Y13610" s="19"/>
      <c r="Z13610" s="19"/>
      <c r="AA13610" s="19"/>
    </row>
    <row r="13611" spans="1:27" s="1" customFormat="1" ht="14.1" customHeight="1" outlineLevel="4" x14ac:dyDescent="0.2">
      <c r="A13611" s="17"/>
      <c r="B13611" s="17"/>
      <c r="C13611" s="17"/>
      <c r="D13611" s="18"/>
      <c r="E13611" s="18"/>
      <c r="F13611" s="18"/>
      <c r="G13611" s="18"/>
      <c r="H13611" s="18"/>
      <c r="I13611" s="18"/>
      <c r="J13611" s="18"/>
      <c r="K13611" s="18"/>
      <c r="L13611" s="18"/>
      <c r="M13611" s="18"/>
      <c r="N13611" s="18"/>
      <c r="O13611" s="18"/>
      <c r="P13611" s="19"/>
      <c r="Q13611" s="19"/>
      <c r="R13611" s="19"/>
      <c r="S13611" s="19"/>
      <c r="T13611" s="19"/>
      <c r="U13611" s="19"/>
      <c r="V13611" s="19"/>
      <c r="W13611" s="19"/>
      <c r="X13611" s="19"/>
      <c r="Y13611" s="19"/>
      <c r="Z13611" s="19"/>
      <c r="AA13611" s="19"/>
    </row>
    <row r="13612" spans="1:27" s="1" customFormat="1" ht="14.1" customHeight="1" outlineLevel="4" x14ac:dyDescent="0.2">
      <c r="A13612" s="17">
        <v>10212</v>
      </c>
      <c r="B13612" s="17"/>
      <c r="C13612" s="17"/>
      <c r="D13612" s="18" t="s">
        <v>6747</v>
      </c>
      <c r="E13612" s="18"/>
      <c r="F13612" s="18"/>
      <c r="G13612" s="18"/>
      <c r="H13612" s="18"/>
      <c r="I13612" s="18"/>
      <c r="J13612" s="18"/>
      <c r="K13612" s="18"/>
      <c r="L13612" s="18"/>
      <c r="M13612" s="18"/>
      <c r="N13612" s="18"/>
      <c r="O13612" s="18"/>
      <c r="P13612" s="19">
        <v>240</v>
      </c>
      <c r="Q13612" s="19"/>
      <c r="R13612" s="19"/>
      <c r="S13612" s="19"/>
      <c r="T13612" s="19">
        <v>145</v>
      </c>
      <c r="U13612" s="19"/>
      <c r="V13612" s="19"/>
      <c r="W13612" s="19"/>
      <c r="X13612" s="19">
        <v>2</v>
      </c>
      <c r="Y13612" s="19"/>
      <c r="Z13612" s="19"/>
      <c r="AA13612" s="19"/>
    </row>
    <row r="13613" spans="1:27" s="1" customFormat="1" ht="14.1" customHeight="1" outlineLevel="4" x14ac:dyDescent="0.2">
      <c r="A13613" s="17"/>
      <c r="B13613" s="17"/>
      <c r="C13613" s="17"/>
      <c r="D13613" s="18"/>
      <c r="E13613" s="18"/>
      <c r="F13613" s="18"/>
      <c r="G13613" s="18"/>
      <c r="H13613" s="18"/>
      <c r="I13613" s="18"/>
      <c r="J13613" s="18"/>
      <c r="K13613" s="18"/>
      <c r="L13613" s="18"/>
      <c r="M13613" s="18"/>
      <c r="N13613" s="18"/>
      <c r="O13613" s="18"/>
      <c r="P13613" s="19"/>
      <c r="Q13613" s="19"/>
      <c r="R13613" s="19"/>
      <c r="S13613" s="19"/>
      <c r="T13613" s="19"/>
      <c r="U13613" s="19"/>
      <c r="V13613" s="19"/>
      <c r="W13613" s="19"/>
      <c r="X13613" s="19"/>
      <c r="Y13613" s="19"/>
      <c r="Z13613" s="19"/>
      <c r="AA13613" s="19"/>
    </row>
    <row r="13614" spans="1:27" s="1" customFormat="1" ht="11.1" customHeight="1" outlineLevel="4" x14ac:dyDescent="0.2">
      <c r="A13614" s="17">
        <v>10573</v>
      </c>
      <c r="B13614" s="17"/>
      <c r="C13614" s="17"/>
      <c r="D13614" s="18" t="s">
        <v>6748</v>
      </c>
      <c r="E13614" s="18"/>
      <c r="F13614" s="18"/>
      <c r="G13614" s="18"/>
      <c r="H13614" s="18"/>
      <c r="I13614" s="18"/>
      <c r="J13614" s="18"/>
      <c r="K13614" s="18"/>
      <c r="L13614" s="18"/>
      <c r="M13614" s="18"/>
      <c r="N13614" s="18"/>
      <c r="O13614" s="18"/>
      <c r="P13614" s="19">
        <v>240</v>
      </c>
      <c r="Q13614" s="19"/>
      <c r="R13614" s="19"/>
      <c r="S13614" s="19"/>
      <c r="T13614" s="19">
        <v>145</v>
      </c>
      <c r="U13614" s="19"/>
      <c r="V13614" s="19"/>
      <c r="W13614" s="19"/>
      <c r="X13614" s="19">
        <v>1</v>
      </c>
      <c r="Y13614" s="19"/>
      <c r="Z13614" s="19"/>
      <c r="AA13614" s="19"/>
    </row>
    <row r="13615" spans="1:27" s="1" customFormat="1" ht="11.1" customHeight="1" outlineLevel="4" x14ac:dyDescent="0.2">
      <c r="A13615" s="17"/>
      <c r="B13615" s="17"/>
      <c r="C13615" s="17"/>
      <c r="D13615" s="18"/>
      <c r="E13615" s="18"/>
      <c r="F13615" s="18"/>
      <c r="G13615" s="18"/>
      <c r="H13615" s="18"/>
      <c r="I13615" s="18"/>
      <c r="J13615" s="18"/>
      <c r="K13615" s="18"/>
      <c r="L13615" s="18"/>
      <c r="M13615" s="18"/>
      <c r="N13615" s="18"/>
      <c r="O13615" s="18"/>
      <c r="P13615" s="19"/>
      <c r="Q13615" s="19"/>
      <c r="R13615" s="19"/>
      <c r="S13615" s="19"/>
      <c r="T13615" s="19"/>
      <c r="U13615" s="19"/>
      <c r="V13615" s="19"/>
      <c r="W13615" s="19"/>
      <c r="X13615" s="19"/>
      <c r="Y13615" s="19"/>
      <c r="Z13615" s="19"/>
      <c r="AA13615" s="19"/>
    </row>
    <row r="13616" spans="1:27" s="1" customFormat="1" ht="14.1" customHeight="1" outlineLevel="4" x14ac:dyDescent="0.2">
      <c r="A13616" s="17">
        <v>10576</v>
      </c>
      <c r="B13616" s="17"/>
      <c r="C13616" s="17"/>
      <c r="D13616" s="18" t="s">
        <v>6749</v>
      </c>
      <c r="E13616" s="18"/>
      <c r="F13616" s="18"/>
      <c r="G13616" s="18"/>
      <c r="H13616" s="18"/>
      <c r="I13616" s="18"/>
      <c r="J13616" s="18"/>
      <c r="K13616" s="18"/>
      <c r="L13616" s="18"/>
      <c r="M13616" s="18"/>
      <c r="N13616" s="18"/>
      <c r="O13616" s="18"/>
      <c r="P13616" s="19">
        <v>240</v>
      </c>
      <c r="Q13616" s="19"/>
      <c r="R13616" s="19"/>
      <c r="S13616" s="19"/>
      <c r="T13616" s="19">
        <v>145</v>
      </c>
      <c r="U13616" s="19"/>
      <c r="V13616" s="19"/>
      <c r="W13616" s="19"/>
      <c r="X13616" s="19">
        <v>1</v>
      </c>
      <c r="Y13616" s="19"/>
      <c r="Z13616" s="19"/>
      <c r="AA13616" s="19"/>
    </row>
    <row r="13617" spans="1:27" s="1" customFormat="1" ht="14.1" customHeight="1" outlineLevel="4" x14ac:dyDescent="0.2">
      <c r="A13617" s="17"/>
      <c r="B13617" s="17"/>
      <c r="C13617" s="17"/>
      <c r="D13617" s="18"/>
      <c r="E13617" s="18"/>
      <c r="F13617" s="18"/>
      <c r="G13617" s="18"/>
      <c r="H13617" s="18"/>
      <c r="I13617" s="18"/>
      <c r="J13617" s="18"/>
      <c r="K13617" s="18"/>
      <c r="L13617" s="18"/>
      <c r="M13617" s="18"/>
      <c r="N13617" s="18"/>
      <c r="O13617" s="18"/>
      <c r="P13617" s="19"/>
      <c r="Q13617" s="19"/>
      <c r="R13617" s="19"/>
      <c r="S13617" s="19"/>
      <c r="T13617" s="19"/>
      <c r="U13617" s="19"/>
      <c r="V13617" s="19"/>
      <c r="W13617" s="19"/>
      <c r="X13617" s="19"/>
      <c r="Y13617" s="19"/>
      <c r="Z13617" s="19"/>
      <c r="AA13617" s="19"/>
    </row>
    <row r="13618" spans="1:27" s="1" customFormat="1" ht="14.1" customHeight="1" outlineLevel="4" x14ac:dyDescent="0.2">
      <c r="A13618" s="17">
        <v>10575</v>
      </c>
      <c r="B13618" s="17"/>
      <c r="C13618" s="17"/>
      <c r="D13618" s="18" t="s">
        <v>6750</v>
      </c>
      <c r="E13618" s="18"/>
      <c r="F13618" s="18"/>
      <c r="G13618" s="18"/>
      <c r="H13618" s="18"/>
      <c r="I13618" s="18"/>
      <c r="J13618" s="18"/>
      <c r="K13618" s="18"/>
      <c r="L13618" s="18"/>
      <c r="M13618" s="18"/>
      <c r="N13618" s="18"/>
      <c r="O13618" s="18"/>
      <c r="P13618" s="19">
        <v>240</v>
      </c>
      <c r="Q13618" s="19"/>
      <c r="R13618" s="19"/>
      <c r="S13618" s="19"/>
      <c r="T13618" s="19">
        <v>145</v>
      </c>
      <c r="U13618" s="19"/>
      <c r="V13618" s="19"/>
      <c r="W13618" s="19"/>
      <c r="X13618" s="19">
        <v>1</v>
      </c>
      <c r="Y13618" s="19"/>
      <c r="Z13618" s="19"/>
      <c r="AA13618" s="19"/>
    </row>
    <row r="13619" spans="1:27" s="1" customFormat="1" ht="14.1" customHeight="1" outlineLevel="4" x14ac:dyDescent="0.2">
      <c r="A13619" s="17"/>
      <c r="B13619" s="17"/>
      <c r="C13619" s="17"/>
      <c r="D13619" s="18"/>
      <c r="E13619" s="18"/>
      <c r="F13619" s="18"/>
      <c r="G13619" s="18"/>
      <c r="H13619" s="18"/>
      <c r="I13619" s="18"/>
      <c r="J13619" s="18"/>
      <c r="K13619" s="18"/>
      <c r="L13619" s="18"/>
      <c r="M13619" s="18"/>
      <c r="N13619" s="18"/>
      <c r="O13619" s="18"/>
      <c r="P13619" s="19"/>
      <c r="Q13619" s="19"/>
      <c r="R13619" s="19"/>
      <c r="S13619" s="19"/>
      <c r="T13619" s="19"/>
      <c r="U13619" s="19"/>
      <c r="V13619" s="19"/>
      <c r="W13619" s="19"/>
      <c r="X13619" s="19"/>
      <c r="Y13619" s="19"/>
      <c r="Z13619" s="19"/>
      <c r="AA13619" s="19"/>
    </row>
    <row r="13620" spans="1:27" s="1" customFormat="1" ht="14.1" customHeight="1" outlineLevel="4" x14ac:dyDescent="0.2">
      <c r="A13620" s="17">
        <v>10215</v>
      </c>
      <c r="B13620" s="17"/>
      <c r="C13620" s="17"/>
      <c r="D13620" s="18" t="s">
        <v>6751</v>
      </c>
      <c r="E13620" s="18"/>
      <c r="F13620" s="18"/>
      <c r="G13620" s="18"/>
      <c r="H13620" s="18"/>
      <c r="I13620" s="18"/>
      <c r="J13620" s="18"/>
      <c r="K13620" s="18"/>
      <c r="L13620" s="18"/>
      <c r="M13620" s="18"/>
      <c r="N13620" s="18"/>
      <c r="O13620" s="18"/>
      <c r="P13620" s="19">
        <v>240</v>
      </c>
      <c r="Q13620" s="19"/>
      <c r="R13620" s="19"/>
      <c r="S13620" s="19"/>
      <c r="T13620" s="19">
        <v>145</v>
      </c>
      <c r="U13620" s="19"/>
      <c r="V13620" s="19"/>
      <c r="W13620" s="19"/>
      <c r="X13620" s="19">
        <v>1</v>
      </c>
      <c r="Y13620" s="19"/>
      <c r="Z13620" s="19"/>
      <c r="AA13620" s="19"/>
    </row>
    <row r="13621" spans="1:27" s="1" customFormat="1" ht="14.1" customHeight="1" outlineLevel="4" x14ac:dyDescent="0.2">
      <c r="A13621" s="17"/>
      <c r="B13621" s="17"/>
      <c r="C13621" s="17"/>
      <c r="D13621" s="18"/>
      <c r="E13621" s="18"/>
      <c r="F13621" s="18"/>
      <c r="G13621" s="18"/>
      <c r="H13621" s="18"/>
      <c r="I13621" s="18"/>
      <c r="J13621" s="18"/>
      <c r="K13621" s="18"/>
      <c r="L13621" s="18"/>
      <c r="M13621" s="18"/>
      <c r="N13621" s="18"/>
      <c r="O13621" s="18"/>
      <c r="P13621" s="19"/>
      <c r="Q13621" s="19"/>
      <c r="R13621" s="19"/>
      <c r="S13621" s="19"/>
      <c r="T13621" s="19"/>
      <c r="U13621" s="19"/>
      <c r="V13621" s="19"/>
      <c r="W13621" s="19"/>
      <c r="X13621" s="19"/>
      <c r="Y13621" s="19"/>
      <c r="Z13621" s="19"/>
      <c r="AA13621" s="19"/>
    </row>
    <row r="13622" spans="1:27" s="1" customFormat="1" ht="14.1" customHeight="1" outlineLevel="4" x14ac:dyDescent="0.2">
      <c r="A13622" s="17">
        <v>10216</v>
      </c>
      <c r="B13622" s="17"/>
      <c r="C13622" s="17"/>
      <c r="D13622" s="18" t="s">
        <v>6752</v>
      </c>
      <c r="E13622" s="18"/>
      <c r="F13622" s="18"/>
      <c r="G13622" s="18"/>
      <c r="H13622" s="18"/>
      <c r="I13622" s="18"/>
      <c r="J13622" s="18"/>
      <c r="K13622" s="18"/>
      <c r="L13622" s="18"/>
      <c r="M13622" s="18"/>
      <c r="N13622" s="18"/>
      <c r="O13622" s="18"/>
      <c r="P13622" s="19">
        <v>240</v>
      </c>
      <c r="Q13622" s="19"/>
      <c r="R13622" s="19"/>
      <c r="S13622" s="19"/>
      <c r="T13622" s="19">
        <v>145</v>
      </c>
      <c r="U13622" s="19"/>
      <c r="V13622" s="19"/>
      <c r="W13622" s="19"/>
      <c r="X13622" s="19">
        <v>2</v>
      </c>
      <c r="Y13622" s="19"/>
      <c r="Z13622" s="19"/>
      <c r="AA13622" s="19"/>
    </row>
    <row r="13623" spans="1:27" s="1" customFormat="1" ht="14.1" customHeight="1" outlineLevel="4" x14ac:dyDescent="0.2">
      <c r="A13623" s="17"/>
      <c r="B13623" s="17"/>
      <c r="C13623" s="17"/>
      <c r="D13623" s="18"/>
      <c r="E13623" s="18"/>
      <c r="F13623" s="18"/>
      <c r="G13623" s="18"/>
      <c r="H13623" s="18"/>
      <c r="I13623" s="18"/>
      <c r="J13623" s="18"/>
      <c r="K13623" s="18"/>
      <c r="L13623" s="18"/>
      <c r="M13623" s="18"/>
      <c r="N13623" s="18"/>
      <c r="O13623" s="18"/>
      <c r="P13623" s="19"/>
      <c r="Q13623" s="19"/>
      <c r="R13623" s="19"/>
      <c r="S13623" s="19"/>
      <c r="T13623" s="19"/>
      <c r="U13623" s="19"/>
      <c r="V13623" s="19"/>
      <c r="W13623" s="19"/>
      <c r="X13623" s="19"/>
      <c r="Y13623" s="19"/>
      <c r="Z13623" s="19"/>
      <c r="AA13623" s="19"/>
    </row>
    <row r="13624" spans="1:27" s="1" customFormat="1" ht="14.1" customHeight="1" outlineLevel="4" x14ac:dyDescent="0.2">
      <c r="A13624" s="17">
        <v>18020</v>
      </c>
      <c r="B13624" s="17"/>
      <c r="C13624" s="17"/>
      <c r="D13624" s="18" t="s">
        <v>6753</v>
      </c>
      <c r="E13624" s="18"/>
      <c r="F13624" s="18"/>
      <c r="G13624" s="18"/>
      <c r="H13624" s="18"/>
      <c r="I13624" s="18"/>
      <c r="J13624" s="18"/>
      <c r="K13624" s="18"/>
      <c r="L13624" s="18"/>
      <c r="M13624" s="18"/>
      <c r="N13624" s="18"/>
      <c r="O13624" s="18"/>
      <c r="P13624" s="19">
        <v>240</v>
      </c>
      <c r="Q13624" s="19"/>
      <c r="R13624" s="19"/>
      <c r="S13624" s="19"/>
      <c r="T13624" s="19">
        <v>140</v>
      </c>
      <c r="U13624" s="19"/>
      <c r="V13624" s="19"/>
      <c r="W13624" s="19"/>
      <c r="X13624" s="19">
        <v>1</v>
      </c>
      <c r="Y13624" s="19"/>
      <c r="Z13624" s="19"/>
      <c r="AA13624" s="19"/>
    </row>
    <row r="13625" spans="1:27" s="1" customFormat="1" ht="14.1" customHeight="1" outlineLevel="4" x14ac:dyDescent="0.2">
      <c r="A13625" s="17"/>
      <c r="B13625" s="17"/>
      <c r="C13625" s="17"/>
      <c r="D13625" s="18"/>
      <c r="E13625" s="18"/>
      <c r="F13625" s="18"/>
      <c r="G13625" s="18"/>
      <c r="H13625" s="18"/>
      <c r="I13625" s="18"/>
      <c r="J13625" s="18"/>
      <c r="K13625" s="18"/>
      <c r="L13625" s="18"/>
      <c r="M13625" s="18"/>
      <c r="N13625" s="18"/>
      <c r="O13625" s="18"/>
      <c r="P13625" s="19"/>
      <c r="Q13625" s="19"/>
      <c r="R13625" s="19"/>
      <c r="S13625" s="19"/>
      <c r="T13625" s="19"/>
      <c r="U13625" s="19"/>
      <c r="V13625" s="19"/>
      <c r="W13625" s="19"/>
      <c r="X13625" s="19"/>
      <c r="Y13625" s="19"/>
      <c r="Z13625" s="19"/>
      <c r="AA13625" s="19"/>
    </row>
    <row r="13626" spans="1:27" s="1" customFormat="1" ht="14.1" customHeight="1" outlineLevel="4" x14ac:dyDescent="0.2">
      <c r="A13626" s="17">
        <v>18021</v>
      </c>
      <c r="B13626" s="17"/>
      <c r="C13626" s="17"/>
      <c r="D13626" s="18" t="s">
        <v>6754</v>
      </c>
      <c r="E13626" s="18"/>
      <c r="F13626" s="18"/>
      <c r="G13626" s="18"/>
      <c r="H13626" s="18"/>
      <c r="I13626" s="18"/>
      <c r="J13626" s="18"/>
      <c r="K13626" s="18"/>
      <c r="L13626" s="18"/>
      <c r="M13626" s="18"/>
      <c r="N13626" s="18"/>
      <c r="O13626" s="18"/>
      <c r="P13626" s="19">
        <v>240</v>
      </c>
      <c r="Q13626" s="19"/>
      <c r="R13626" s="19"/>
      <c r="S13626" s="19"/>
      <c r="T13626" s="19">
        <v>140</v>
      </c>
      <c r="U13626" s="19"/>
      <c r="V13626" s="19"/>
      <c r="W13626" s="19"/>
      <c r="X13626" s="19">
        <v>1</v>
      </c>
      <c r="Y13626" s="19"/>
      <c r="Z13626" s="19"/>
      <c r="AA13626" s="19"/>
    </row>
    <row r="13627" spans="1:27" s="1" customFormat="1" ht="14.1" customHeight="1" outlineLevel="4" x14ac:dyDescent="0.2">
      <c r="A13627" s="17"/>
      <c r="B13627" s="17"/>
      <c r="C13627" s="17"/>
      <c r="D13627" s="18"/>
      <c r="E13627" s="18"/>
      <c r="F13627" s="18"/>
      <c r="G13627" s="18"/>
      <c r="H13627" s="18"/>
      <c r="I13627" s="18"/>
      <c r="J13627" s="18"/>
      <c r="K13627" s="18"/>
      <c r="L13627" s="18"/>
      <c r="M13627" s="18"/>
      <c r="N13627" s="18"/>
      <c r="O13627" s="18"/>
      <c r="P13627" s="19"/>
      <c r="Q13627" s="19"/>
      <c r="R13627" s="19"/>
      <c r="S13627" s="19"/>
      <c r="T13627" s="19"/>
      <c r="U13627" s="19"/>
      <c r="V13627" s="19"/>
      <c r="W13627" s="19"/>
      <c r="X13627" s="19"/>
      <c r="Y13627" s="19"/>
      <c r="Z13627" s="19"/>
      <c r="AA13627" s="19"/>
    </row>
    <row r="13628" spans="1:27" s="1" customFormat="1" ht="14.1" customHeight="1" outlineLevel="4" x14ac:dyDescent="0.2">
      <c r="A13628" s="17">
        <v>15254</v>
      </c>
      <c r="B13628" s="17"/>
      <c r="C13628" s="17"/>
      <c r="D13628" s="18" t="s">
        <v>6755</v>
      </c>
      <c r="E13628" s="18"/>
      <c r="F13628" s="18"/>
      <c r="G13628" s="18"/>
      <c r="H13628" s="18"/>
      <c r="I13628" s="18"/>
      <c r="J13628" s="18"/>
      <c r="K13628" s="18"/>
      <c r="L13628" s="18"/>
      <c r="M13628" s="18"/>
      <c r="N13628" s="18"/>
      <c r="O13628" s="18"/>
      <c r="P13628" s="19">
        <v>240</v>
      </c>
      <c r="Q13628" s="19"/>
      <c r="R13628" s="19"/>
      <c r="S13628" s="19"/>
      <c r="T13628" s="19">
        <v>140</v>
      </c>
      <c r="U13628" s="19"/>
      <c r="V13628" s="19"/>
      <c r="W13628" s="19"/>
      <c r="X13628" s="19">
        <v>2</v>
      </c>
      <c r="Y13628" s="19"/>
      <c r="Z13628" s="19"/>
      <c r="AA13628" s="19"/>
    </row>
    <row r="13629" spans="1:27" s="1" customFormat="1" ht="14.1" customHeight="1" outlineLevel="4" x14ac:dyDescent="0.2">
      <c r="A13629" s="17"/>
      <c r="B13629" s="17"/>
      <c r="C13629" s="17"/>
      <c r="D13629" s="18"/>
      <c r="E13629" s="18"/>
      <c r="F13629" s="18"/>
      <c r="G13629" s="18"/>
      <c r="H13629" s="18"/>
      <c r="I13629" s="18"/>
      <c r="J13629" s="18"/>
      <c r="K13629" s="18"/>
      <c r="L13629" s="18"/>
      <c r="M13629" s="18"/>
      <c r="N13629" s="18"/>
      <c r="O13629" s="18"/>
      <c r="P13629" s="19"/>
      <c r="Q13629" s="19"/>
      <c r="R13629" s="19"/>
      <c r="S13629" s="19"/>
      <c r="T13629" s="19"/>
      <c r="U13629" s="19"/>
      <c r="V13629" s="19"/>
      <c r="W13629" s="19"/>
      <c r="X13629" s="19"/>
      <c r="Y13629" s="19"/>
      <c r="Z13629" s="19"/>
      <c r="AA13629" s="19"/>
    </row>
    <row r="13630" spans="1:27" s="1" customFormat="1" ht="14.1" customHeight="1" outlineLevel="4" x14ac:dyDescent="0.2">
      <c r="A13630" s="17">
        <v>8210</v>
      </c>
      <c r="B13630" s="17"/>
      <c r="C13630" s="17"/>
      <c r="D13630" s="18" t="s">
        <v>6756</v>
      </c>
      <c r="E13630" s="18"/>
      <c r="F13630" s="18"/>
      <c r="G13630" s="18"/>
      <c r="H13630" s="18"/>
      <c r="I13630" s="18"/>
      <c r="J13630" s="18"/>
      <c r="K13630" s="18"/>
      <c r="L13630" s="18"/>
      <c r="M13630" s="18"/>
      <c r="N13630" s="18"/>
      <c r="O13630" s="18"/>
      <c r="P13630" s="19">
        <v>240</v>
      </c>
      <c r="Q13630" s="19"/>
      <c r="R13630" s="19"/>
      <c r="S13630" s="19"/>
      <c r="T13630" s="19">
        <v>145</v>
      </c>
      <c r="U13630" s="19"/>
      <c r="V13630" s="19"/>
      <c r="W13630" s="19"/>
      <c r="X13630" s="19">
        <v>1</v>
      </c>
      <c r="Y13630" s="19"/>
      <c r="Z13630" s="19"/>
      <c r="AA13630" s="19"/>
    </row>
    <row r="13631" spans="1:27" s="1" customFormat="1" ht="14.1" customHeight="1" outlineLevel="4" x14ac:dyDescent="0.2">
      <c r="A13631" s="17"/>
      <c r="B13631" s="17"/>
      <c r="C13631" s="17"/>
      <c r="D13631" s="18"/>
      <c r="E13631" s="18"/>
      <c r="F13631" s="18"/>
      <c r="G13631" s="18"/>
      <c r="H13631" s="18"/>
      <c r="I13631" s="18"/>
      <c r="J13631" s="18"/>
      <c r="K13631" s="18"/>
      <c r="L13631" s="18"/>
      <c r="M13631" s="18"/>
      <c r="N13631" s="18"/>
      <c r="O13631" s="18"/>
      <c r="P13631" s="19"/>
      <c r="Q13631" s="19"/>
      <c r="R13631" s="19"/>
      <c r="S13631" s="19"/>
      <c r="T13631" s="19"/>
      <c r="U13631" s="19"/>
      <c r="V13631" s="19"/>
      <c r="W13631" s="19"/>
      <c r="X13631" s="19"/>
      <c r="Y13631" s="19"/>
      <c r="Z13631" s="19"/>
      <c r="AA13631" s="19"/>
    </row>
    <row r="13632" spans="1:27" s="1" customFormat="1" ht="14.1" customHeight="1" outlineLevel="4" x14ac:dyDescent="0.2">
      <c r="A13632" s="17">
        <v>8214</v>
      </c>
      <c r="B13632" s="17"/>
      <c r="C13632" s="17"/>
      <c r="D13632" s="18" t="s">
        <v>6757</v>
      </c>
      <c r="E13632" s="18"/>
      <c r="F13632" s="18"/>
      <c r="G13632" s="18"/>
      <c r="H13632" s="18"/>
      <c r="I13632" s="18"/>
      <c r="J13632" s="18"/>
      <c r="K13632" s="18"/>
      <c r="L13632" s="18"/>
      <c r="M13632" s="18"/>
      <c r="N13632" s="18"/>
      <c r="O13632" s="18"/>
      <c r="P13632" s="19">
        <v>240</v>
      </c>
      <c r="Q13632" s="19"/>
      <c r="R13632" s="19"/>
      <c r="S13632" s="19"/>
      <c r="T13632" s="19">
        <v>145</v>
      </c>
      <c r="U13632" s="19"/>
      <c r="V13632" s="19"/>
      <c r="W13632" s="19"/>
      <c r="X13632" s="19">
        <v>1</v>
      </c>
      <c r="Y13632" s="19"/>
      <c r="Z13632" s="19"/>
      <c r="AA13632" s="19"/>
    </row>
    <row r="13633" spans="1:27" s="1" customFormat="1" ht="14.1" customHeight="1" outlineLevel="4" x14ac:dyDescent="0.2">
      <c r="A13633" s="17"/>
      <c r="B13633" s="17"/>
      <c r="C13633" s="17"/>
      <c r="D13633" s="18"/>
      <c r="E13633" s="18"/>
      <c r="F13633" s="18"/>
      <c r="G13633" s="18"/>
      <c r="H13633" s="18"/>
      <c r="I13633" s="18"/>
      <c r="J13633" s="18"/>
      <c r="K13633" s="18"/>
      <c r="L13633" s="18"/>
      <c r="M13633" s="18"/>
      <c r="N13633" s="18"/>
      <c r="O13633" s="18"/>
      <c r="P13633" s="19"/>
      <c r="Q13633" s="19"/>
      <c r="R13633" s="19"/>
      <c r="S13633" s="19"/>
      <c r="T13633" s="19"/>
      <c r="U13633" s="19"/>
      <c r="V13633" s="19"/>
      <c r="W13633" s="19"/>
      <c r="X13633" s="19"/>
      <c r="Y13633" s="19"/>
      <c r="Z13633" s="19"/>
      <c r="AA13633" s="19"/>
    </row>
    <row r="13634" spans="1:27" s="1" customFormat="1" ht="14.1" customHeight="1" outlineLevel="4" x14ac:dyDescent="0.2">
      <c r="A13634" s="17">
        <v>8213</v>
      </c>
      <c r="B13634" s="17"/>
      <c r="C13634" s="17"/>
      <c r="D13634" s="18" t="s">
        <v>6758</v>
      </c>
      <c r="E13634" s="18"/>
      <c r="F13634" s="18"/>
      <c r="G13634" s="18"/>
      <c r="H13634" s="18"/>
      <c r="I13634" s="18"/>
      <c r="J13634" s="18"/>
      <c r="K13634" s="18"/>
      <c r="L13634" s="18"/>
      <c r="M13634" s="18"/>
      <c r="N13634" s="18"/>
      <c r="O13634" s="18"/>
      <c r="P13634" s="19">
        <v>240</v>
      </c>
      <c r="Q13634" s="19"/>
      <c r="R13634" s="19"/>
      <c r="S13634" s="19"/>
      <c r="T13634" s="19">
        <v>145</v>
      </c>
      <c r="U13634" s="19"/>
      <c r="V13634" s="19"/>
      <c r="W13634" s="19"/>
      <c r="X13634" s="19">
        <v>1</v>
      </c>
      <c r="Y13634" s="19"/>
      <c r="Z13634" s="19"/>
      <c r="AA13634" s="19"/>
    </row>
    <row r="13635" spans="1:27" s="1" customFormat="1" ht="14.1" customHeight="1" outlineLevel="4" x14ac:dyDescent="0.2">
      <c r="A13635" s="17"/>
      <c r="B13635" s="17"/>
      <c r="C13635" s="17"/>
      <c r="D13635" s="18"/>
      <c r="E13635" s="18"/>
      <c r="F13635" s="18"/>
      <c r="G13635" s="18"/>
      <c r="H13635" s="18"/>
      <c r="I13635" s="18"/>
      <c r="J13635" s="18"/>
      <c r="K13635" s="18"/>
      <c r="L13635" s="18"/>
      <c r="M13635" s="18"/>
      <c r="N13635" s="18"/>
      <c r="O13635" s="18"/>
      <c r="P13635" s="19"/>
      <c r="Q13635" s="19"/>
      <c r="R13635" s="19"/>
      <c r="S13635" s="19"/>
      <c r="T13635" s="19"/>
      <c r="U13635" s="19"/>
      <c r="V13635" s="19"/>
      <c r="W13635" s="19"/>
      <c r="X13635" s="19"/>
      <c r="Y13635" s="19"/>
      <c r="Z13635" s="19"/>
      <c r="AA13635" s="19"/>
    </row>
    <row r="13636" spans="1:27" s="1" customFormat="1" ht="14.1" customHeight="1" outlineLevel="4" x14ac:dyDescent="0.2">
      <c r="A13636" s="17">
        <v>11217</v>
      </c>
      <c r="B13636" s="17"/>
      <c r="C13636" s="17"/>
      <c r="D13636" s="18" t="s">
        <v>6759</v>
      </c>
      <c r="E13636" s="18"/>
      <c r="F13636" s="18"/>
      <c r="G13636" s="18"/>
      <c r="H13636" s="18"/>
      <c r="I13636" s="18"/>
      <c r="J13636" s="18"/>
      <c r="K13636" s="18"/>
      <c r="L13636" s="18"/>
      <c r="M13636" s="18"/>
      <c r="N13636" s="18"/>
      <c r="O13636" s="18"/>
      <c r="P13636" s="19">
        <v>240</v>
      </c>
      <c r="Q13636" s="19"/>
      <c r="R13636" s="19"/>
      <c r="S13636" s="19"/>
      <c r="T13636" s="19">
        <v>145</v>
      </c>
      <c r="U13636" s="19"/>
      <c r="V13636" s="19"/>
      <c r="W13636" s="19"/>
      <c r="X13636" s="19">
        <v>2</v>
      </c>
      <c r="Y13636" s="19"/>
      <c r="Z13636" s="19"/>
      <c r="AA13636" s="19"/>
    </row>
    <row r="13637" spans="1:27" s="1" customFormat="1" ht="14.1" customHeight="1" outlineLevel="4" x14ac:dyDescent="0.2">
      <c r="A13637" s="17"/>
      <c r="B13637" s="17"/>
      <c r="C13637" s="17"/>
      <c r="D13637" s="18"/>
      <c r="E13637" s="18"/>
      <c r="F13637" s="18"/>
      <c r="G13637" s="18"/>
      <c r="H13637" s="18"/>
      <c r="I13637" s="18"/>
      <c r="J13637" s="18"/>
      <c r="K13637" s="18"/>
      <c r="L13637" s="18"/>
      <c r="M13637" s="18"/>
      <c r="N13637" s="18"/>
      <c r="O13637" s="18"/>
      <c r="P13637" s="19"/>
      <c r="Q13637" s="19"/>
      <c r="R13637" s="19"/>
      <c r="S13637" s="19"/>
      <c r="T13637" s="19"/>
      <c r="U13637" s="19"/>
      <c r="V13637" s="19"/>
      <c r="W13637" s="19"/>
      <c r="X13637" s="19"/>
      <c r="Y13637" s="19"/>
      <c r="Z13637" s="19"/>
      <c r="AA13637" s="19"/>
    </row>
    <row r="13638" spans="1:27" s="1" customFormat="1" ht="14.1" customHeight="1" outlineLevel="4" x14ac:dyDescent="0.2">
      <c r="A13638" s="17">
        <v>8218</v>
      </c>
      <c r="B13638" s="17"/>
      <c r="C13638" s="17"/>
      <c r="D13638" s="18" t="s">
        <v>6760</v>
      </c>
      <c r="E13638" s="18"/>
      <c r="F13638" s="18"/>
      <c r="G13638" s="18"/>
      <c r="H13638" s="18"/>
      <c r="I13638" s="18"/>
      <c r="J13638" s="18"/>
      <c r="K13638" s="18"/>
      <c r="L13638" s="18"/>
      <c r="M13638" s="18"/>
      <c r="N13638" s="18"/>
      <c r="O13638" s="18"/>
      <c r="P13638" s="19">
        <v>240</v>
      </c>
      <c r="Q13638" s="19"/>
      <c r="R13638" s="19"/>
      <c r="S13638" s="19"/>
      <c r="T13638" s="19">
        <v>145</v>
      </c>
      <c r="U13638" s="19"/>
      <c r="V13638" s="19"/>
      <c r="W13638" s="19"/>
      <c r="X13638" s="19">
        <v>1</v>
      </c>
      <c r="Y13638" s="19"/>
      <c r="Z13638" s="19"/>
      <c r="AA13638" s="19"/>
    </row>
    <row r="13639" spans="1:27" s="1" customFormat="1" ht="14.1" customHeight="1" outlineLevel="4" x14ac:dyDescent="0.2">
      <c r="A13639" s="17"/>
      <c r="B13639" s="17"/>
      <c r="C13639" s="17"/>
      <c r="D13639" s="18"/>
      <c r="E13639" s="18"/>
      <c r="F13639" s="18"/>
      <c r="G13639" s="18"/>
      <c r="H13639" s="18"/>
      <c r="I13639" s="18"/>
      <c r="J13639" s="18"/>
      <c r="K13639" s="18"/>
      <c r="L13639" s="18"/>
      <c r="M13639" s="18"/>
      <c r="N13639" s="18"/>
      <c r="O13639" s="18"/>
      <c r="P13639" s="19"/>
      <c r="Q13639" s="19"/>
      <c r="R13639" s="19"/>
      <c r="S13639" s="19"/>
      <c r="T13639" s="19"/>
      <c r="U13639" s="19"/>
      <c r="V13639" s="19"/>
      <c r="W13639" s="19"/>
      <c r="X13639" s="19"/>
      <c r="Y13639" s="19"/>
      <c r="Z13639" s="19"/>
      <c r="AA13639" s="19"/>
    </row>
    <row r="13640" spans="1:27" s="1" customFormat="1" ht="14.1" customHeight="1" outlineLevel="4" x14ac:dyDescent="0.2">
      <c r="A13640" s="17">
        <v>14921</v>
      </c>
      <c r="B13640" s="17"/>
      <c r="C13640" s="17"/>
      <c r="D13640" s="18" t="s">
        <v>6761</v>
      </c>
      <c r="E13640" s="18"/>
      <c r="F13640" s="18"/>
      <c r="G13640" s="18"/>
      <c r="H13640" s="18"/>
      <c r="I13640" s="18"/>
      <c r="J13640" s="18"/>
      <c r="K13640" s="18"/>
      <c r="L13640" s="18"/>
      <c r="M13640" s="18"/>
      <c r="N13640" s="18"/>
      <c r="O13640" s="18"/>
      <c r="P13640" s="19">
        <v>190</v>
      </c>
      <c r="Q13640" s="19"/>
      <c r="R13640" s="19"/>
      <c r="S13640" s="19"/>
      <c r="T13640" s="19">
        <v>120</v>
      </c>
      <c r="U13640" s="19"/>
      <c r="V13640" s="19"/>
      <c r="W13640" s="19"/>
      <c r="X13640" s="19">
        <v>1</v>
      </c>
      <c r="Y13640" s="19"/>
      <c r="Z13640" s="19"/>
      <c r="AA13640" s="19"/>
    </row>
    <row r="13641" spans="1:27" s="1" customFormat="1" ht="14.1" customHeight="1" outlineLevel="4" x14ac:dyDescent="0.2">
      <c r="A13641" s="17"/>
      <c r="B13641" s="17"/>
      <c r="C13641" s="17"/>
      <c r="D13641" s="18"/>
      <c r="E13641" s="18"/>
      <c r="F13641" s="18"/>
      <c r="G13641" s="18"/>
      <c r="H13641" s="18"/>
      <c r="I13641" s="18"/>
      <c r="J13641" s="18"/>
      <c r="K13641" s="18"/>
      <c r="L13641" s="18"/>
      <c r="M13641" s="18"/>
      <c r="N13641" s="18"/>
      <c r="O13641" s="18"/>
      <c r="P13641" s="19"/>
      <c r="Q13641" s="19"/>
      <c r="R13641" s="19"/>
      <c r="S13641" s="19"/>
      <c r="T13641" s="19"/>
      <c r="U13641" s="19"/>
      <c r="V13641" s="19"/>
      <c r="W13641" s="19"/>
      <c r="X13641" s="19"/>
      <c r="Y13641" s="19"/>
      <c r="Z13641" s="19"/>
      <c r="AA13641" s="19"/>
    </row>
    <row r="13642" spans="1:27" s="1" customFormat="1" ht="14.1" customHeight="1" outlineLevel="4" x14ac:dyDescent="0.2">
      <c r="A13642" s="17">
        <v>14922</v>
      </c>
      <c r="B13642" s="17"/>
      <c r="C13642" s="17"/>
      <c r="D13642" s="18" t="s">
        <v>6762</v>
      </c>
      <c r="E13642" s="18"/>
      <c r="F13642" s="18"/>
      <c r="G13642" s="18"/>
      <c r="H13642" s="18"/>
      <c r="I13642" s="18"/>
      <c r="J13642" s="18"/>
      <c r="K13642" s="18"/>
      <c r="L13642" s="18"/>
      <c r="M13642" s="18"/>
      <c r="N13642" s="18"/>
      <c r="O13642" s="18"/>
      <c r="P13642" s="19">
        <v>240</v>
      </c>
      <c r="Q13642" s="19"/>
      <c r="R13642" s="19"/>
      <c r="S13642" s="19"/>
      <c r="T13642" s="19">
        <v>145</v>
      </c>
      <c r="U13642" s="19"/>
      <c r="V13642" s="19"/>
      <c r="W13642" s="19"/>
      <c r="X13642" s="19">
        <v>1</v>
      </c>
      <c r="Y13642" s="19"/>
      <c r="Z13642" s="19"/>
      <c r="AA13642" s="19"/>
    </row>
    <row r="13643" spans="1:27" s="1" customFormat="1" ht="14.1" customHeight="1" outlineLevel="4" x14ac:dyDescent="0.2">
      <c r="A13643" s="17"/>
      <c r="B13643" s="17"/>
      <c r="C13643" s="17"/>
      <c r="D13643" s="18"/>
      <c r="E13643" s="18"/>
      <c r="F13643" s="18"/>
      <c r="G13643" s="18"/>
      <c r="H13643" s="18"/>
      <c r="I13643" s="18"/>
      <c r="J13643" s="18"/>
      <c r="K13643" s="18"/>
      <c r="L13643" s="18"/>
      <c r="M13643" s="18"/>
      <c r="N13643" s="18"/>
      <c r="O13643" s="18"/>
      <c r="P13643" s="19"/>
      <c r="Q13643" s="19"/>
      <c r="R13643" s="19"/>
      <c r="S13643" s="19"/>
      <c r="T13643" s="19"/>
      <c r="U13643" s="19"/>
      <c r="V13643" s="19"/>
      <c r="W13643" s="19"/>
      <c r="X13643" s="19"/>
      <c r="Y13643" s="19"/>
      <c r="Z13643" s="19"/>
      <c r="AA13643" s="19"/>
    </row>
    <row r="13644" spans="1:27" s="1" customFormat="1" ht="14.1" customHeight="1" outlineLevel="4" x14ac:dyDescent="0.2">
      <c r="A13644" s="17">
        <v>8215</v>
      </c>
      <c r="B13644" s="17"/>
      <c r="C13644" s="17"/>
      <c r="D13644" s="18" t="s">
        <v>6763</v>
      </c>
      <c r="E13644" s="18"/>
      <c r="F13644" s="18"/>
      <c r="G13644" s="18"/>
      <c r="H13644" s="18"/>
      <c r="I13644" s="18"/>
      <c r="J13644" s="18"/>
      <c r="K13644" s="18"/>
      <c r="L13644" s="18"/>
      <c r="M13644" s="18"/>
      <c r="N13644" s="18"/>
      <c r="O13644" s="18"/>
      <c r="P13644" s="19">
        <v>240</v>
      </c>
      <c r="Q13644" s="19"/>
      <c r="R13644" s="19"/>
      <c r="S13644" s="19"/>
      <c r="T13644" s="19">
        <v>145</v>
      </c>
      <c r="U13644" s="19"/>
      <c r="V13644" s="19"/>
      <c r="W13644" s="19"/>
      <c r="X13644" s="19">
        <v>2</v>
      </c>
      <c r="Y13644" s="19"/>
      <c r="Z13644" s="19"/>
      <c r="AA13644" s="19"/>
    </row>
    <row r="13645" spans="1:27" s="1" customFormat="1" ht="14.1" customHeight="1" outlineLevel="4" x14ac:dyDescent="0.2">
      <c r="A13645" s="17"/>
      <c r="B13645" s="17"/>
      <c r="C13645" s="17"/>
      <c r="D13645" s="18"/>
      <c r="E13645" s="18"/>
      <c r="F13645" s="18"/>
      <c r="G13645" s="18"/>
      <c r="H13645" s="18"/>
      <c r="I13645" s="18"/>
      <c r="J13645" s="18"/>
      <c r="K13645" s="18"/>
      <c r="L13645" s="18"/>
      <c r="M13645" s="18"/>
      <c r="N13645" s="18"/>
      <c r="O13645" s="18"/>
      <c r="P13645" s="19"/>
      <c r="Q13645" s="19"/>
      <c r="R13645" s="19"/>
      <c r="S13645" s="19"/>
      <c r="T13645" s="19"/>
      <c r="U13645" s="19"/>
      <c r="V13645" s="19"/>
      <c r="W13645" s="19"/>
      <c r="X13645" s="19"/>
      <c r="Y13645" s="19"/>
      <c r="Z13645" s="19"/>
      <c r="AA13645" s="19"/>
    </row>
    <row r="13646" spans="1:27" s="1" customFormat="1" ht="14.1" customHeight="1" outlineLevel="4" x14ac:dyDescent="0.2">
      <c r="A13646" s="17">
        <v>10210</v>
      </c>
      <c r="B13646" s="17"/>
      <c r="C13646" s="17"/>
      <c r="D13646" s="18" t="s">
        <v>6764</v>
      </c>
      <c r="E13646" s="18"/>
      <c r="F13646" s="18"/>
      <c r="G13646" s="18"/>
      <c r="H13646" s="18"/>
      <c r="I13646" s="18"/>
      <c r="J13646" s="18"/>
      <c r="K13646" s="18"/>
      <c r="L13646" s="18"/>
      <c r="M13646" s="18"/>
      <c r="N13646" s="18"/>
      <c r="O13646" s="18"/>
      <c r="P13646" s="19">
        <v>240</v>
      </c>
      <c r="Q13646" s="19"/>
      <c r="R13646" s="19"/>
      <c r="S13646" s="19"/>
      <c r="T13646" s="19">
        <v>140</v>
      </c>
      <c r="U13646" s="19"/>
      <c r="V13646" s="19"/>
      <c r="W13646" s="19"/>
      <c r="X13646" s="19">
        <v>2</v>
      </c>
      <c r="Y13646" s="19"/>
      <c r="Z13646" s="19"/>
      <c r="AA13646" s="19"/>
    </row>
    <row r="13647" spans="1:27" s="1" customFormat="1" ht="14.1" customHeight="1" outlineLevel="4" x14ac:dyDescent="0.2">
      <c r="A13647" s="17"/>
      <c r="B13647" s="17"/>
      <c r="C13647" s="17"/>
      <c r="D13647" s="18"/>
      <c r="E13647" s="18"/>
      <c r="F13647" s="18"/>
      <c r="G13647" s="18"/>
      <c r="H13647" s="18"/>
      <c r="I13647" s="18"/>
      <c r="J13647" s="18"/>
      <c r="K13647" s="18"/>
      <c r="L13647" s="18"/>
      <c r="M13647" s="18"/>
      <c r="N13647" s="18"/>
      <c r="O13647" s="18"/>
      <c r="P13647" s="19"/>
      <c r="Q13647" s="19"/>
      <c r="R13647" s="19"/>
      <c r="S13647" s="19"/>
      <c r="T13647" s="19"/>
      <c r="U13647" s="19"/>
      <c r="V13647" s="19"/>
      <c r="W13647" s="19"/>
      <c r="X13647" s="19"/>
      <c r="Y13647" s="19"/>
      <c r="Z13647" s="19"/>
      <c r="AA13647" s="19"/>
    </row>
    <row r="13648" spans="1:27" s="1" customFormat="1" ht="14.1" customHeight="1" outlineLevel="4" x14ac:dyDescent="0.2">
      <c r="A13648" s="17">
        <v>10211</v>
      </c>
      <c r="B13648" s="17"/>
      <c r="C13648" s="17"/>
      <c r="D13648" s="18" t="s">
        <v>6765</v>
      </c>
      <c r="E13648" s="18"/>
      <c r="F13648" s="18"/>
      <c r="G13648" s="18"/>
      <c r="H13648" s="18"/>
      <c r="I13648" s="18"/>
      <c r="J13648" s="18"/>
      <c r="K13648" s="18"/>
      <c r="L13648" s="18"/>
      <c r="M13648" s="18"/>
      <c r="N13648" s="18"/>
      <c r="O13648" s="18"/>
      <c r="P13648" s="19">
        <v>240</v>
      </c>
      <c r="Q13648" s="19"/>
      <c r="R13648" s="19"/>
      <c r="S13648" s="19"/>
      <c r="T13648" s="19">
        <v>145</v>
      </c>
      <c r="U13648" s="19"/>
      <c r="V13648" s="19"/>
      <c r="W13648" s="19"/>
      <c r="X13648" s="19">
        <v>2</v>
      </c>
      <c r="Y13648" s="19"/>
      <c r="Z13648" s="19"/>
      <c r="AA13648" s="19"/>
    </row>
    <row r="13649" spans="1:27" s="1" customFormat="1" ht="14.1" customHeight="1" outlineLevel="4" x14ac:dyDescent="0.2">
      <c r="A13649" s="17"/>
      <c r="B13649" s="17"/>
      <c r="C13649" s="17"/>
      <c r="D13649" s="18"/>
      <c r="E13649" s="18"/>
      <c r="F13649" s="18"/>
      <c r="G13649" s="18"/>
      <c r="H13649" s="18"/>
      <c r="I13649" s="18"/>
      <c r="J13649" s="18"/>
      <c r="K13649" s="18"/>
      <c r="L13649" s="18"/>
      <c r="M13649" s="18"/>
      <c r="N13649" s="18"/>
      <c r="O13649" s="18"/>
      <c r="P13649" s="19"/>
      <c r="Q13649" s="19"/>
      <c r="R13649" s="19"/>
      <c r="S13649" s="19"/>
      <c r="T13649" s="19"/>
      <c r="U13649" s="19"/>
      <c r="V13649" s="19"/>
      <c r="W13649" s="19"/>
      <c r="X13649" s="19"/>
      <c r="Y13649" s="19"/>
      <c r="Z13649" s="19"/>
      <c r="AA13649" s="19"/>
    </row>
    <row r="13650" spans="1:27" s="1" customFormat="1" ht="14.1" customHeight="1" outlineLevel="4" x14ac:dyDescent="0.2">
      <c r="A13650" s="17">
        <v>11225</v>
      </c>
      <c r="B13650" s="17"/>
      <c r="C13650" s="17"/>
      <c r="D13650" s="18" t="s">
        <v>6766</v>
      </c>
      <c r="E13650" s="18"/>
      <c r="F13650" s="18"/>
      <c r="G13650" s="18"/>
      <c r="H13650" s="18"/>
      <c r="I13650" s="18"/>
      <c r="J13650" s="18"/>
      <c r="K13650" s="18"/>
      <c r="L13650" s="18"/>
      <c r="M13650" s="18"/>
      <c r="N13650" s="18"/>
      <c r="O13650" s="18"/>
      <c r="P13650" s="19">
        <v>240</v>
      </c>
      <c r="Q13650" s="19"/>
      <c r="R13650" s="19"/>
      <c r="S13650" s="19"/>
      <c r="T13650" s="19">
        <v>145</v>
      </c>
      <c r="U13650" s="19"/>
      <c r="V13650" s="19"/>
      <c r="W13650" s="19"/>
      <c r="X13650" s="19">
        <v>1</v>
      </c>
      <c r="Y13650" s="19"/>
      <c r="Z13650" s="19"/>
      <c r="AA13650" s="19"/>
    </row>
    <row r="13651" spans="1:27" s="1" customFormat="1" ht="14.1" customHeight="1" outlineLevel="4" x14ac:dyDescent="0.2">
      <c r="A13651" s="17"/>
      <c r="B13651" s="17"/>
      <c r="C13651" s="17"/>
      <c r="D13651" s="18"/>
      <c r="E13651" s="18"/>
      <c r="F13651" s="18"/>
      <c r="G13651" s="18"/>
      <c r="H13651" s="18"/>
      <c r="I13651" s="18"/>
      <c r="J13651" s="18"/>
      <c r="K13651" s="18"/>
      <c r="L13651" s="18"/>
      <c r="M13651" s="18"/>
      <c r="N13651" s="18"/>
      <c r="O13651" s="18"/>
      <c r="P13651" s="19"/>
      <c r="Q13651" s="19"/>
      <c r="R13651" s="19"/>
      <c r="S13651" s="19"/>
      <c r="T13651" s="19"/>
      <c r="U13651" s="19"/>
      <c r="V13651" s="19"/>
      <c r="W13651" s="19"/>
      <c r="X13651" s="19"/>
      <c r="Y13651" s="19"/>
      <c r="Z13651" s="19"/>
      <c r="AA13651" s="19"/>
    </row>
    <row r="13652" spans="1:27" s="1" customFormat="1" ht="14.1" customHeight="1" outlineLevel="4" x14ac:dyDescent="0.2">
      <c r="A13652" s="17">
        <v>15955</v>
      </c>
      <c r="B13652" s="17"/>
      <c r="C13652" s="17"/>
      <c r="D13652" s="18" t="s">
        <v>6767</v>
      </c>
      <c r="E13652" s="18"/>
      <c r="F13652" s="18"/>
      <c r="G13652" s="18"/>
      <c r="H13652" s="18"/>
      <c r="I13652" s="18"/>
      <c r="J13652" s="18"/>
      <c r="K13652" s="18"/>
      <c r="L13652" s="18"/>
      <c r="M13652" s="18"/>
      <c r="N13652" s="18"/>
      <c r="O13652" s="18"/>
      <c r="P13652" s="19">
        <v>240</v>
      </c>
      <c r="Q13652" s="19"/>
      <c r="R13652" s="19"/>
      <c r="S13652" s="19"/>
      <c r="T13652" s="19">
        <v>145</v>
      </c>
      <c r="U13652" s="19"/>
      <c r="V13652" s="19"/>
      <c r="W13652" s="19"/>
      <c r="X13652" s="19">
        <v>1</v>
      </c>
      <c r="Y13652" s="19"/>
      <c r="Z13652" s="19"/>
      <c r="AA13652" s="19"/>
    </row>
    <row r="13653" spans="1:27" s="1" customFormat="1" ht="14.1" customHeight="1" outlineLevel="4" x14ac:dyDescent="0.2">
      <c r="A13653" s="17"/>
      <c r="B13653" s="17"/>
      <c r="C13653" s="17"/>
      <c r="D13653" s="18"/>
      <c r="E13653" s="18"/>
      <c r="F13653" s="18"/>
      <c r="G13653" s="18"/>
      <c r="H13653" s="18"/>
      <c r="I13653" s="18"/>
      <c r="J13653" s="18"/>
      <c r="K13653" s="18"/>
      <c r="L13653" s="18"/>
      <c r="M13653" s="18"/>
      <c r="N13653" s="18"/>
      <c r="O13653" s="18"/>
      <c r="P13653" s="19"/>
      <c r="Q13653" s="19"/>
      <c r="R13653" s="19"/>
      <c r="S13653" s="19"/>
      <c r="T13653" s="19"/>
      <c r="U13653" s="19"/>
      <c r="V13653" s="19"/>
      <c r="W13653" s="19"/>
      <c r="X13653" s="19"/>
      <c r="Y13653" s="19"/>
      <c r="Z13653" s="19"/>
      <c r="AA13653" s="19"/>
    </row>
    <row r="13654" spans="1:27" s="1" customFormat="1" ht="14.1" customHeight="1" outlineLevel="4" x14ac:dyDescent="0.2">
      <c r="A13654" s="17">
        <v>15956</v>
      </c>
      <c r="B13654" s="17"/>
      <c r="C13654" s="17"/>
      <c r="D13654" s="18" t="s">
        <v>6768</v>
      </c>
      <c r="E13654" s="18"/>
      <c r="F13654" s="18"/>
      <c r="G13654" s="18"/>
      <c r="H13654" s="18"/>
      <c r="I13654" s="18"/>
      <c r="J13654" s="18"/>
      <c r="K13654" s="18"/>
      <c r="L13654" s="18"/>
      <c r="M13654" s="18"/>
      <c r="N13654" s="18"/>
      <c r="O13654" s="18"/>
      <c r="P13654" s="19">
        <v>240</v>
      </c>
      <c r="Q13654" s="19"/>
      <c r="R13654" s="19"/>
      <c r="S13654" s="19"/>
      <c r="T13654" s="19">
        <v>145</v>
      </c>
      <c r="U13654" s="19"/>
      <c r="V13654" s="19"/>
      <c r="W13654" s="19"/>
      <c r="X13654" s="19">
        <v>2</v>
      </c>
      <c r="Y13654" s="19"/>
      <c r="Z13654" s="19"/>
      <c r="AA13654" s="19"/>
    </row>
    <row r="13655" spans="1:27" s="1" customFormat="1" ht="14.1" customHeight="1" outlineLevel="4" x14ac:dyDescent="0.2">
      <c r="A13655" s="17"/>
      <c r="B13655" s="17"/>
      <c r="C13655" s="17"/>
      <c r="D13655" s="18"/>
      <c r="E13655" s="18"/>
      <c r="F13655" s="18"/>
      <c r="G13655" s="18"/>
      <c r="H13655" s="18"/>
      <c r="I13655" s="18"/>
      <c r="J13655" s="18"/>
      <c r="K13655" s="18"/>
      <c r="L13655" s="18"/>
      <c r="M13655" s="18"/>
      <c r="N13655" s="18"/>
      <c r="O13655" s="18"/>
      <c r="P13655" s="19"/>
      <c r="Q13655" s="19"/>
      <c r="R13655" s="19"/>
      <c r="S13655" s="19"/>
      <c r="T13655" s="19"/>
      <c r="U13655" s="19"/>
      <c r="V13655" s="19"/>
      <c r="W13655" s="19"/>
      <c r="X13655" s="19"/>
      <c r="Y13655" s="19"/>
      <c r="Z13655" s="19"/>
      <c r="AA13655" s="19"/>
    </row>
    <row r="13656" spans="1:27" s="1" customFormat="1" ht="14.1" customHeight="1" outlineLevel="4" x14ac:dyDescent="0.2">
      <c r="A13656" s="17">
        <v>15957</v>
      </c>
      <c r="B13656" s="17"/>
      <c r="C13656" s="17"/>
      <c r="D13656" s="18" t="s">
        <v>6769</v>
      </c>
      <c r="E13656" s="18"/>
      <c r="F13656" s="18"/>
      <c r="G13656" s="18"/>
      <c r="H13656" s="18"/>
      <c r="I13656" s="18"/>
      <c r="J13656" s="18"/>
      <c r="K13656" s="18"/>
      <c r="L13656" s="18"/>
      <c r="M13656" s="18"/>
      <c r="N13656" s="18"/>
      <c r="O13656" s="18"/>
      <c r="P13656" s="19">
        <v>240</v>
      </c>
      <c r="Q13656" s="19"/>
      <c r="R13656" s="19"/>
      <c r="S13656" s="19"/>
      <c r="T13656" s="19">
        <v>145</v>
      </c>
      <c r="U13656" s="19"/>
      <c r="V13656" s="19"/>
      <c r="W13656" s="19"/>
      <c r="X13656" s="19">
        <v>2</v>
      </c>
      <c r="Y13656" s="19"/>
      <c r="Z13656" s="19"/>
      <c r="AA13656" s="19"/>
    </row>
    <row r="13657" spans="1:27" s="1" customFormat="1" ht="14.1" customHeight="1" outlineLevel="4" x14ac:dyDescent="0.2">
      <c r="A13657" s="17"/>
      <c r="B13657" s="17"/>
      <c r="C13657" s="17"/>
      <c r="D13657" s="18"/>
      <c r="E13657" s="18"/>
      <c r="F13657" s="18"/>
      <c r="G13657" s="18"/>
      <c r="H13657" s="18"/>
      <c r="I13657" s="18"/>
      <c r="J13657" s="18"/>
      <c r="K13657" s="18"/>
      <c r="L13657" s="18"/>
      <c r="M13657" s="18"/>
      <c r="N13657" s="18"/>
      <c r="O13657" s="18"/>
      <c r="P13657" s="19"/>
      <c r="Q13657" s="19"/>
      <c r="R13657" s="19"/>
      <c r="S13657" s="19"/>
      <c r="T13657" s="19"/>
      <c r="U13657" s="19"/>
      <c r="V13657" s="19"/>
      <c r="W13657" s="19"/>
      <c r="X13657" s="19"/>
      <c r="Y13657" s="19"/>
      <c r="Z13657" s="19"/>
      <c r="AA13657" s="19"/>
    </row>
    <row r="13658" spans="1:27" s="1" customFormat="1" ht="14.1" customHeight="1" outlineLevel="4" x14ac:dyDescent="0.2">
      <c r="A13658" s="17">
        <v>14639</v>
      </c>
      <c r="B13658" s="17"/>
      <c r="C13658" s="17"/>
      <c r="D13658" s="18" t="s">
        <v>6770</v>
      </c>
      <c r="E13658" s="18"/>
      <c r="F13658" s="18"/>
      <c r="G13658" s="18"/>
      <c r="H13658" s="18"/>
      <c r="I13658" s="18"/>
      <c r="J13658" s="18"/>
      <c r="K13658" s="18"/>
      <c r="L13658" s="18"/>
      <c r="M13658" s="18"/>
      <c r="N13658" s="18"/>
      <c r="O13658" s="18"/>
      <c r="P13658" s="19">
        <v>240</v>
      </c>
      <c r="Q13658" s="19"/>
      <c r="R13658" s="19"/>
      <c r="S13658" s="19"/>
      <c r="T13658" s="19">
        <v>145</v>
      </c>
      <c r="U13658" s="19"/>
      <c r="V13658" s="19"/>
      <c r="W13658" s="19"/>
      <c r="X13658" s="19">
        <v>1</v>
      </c>
      <c r="Y13658" s="19"/>
      <c r="Z13658" s="19"/>
      <c r="AA13658" s="19"/>
    </row>
    <row r="13659" spans="1:27" s="1" customFormat="1" ht="14.1" customHeight="1" outlineLevel="4" x14ac:dyDescent="0.2">
      <c r="A13659" s="17"/>
      <c r="B13659" s="17"/>
      <c r="C13659" s="17"/>
      <c r="D13659" s="18"/>
      <c r="E13659" s="18"/>
      <c r="F13659" s="18"/>
      <c r="G13659" s="18"/>
      <c r="H13659" s="18"/>
      <c r="I13659" s="18"/>
      <c r="J13659" s="18"/>
      <c r="K13659" s="18"/>
      <c r="L13659" s="18"/>
      <c r="M13659" s="18"/>
      <c r="N13659" s="18"/>
      <c r="O13659" s="18"/>
      <c r="P13659" s="19"/>
      <c r="Q13659" s="19"/>
      <c r="R13659" s="19"/>
      <c r="S13659" s="19"/>
      <c r="T13659" s="19"/>
      <c r="U13659" s="19"/>
      <c r="V13659" s="19"/>
      <c r="W13659" s="19"/>
      <c r="X13659" s="19"/>
      <c r="Y13659" s="19"/>
      <c r="Z13659" s="19"/>
      <c r="AA13659" s="19"/>
    </row>
    <row r="13660" spans="1:27" s="1" customFormat="1" ht="14.1" customHeight="1" outlineLevel="4" x14ac:dyDescent="0.2">
      <c r="A13660" s="17">
        <v>14638</v>
      </c>
      <c r="B13660" s="17"/>
      <c r="C13660" s="17"/>
      <c r="D13660" s="18" t="s">
        <v>6771</v>
      </c>
      <c r="E13660" s="18"/>
      <c r="F13660" s="18"/>
      <c r="G13660" s="18"/>
      <c r="H13660" s="18"/>
      <c r="I13660" s="18"/>
      <c r="J13660" s="18"/>
      <c r="K13660" s="18"/>
      <c r="L13660" s="18"/>
      <c r="M13660" s="18"/>
      <c r="N13660" s="18"/>
      <c r="O13660" s="18"/>
      <c r="P13660" s="19">
        <v>240</v>
      </c>
      <c r="Q13660" s="19"/>
      <c r="R13660" s="19"/>
      <c r="S13660" s="19"/>
      <c r="T13660" s="19">
        <v>145</v>
      </c>
      <c r="U13660" s="19"/>
      <c r="V13660" s="19"/>
      <c r="W13660" s="19"/>
      <c r="X13660" s="19">
        <v>1</v>
      </c>
      <c r="Y13660" s="19"/>
      <c r="Z13660" s="19"/>
      <c r="AA13660" s="19"/>
    </row>
    <row r="13661" spans="1:27" s="1" customFormat="1" ht="14.1" customHeight="1" outlineLevel="4" x14ac:dyDescent="0.2">
      <c r="A13661" s="17"/>
      <c r="B13661" s="17"/>
      <c r="C13661" s="17"/>
      <c r="D13661" s="18"/>
      <c r="E13661" s="18"/>
      <c r="F13661" s="18"/>
      <c r="G13661" s="18"/>
      <c r="H13661" s="18"/>
      <c r="I13661" s="18"/>
      <c r="J13661" s="18"/>
      <c r="K13661" s="18"/>
      <c r="L13661" s="18"/>
      <c r="M13661" s="18"/>
      <c r="N13661" s="18"/>
      <c r="O13661" s="18"/>
      <c r="P13661" s="19"/>
      <c r="Q13661" s="19"/>
      <c r="R13661" s="19"/>
      <c r="S13661" s="19"/>
      <c r="T13661" s="19"/>
      <c r="U13661" s="19"/>
      <c r="V13661" s="19"/>
      <c r="W13661" s="19"/>
      <c r="X13661" s="19"/>
      <c r="Y13661" s="19"/>
      <c r="Z13661" s="19"/>
      <c r="AA13661" s="19"/>
    </row>
    <row r="13662" spans="1:27" s="1" customFormat="1" ht="14.1" customHeight="1" outlineLevel="4" x14ac:dyDescent="0.2">
      <c r="A13662" s="17">
        <v>14640</v>
      </c>
      <c r="B13662" s="17"/>
      <c r="C13662" s="17"/>
      <c r="D13662" s="18" t="s">
        <v>6772</v>
      </c>
      <c r="E13662" s="18"/>
      <c r="F13662" s="18"/>
      <c r="G13662" s="18"/>
      <c r="H13662" s="18"/>
      <c r="I13662" s="18"/>
      <c r="J13662" s="18"/>
      <c r="K13662" s="18"/>
      <c r="L13662" s="18"/>
      <c r="M13662" s="18"/>
      <c r="N13662" s="18"/>
      <c r="O13662" s="18"/>
      <c r="P13662" s="19">
        <v>240</v>
      </c>
      <c r="Q13662" s="19"/>
      <c r="R13662" s="19"/>
      <c r="S13662" s="19"/>
      <c r="T13662" s="19">
        <v>145</v>
      </c>
      <c r="U13662" s="19"/>
      <c r="V13662" s="19"/>
      <c r="W13662" s="19"/>
      <c r="X13662" s="19">
        <v>1</v>
      </c>
      <c r="Y13662" s="19"/>
      <c r="Z13662" s="19"/>
      <c r="AA13662" s="19"/>
    </row>
    <row r="13663" spans="1:27" s="1" customFormat="1" ht="14.1" customHeight="1" outlineLevel="4" x14ac:dyDescent="0.2">
      <c r="A13663" s="17"/>
      <c r="B13663" s="17"/>
      <c r="C13663" s="17"/>
      <c r="D13663" s="18"/>
      <c r="E13663" s="18"/>
      <c r="F13663" s="18"/>
      <c r="G13663" s="18"/>
      <c r="H13663" s="18"/>
      <c r="I13663" s="18"/>
      <c r="J13663" s="18"/>
      <c r="K13663" s="18"/>
      <c r="L13663" s="18"/>
      <c r="M13663" s="18"/>
      <c r="N13663" s="18"/>
      <c r="O13663" s="18"/>
      <c r="P13663" s="19"/>
      <c r="Q13663" s="19"/>
      <c r="R13663" s="19"/>
      <c r="S13663" s="19"/>
      <c r="T13663" s="19"/>
      <c r="U13663" s="19"/>
      <c r="V13663" s="19"/>
      <c r="W13663" s="19"/>
      <c r="X13663" s="19"/>
      <c r="Y13663" s="19"/>
      <c r="Z13663" s="19"/>
      <c r="AA13663" s="19"/>
    </row>
    <row r="13664" spans="1:27" s="1" customFormat="1" ht="14.1" customHeight="1" outlineLevel="4" x14ac:dyDescent="0.2">
      <c r="A13664" s="17">
        <v>7422</v>
      </c>
      <c r="B13664" s="17"/>
      <c r="C13664" s="17"/>
      <c r="D13664" s="18" t="s">
        <v>6773</v>
      </c>
      <c r="E13664" s="18"/>
      <c r="F13664" s="18"/>
      <c r="G13664" s="18"/>
      <c r="H13664" s="18"/>
      <c r="I13664" s="18"/>
      <c r="J13664" s="18"/>
      <c r="K13664" s="18"/>
      <c r="L13664" s="18"/>
      <c r="M13664" s="18"/>
      <c r="N13664" s="18"/>
      <c r="O13664" s="18"/>
      <c r="P13664" s="19">
        <v>240</v>
      </c>
      <c r="Q13664" s="19"/>
      <c r="R13664" s="19"/>
      <c r="S13664" s="19"/>
      <c r="T13664" s="19">
        <v>145</v>
      </c>
      <c r="U13664" s="19"/>
      <c r="V13664" s="19"/>
      <c r="W13664" s="19"/>
      <c r="X13664" s="19">
        <v>1</v>
      </c>
      <c r="Y13664" s="19"/>
      <c r="Z13664" s="19"/>
      <c r="AA13664" s="19"/>
    </row>
    <row r="13665" spans="1:27" s="1" customFormat="1" ht="14.1" customHeight="1" outlineLevel="4" x14ac:dyDescent="0.2">
      <c r="A13665" s="17"/>
      <c r="B13665" s="17"/>
      <c r="C13665" s="17"/>
      <c r="D13665" s="18"/>
      <c r="E13665" s="18"/>
      <c r="F13665" s="18"/>
      <c r="G13665" s="18"/>
      <c r="H13665" s="18"/>
      <c r="I13665" s="18"/>
      <c r="J13665" s="18"/>
      <c r="K13665" s="18"/>
      <c r="L13665" s="18"/>
      <c r="M13665" s="18"/>
      <c r="N13665" s="18"/>
      <c r="O13665" s="18"/>
      <c r="P13665" s="19"/>
      <c r="Q13665" s="19"/>
      <c r="R13665" s="19"/>
      <c r="S13665" s="19"/>
      <c r="T13665" s="19"/>
      <c r="U13665" s="19"/>
      <c r="V13665" s="19"/>
      <c r="W13665" s="19"/>
      <c r="X13665" s="19"/>
      <c r="Y13665" s="19"/>
      <c r="Z13665" s="19"/>
      <c r="AA13665" s="19"/>
    </row>
    <row r="13666" spans="1:27" s="1" customFormat="1" ht="14.1" customHeight="1" outlineLevel="4" x14ac:dyDescent="0.2">
      <c r="A13666" s="17">
        <v>8225</v>
      </c>
      <c r="B13666" s="17"/>
      <c r="C13666" s="17"/>
      <c r="D13666" s="18" t="s">
        <v>6774</v>
      </c>
      <c r="E13666" s="18"/>
      <c r="F13666" s="18"/>
      <c r="G13666" s="18"/>
      <c r="H13666" s="18"/>
      <c r="I13666" s="18"/>
      <c r="J13666" s="18"/>
      <c r="K13666" s="18"/>
      <c r="L13666" s="18"/>
      <c r="M13666" s="18"/>
      <c r="N13666" s="18"/>
      <c r="O13666" s="18"/>
      <c r="P13666" s="19">
        <v>240</v>
      </c>
      <c r="Q13666" s="19"/>
      <c r="R13666" s="19"/>
      <c r="S13666" s="19"/>
      <c r="T13666" s="19">
        <v>145</v>
      </c>
      <c r="U13666" s="19"/>
      <c r="V13666" s="19"/>
      <c r="W13666" s="19"/>
      <c r="X13666" s="19">
        <v>1</v>
      </c>
      <c r="Y13666" s="19"/>
      <c r="Z13666" s="19"/>
      <c r="AA13666" s="19"/>
    </row>
    <row r="13667" spans="1:27" s="1" customFormat="1" ht="14.1" customHeight="1" outlineLevel="4" x14ac:dyDescent="0.2">
      <c r="A13667" s="17"/>
      <c r="B13667" s="17"/>
      <c r="C13667" s="17"/>
      <c r="D13667" s="18"/>
      <c r="E13667" s="18"/>
      <c r="F13667" s="18"/>
      <c r="G13667" s="18"/>
      <c r="H13667" s="18"/>
      <c r="I13667" s="18"/>
      <c r="J13667" s="18"/>
      <c r="K13667" s="18"/>
      <c r="L13667" s="18"/>
      <c r="M13667" s="18"/>
      <c r="N13667" s="18"/>
      <c r="O13667" s="18"/>
      <c r="P13667" s="19"/>
      <c r="Q13667" s="19"/>
      <c r="R13667" s="19"/>
      <c r="S13667" s="19"/>
      <c r="T13667" s="19"/>
      <c r="U13667" s="19"/>
      <c r="V13667" s="19"/>
      <c r="W13667" s="19"/>
      <c r="X13667" s="19"/>
      <c r="Y13667" s="19"/>
      <c r="Z13667" s="19"/>
      <c r="AA13667" s="19"/>
    </row>
    <row r="13668" spans="1:27" s="1" customFormat="1" ht="14.1" customHeight="1" outlineLevel="4" x14ac:dyDescent="0.2">
      <c r="A13668" s="17">
        <v>8224</v>
      </c>
      <c r="B13668" s="17"/>
      <c r="C13668" s="17"/>
      <c r="D13668" s="18" t="s">
        <v>6775</v>
      </c>
      <c r="E13668" s="18"/>
      <c r="F13668" s="18"/>
      <c r="G13668" s="18"/>
      <c r="H13668" s="18"/>
      <c r="I13668" s="18"/>
      <c r="J13668" s="18"/>
      <c r="K13668" s="18"/>
      <c r="L13668" s="18"/>
      <c r="M13668" s="18"/>
      <c r="N13668" s="18"/>
      <c r="O13668" s="18"/>
      <c r="P13668" s="19">
        <v>240</v>
      </c>
      <c r="Q13668" s="19"/>
      <c r="R13668" s="19"/>
      <c r="S13668" s="19"/>
      <c r="T13668" s="19">
        <v>145</v>
      </c>
      <c r="U13668" s="19"/>
      <c r="V13668" s="19"/>
      <c r="W13668" s="19"/>
      <c r="X13668" s="19">
        <v>1</v>
      </c>
      <c r="Y13668" s="19"/>
      <c r="Z13668" s="19"/>
      <c r="AA13668" s="19"/>
    </row>
    <row r="13669" spans="1:27" s="1" customFormat="1" ht="14.1" customHeight="1" outlineLevel="4" x14ac:dyDescent="0.2">
      <c r="A13669" s="17"/>
      <c r="B13669" s="17"/>
      <c r="C13669" s="17"/>
      <c r="D13669" s="18"/>
      <c r="E13669" s="18"/>
      <c r="F13669" s="18"/>
      <c r="G13669" s="18"/>
      <c r="H13669" s="18"/>
      <c r="I13669" s="18"/>
      <c r="J13669" s="18"/>
      <c r="K13669" s="18"/>
      <c r="L13669" s="18"/>
      <c r="M13669" s="18"/>
      <c r="N13669" s="18"/>
      <c r="O13669" s="18"/>
      <c r="P13669" s="19"/>
      <c r="Q13669" s="19"/>
      <c r="R13669" s="19"/>
      <c r="S13669" s="19"/>
      <c r="T13669" s="19"/>
      <c r="U13669" s="19"/>
      <c r="V13669" s="19"/>
      <c r="W13669" s="19"/>
      <c r="X13669" s="19"/>
      <c r="Y13669" s="19"/>
      <c r="Z13669" s="19"/>
      <c r="AA13669" s="19"/>
    </row>
    <row r="13670" spans="1:27" s="1" customFormat="1" ht="14.1" customHeight="1" outlineLevel="4" x14ac:dyDescent="0.2">
      <c r="A13670" s="17">
        <v>8223</v>
      </c>
      <c r="B13670" s="17"/>
      <c r="C13670" s="17"/>
      <c r="D13670" s="18" t="s">
        <v>6776</v>
      </c>
      <c r="E13670" s="18"/>
      <c r="F13670" s="18"/>
      <c r="G13670" s="18"/>
      <c r="H13670" s="18"/>
      <c r="I13670" s="18"/>
      <c r="J13670" s="18"/>
      <c r="K13670" s="18"/>
      <c r="L13670" s="18"/>
      <c r="M13670" s="18"/>
      <c r="N13670" s="18"/>
      <c r="O13670" s="18"/>
      <c r="P13670" s="19">
        <v>240</v>
      </c>
      <c r="Q13670" s="19"/>
      <c r="R13670" s="19"/>
      <c r="S13670" s="19"/>
      <c r="T13670" s="19">
        <v>145</v>
      </c>
      <c r="U13670" s="19"/>
      <c r="V13670" s="19"/>
      <c r="W13670" s="19"/>
      <c r="X13670" s="19">
        <v>1</v>
      </c>
      <c r="Y13670" s="19"/>
      <c r="Z13670" s="19"/>
      <c r="AA13670" s="19"/>
    </row>
    <row r="13671" spans="1:27" s="1" customFormat="1" ht="14.1" customHeight="1" outlineLevel="4" x14ac:dyDescent="0.2">
      <c r="A13671" s="17"/>
      <c r="B13671" s="17"/>
      <c r="C13671" s="17"/>
      <c r="D13671" s="18"/>
      <c r="E13671" s="18"/>
      <c r="F13671" s="18"/>
      <c r="G13671" s="18"/>
      <c r="H13671" s="18"/>
      <c r="I13671" s="18"/>
      <c r="J13671" s="18"/>
      <c r="K13671" s="18"/>
      <c r="L13671" s="18"/>
      <c r="M13671" s="18"/>
      <c r="N13671" s="18"/>
      <c r="O13671" s="18"/>
      <c r="P13671" s="19"/>
      <c r="Q13671" s="19"/>
      <c r="R13671" s="19"/>
      <c r="S13671" s="19"/>
      <c r="T13671" s="19"/>
      <c r="U13671" s="19"/>
      <c r="V13671" s="19"/>
      <c r="W13671" s="19"/>
      <c r="X13671" s="19"/>
      <c r="Y13671" s="19"/>
      <c r="Z13671" s="19"/>
      <c r="AA13671" s="19"/>
    </row>
    <row r="13672" spans="1:27" s="1" customFormat="1" ht="14.1" customHeight="1" outlineLevel="4" x14ac:dyDescent="0.2">
      <c r="A13672" s="17">
        <v>7418</v>
      </c>
      <c r="B13672" s="17"/>
      <c r="C13672" s="17"/>
      <c r="D13672" s="18" t="s">
        <v>6777</v>
      </c>
      <c r="E13672" s="18"/>
      <c r="F13672" s="18"/>
      <c r="G13672" s="18"/>
      <c r="H13672" s="18"/>
      <c r="I13672" s="18"/>
      <c r="J13672" s="18"/>
      <c r="K13672" s="18"/>
      <c r="L13672" s="18"/>
      <c r="M13672" s="18"/>
      <c r="N13672" s="18"/>
      <c r="O13672" s="18"/>
      <c r="P13672" s="19">
        <v>240</v>
      </c>
      <c r="Q13672" s="19"/>
      <c r="R13672" s="19"/>
      <c r="S13672" s="19"/>
      <c r="T13672" s="19">
        <v>145</v>
      </c>
      <c r="U13672" s="19"/>
      <c r="V13672" s="19"/>
      <c r="W13672" s="19"/>
      <c r="X13672" s="19">
        <v>1</v>
      </c>
      <c r="Y13672" s="19"/>
      <c r="Z13672" s="19"/>
      <c r="AA13672" s="19"/>
    </row>
    <row r="13673" spans="1:27" s="1" customFormat="1" ht="14.1" customHeight="1" outlineLevel="4" x14ac:dyDescent="0.2">
      <c r="A13673" s="17"/>
      <c r="B13673" s="17"/>
      <c r="C13673" s="17"/>
      <c r="D13673" s="18"/>
      <c r="E13673" s="18"/>
      <c r="F13673" s="18"/>
      <c r="G13673" s="18"/>
      <c r="H13673" s="18"/>
      <c r="I13673" s="18"/>
      <c r="J13673" s="18"/>
      <c r="K13673" s="18"/>
      <c r="L13673" s="18"/>
      <c r="M13673" s="18"/>
      <c r="N13673" s="18"/>
      <c r="O13673" s="18"/>
      <c r="P13673" s="19"/>
      <c r="Q13673" s="19"/>
      <c r="R13673" s="19"/>
      <c r="S13673" s="19"/>
      <c r="T13673" s="19"/>
      <c r="U13673" s="19"/>
      <c r="V13673" s="19"/>
      <c r="W13673" s="19"/>
      <c r="X13673" s="19"/>
      <c r="Y13673" s="19"/>
      <c r="Z13673" s="19"/>
      <c r="AA13673" s="19"/>
    </row>
    <row r="13674" spans="1:27" s="1" customFormat="1" ht="14.1" customHeight="1" outlineLevel="4" x14ac:dyDescent="0.2">
      <c r="A13674" s="17">
        <v>7425</v>
      </c>
      <c r="B13674" s="17"/>
      <c r="C13674" s="17"/>
      <c r="D13674" s="18" t="s">
        <v>6778</v>
      </c>
      <c r="E13674" s="18"/>
      <c r="F13674" s="18"/>
      <c r="G13674" s="18"/>
      <c r="H13674" s="18"/>
      <c r="I13674" s="18"/>
      <c r="J13674" s="18"/>
      <c r="K13674" s="18"/>
      <c r="L13674" s="18"/>
      <c r="M13674" s="18"/>
      <c r="N13674" s="18"/>
      <c r="O13674" s="18"/>
      <c r="P13674" s="19">
        <v>240</v>
      </c>
      <c r="Q13674" s="19"/>
      <c r="R13674" s="19"/>
      <c r="S13674" s="19"/>
      <c r="T13674" s="19">
        <v>145</v>
      </c>
      <c r="U13674" s="19"/>
      <c r="V13674" s="19"/>
      <c r="W13674" s="19"/>
      <c r="X13674" s="19">
        <v>1</v>
      </c>
      <c r="Y13674" s="19"/>
      <c r="Z13674" s="19"/>
      <c r="AA13674" s="19"/>
    </row>
    <row r="13675" spans="1:27" s="1" customFormat="1" ht="14.1" customHeight="1" outlineLevel="4" x14ac:dyDescent="0.2">
      <c r="A13675" s="17"/>
      <c r="B13675" s="17"/>
      <c r="C13675" s="17"/>
      <c r="D13675" s="18"/>
      <c r="E13675" s="18"/>
      <c r="F13675" s="18"/>
      <c r="G13675" s="18"/>
      <c r="H13675" s="18"/>
      <c r="I13675" s="18"/>
      <c r="J13675" s="18"/>
      <c r="K13675" s="18"/>
      <c r="L13675" s="18"/>
      <c r="M13675" s="18"/>
      <c r="N13675" s="18"/>
      <c r="O13675" s="18"/>
      <c r="P13675" s="19"/>
      <c r="Q13675" s="19"/>
      <c r="R13675" s="19"/>
      <c r="S13675" s="19"/>
      <c r="T13675" s="19"/>
      <c r="U13675" s="19"/>
      <c r="V13675" s="19"/>
      <c r="W13675" s="19"/>
      <c r="X13675" s="19"/>
      <c r="Y13675" s="19"/>
      <c r="Z13675" s="19"/>
      <c r="AA13675" s="19"/>
    </row>
    <row r="13676" spans="1:27" s="1" customFormat="1" ht="14.1" customHeight="1" outlineLevel="4" x14ac:dyDescent="0.2">
      <c r="A13676" s="17">
        <v>8182</v>
      </c>
      <c r="B13676" s="17"/>
      <c r="C13676" s="17"/>
      <c r="D13676" s="18" t="s">
        <v>6779</v>
      </c>
      <c r="E13676" s="18"/>
      <c r="F13676" s="18"/>
      <c r="G13676" s="18"/>
      <c r="H13676" s="18"/>
      <c r="I13676" s="18"/>
      <c r="J13676" s="18"/>
      <c r="K13676" s="18"/>
      <c r="L13676" s="18"/>
      <c r="M13676" s="18"/>
      <c r="N13676" s="18"/>
      <c r="O13676" s="18"/>
      <c r="P13676" s="19">
        <v>240</v>
      </c>
      <c r="Q13676" s="19"/>
      <c r="R13676" s="19"/>
      <c r="S13676" s="19"/>
      <c r="T13676" s="19">
        <v>145</v>
      </c>
      <c r="U13676" s="19"/>
      <c r="V13676" s="19"/>
      <c r="W13676" s="19"/>
      <c r="X13676" s="19">
        <v>1</v>
      </c>
      <c r="Y13676" s="19"/>
      <c r="Z13676" s="19"/>
      <c r="AA13676" s="19"/>
    </row>
    <row r="13677" spans="1:27" s="1" customFormat="1" ht="14.1" customHeight="1" outlineLevel="4" x14ac:dyDescent="0.2">
      <c r="A13677" s="17"/>
      <c r="B13677" s="17"/>
      <c r="C13677" s="17"/>
      <c r="D13677" s="18"/>
      <c r="E13677" s="18"/>
      <c r="F13677" s="18"/>
      <c r="G13677" s="18"/>
      <c r="H13677" s="18"/>
      <c r="I13677" s="18"/>
      <c r="J13677" s="18"/>
      <c r="K13677" s="18"/>
      <c r="L13677" s="18"/>
      <c r="M13677" s="18"/>
      <c r="N13677" s="18"/>
      <c r="O13677" s="18"/>
      <c r="P13677" s="19"/>
      <c r="Q13677" s="19"/>
      <c r="R13677" s="19"/>
      <c r="S13677" s="19"/>
      <c r="T13677" s="19"/>
      <c r="U13677" s="19"/>
      <c r="V13677" s="19"/>
      <c r="W13677" s="19"/>
      <c r="X13677" s="19"/>
      <c r="Y13677" s="19"/>
      <c r="Z13677" s="19"/>
      <c r="AA13677" s="19"/>
    </row>
    <row r="13678" spans="1:27" s="1" customFormat="1" ht="14.1" customHeight="1" outlineLevel="4" x14ac:dyDescent="0.2">
      <c r="A13678" s="17">
        <v>8189</v>
      </c>
      <c r="B13678" s="17"/>
      <c r="C13678" s="17"/>
      <c r="D13678" s="18" t="s">
        <v>6780</v>
      </c>
      <c r="E13678" s="18"/>
      <c r="F13678" s="18"/>
      <c r="G13678" s="18"/>
      <c r="H13678" s="18"/>
      <c r="I13678" s="18"/>
      <c r="J13678" s="18"/>
      <c r="K13678" s="18"/>
      <c r="L13678" s="18"/>
      <c r="M13678" s="18"/>
      <c r="N13678" s="18"/>
      <c r="O13678" s="18"/>
      <c r="P13678" s="19">
        <v>240</v>
      </c>
      <c r="Q13678" s="19"/>
      <c r="R13678" s="19"/>
      <c r="S13678" s="19"/>
      <c r="T13678" s="19">
        <v>145</v>
      </c>
      <c r="U13678" s="19"/>
      <c r="V13678" s="19"/>
      <c r="W13678" s="19"/>
      <c r="X13678" s="19">
        <v>1</v>
      </c>
      <c r="Y13678" s="19"/>
      <c r="Z13678" s="19"/>
      <c r="AA13678" s="19"/>
    </row>
    <row r="13679" spans="1:27" s="1" customFormat="1" ht="14.1" customHeight="1" outlineLevel="4" x14ac:dyDescent="0.2">
      <c r="A13679" s="17"/>
      <c r="B13679" s="17"/>
      <c r="C13679" s="17"/>
      <c r="D13679" s="18"/>
      <c r="E13679" s="18"/>
      <c r="F13679" s="18"/>
      <c r="G13679" s="18"/>
      <c r="H13679" s="18"/>
      <c r="I13679" s="18"/>
      <c r="J13679" s="18"/>
      <c r="K13679" s="18"/>
      <c r="L13679" s="18"/>
      <c r="M13679" s="18"/>
      <c r="N13679" s="18"/>
      <c r="O13679" s="18"/>
      <c r="P13679" s="19"/>
      <c r="Q13679" s="19"/>
      <c r="R13679" s="19"/>
      <c r="S13679" s="19"/>
      <c r="T13679" s="19"/>
      <c r="U13679" s="19"/>
      <c r="V13679" s="19"/>
      <c r="W13679" s="19"/>
      <c r="X13679" s="19"/>
      <c r="Y13679" s="19"/>
      <c r="Z13679" s="19"/>
      <c r="AA13679" s="19"/>
    </row>
    <row r="13680" spans="1:27" s="1" customFormat="1" ht="14.1" customHeight="1" outlineLevel="4" x14ac:dyDescent="0.2">
      <c r="A13680" s="17">
        <v>8195</v>
      </c>
      <c r="B13680" s="17"/>
      <c r="C13680" s="17"/>
      <c r="D13680" s="18" t="s">
        <v>6781</v>
      </c>
      <c r="E13680" s="18"/>
      <c r="F13680" s="18"/>
      <c r="G13680" s="18"/>
      <c r="H13680" s="18"/>
      <c r="I13680" s="18"/>
      <c r="J13680" s="18"/>
      <c r="K13680" s="18"/>
      <c r="L13680" s="18"/>
      <c r="M13680" s="18"/>
      <c r="N13680" s="18"/>
      <c r="O13680" s="18"/>
      <c r="P13680" s="19">
        <v>240</v>
      </c>
      <c r="Q13680" s="19"/>
      <c r="R13680" s="19"/>
      <c r="S13680" s="19"/>
      <c r="T13680" s="19">
        <v>145</v>
      </c>
      <c r="U13680" s="19"/>
      <c r="V13680" s="19"/>
      <c r="W13680" s="19"/>
      <c r="X13680" s="19">
        <v>1</v>
      </c>
      <c r="Y13680" s="19"/>
      <c r="Z13680" s="19"/>
      <c r="AA13680" s="19"/>
    </row>
    <row r="13681" spans="1:27" s="1" customFormat="1" ht="14.1" customHeight="1" outlineLevel="4" x14ac:dyDescent="0.2">
      <c r="A13681" s="17"/>
      <c r="B13681" s="17"/>
      <c r="C13681" s="17"/>
      <c r="D13681" s="18"/>
      <c r="E13681" s="18"/>
      <c r="F13681" s="18"/>
      <c r="G13681" s="18"/>
      <c r="H13681" s="18"/>
      <c r="I13681" s="18"/>
      <c r="J13681" s="18"/>
      <c r="K13681" s="18"/>
      <c r="L13681" s="18"/>
      <c r="M13681" s="18"/>
      <c r="N13681" s="18"/>
      <c r="O13681" s="18"/>
      <c r="P13681" s="19"/>
      <c r="Q13681" s="19"/>
      <c r="R13681" s="19"/>
      <c r="S13681" s="19"/>
      <c r="T13681" s="19"/>
      <c r="U13681" s="19"/>
      <c r="V13681" s="19"/>
      <c r="W13681" s="19"/>
      <c r="X13681" s="19"/>
      <c r="Y13681" s="19"/>
      <c r="Z13681" s="19"/>
      <c r="AA13681" s="19"/>
    </row>
    <row r="13682" spans="1:27" s="1" customFormat="1" ht="11.1" customHeight="1" outlineLevel="4" x14ac:dyDescent="0.2">
      <c r="A13682" s="17">
        <v>7416</v>
      </c>
      <c r="B13682" s="17"/>
      <c r="C13682" s="17"/>
      <c r="D13682" s="18" t="s">
        <v>6782</v>
      </c>
      <c r="E13682" s="18"/>
      <c r="F13682" s="18"/>
      <c r="G13682" s="18"/>
      <c r="H13682" s="18"/>
      <c r="I13682" s="18"/>
      <c r="J13682" s="18"/>
      <c r="K13682" s="18"/>
      <c r="L13682" s="18"/>
      <c r="M13682" s="18"/>
      <c r="N13682" s="18"/>
      <c r="O13682" s="18"/>
      <c r="P13682" s="19">
        <v>240</v>
      </c>
      <c r="Q13682" s="19"/>
      <c r="R13682" s="19"/>
      <c r="S13682" s="19"/>
      <c r="T13682" s="19">
        <v>145</v>
      </c>
      <c r="U13682" s="19"/>
      <c r="V13682" s="19"/>
      <c r="W13682" s="19"/>
      <c r="X13682" s="19">
        <v>1</v>
      </c>
      <c r="Y13682" s="19"/>
      <c r="Z13682" s="19"/>
      <c r="AA13682" s="19"/>
    </row>
    <row r="13683" spans="1:27" s="1" customFormat="1" ht="11.1" customHeight="1" outlineLevel="4" x14ac:dyDescent="0.2">
      <c r="A13683" s="17"/>
      <c r="B13683" s="17"/>
      <c r="C13683" s="17"/>
      <c r="D13683" s="18"/>
      <c r="E13683" s="18"/>
      <c r="F13683" s="18"/>
      <c r="G13683" s="18"/>
      <c r="H13683" s="18"/>
      <c r="I13683" s="18"/>
      <c r="J13683" s="18"/>
      <c r="K13683" s="18"/>
      <c r="L13683" s="18"/>
      <c r="M13683" s="18"/>
      <c r="N13683" s="18"/>
      <c r="O13683" s="18"/>
      <c r="P13683" s="19"/>
      <c r="Q13683" s="19"/>
      <c r="R13683" s="19"/>
      <c r="S13683" s="19"/>
      <c r="T13683" s="19"/>
      <c r="U13683" s="19"/>
      <c r="V13683" s="19"/>
      <c r="W13683" s="19"/>
      <c r="X13683" s="19"/>
      <c r="Y13683" s="19"/>
      <c r="Z13683" s="19"/>
      <c r="AA13683" s="19"/>
    </row>
    <row r="13684" spans="1:27" s="1" customFormat="1" ht="14.1" customHeight="1" outlineLevel="4" x14ac:dyDescent="0.2">
      <c r="A13684" s="17">
        <v>4819</v>
      </c>
      <c r="B13684" s="17"/>
      <c r="C13684" s="17"/>
      <c r="D13684" s="18" t="s">
        <v>6783</v>
      </c>
      <c r="E13684" s="18"/>
      <c r="F13684" s="18"/>
      <c r="G13684" s="18"/>
      <c r="H13684" s="18"/>
      <c r="I13684" s="18"/>
      <c r="J13684" s="18"/>
      <c r="K13684" s="18"/>
      <c r="L13684" s="18"/>
      <c r="M13684" s="18"/>
      <c r="N13684" s="18"/>
      <c r="O13684" s="18"/>
      <c r="P13684" s="19">
        <v>170</v>
      </c>
      <c r="Q13684" s="19"/>
      <c r="R13684" s="19"/>
      <c r="S13684" s="19"/>
      <c r="T13684" s="19">
        <v>90</v>
      </c>
      <c r="U13684" s="19"/>
      <c r="V13684" s="19"/>
      <c r="W13684" s="19"/>
      <c r="X13684" s="19">
        <v>1</v>
      </c>
      <c r="Y13684" s="19"/>
      <c r="Z13684" s="19"/>
      <c r="AA13684" s="19"/>
    </row>
    <row r="13685" spans="1:27" s="1" customFormat="1" ht="14.1" customHeight="1" outlineLevel="4" x14ac:dyDescent="0.2">
      <c r="A13685" s="17"/>
      <c r="B13685" s="17"/>
      <c r="C13685" s="17"/>
      <c r="D13685" s="18"/>
      <c r="E13685" s="18"/>
      <c r="F13685" s="18"/>
      <c r="G13685" s="18"/>
      <c r="H13685" s="18"/>
      <c r="I13685" s="18"/>
      <c r="J13685" s="18"/>
      <c r="K13685" s="18"/>
      <c r="L13685" s="18"/>
      <c r="M13685" s="18"/>
      <c r="N13685" s="18"/>
      <c r="O13685" s="18"/>
      <c r="P13685" s="19"/>
      <c r="Q13685" s="19"/>
      <c r="R13685" s="19"/>
      <c r="S13685" s="19"/>
      <c r="T13685" s="19"/>
      <c r="U13685" s="19"/>
      <c r="V13685" s="19"/>
      <c r="W13685" s="19"/>
      <c r="X13685" s="19"/>
      <c r="Y13685" s="19"/>
      <c r="Z13685" s="19"/>
      <c r="AA13685" s="19"/>
    </row>
    <row r="13686" spans="1:27" s="1" customFormat="1" ht="14.1" customHeight="1" outlineLevel="4" x14ac:dyDescent="0.2">
      <c r="A13686" s="17">
        <v>7475</v>
      </c>
      <c r="B13686" s="17"/>
      <c r="C13686" s="17"/>
      <c r="D13686" s="18" t="s">
        <v>6784</v>
      </c>
      <c r="E13686" s="18"/>
      <c r="F13686" s="18"/>
      <c r="G13686" s="18"/>
      <c r="H13686" s="18"/>
      <c r="I13686" s="18"/>
      <c r="J13686" s="18"/>
      <c r="K13686" s="18"/>
      <c r="L13686" s="18"/>
      <c r="M13686" s="18"/>
      <c r="N13686" s="18"/>
      <c r="O13686" s="18"/>
      <c r="P13686" s="19">
        <v>240</v>
      </c>
      <c r="Q13686" s="19"/>
      <c r="R13686" s="19"/>
      <c r="S13686" s="19"/>
      <c r="T13686" s="19">
        <v>140</v>
      </c>
      <c r="U13686" s="19"/>
      <c r="V13686" s="19"/>
      <c r="W13686" s="19"/>
      <c r="X13686" s="19">
        <v>1</v>
      </c>
      <c r="Y13686" s="19"/>
      <c r="Z13686" s="19"/>
      <c r="AA13686" s="19"/>
    </row>
    <row r="13687" spans="1:27" s="1" customFormat="1" ht="14.1" customHeight="1" outlineLevel="4" x14ac:dyDescent="0.2">
      <c r="A13687" s="17"/>
      <c r="B13687" s="17"/>
      <c r="C13687" s="17"/>
      <c r="D13687" s="18"/>
      <c r="E13687" s="18"/>
      <c r="F13687" s="18"/>
      <c r="G13687" s="18"/>
      <c r="H13687" s="18"/>
      <c r="I13687" s="18"/>
      <c r="J13687" s="18"/>
      <c r="K13687" s="18"/>
      <c r="L13687" s="18"/>
      <c r="M13687" s="18"/>
      <c r="N13687" s="18"/>
      <c r="O13687" s="18"/>
      <c r="P13687" s="19"/>
      <c r="Q13687" s="19"/>
      <c r="R13687" s="19"/>
      <c r="S13687" s="19"/>
      <c r="T13687" s="19"/>
      <c r="U13687" s="19"/>
      <c r="V13687" s="19"/>
      <c r="W13687" s="19"/>
      <c r="X13687" s="19"/>
      <c r="Y13687" s="19"/>
      <c r="Z13687" s="19"/>
      <c r="AA13687" s="19"/>
    </row>
    <row r="13688" spans="1:27" s="1" customFormat="1" ht="14.1" customHeight="1" outlineLevel="4" x14ac:dyDescent="0.2">
      <c r="A13688" s="17">
        <v>7477</v>
      </c>
      <c r="B13688" s="17"/>
      <c r="C13688" s="17"/>
      <c r="D13688" s="18" t="s">
        <v>6785</v>
      </c>
      <c r="E13688" s="18"/>
      <c r="F13688" s="18"/>
      <c r="G13688" s="18"/>
      <c r="H13688" s="18"/>
      <c r="I13688" s="18"/>
      <c r="J13688" s="18"/>
      <c r="K13688" s="18"/>
      <c r="L13688" s="18"/>
      <c r="M13688" s="18"/>
      <c r="N13688" s="18"/>
      <c r="O13688" s="18"/>
      <c r="P13688" s="19">
        <v>240</v>
      </c>
      <c r="Q13688" s="19"/>
      <c r="R13688" s="19"/>
      <c r="S13688" s="19"/>
      <c r="T13688" s="19">
        <v>140</v>
      </c>
      <c r="U13688" s="19"/>
      <c r="V13688" s="19"/>
      <c r="W13688" s="19"/>
      <c r="X13688" s="19">
        <v>3</v>
      </c>
      <c r="Y13688" s="19"/>
      <c r="Z13688" s="19"/>
      <c r="AA13688" s="19"/>
    </row>
    <row r="13689" spans="1:27" s="1" customFormat="1" ht="14.1" customHeight="1" outlineLevel="4" x14ac:dyDescent="0.2">
      <c r="A13689" s="17"/>
      <c r="B13689" s="17"/>
      <c r="C13689" s="17"/>
      <c r="D13689" s="18"/>
      <c r="E13689" s="18"/>
      <c r="F13689" s="18"/>
      <c r="G13689" s="18"/>
      <c r="H13689" s="18"/>
      <c r="I13689" s="18"/>
      <c r="J13689" s="18"/>
      <c r="K13689" s="18"/>
      <c r="L13689" s="18"/>
      <c r="M13689" s="18"/>
      <c r="N13689" s="18"/>
      <c r="O13689" s="18"/>
      <c r="P13689" s="19"/>
      <c r="Q13689" s="19"/>
      <c r="R13689" s="19"/>
      <c r="S13689" s="19"/>
      <c r="T13689" s="19"/>
      <c r="U13689" s="19"/>
      <c r="V13689" s="19"/>
      <c r="W13689" s="19"/>
      <c r="X13689" s="19"/>
      <c r="Y13689" s="19"/>
      <c r="Z13689" s="19"/>
      <c r="AA13689" s="19"/>
    </row>
    <row r="13690" spans="1:27" s="1" customFormat="1" ht="14.1" customHeight="1" outlineLevel="4" x14ac:dyDescent="0.2">
      <c r="A13690" s="17">
        <v>7481</v>
      </c>
      <c r="B13690" s="17"/>
      <c r="C13690" s="17"/>
      <c r="D13690" s="18" t="s">
        <v>6786</v>
      </c>
      <c r="E13690" s="18"/>
      <c r="F13690" s="18"/>
      <c r="G13690" s="18"/>
      <c r="H13690" s="18"/>
      <c r="I13690" s="18"/>
      <c r="J13690" s="18"/>
      <c r="K13690" s="18"/>
      <c r="L13690" s="18"/>
      <c r="M13690" s="18"/>
      <c r="N13690" s="18"/>
      <c r="O13690" s="18"/>
      <c r="P13690" s="19">
        <v>240</v>
      </c>
      <c r="Q13690" s="19"/>
      <c r="R13690" s="19"/>
      <c r="S13690" s="19"/>
      <c r="T13690" s="19">
        <v>140</v>
      </c>
      <c r="U13690" s="19"/>
      <c r="V13690" s="19"/>
      <c r="W13690" s="19"/>
      <c r="X13690" s="19">
        <v>3</v>
      </c>
      <c r="Y13690" s="19"/>
      <c r="Z13690" s="19"/>
      <c r="AA13690" s="19"/>
    </row>
    <row r="13691" spans="1:27" s="1" customFormat="1" ht="14.1" customHeight="1" outlineLevel="4" x14ac:dyDescent="0.2">
      <c r="A13691" s="17"/>
      <c r="B13691" s="17"/>
      <c r="C13691" s="17"/>
      <c r="D13691" s="18"/>
      <c r="E13691" s="18"/>
      <c r="F13691" s="18"/>
      <c r="G13691" s="18"/>
      <c r="H13691" s="18"/>
      <c r="I13691" s="18"/>
      <c r="J13691" s="18"/>
      <c r="K13691" s="18"/>
      <c r="L13691" s="18"/>
      <c r="M13691" s="18"/>
      <c r="N13691" s="18"/>
      <c r="O13691" s="18"/>
      <c r="P13691" s="19"/>
      <c r="Q13691" s="19"/>
      <c r="R13691" s="19"/>
      <c r="S13691" s="19"/>
      <c r="T13691" s="19"/>
      <c r="U13691" s="19"/>
      <c r="V13691" s="19"/>
      <c r="W13691" s="19"/>
      <c r="X13691" s="19"/>
      <c r="Y13691" s="19"/>
      <c r="Z13691" s="19"/>
      <c r="AA13691" s="19"/>
    </row>
    <row r="13692" spans="1:27" s="1" customFormat="1" ht="14.1" customHeight="1" outlineLevel="4" x14ac:dyDescent="0.2">
      <c r="A13692" s="17">
        <v>7480</v>
      </c>
      <c r="B13692" s="17"/>
      <c r="C13692" s="17"/>
      <c r="D13692" s="18" t="s">
        <v>6787</v>
      </c>
      <c r="E13692" s="18"/>
      <c r="F13692" s="18"/>
      <c r="G13692" s="18"/>
      <c r="H13692" s="18"/>
      <c r="I13692" s="18"/>
      <c r="J13692" s="18"/>
      <c r="K13692" s="18"/>
      <c r="L13692" s="18"/>
      <c r="M13692" s="18"/>
      <c r="N13692" s="18"/>
      <c r="O13692" s="18"/>
      <c r="P13692" s="19">
        <v>240</v>
      </c>
      <c r="Q13692" s="19"/>
      <c r="R13692" s="19"/>
      <c r="S13692" s="19"/>
      <c r="T13692" s="19">
        <v>140</v>
      </c>
      <c r="U13692" s="19"/>
      <c r="V13692" s="19"/>
      <c r="W13692" s="19"/>
      <c r="X13692" s="19">
        <v>2</v>
      </c>
      <c r="Y13692" s="19"/>
      <c r="Z13692" s="19"/>
      <c r="AA13692" s="19"/>
    </row>
    <row r="13693" spans="1:27" s="1" customFormat="1" ht="14.1" customHeight="1" outlineLevel="4" x14ac:dyDescent="0.2">
      <c r="A13693" s="17"/>
      <c r="B13693" s="17"/>
      <c r="C13693" s="17"/>
      <c r="D13693" s="18"/>
      <c r="E13693" s="18"/>
      <c r="F13693" s="18"/>
      <c r="G13693" s="18"/>
      <c r="H13693" s="18"/>
      <c r="I13693" s="18"/>
      <c r="J13693" s="18"/>
      <c r="K13693" s="18"/>
      <c r="L13693" s="18"/>
      <c r="M13693" s="18"/>
      <c r="N13693" s="18"/>
      <c r="O13693" s="18"/>
      <c r="P13693" s="19"/>
      <c r="Q13693" s="19"/>
      <c r="R13693" s="19"/>
      <c r="S13693" s="19"/>
      <c r="T13693" s="19"/>
      <c r="U13693" s="19"/>
      <c r="V13693" s="19"/>
      <c r="W13693" s="19"/>
      <c r="X13693" s="19"/>
      <c r="Y13693" s="19"/>
      <c r="Z13693" s="19"/>
      <c r="AA13693" s="19"/>
    </row>
    <row r="13694" spans="1:27" s="1" customFormat="1" ht="11.1" customHeight="1" outlineLevel="4" x14ac:dyDescent="0.2">
      <c r="A13694" s="17">
        <v>18018</v>
      </c>
      <c r="B13694" s="17"/>
      <c r="C13694" s="17"/>
      <c r="D13694" s="18" t="s">
        <v>6788</v>
      </c>
      <c r="E13694" s="18"/>
      <c r="F13694" s="18"/>
      <c r="G13694" s="18"/>
      <c r="H13694" s="18"/>
      <c r="I13694" s="18"/>
      <c r="J13694" s="18"/>
      <c r="K13694" s="18"/>
      <c r="L13694" s="18"/>
      <c r="M13694" s="18"/>
      <c r="N13694" s="18"/>
      <c r="O13694" s="18"/>
      <c r="P13694" s="19">
        <v>250</v>
      </c>
      <c r="Q13694" s="19"/>
      <c r="R13694" s="19"/>
      <c r="S13694" s="19"/>
      <c r="T13694" s="19">
        <v>130</v>
      </c>
      <c r="U13694" s="19"/>
      <c r="V13694" s="19"/>
      <c r="W13694" s="19"/>
      <c r="X13694" s="19">
        <v>1</v>
      </c>
      <c r="Y13694" s="19"/>
      <c r="Z13694" s="19"/>
      <c r="AA13694" s="19"/>
    </row>
    <row r="13695" spans="1:27" s="1" customFormat="1" ht="11.1" customHeight="1" outlineLevel="4" x14ac:dyDescent="0.2">
      <c r="A13695" s="17"/>
      <c r="B13695" s="17"/>
      <c r="C13695" s="17"/>
      <c r="D13695" s="18"/>
      <c r="E13695" s="18"/>
      <c r="F13695" s="18"/>
      <c r="G13695" s="18"/>
      <c r="H13695" s="18"/>
      <c r="I13695" s="18"/>
      <c r="J13695" s="18"/>
      <c r="K13695" s="18"/>
      <c r="L13695" s="18"/>
      <c r="M13695" s="18"/>
      <c r="N13695" s="18"/>
      <c r="O13695" s="18"/>
      <c r="P13695" s="19"/>
      <c r="Q13695" s="19"/>
      <c r="R13695" s="19"/>
      <c r="S13695" s="19"/>
      <c r="T13695" s="19"/>
      <c r="U13695" s="19"/>
      <c r="V13695" s="19"/>
      <c r="W13695" s="19"/>
      <c r="X13695" s="19"/>
      <c r="Y13695" s="19"/>
      <c r="Z13695" s="19"/>
      <c r="AA13695" s="19"/>
    </row>
    <row r="13696" spans="1:27" s="1" customFormat="1" ht="14.1" customHeight="1" outlineLevel="4" x14ac:dyDescent="0.2">
      <c r="A13696" s="17">
        <v>15250</v>
      </c>
      <c r="B13696" s="17"/>
      <c r="C13696" s="17"/>
      <c r="D13696" s="18" t="s">
        <v>6789</v>
      </c>
      <c r="E13696" s="18"/>
      <c r="F13696" s="18"/>
      <c r="G13696" s="18"/>
      <c r="H13696" s="18"/>
      <c r="I13696" s="18"/>
      <c r="J13696" s="18"/>
      <c r="K13696" s="18"/>
      <c r="L13696" s="18"/>
      <c r="M13696" s="18"/>
      <c r="N13696" s="18"/>
      <c r="O13696" s="18"/>
      <c r="P13696" s="19">
        <v>200</v>
      </c>
      <c r="Q13696" s="19"/>
      <c r="R13696" s="19"/>
      <c r="S13696" s="19"/>
      <c r="T13696" s="19">
        <v>150</v>
      </c>
      <c r="U13696" s="19"/>
      <c r="V13696" s="19"/>
      <c r="W13696" s="19"/>
      <c r="X13696" s="19">
        <v>4</v>
      </c>
      <c r="Y13696" s="19"/>
      <c r="Z13696" s="19"/>
      <c r="AA13696" s="19"/>
    </row>
    <row r="13697" spans="1:27" s="1" customFormat="1" ht="14.1" customHeight="1" outlineLevel="4" x14ac:dyDescent="0.2">
      <c r="A13697" s="17"/>
      <c r="B13697" s="17"/>
      <c r="C13697" s="17"/>
      <c r="D13697" s="18"/>
      <c r="E13697" s="18"/>
      <c r="F13697" s="18"/>
      <c r="G13697" s="18"/>
      <c r="H13697" s="18"/>
      <c r="I13697" s="18"/>
      <c r="J13697" s="18"/>
      <c r="K13697" s="18"/>
      <c r="L13697" s="18"/>
      <c r="M13697" s="18"/>
      <c r="N13697" s="18"/>
      <c r="O13697" s="18"/>
      <c r="P13697" s="19"/>
      <c r="Q13697" s="19"/>
      <c r="R13697" s="19"/>
      <c r="S13697" s="19"/>
      <c r="T13697" s="19"/>
      <c r="U13697" s="19"/>
      <c r="V13697" s="19"/>
      <c r="W13697" s="19"/>
      <c r="X13697" s="19"/>
      <c r="Y13697" s="19"/>
      <c r="Z13697" s="19"/>
      <c r="AA13697" s="19"/>
    </row>
    <row r="13698" spans="1:27" s="1" customFormat="1" ht="11.1" customHeight="1" outlineLevel="3" x14ac:dyDescent="0.2">
      <c r="A13698" s="16" t="s">
        <v>1295</v>
      </c>
      <c r="B13698" s="16"/>
      <c r="C13698" s="16"/>
      <c r="D13698" s="16"/>
      <c r="E13698" s="16"/>
      <c r="F13698" s="16"/>
      <c r="G13698" s="16"/>
      <c r="H13698" s="16"/>
      <c r="I13698" s="16"/>
      <c r="J13698" s="16"/>
      <c r="K13698" s="16"/>
      <c r="L13698" s="16"/>
      <c r="M13698" s="16"/>
      <c r="N13698" s="16"/>
      <c r="O13698" s="16"/>
      <c r="P13698" s="16"/>
      <c r="Q13698" s="16"/>
      <c r="R13698" s="16"/>
      <c r="S13698" s="16"/>
      <c r="T13698" s="16"/>
      <c r="U13698" s="16"/>
      <c r="V13698" s="16"/>
      <c r="W13698" s="16"/>
      <c r="X13698" s="16"/>
      <c r="Y13698" s="16"/>
      <c r="Z13698" s="16"/>
      <c r="AA13698" s="16"/>
    </row>
    <row r="13699" spans="1:27" s="1" customFormat="1" ht="11.1" customHeight="1" outlineLevel="3" x14ac:dyDescent="0.2">
      <c r="A13699" s="16"/>
      <c r="B13699" s="16"/>
      <c r="C13699" s="16"/>
      <c r="D13699" s="16"/>
      <c r="E13699" s="16"/>
      <c r="F13699" s="16"/>
      <c r="G13699" s="16"/>
      <c r="H13699" s="16"/>
      <c r="I13699" s="16"/>
      <c r="J13699" s="16"/>
      <c r="K13699" s="16"/>
      <c r="L13699" s="16"/>
      <c r="M13699" s="16"/>
      <c r="N13699" s="16"/>
      <c r="O13699" s="16"/>
      <c r="P13699" s="16"/>
      <c r="Q13699" s="16"/>
      <c r="R13699" s="16"/>
      <c r="S13699" s="16"/>
      <c r="T13699" s="16"/>
      <c r="U13699" s="16"/>
      <c r="V13699" s="16"/>
      <c r="W13699" s="16"/>
      <c r="X13699" s="16"/>
      <c r="Y13699" s="16"/>
      <c r="Z13699" s="16"/>
      <c r="AA13699" s="16"/>
    </row>
    <row r="13700" spans="1:27" s="1" customFormat="1" ht="11.1" customHeight="1" outlineLevel="4" x14ac:dyDescent="0.2">
      <c r="A13700" s="17">
        <v>7803</v>
      </c>
      <c r="B13700" s="17"/>
      <c r="C13700" s="17"/>
      <c r="D13700" s="18" t="s">
        <v>6790</v>
      </c>
      <c r="E13700" s="18"/>
      <c r="F13700" s="18"/>
      <c r="G13700" s="18"/>
      <c r="H13700" s="18"/>
      <c r="I13700" s="18"/>
      <c r="J13700" s="18"/>
      <c r="K13700" s="18"/>
      <c r="L13700" s="18"/>
      <c r="M13700" s="18"/>
      <c r="N13700" s="18"/>
      <c r="O13700" s="18"/>
      <c r="P13700" s="19">
        <v>160</v>
      </c>
      <c r="Q13700" s="19"/>
      <c r="R13700" s="19"/>
      <c r="S13700" s="19"/>
      <c r="T13700" s="19">
        <v>45</v>
      </c>
      <c r="U13700" s="19"/>
      <c r="V13700" s="19"/>
      <c r="W13700" s="19"/>
      <c r="X13700" s="19">
        <v>1</v>
      </c>
      <c r="Y13700" s="19"/>
      <c r="Z13700" s="19"/>
      <c r="AA13700" s="19"/>
    </row>
    <row r="13701" spans="1:27" s="1" customFormat="1" ht="11.1" customHeight="1" outlineLevel="4" x14ac:dyDescent="0.2">
      <c r="A13701" s="17"/>
      <c r="B13701" s="17"/>
      <c r="C13701" s="17"/>
      <c r="D13701" s="18"/>
      <c r="E13701" s="18"/>
      <c r="F13701" s="18"/>
      <c r="G13701" s="18"/>
      <c r="H13701" s="18"/>
      <c r="I13701" s="18"/>
      <c r="J13701" s="18"/>
      <c r="K13701" s="18"/>
      <c r="L13701" s="18"/>
      <c r="M13701" s="18"/>
      <c r="N13701" s="18"/>
      <c r="O13701" s="18"/>
      <c r="P13701" s="19"/>
      <c r="Q13701" s="19"/>
      <c r="R13701" s="19"/>
      <c r="S13701" s="19"/>
      <c r="T13701" s="19"/>
      <c r="U13701" s="19"/>
      <c r="V13701" s="19"/>
      <c r="W13701" s="19"/>
      <c r="X13701" s="19"/>
      <c r="Y13701" s="19"/>
      <c r="Z13701" s="19"/>
      <c r="AA13701" s="19"/>
    </row>
    <row r="13702" spans="1:27" s="1" customFormat="1" ht="11.1" customHeight="1" outlineLevel="4" x14ac:dyDescent="0.2">
      <c r="A13702" s="17">
        <v>7804</v>
      </c>
      <c r="B13702" s="17"/>
      <c r="C13702" s="17"/>
      <c r="D13702" s="18" t="s">
        <v>6791</v>
      </c>
      <c r="E13702" s="18"/>
      <c r="F13702" s="18"/>
      <c r="G13702" s="18"/>
      <c r="H13702" s="18"/>
      <c r="I13702" s="18"/>
      <c r="J13702" s="18"/>
      <c r="K13702" s="18"/>
      <c r="L13702" s="18"/>
      <c r="M13702" s="18"/>
      <c r="N13702" s="18"/>
      <c r="O13702" s="18"/>
      <c r="P13702" s="19">
        <v>160</v>
      </c>
      <c r="Q13702" s="19"/>
      <c r="R13702" s="19"/>
      <c r="S13702" s="19"/>
      <c r="T13702" s="19">
        <v>45</v>
      </c>
      <c r="U13702" s="19"/>
      <c r="V13702" s="19"/>
      <c r="W13702" s="19"/>
      <c r="X13702" s="19">
        <v>1</v>
      </c>
      <c r="Y13702" s="19"/>
      <c r="Z13702" s="19"/>
      <c r="AA13702" s="19"/>
    </row>
    <row r="13703" spans="1:27" s="1" customFormat="1" ht="11.1" customHeight="1" outlineLevel="4" x14ac:dyDescent="0.2">
      <c r="A13703" s="17"/>
      <c r="B13703" s="17"/>
      <c r="C13703" s="17"/>
      <c r="D13703" s="18"/>
      <c r="E13703" s="18"/>
      <c r="F13703" s="18"/>
      <c r="G13703" s="18"/>
      <c r="H13703" s="18"/>
      <c r="I13703" s="18"/>
      <c r="J13703" s="18"/>
      <c r="K13703" s="18"/>
      <c r="L13703" s="18"/>
      <c r="M13703" s="18"/>
      <c r="N13703" s="18"/>
      <c r="O13703" s="18"/>
      <c r="P13703" s="19"/>
      <c r="Q13703" s="19"/>
      <c r="R13703" s="19"/>
      <c r="S13703" s="19"/>
      <c r="T13703" s="19"/>
      <c r="U13703" s="19"/>
      <c r="V13703" s="19"/>
      <c r="W13703" s="19"/>
      <c r="X13703" s="19"/>
      <c r="Y13703" s="19"/>
      <c r="Z13703" s="19"/>
      <c r="AA13703" s="19"/>
    </row>
    <row r="13704" spans="1:27" s="1" customFormat="1" ht="14.1" customHeight="1" outlineLevel="4" x14ac:dyDescent="0.2">
      <c r="A13704" s="17">
        <v>3125</v>
      </c>
      <c r="B13704" s="17"/>
      <c r="C13704" s="17"/>
      <c r="D13704" s="18" t="s">
        <v>6792</v>
      </c>
      <c r="E13704" s="18"/>
      <c r="F13704" s="18"/>
      <c r="G13704" s="18"/>
      <c r="H13704" s="18"/>
      <c r="I13704" s="18"/>
      <c r="J13704" s="18"/>
      <c r="K13704" s="18"/>
      <c r="L13704" s="18"/>
      <c r="M13704" s="18"/>
      <c r="N13704" s="18"/>
      <c r="O13704" s="18"/>
      <c r="P13704" s="19">
        <v>200</v>
      </c>
      <c r="Q13704" s="19"/>
      <c r="R13704" s="19"/>
      <c r="S13704" s="19"/>
      <c r="T13704" s="19">
        <v>100</v>
      </c>
      <c r="U13704" s="19"/>
      <c r="V13704" s="19"/>
      <c r="W13704" s="19"/>
      <c r="X13704" s="19">
        <v>1</v>
      </c>
      <c r="Y13704" s="19"/>
      <c r="Z13704" s="19"/>
      <c r="AA13704" s="19"/>
    </row>
    <row r="13705" spans="1:27" s="1" customFormat="1" ht="14.1" customHeight="1" outlineLevel="4" x14ac:dyDescent="0.2">
      <c r="A13705" s="17"/>
      <c r="B13705" s="17"/>
      <c r="C13705" s="17"/>
      <c r="D13705" s="18"/>
      <c r="E13705" s="18"/>
      <c r="F13705" s="18"/>
      <c r="G13705" s="18"/>
      <c r="H13705" s="18"/>
      <c r="I13705" s="18"/>
      <c r="J13705" s="18"/>
      <c r="K13705" s="18"/>
      <c r="L13705" s="18"/>
      <c r="M13705" s="18"/>
      <c r="N13705" s="18"/>
      <c r="O13705" s="18"/>
      <c r="P13705" s="19"/>
      <c r="Q13705" s="19"/>
      <c r="R13705" s="19"/>
      <c r="S13705" s="19"/>
      <c r="T13705" s="19"/>
      <c r="U13705" s="19"/>
      <c r="V13705" s="19"/>
      <c r="W13705" s="19"/>
      <c r="X13705" s="19"/>
      <c r="Y13705" s="19"/>
      <c r="Z13705" s="19"/>
      <c r="AA13705" s="19"/>
    </row>
    <row r="13706" spans="1:27" s="1" customFormat="1" ht="11.1" customHeight="1" outlineLevel="4" x14ac:dyDescent="0.2">
      <c r="A13706" s="17">
        <v>3159</v>
      </c>
      <c r="B13706" s="17"/>
      <c r="C13706" s="17"/>
      <c r="D13706" s="18" t="s">
        <v>6793</v>
      </c>
      <c r="E13706" s="18"/>
      <c r="F13706" s="18"/>
      <c r="G13706" s="18"/>
      <c r="H13706" s="18"/>
      <c r="I13706" s="18"/>
      <c r="J13706" s="18"/>
      <c r="K13706" s="18"/>
      <c r="L13706" s="18"/>
      <c r="M13706" s="18"/>
      <c r="N13706" s="18"/>
      <c r="O13706" s="18"/>
      <c r="P13706" s="19">
        <v>200</v>
      </c>
      <c r="Q13706" s="19"/>
      <c r="R13706" s="19"/>
      <c r="S13706" s="19"/>
      <c r="T13706" s="19">
        <v>100</v>
      </c>
      <c r="U13706" s="19"/>
      <c r="V13706" s="19"/>
      <c r="W13706" s="19"/>
      <c r="X13706" s="19">
        <v>1</v>
      </c>
      <c r="Y13706" s="19"/>
      <c r="Z13706" s="19"/>
      <c r="AA13706" s="19"/>
    </row>
    <row r="13707" spans="1:27" s="1" customFormat="1" ht="11.1" customHeight="1" outlineLevel="4" x14ac:dyDescent="0.2">
      <c r="A13707" s="17"/>
      <c r="B13707" s="17"/>
      <c r="C13707" s="17"/>
      <c r="D13707" s="18"/>
      <c r="E13707" s="18"/>
      <c r="F13707" s="18"/>
      <c r="G13707" s="18"/>
      <c r="H13707" s="18"/>
      <c r="I13707" s="18"/>
      <c r="J13707" s="18"/>
      <c r="K13707" s="18"/>
      <c r="L13707" s="18"/>
      <c r="M13707" s="18"/>
      <c r="N13707" s="18"/>
      <c r="O13707" s="18"/>
      <c r="P13707" s="19"/>
      <c r="Q13707" s="19"/>
      <c r="R13707" s="19"/>
      <c r="S13707" s="19"/>
      <c r="T13707" s="19"/>
      <c r="U13707" s="19"/>
      <c r="V13707" s="19"/>
      <c r="W13707" s="19"/>
      <c r="X13707" s="19"/>
      <c r="Y13707" s="19"/>
      <c r="Z13707" s="19"/>
      <c r="AA13707" s="19"/>
    </row>
    <row r="13708" spans="1:27" s="1" customFormat="1" ht="14.1" customHeight="1" outlineLevel="4" x14ac:dyDescent="0.2">
      <c r="A13708" s="17">
        <v>3127</v>
      </c>
      <c r="B13708" s="17"/>
      <c r="C13708" s="17"/>
      <c r="D13708" s="18" t="s">
        <v>6794</v>
      </c>
      <c r="E13708" s="18"/>
      <c r="F13708" s="18"/>
      <c r="G13708" s="18"/>
      <c r="H13708" s="18"/>
      <c r="I13708" s="18"/>
      <c r="J13708" s="18"/>
      <c r="K13708" s="18"/>
      <c r="L13708" s="18"/>
      <c r="M13708" s="18"/>
      <c r="N13708" s="18"/>
      <c r="O13708" s="18"/>
      <c r="P13708" s="19">
        <v>200</v>
      </c>
      <c r="Q13708" s="19"/>
      <c r="R13708" s="19"/>
      <c r="S13708" s="19"/>
      <c r="T13708" s="19">
        <v>100</v>
      </c>
      <c r="U13708" s="19"/>
      <c r="V13708" s="19"/>
      <c r="W13708" s="19"/>
      <c r="X13708" s="19">
        <v>1</v>
      </c>
      <c r="Y13708" s="19"/>
      <c r="Z13708" s="19"/>
      <c r="AA13708" s="19"/>
    </row>
    <row r="13709" spans="1:27" s="1" customFormat="1" ht="14.1" customHeight="1" outlineLevel="4" x14ac:dyDescent="0.2">
      <c r="A13709" s="17"/>
      <c r="B13709" s="17"/>
      <c r="C13709" s="17"/>
      <c r="D13709" s="18"/>
      <c r="E13709" s="18"/>
      <c r="F13709" s="18"/>
      <c r="G13709" s="18"/>
      <c r="H13709" s="18"/>
      <c r="I13709" s="18"/>
      <c r="J13709" s="18"/>
      <c r="K13709" s="18"/>
      <c r="L13709" s="18"/>
      <c r="M13709" s="18"/>
      <c r="N13709" s="18"/>
      <c r="O13709" s="18"/>
      <c r="P13709" s="19"/>
      <c r="Q13709" s="19"/>
      <c r="R13709" s="19"/>
      <c r="S13709" s="19"/>
      <c r="T13709" s="19"/>
      <c r="U13709" s="19"/>
      <c r="V13709" s="19"/>
      <c r="W13709" s="19"/>
      <c r="X13709" s="19"/>
      <c r="Y13709" s="19"/>
      <c r="Z13709" s="19"/>
      <c r="AA13709" s="19"/>
    </row>
    <row r="13710" spans="1:27" s="1" customFormat="1" ht="11.1" customHeight="1" outlineLevel="4" x14ac:dyDescent="0.2">
      <c r="A13710" s="17">
        <v>3118</v>
      </c>
      <c r="B13710" s="17"/>
      <c r="C13710" s="17"/>
      <c r="D13710" s="18" t="s">
        <v>6795</v>
      </c>
      <c r="E13710" s="18"/>
      <c r="F13710" s="18"/>
      <c r="G13710" s="18"/>
      <c r="H13710" s="18"/>
      <c r="I13710" s="18"/>
      <c r="J13710" s="18"/>
      <c r="K13710" s="18"/>
      <c r="L13710" s="18"/>
      <c r="M13710" s="18"/>
      <c r="N13710" s="18"/>
      <c r="O13710" s="18"/>
      <c r="P13710" s="19">
        <v>150</v>
      </c>
      <c r="Q13710" s="19"/>
      <c r="R13710" s="19"/>
      <c r="S13710" s="19"/>
      <c r="T13710" s="19">
        <v>85</v>
      </c>
      <c r="U13710" s="19"/>
      <c r="V13710" s="19"/>
      <c r="W13710" s="19"/>
      <c r="X13710" s="19">
        <v>1</v>
      </c>
      <c r="Y13710" s="19"/>
      <c r="Z13710" s="19"/>
      <c r="AA13710" s="19"/>
    </row>
    <row r="13711" spans="1:27" s="1" customFormat="1" ht="11.1" customHeight="1" outlineLevel="4" x14ac:dyDescent="0.2">
      <c r="A13711" s="17"/>
      <c r="B13711" s="17"/>
      <c r="C13711" s="17"/>
      <c r="D13711" s="18"/>
      <c r="E13711" s="18"/>
      <c r="F13711" s="18"/>
      <c r="G13711" s="18"/>
      <c r="H13711" s="18"/>
      <c r="I13711" s="18"/>
      <c r="J13711" s="18"/>
      <c r="K13711" s="18"/>
      <c r="L13711" s="18"/>
      <c r="M13711" s="18"/>
      <c r="N13711" s="18"/>
      <c r="O13711" s="18"/>
      <c r="P13711" s="19"/>
      <c r="Q13711" s="19"/>
      <c r="R13711" s="19"/>
      <c r="S13711" s="19"/>
      <c r="T13711" s="19"/>
      <c r="U13711" s="19"/>
      <c r="V13711" s="19"/>
      <c r="W13711" s="19"/>
      <c r="X13711" s="19"/>
      <c r="Y13711" s="19"/>
      <c r="Z13711" s="19"/>
      <c r="AA13711" s="19"/>
    </row>
    <row r="13712" spans="1:27" s="1" customFormat="1" ht="11.1" customHeight="1" outlineLevel="4" x14ac:dyDescent="0.2">
      <c r="A13712" s="17">
        <v>3120</v>
      </c>
      <c r="B13712" s="17"/>
      <c r="C13712" s="17"/>
      <c r="D13712" s="18" t="s">
        <v>6796</v>
      </c>
      <c r="E13712" s="18"/>
      <c r="F13712" s="18"/>
      <c r="G13712" s="18"/>
      <c r="H13712" s="18"/>
      <c r="I13712" s="18"/>
      <c r="J13712" s="18"/>
      <c r="K13712" s="18"/>
      <c r="L13712" s="18"/>
      <c r="M13712" s="18"/>
      <c r="N13712" s="18"/>
      <c r="O13712" s="18"/>
      <c r="P13712" s="19">
        <v>150</v>
      </c>
      <c r="Q13712" s="19"/>
      <c r="R13712" s="19"/>
      <c r="S13712" s="19"/>
      <c r="T13712" s="19">
        <v>85</v>
      </c>
      <c r="U13712" s="19"/>
      <c r="V13712" s="19"/>
      <c r="W13712" s="19"/>
      <c r="X13712" s="19">
        <v>1</v>
      </c>
      <c r="Y13712" s="19"/>
      <c r="Z13712" s="19"/>
      <c r="AA13712" s="19"/>
    </row>
    <row r="13713" spans="1:27" s="1" customFormat="1" ht="11.1" customHeight="1" outlineLevel="4" x14ac:dyDescent="0.2">
      <c r="A13713" s="17"/>
      <c r="B13713" s="17"/>
      <c r="C13713" s="17"/>
      <c r="D13713" s="18"/>
      <c r="E13713" s="18"/>
      <c r="F13713" s="18"/>
      <c r="G13713" s="18"/>
      <c r="H13713" s="18"/>
      <c r="I13713" s="18"/>
      <c r="J13713" s="18"/>
      <c r="K13713" s="18"/>
      <c r="L13713" s="18"/>
      <c r="M13713" s="18"/>
      <c r="N13713" s="18"/>
      <c r="O13713" s="18"/>
      <c r="P13713" s="19"/>
      <c r="Q13713" s="19"/>
      <c r="R13713" s="19"/>
      <c r="S13713" s="19"/>
      <c r="T13713" s="19"/>
      <c r="U13713" s="19"/>
      <c r="V13713" s="19"/>
      <c r="W13713" s="19"/>
      <c r="X13713" s="19"/>
      <c r="Y13713" s="19"/>
      <c r="Z13713" s="19"/>
      <c r="AA13713" s="19"/>
    </row>
    <row r="13714" spans="1:27" s="1" customFormat="1" ht="11.1" customHeight="1" outlineLevel="4" x14ac:dyDescent="0.2">
      <c r="A13714" s="17">
        <v>3123</v>
      </c>
      <c r="B13714" s="17"/>
      <c r="C13714" s="17"/>
      <c r="D13714" s="18" t="s">
        <v>6797</v>
      </c>
      <c r="E13714" s="18"/>
      <c r="F13714" s="18"/>
      <c r="G13714" s="18"/>
      <c r="H13714" s="18"/>
      <c r="I13714" s="18"/>
      <c r="J13714" s="18"/>
      <c r="K13714" s="18"/>
      <c r="L13714" s="18"/>
      <c r="M13714" s="18"/>
      <c r="N13714" s="18"/>
      <c r="O13714" s="18"/>
      <c r="P13714" s="19">
        <v>200</v>
      </c>
      <c r="Q13714" s="19"/>
      <c r="R13714" s="19"/>
      <c r="S13714" s="19"/>
      <c r="T13714" s="19">
        <v>100</v>
      </c>
      <c r="U13714" s="19"/>
      <c r="V13714" s="19"/>
      <c r="W13714" s="19"/>
      <c r="X13714" s="19">
        <v>1</v>
      </c>
      <c r="Y13714" s="19"/>
      <c r="Z13714" s="19"/>
      <c r="AA13714" s="19"/>
    </row>
    <row r="13715" spans="1:27" s="1" customFormat="1" ht="11.1" customHeight="1" outlineLevel="4" x14ac:dyDescent="0.2">
      <c r="A13715" s="17"/>
      <c r="B13715" s="17"/>
      <c r="C13715" s="17"/>
      <c r="D13715" s="18"/>
      <c r="E13715" s="18"/>
      <c r="F13715" s="18"/>
      <c r="G13715" s="18"/>
      <c r="H13715" s="18"/>
      <c r="I13715" s="18"/>
      <c r="J13715" s="18"/>
      <c r="K13715" s="18"/>
      <c r="L13715" s="18"/>
      <c r="M13715" s="18"/>
      <c r="N13715" s="18"/>
      <c r="O13715" s="18"/>
      <c r="P13715" s="19"/>
      <c r="Q13715" s="19"/>
      <c r="R13715" s="19"/>
      <c r="S13715" s="19"/>
      <c r="T13715" s="19"/>
      <c r="U13715" s="19"/>
      <c r="V13715" s="19"/>
      <c r="W13715" s="19"/>
      <c r="X13715" s="19"/>
      <c r="Y13715" s="19"/>
      <c r="Z13715" s="19"/>
      <c r="AA13715" s="19"/>
    </row>
    <row r="13716" spans="1:27" s="1" customFormat="1" ht="14.1" customHeight="1" outlineLevel="4" x14ac:dyDescent="0.2">
      <c r="A13716" s="17">
        <v>3121</v>
      </c>
      <c r="B13716" s="17"/>
      <c r="C13716" s="17"/>
      <c r="D13716" s="18" t="s">
        <v>6798</v>
      </c>
      <c r="E13716" s="18"/>
      <c r="F13716" s="18"/>
      <c r="G13716" s="18"/>
      <c r="H13716" s="18"/>
      <c r="I13716" s="18"/>
      <c r="J13716" s="18"/>
      <c r="K13716" s="18"/>
      <c r="L13716" s="18"/>
      <c r="M13716" s="18"/>
      <c r="N13716" s="18"/>
      <c r="O13716" s="18"/>
      <c r="P13716" s="19">
        <v>200</v>
      </c>
      <c r="Q13716" s="19"/>
      <c r="R13716" s="19"/>
      <c r="S13716" s="19"/>
      <c r="T13716" s="19">
        <v>100</v>
      </c>
      <c r="U13716" s="19"/>
      <c r="V13716" s="19"/>
      <c r="W13716" s="19"/>
      <c r="X13716" s="19">
        <v>1</v>
      </c>
      <c r="Y13716" s="19"/>
      <c r="Z13716" s="19"/>
      <c r="AA13716" s="19"/>
    </row>
    <row r="13717" spans="1:27" s="1" customFormat="1" ht="14.1" customHeight="1" outlineLevel="4" x14ac:dyDescent="0.2">
      <c r="A13717" s="17"/>
      <c r="B13717" s="17"/>
      <c r="C13717" s="17"/>
      <c r="D13717" s="18"/>
      <c r="E13717" s="18"/>
      <c r="F13717" s="18"/>
      <c r="G13717" s="18"/>
      <c r="H13717" s="18"/>
      <c r="I13717" s="18"/>
      <c r="J13717" s="18"/>
      <c r="K13717" s="18"/>
      <c r="L13717" s="18"/>
      <c r="M13717" s="18"/>
      <c r="N13717" s="18"/>
      <c r="O13717" s="18"/>
      <c r="P13717" s="19"/>
      <c r="Q13717" s="19"/>
      <c r="R13717" s="19"/>
      <c r="S13717" s="19"/>
      <c r="T13717" s="19"/>
      <c r="U13717" s="19"/>
      <c r="V13717" s="19"/>
      <c r="W13717" s="19"/>
      <c r="X13717" s="19"/>
      <c r="Y13717" s="19"/>
      <c r="Z13717" s="19"/>
      <c r="AA13717" s="19"/>
    </row>
    <row r="13718" spans="1:27" s="1" customFormat="1" ht="11.1" customHeight="1" outlineLevel="4" x14ac:dyDescent="0.2">
      <c r="A13718" s="17">
        <v>3154</v>
      </c>
      <c r="B13718" s="17"/>
      <c r="C13718" s="17"/>
      <c r="D13718" s="18" t="s">
        <v>6799</v>
      </c>
      <c r="E13718" s="18"/>
      <c r="F13718" s="18"/>
      <c r="G13718" s="18"/>
      <c r="H13718" s="18"/>
      <c r="I13718" s="18"/>
      <c r="J13718" s="18"/>
      <c r="K13718" s="18"/>
      <c r="L13718" s="18"/>
      <c r="M13718" s="18"/>
      <c r="N13718" s="18"/>
      <c r="O13718" s="18"/>
      <c r="P13718" s="19">
        <v>200</v>
      </c>
      <c r="Q13718" s="19"/>
      <c r="R13718" s="19"/>
      <c r="S13718" s="19"/>
      <c r="T13718" s="19">
        <v>100</v>
      </c>
      <c r="U13718" s="19"/>
      <c r="V13718" s="19"/>
      <c r="W13718" s="19"/>
      <c r="X13718" s="19">
        <v>1</v>
      </c>
      <c r="Y13718" s="19"/>
      <c r="Z13718" s="19"/>
      <c r="AA13718" s="19"/>
    </row>
    <row r="13719" spans="1:27" s="1" customFormat="1" ht="11.1" customHeight="1" outlineLevel="4" x14ac:dyDescent="0.2">
      <c r="A13719" s="17"/>
      <c r="B13719" s="17"/>
      <c r="C13719" s="17"/>
      <c r="D13719" s="18"/>
      <c r="E13719" s="18"/>
      <c r="F13719" s="18"/>
      <c r="G13719" s="18"/>
      <c r="H13719" s="18"/>
      <c r="I13719" s="18"/>
      <c r="J13719" s="18"/>
      <c r="K13719" s="18"/>
      <c r="L13719" s="18"/>
      <c r="M13719" s="18"/>
      <c r="N13719" s="18"/>
      <c r="O13719" s="18"/>
      <c r="P13719" s="19"/>
      <c r="Q13719" s="19"/>
      <c r="R13719" s="19"/>
      <c r="S13719" s="19"/>
      <c r="T13719" s="19"/>
      <c r="U13719" s="19"/>
      <c r="V13719" s="19"/>
      <c r="W13719" s="19"/>
      <c r="X13719" s="19"/>
      <c r="Y13719" s="19"/>
      <c r="Z13719" s="19"/>
      <c r="AA13719" s="19"/>
    </row>
    <row r="13720" spans="1:27" s="1" customFormat="1" ht="11.1" customHeight="1" outlineLevel="4" x14ac:dyDescent="0.2">
      <c r="A13720" s="17">
        <v>3153</v>
      </c>
      <c r="B13720" s="17"/>
      <c r="C13720" s="17"/>
      <c r="D13720" s="18" t="s">
        <v>6800</v>
      </c>
      <c r="E13720" s="18"/>
      <c r="F13720" s="18"/>
      <c r="G13720" s="18"/>
      <c r="H13720" s="18"/>
      <c r="I13720" s="18"/>
      <c r="J13720" s="18"/>
      <c r="K13720" s="18"/>
      <c r="L13720" s="18"/>
      <c r="M13720" s="18"/>
      <c r="N13720" s="18"/>
      <c r="O13720" s="18"/>
      <c r="P13720" s="19">
        <v>200</v>
      </c>
      <c r="Q13720" s="19"/>
      <c r="R13720" s="19"/>
      <c r="S13720" s="19"/>
      <c r="T13720" s="19">
        <v>100</v>
      </c>
      <c r="U13720" s="19"/>
      <c r="V13720" s="19"/>
      <c r="W13720" s="19"/>
      <c r="X13720" s="19">
        <v>1</v>
      </c>
      <c r="Y13720" s="19"/>
      <c r="Z13720" s="19"/>
      <c r="AA13720" s="19"/>
    </row>
    <row r="13721" spans="1:27" s="1" customFormat="1" ht="11.1" customHeight="1" outlineLevel="4" x14ac:dyDescent="0.2">
      <c r="A13721" s="17"/>
      <c r="B13721" s="17"/>
      <c r="C13721" s="17"/>
      <c r="D13721" s="18"/>
      <c r="E13721" s="18"/>
      <c r="F13721" s="18"/>
      <c r="G13721" s="18"/>
      <c r="H13721" s="18"/>
      <c r="I13721" s="18"/>
      <c r="J13721" s="18"/>
      <c r="K13721" s="18"/>
      <c r="L13721" s="18"/>
      <c r="M13721" s="18"/>
      <c r="N13721" s="18"/>
      <c r="O13721" s="18"/>
      <c r="P13721" s="19"/>
      <c r="Q13721" s="19"/>
      <c r="R13721" s="19"/>
      <c r="S13721" s="19"/>
      <c r="T13721" s="19"/>
      <c r="U13721" s="19"/>
      <c r="V13721" s="19"/>
      <c r="W13721" s="19"/>
      <c r="X13721" s="19"/>
      <c r="Y13721" s="19"/>
      <c r="Z13721" s="19"/>
      <c r="AA13721" s="19"/>
    </row>
    <row r="13722" spans="1:27" s="1" customFormat="1" ht="11.1" customHeight="1" outlineLevel="4" x14ac:dyDescent="0.2">
      <c r="A13722" s="17">
        <v>3129</v>
      </c>
      <c r="B13722" s="17"/>
      <c r="C13722" s="17"/>
      <c r="D13722" s="18" t="s">
        <v>6801</v>
      </c>
      <c r="E13722" s="18"/>
      <c r="F13722" s="18"/>
      <c r="G13722" s="18"/>
      <c r="H13722" s="18"/>
      <c r="I13722" s="18"/>
      <c r="J13722" s="18"/>
      <c r="K13722" s="18"/>
      <c r="L13722" s="18"/>
      <c r="M13722" s="18"/>
      <c r="N13722" s="18"/>
      <c r="O13722" s="18"/>
      <c r="P13722" s="19">
        <v>200</v>
      </c>
      <c r="Q13722" s="19"/>
      <c r="R13722" s="19"/>
      <c r="S13722" s="19"/>
      <c r="T13722" s="19">
        <v>100</v>
      </c>
      <c r="U13722" s="19"/>
      <c r="V13722" s="19"/>
      <c r="W13722" s="19"/>
      <c r="X13722" s="19">
        <v>1</v>
      </c>
      <c r="Y13722" s="19"/>
      <c r="Z13722" s="19"/>
      <c r="AA13722" s="19"/>
    </row>
    <row r="13723" spans="1:27" s="1" customFormat="1" ht="11.1" customHeight="1" outlineLevel="4" x14ac:dyDescent="0.2">
      <c r="A13723" s="17"/>
      <c r="B13723" s="17"/>
      <c r="C13723" s="17"/>
      <c r="D13723" s="18"/>
      <c r="E13723" s="18"/>
      <c r="F13723" s="18"/>
      <c r="G13723" s="18"/>
      <c r="H13723" s="18"/>
      <c r="I13723" s="18"/>
      <c r="J13723" s="18"/>
      <c r="K13723" s="18"/>
      <c r="L13723" s="18"/>
      <c r="M13723" s="18"/>
      <c r="N13723" s="18"/>
      <c r="O13723" s="18"/>
      <c r="P13723" s="19"/>
      <c r="Q13723" s="19"/>
      <c r="R13723" s="19"/>
      <c r="S13723" s="19"/>
      <c r="T13723" s="19"/>
      <c r="U13723" s="19"/>
      <c r="V13723" s="19"/>
      <c r="W13723" s="19"/>
      <c r="X13723" s="19"/>
      <c r="Y13723" s="19"/>
      <c r="Z13723" s="19"/>
      <c r="AA13723" s="19"/>
    </row>
    <row r="13724" spans="1:27" s="1" customFormat="1" ht="11.1" customHeight="1" outlineLevel="4" x14ac:dyDescent="0.2">
      <c r="A13724" s="17">
        <v>3130</v>
      </c>
      <c r="B13724" s="17"/>
      <c r="C13724" s="17"/>
      <c r="D13724" s="18" t="s">
        <v>6802</v>
      </c>
      <c r="E13724" s="18"/>
      <c r="F13724" s="18"/>
      <c r="G13724" s="18"/>
      <c r="H13724" s="18"/>
      <c r="I13724" s="18"/>
      <c r="J13724" s="18"/>
      <c r="K13724" s="18"/>
      <c r="L13724" s="18"/>
      <c r="M13724" s="18"/>
      <c r="N13724" s="18"/>
      <c r="O13724" s="18"/>
      <c r="P13724" s="19">
        <v>200</v>
      </c>
      <c r="Q13724" s="19"/>
      <c r="R13724" s="19"/>
      <c r="S13724" s="19"/>
      <c r="T13724" s="19">
        <v>100</v>
      </c>
      <c r="U13724" s="19"/>
      <c r="V13724" s="19"/>
      <c r="W13724" s="19"/>
      <c r="X13724" s="19">
        <v>1</v>
      </c>
      <c r="Y13724" s="19"/>
      <c r="Z13724" s="19"/>
      <c r="AA13724" s="19"/>
    </row>
    <row r="13725" spans="1:27" s="1" customFormat="1" ht="11.1" customHeight="1" outlineLevel="4" x14ac:dyDescent="0.2">
      <c r="A13725" s="17"/>
      <c r="B13725" s="17"/>
      <c r="C13725" s="17"/>
      <c r="D13725" s="18"/>
      <c r="E13725" s="18"/>
      <c r="F13725" s="18"/>
      <c r="G13725" s="18"/>
      <c r="H13725" s="18"/>
      <c r="I13725" s="18"/>
      <c r="J13725" s="18"/>
      <c r="K13725" s="18"/>
      <c r="L13725" s="18"/>
      <c r="M13725" s="18"/>
      <c r="N13725" s="18"/>
      <c r="O13725" s="18"/>
      <c r="P13725" s="19"/>
      <c r="Q13725" s="19"/>
      <c r="R13725" s="19"/>
      <c r="S13725" s="19"/>
      <c r="T13725" s="19"/>
      <c r="U13725" s="19"/>
      <c r="V13725" s="19"/>
      <c r="W13725" s="19"/>
      <c r="X13725" s="19"/>
      <c r="Y13725" s="19"/>
      <c r="Z13725" s="19"/>
      <c r="AA13725" s="19"/>
    </row>
    <row r="13726" spans="1:27" s="1" customFormat="1" ht="11.1" customHeight="1" outlineLevel="4" x14ac:dyDescent="0.2">
      <c r="A13726" s="17">
        <v>3131</v>
      </c>
      <c r="B13726" s="17"/>
      <c r="C13726" s="17"/>
      <c r="D13726" s="18" t="s">
        <v>6803</v>
      </c>
      <c r="E13726" s="18"/>
      <c r="F13726" s="18"/>
      <c r="G13726" s="18"/>
      <c r="H13726" s="18"/>
      <c r="I13726" s="18"/>
      <c r="J13726" s="18"/>
      <c r="K13726" s="18"/>
      <c r="L13726" s="18"/>
      <c r="M13726" s="18"/>
      <c r="N13726" s="18"/>
      <c r="O13726" s="18"/>
      <c r="P13726" s="19">
        <v>200</v>
      </c>
      <c r="Q13726" s="19"/>
      <c r="R13726" s="19"/>
      <c r="S13726" s="19"/>
      <c r="T13726" s="19">
        <v>100</v>
      </c>
      <c r="U13726" s="19"/>
      <c r="V13726" s="19"/>
      <c r="W13726" s="19"/>
      <c r="X13726" s="19">
        <v>1</v>
      </c>
      <c r="Y13726" s="19"/>
      <c r="Z13726" s="19"/>
      <c r="AA13726" s="19"/>
    </row>
    <row r="13727" spans="1:27" s="1" customFormat="1" ht="11.1" customHeight="1" outlineLevel="4" x14ac:dyDescent="0.2">
      <c r="A13727" s="17"/>
      <c r="B13727" s="17"/>
      <c r="C13727" s="17"/>
      <c r="D13727" s="18"/>
      <c r="E13727" s="18"/>
      <c r="F13727" s="18"/>
      <c r="G13727" s="18"/>
      <c r="H13727" s="18"/>
      <c r="I13727" s="18"/>
      <c r="J13727" s="18"/>
      <c r="K13727" s="18"/>
      <c r="L13727" s="18"/>
      <c r="M13727" s="18"/>
      <c r="N13727" s="18"/>
      <c r="O13727" s="18"/>
      <c r="P13727" s="19"/>
      <c r="Q13727" s="19"/>
      <c r="R13727" s="19"/>
      <c r="S13727" s="19"/>
      <c r="T13727" s="19"/>
      <c r="U13727" s="19"/>
      <c r="V13727" s="19"/>
      <c r="W13727" s="19"/>
      <c r="X13727" s="19"/>
      <c r="Y13727" s="19"/>
      <c r="Z13727" s="19"/>
      <c r="AA13727" s="19"/>
    </row>
    <row r="13728" spans="1:27" s="1" customFormat="1" ht="11.1" customHeight="1" outlineLevel="4" x14ac:dyDescent="0.2">
      <c r="A13728" s="17">
        <v>5672</v>
      </c>
      <c r="B13728" s="17"/>
      <c r="C13728" s="17"/>
      <c r="D13728" s="18" t="s">
        <v>6804</v>
      </c>
      <c r="E13728" s="18"/>
      <c r="F13728" s="18"/>
      <c r="G13728" s="18"/>
      <c r="H13728" s="18"/>
      <c r="I13728" s="18"/>
      <c r="J13728" s="18"/>
      <c r="K13728" s="18"/>
      <c r="L13728" s="18"/>
      <c r="M13728" s="18"/>
      <c r="N13728" s="18"/>
      <c r="O13728" s="18"/>
      <c r="P13728" s="19">
        <v>200</v>
      </c>
      <c r="Q13728" s="19"/>
      <c r="R13728" s="19"/>
      <c r="S13728" s="19"/>
      <c r="T13728" s="19">
        <v>100</v>
      </c>
      <c r="U13728" s="19"/>
      <c r="V13728" s="19"/>
      <c r="W13728" s="19"/>
      <c r="X13728" s="19">
        <v>1</v>
      </c>
      <c r="Y13728" s="19"/>
      <c r="Z13728" s="19"/>
      <c r="AA13728" s="19"/>
    </row>
    <row r="13729" spans="1:27" s="1" customFormat="1" ht="11.1" customHeight="1" outlineLevel="4" x14ac:dyDescent="0.2">
      <c r="A13729" s="17"/>
      <c r="B13729" s="17"/>
      <c r="C13729" s="17"/>
      <c r="D13729" s="18"/>
      <c r="E13729" s="18"/>
      <c r="F13729" s="18"/>
      <c r="G13729" s="18"/>
      <c r="H13729" s="18"/>
      <c r="I13729" s="18"/>
      <c r="J13729" s="18"/>
      <c r="K13729" s="18"/>
      <c r="L13729" s="18"/>
      <c r="M13729" s="18"/>
      <c r="N13729" s="18"/>
      <c r="O13729" s="18"/>
      <c r="P13729" s="19"/>
      <c r="Q13729" s="19"/>
      <c r="R13729" s="19"/>
      <c r="S13729" s="19"/>
      <c r="T13729" s="19"/>
      <c r="U13729" s="19"/>
      <c r="V13729" s="19"/>
      <c r="W13729" s="19"/>
      <c r="X13729" s="19"/>
      <c r="Y13729" s="19"/>
      <c r="Z13729" s="19"/>
      <c r="AA13729" s="19"/>
    </row>
    <row r="13730" spans="1:27" s="1" customFormat="1" ht="11.1" customHeight="1" outlineLevel="4" x14ac:dyDescent="0.2">
      <c r="A13730" s="17">
        <v>3149</v>
      </c>
      <c r="B13730" s="17"/>
      <c r="C13730" s="17"/>
      <c r="D13730" s="18" t="s">
        <v>6805</v>
      </c>
      <c r="E13730" s="18"/>
      <c r="F13730" s="18"/>
      <c r="G13730" s="18"/>
      <c r="H13730" s="18"/>
      <c r="I13730" s="18"/>
      <c r="J13730" s="18"/>
      <c r="K13730" s="18"/>
      <c r="L13730" s="18"/>
      <c r="M13730" s="18"/>
      <c r="N13730" s="18"/>
      <c r="O13730" s="18"/>
      <c r="P13730" s="19">
        <v>200</v>
      </c>
      <c r="Q13730" s="19"/>
      <c r="R13730" s="19"/>
      <c r="S13730" s="19"/>
      <c r="T13730" s="19">
        <v>100</v>
      </c>
      <c r="U13730" s="19"/>
      <c r="V13730" s="19"/>
      <c r="W13730" s="19"/>
      <c r="X13730" s="19">
        <v>1</v>
      </c>
      <c r="Y13730" s="19"/>
      <c r="Z13730" s="19"/>
      <c r="AA13730" s="19"/>
    </row>
    <row r="13731" spans="1:27" s="1" customFormat="1" ht="11.1" customHeight="1" outlineLevel="4" x14ac:dyDescent="0.2">
      <c r="A13731" s="17"/>
      <c r="B13731" s="17"/>
      <c r="C13731" s="17"/>
      <c r="D13731" s="18"/>
      <c r="E13731" s="18"/>
      <c r="F13731" s="18"/>
      <c r="G13731" s="18"/>
      <c r="H13731" s="18"/>
      <c r="I13731" s="18"/>
      <c r="J13731" s="18"/>
      <c r="K13731" s="18"/>
      <c r="L13731" s="18"/>
      <c r="M13731" s="18"/>
      <c r="N13731" s="18"/>
      <c r="O13731" s="18"/>
      <c r="P13731" s="19"/>
      <c r="Q13731" s="19"/>
      <c r="R13731" s="19"/>
      <c r="S13731" s="19"/>
      <c r="T13731" s="19"/>
      <c r="U13731" s="19"/>
      <c r="V13731" s="19"/>
      <c r="W13731" s="19"/>
      <c r="X13731" s="19"/>
      <c r="Y13731" s="19"/>
      <c r="Z13731" s="19"/>
      <c r="AA13731" s="19"/>
    </row>
    <row r="13732" spans="1:27" s="1" customFormat="1" ht="11.1" customHeight="1" outlineLevel="3" x14ac:dyDescent="0.2">
      <c r="A13732" s="16" t="s">
        <v>2019</v>
      </c>
      <c r="B13732" s="16"/>
      <c r="C13732" s="16"/>
      <c r="D13732" s="16"/>
      <c r="E13732" s="16"/>
      <c r="F13732" s="16"/>
      <c r="G13732" s="16"/>
      <c r="H13732" s="16"/>
      <c r="I13732" s="16"/>
      <c r="J13732" s="16"/>
      <c r="K13732" s="16"/>
      <c r="L13732" s="16"/>
      <c r="M13732" s="16"/>
      <c r="N13732" s="16"/>
      <c r="O13732" s="16"/>
      <c r="P13732" s="16"/>
      <c r="Q13732" s="16"/>
      <c r="R13732" s="16"/>
      <c r="S13732" s="16"/>
      <c r="T13732" s="16"/>
      <c r="U13732" s="16"/>
      <c r="V13732" s="16"/>
      <c r="W13732" s="16"/>
      <c r="X13732" s="16"/>
      <c r="Y13732" s="16"/>
      <c r="Z13732" s="16"/>
      <c r="AA13732" s="16"/>
    </row>
    <row r="13733" spans="1:27" s="1" customFormat="1" ht="11.1" customHeight="1" outlineLevel="3" x14ac:dyDescent="0.2">
      <c r="A13733" s="16"/>
      <c r="B13733" s="16"/>
      <c r="C13733" s="16"/>
      <c r="D13733" s="16"/>
      <c r="E13733" s="16"/>
      <c r="F13733" s="16"/>
      <c r="G13733" s="16"/>
      <c r="H13733" s="16"/>
      <c r="I13733" s="16"/>
      <c r="J13733" s="16"/>
      <c r="K13733" s="16"/>
      <c r="L13733" s="16"/>
      <c r="M13733" s="16"/>
      <c r="N13733" s="16"/>
      <c r="O13733" s="16"/>
      <c r="P13733" s="16"/>
      <c r="Q13733" s="16"/>
      <c r="R13733" s="16"/>
      <c r="S13733" s="16"/>
      <c r="T13733" s="16"/>
      <c r="U13733" s="16"/>
      <c r="V13733" s="16"/>
      <c r="W13733" s="16"/>
      <c r="X13733" s="16"/>
      <c r="Y13733" s="16"/>
      <c r="Z13733" s="16"/>
      <c r="AA13733" s="16"/>
    </row>
    <row r="13734" spans="1:27" s="1" customFormat="1" ht="14.1" customHeight="1" outlineLevel="4" x14ac:dyDescent="0.2">
      <c r="A13734" s="17">
        <v>15848</v>
      </c>
      <c r="B13734" s="17"/>
      <c r="C13734" s="17"/>
      <c r="D13734" s="18" t="s">
        <v>6806</v>
      </c>
      <c r="E13734" s="18"/>
      <c r="F13734" s="18"/>
      <c r="G13734" s="18"/>
      <c r="H13734" s="18"/>
      <c r="I13734" s="18"/>
      <c r="J13734" s="18"/>
      <c r="K13734" s="18"/>
      <c r="L13734" s="18"/>
      <c r="M13734" s="18"/>
      <c r="N13734" s="18"/>
      <c r="O13734" s="18"/>
      <c r="P13734" s="19">
        <v>300</v>
      </c>
      <c r="Q13734" s="19"/>
      <c r="R13734" s="19"/>
      <c r="S13734" s="19"/>
      <c r="T13734" s="19">
        <v>200</v>
      </c>
      <c r="U13734" s="19"/>
      <c r="V13734" s="19"/>
      <c r="W13734" s="19"/>
      <c r="X13734" s="19">
        <v>1</v>
      </c>
      <c r="Y13734" s="19"/>
      <c r="Z13734" s="19"/>
      <c r="AA13734" s="19"/>
    </row>
    <row r="13735" spans="1:27" s="1" customFormat="1" ht="14.1" customHeight="1" outlineLevel="4" x14ac:dyDescent="0.2">
      <c r="A13735" s="17"/>
      <c r="B13735" s="17"/>
      <c r="C13735" s="17"/>
      <c r="D13735" s="18"/>
      <c r="E13735" s="18"/>
      <c r="F13735" s="18"/>
      <c r="G13735" s="18"/>
      <c r="H13735" s="18"/>
      <c r="I13735" s="18"/>
      <c r="J13735" s="18"/>
      <c r="K13735" s="18"/>
      <c r="L13735" s="18"/>
      <c r="M13735" s="18"/>
      <c r="N13735" s="18"/>
      <c r="O13735" s="18"/>
      <c r="P13735" s="19"/>
      <c r="Q13735" s="19"/>
      <c r="R13735" s="19"/>
      <c r="S13735" s="19"/>
      <c r="T13735" s="19"/>
      <c r="U13735" s="19"/>
      <c r="V13735" s="19"/>
      <c r="W13735" s="19"/>
      <c r="X13735" s="19"/>
      <c r="Y13735" s="19"/>
      <c r="Z13735" s="19"/>
      <c r="AA13735" s="19"/>
    </row>
    <row r="13736" spans="1:27" s="1" customFormat="1" ht="11.1" customHeight="1" outlineLevel="3" x14ac:dyDescent="0.2">
      <c r="A13736" s="16" t="s">
        <v>1298</v>
      </c>
      <c r="B13736" s="16"/>
      <c r="C13736" s="16"/>
      <c r="D13736" s="16"/>
      <c r="E13736" s="16"/>
      <c r="F13736" s="16"/>
      <c r="G13736" s="16"/>
      <c r="H13736" s="16"/>
      <c r="I13736" s="16"/>
      <c r="J13736" s="16"/>
      <c r="K13736" s="16"/>
      <c r="L13736" s="16"/>
      <c r="M13736" s="16"/>
      <c r="N13736" s="16"/>
      <c r="O13736" s="16"/>
      <c r="P13736" s="16"/>
      <c r="Q13736" s="16"/>
      <c r="R13736" s="16"/>
      <c r="S13736" s="16"/>
      <c r="T13736" s="16"/>
      <c r="U13736" s="16"/>
      <c r="V13736" s="16"/>
      <c r="W13736" s="16"/>
      <c r="X13736" s="16"/>
      <c r="Y13736" s="16"/>
      <c r="Z13736" s="16"/>
      <c r="AA13736" s="16"/>
    </row>
    <row r="13737" spans="1:27" s="1" customFormat="1" ht="11.1" customHeight="1" outlineLevel="3" x14ac:dyDescent="0.2">
      <c r="A13737" s="16"/>
      <c r="B13737" s="16"/>
      <c r="C13737" s="16"/>
      <c r="D13737" s="16"/>
      <c r="E13737" s="16"/>
      <c r="F13737" s="16"/>
      <c r="G13737" s="16"/>
      <c r="H13737" s="16"/>
      <c r="I13737" s="16"/>
      <c r="J13737" s="16"/>
      <c r="K13737" s="16"/>
      <c r="L13737" s="16"/>
      <c r="M13737" s="16"/>
      <c r="N13737" s="16"/>
      <c r="O13737" s="16"/>
      <c r="P13737" s="16"/>
      <c r="Q13737" s="16"/>
      <c r="R13737" s="16"/>
      <c r="S13737" s="16"/>
      <c r="T13737" s="16"/>
      <c r="U13737" s="16"/>
      <c r="V13737" s="16"/>
      <c r="W13737" s="16"/>
      <c r="X13737" s="16"/>
      <c r="Y13737" s="16"/>
      <c r="Z13737" s="16"/>
      <c r="AA13737" s="16"/>
    </row>
    <row r="13738" spans="1:27" s="1" customFormat="1" ht="14.1" customHeight="1" outlineLevel="4" x14ac:dyDescent="0.2">
      <c r="A13738" s="17">
        <v>5348</v>
      </c>
      <c r="B13738" s="17"/>
      <c r="C13738" s="17"/>
      <c r="D13738" s="18" t="s">
        <v>6807</v>
      </c>
      <c r="E13738" s="18"/>
      <c r="F13738" s="18"/>
      <c r="G13738" s="18"/>
      <c r="H13738" s="18"/>
      <c r="I13738" s="18"/>
      <c r="J13738" s="18"/>
      <c r="K13738" s="18"/>
      <c r="L13738" s="18"/>
      <c r="M13738" s="18"/>
      <c r="N13738" s="18"/>
      <c r="O13738" s="18"/>
      <c r="P13738" s="19">
        <v>120</v>
      </c>
      <c r="Q13738" s="19"/>
      <c r="R13738" s="19"/>
      <c r="S13738" s="19"/>
      <c r="T13738" s="19">
        <v>50</v>
      </c>
      <c r="U13738" s="19"/>
      <c r="V13738" s="19"/>
      <c r="W13738" s="19"/>
      <c r="X13738" s="19">
        <v>1</v>
      </c>
      <c r="Y13738" s="19"/>
      <c r="Z13738" s="19"/>
      <c r="AA13738" s="19"/>
    </row>
    <row r="13739" spans="1:27" s="1" customFormat="1" ht="14.1" customHeight="1" outlineLevel="4" x14ac:dyDescent="0.2">
      <c r="A13739" s="17"/>
      <c r="B13739" s="17"/>
      <c r="C13739" s="17"/>
      <c r="D13739" s="18"/>
      <c r="E13739" s="18"/>
      <c r="F13739" s="18"/>
      <c r="G13739" s="18"/>
      <c r="H13739" s="18"/>
      <c r="I13739" s="18"/>
      <c r="J13739" s="18"/>
      <c r="K13739" s="18"/>
      <c r="L13739" s="18"/>
      <c r="M13739" s="18"/>
      <c r="N13739" s="18"/>
      <c r="O13739" s="18"/>
      <c r="P13739" s="19"/>
      <c r="Q13739" s="19"/>
      <c r="R13739" s="19"/>
      <c r="S13739" s="19"/>
      <c r="T13739" s="19"/>
      <c r="U13739" s="19"/>
      <c r="V13739" s="19"/>
      <c r="W13739" s="19"/>
      <c r="X13739" s="19"/>
      <c r="Y13739" s="19"/>
      <c r="Z13739" s="19"/>
      <c r="AA13739" s="19"/>
    </row>
    <row r="13740" spans="1:27" s="1" customFormat="1" ht="11.1" customHeight="1" outlineLevel="4" x14ac:dyDescent="0.2">
      <c r="A13740" s="17">
        <v>8128</v>
      </c>
      <c r="B13740" s="17"/>
      <c r="C13740" s="17"/>
      <c r="D13740" s="18" t="s">
        <v>6808</v>
      </c>
      <c r="E13740" s="18"/>
      <c r="F13740" s="18"/>
      <c r="G13740" s="18"/>
      <c r="H13740" s="18"/>
      <c r="I13740" s="18"/>
      <c r="J13740" s="18"/>
      <c r="K13740" s="18"/>
      <c r="L13740" s="18"/>
      <c r="M13740" s="18"/>
      <c r="N13740" s="18"/>
      <c r="O13740" s="18"/>
      <c r="P13740" s="19">
        <v>165</v>
      </c>
      <c r="Q13740" s="19"/>
      <c r="R13740" s="19"/>
      <c r="S13740" s="19"/>
      <c r="T13740" s="19">
        <v>65</v>
      </c>
      <c r="U13740" s="19"/>
      <c r="V13740" s="19"/>
      <c r="W13740" s="19"/>
      <c r="X13740" s="19">
        <v>4</v>
      </c>
      <c r="Y13740" s="19"/>
      <c r="Z13740" s="19"/>
      <c r="AA13740" s="19"/>
    </row>
    <row r="13741" spans="1:27" s="1" customFormat="1" ht="11.1" customHeight="1" outlineLevel="4" x14ac:dyDescent="0.2">
      <c r="A13741" s="17"/>
      <c r="B13741" s="17"/>
      <c r="C13741" s="17"/>
      <c r="D13741" s="18"/>
      <c r="E13741" s="18"/>
      <c r="F13741" s="18"/>
      <c r="G13741" s="18"/>
      <c r="H13741" s="18"/>
      <c r="I13741" s="18"/>
      <c r="J13741" s="18"/>
      <c r="K13741" s="18"/>
      <c r="L13741" s="18"/>
      <c r="M13741" s="18"/>
      <c r="N13741" s="18"/>
      <c r="O13741" s="18"/>
      <c r="P13741" s="19"/>
      <c r="Q13741" s="19"/>
      <c r="R13741" s="19"/>
      <c r="S13741" s="19"/>
      <c r="T13741" s="19"/>
      <c r="U13741" s="19"/>
      <c r="V13741" s="19"/>
      <c r="W13741" s="19"/>
      <c r="X13741" s="19"/>
      <c r="Y13741" s="19"/>
      <c r="Z13741" s="19"/>
      <c r="AA13741" s="19"/>
    </row>
    <row r="13742" spans="1:27" s="1" customFormat="1" ht="11.1" customHeight="1" outlineLevel="4" x14ac:dyDescent="0.2">
      <c r="A13742" s="17">
        <v>8126</v>
      </c>
      <c r="B13742" s="17"/>
      <c r="C13742" s="17"/>
      <c r="D13742" s="18" t="s">
        <v>6809</v>
      </c>
      <c r="E13742" s="18"/>
      <c r="F13742" s="18"/>
      <c r="G13742" s="18"/>
      <c r="H13742" s="18"/>
      <c r="I13742" s="18"/>
      <c r="J13742" s="18"/>
      <c r="K13742" s="18"/>
      <c r="L13742" s="18"/>
      <c r="M13742" s="18"/>
      <c r="N13742" s="18"/>
      <c r="O13742" s="18"/>
      <c r="P13742" s="19">
        <v>165</v>
      </c>
      <c r="Q13742" s="19"/>
      <c r="R13742" s="19"/>
      <c r="S13742" s="19"/>
      <c r="T13742" s="19">
        <v>65</v>
      </c>
      <c r="U13742" s="19"/>
      <c r="V13742" s="19"/>
      <c r="W13742" s="19"/>
      <c r="X13742" s="19">
        <v>3</v>
      </c>
      <c r="Y13742" s="19"/>
      <c r="Z13742" s="19"/>
      <c r="AA13742" s="19"/>
    </row>
    <row r="13743" spans="1:27" s="1" customFormat="1" ht="11.1" customHeight="1" outlineLevel="4" x14ac:dyDescent="0.2">
      <c r="A13743" s="17"/>
      <c r="B13743" s="17"/>
      <c r="C13743" s="17"/>
      <c r="D13743" s="18"/>
      <c r="E13743" s="18"/>
      <c r="F13743" s="18"/>
      <c r="G13743" s="18"/>
      <c r="H13743" s="18"/>
      <c r="I13743" s="18"/>
      <c r="J13743" s="18"/>
      <c r="K13743" s="18"/>
      <c r="L13743" s="18"/>
      <c r="M13743" s="18"/>
      <c r="N13743" s="18"/>
      <c r="O13743" s="18"/>
      <c r="P13743" s="19"/>
      <c r="Q13743" s="19"/>
      <c r="R13743" s="19"/>
      <c r="S13743" s="19"/>
      <c r="T13743" s="19"/>
      <c r="U13743" s="19"/>
      <c r="V13743" s="19"/>
      <c r="W13743" s="19"/>
      <c r="X13743" s="19"/>
      <c r="Y13743" s="19"/>
      <c r="Z13743" s="19"/>
      <c r="AA13743" s="19"/>
    </row>
    <row r="13744" spans="1:27" s="1" customFormat="1" ht="14.1" customHeight="1" outlineLevel="4" x14ac:dyDescent="0.2">
      <c r="A13744" s="17">
        <v>8176</v>
      </c>
      <c r="B13744" s="17"/>
      <c r="C13744" s="17"/>
      <c r="D13744" s="18" t="s">
        <v>6810</v>
      </c>
      <c r="E13744" s="18"/>
      <c r="F13744" s="18"/>
      <c r="G13744" s="18"/>
      <c r="H13744" s="18"/>
      <c r="I13744" s="18"/>
      <c r="J13744" s="18"/>
      <c r="K13744" s="18"/>
      <c r="L13744" s="18"/>
      <c r="M13744" s="18"/>
      <c r="N13744" s="18"/>
      <c r="O13744" s="18"/>
      <c r="P13744" s="19">
        <v>165</v>
      </c>
      <c r="Q13744" s="19"/>
      <c r="R13744" s="19"/>
      <c r="S13744" s="19"/>
      <c r="T13744" s="19">
        <v>65</v>
      </c>
      <c r="U13744" s="19"/>
      <c r="V13744" s="19"/>
      <c r="W13744" s="19"/>
      <c r="X13744" s="19">
        <v>7</v>
      </c>
      <c r="Y13744" s="19"/>
      <c r="Z13744" s="19"/>
      <c r="AA13744" s="19"/>
    </row>
    <row r="13745" spans="1:27" s="1" customFormat="1" ht="14.1" customHeight="1" outlineLevel="4" x14ac:dyDescent="0.2">
      <c r="A13745" s="17"/>
      <c r="B13745" s="17"/>
      <c r="C13745" s="17"/>
      <c r="D13745" s="18"/>
      <c r="E13745" s="18"/>
      <c r="F13745" s="18"/>
      <c r="G13745" s="18"/>
      <c r="H13745" s="18"/>
      <c r="I13745" s="18"/>
      <c r="J13745" s="18"/>
      <c r="K13745" s="18"/>
      <c r="L13745" s="18"/>
      <c r="M13745" s="18"/>
      <c r="N13745" s="18"/>
      <c r="O13745" s="18"/>
      <c r="P13745" s="19"/>
      <c r="Q13745" s="19"/>
      <c r="R13745" s="19"/>
      <c r="S13745" s="19"/>
      <c r="T13745" s="19"/>
      <c r="U13745" s="19"/>
      <c r="V13745" s="19"/>
      <c r="W13745" s="19"/>
      <c r="X13745" s="19"/>
      <c r="Y13745" s="19"/>
      <c r="Z13745" s="19"/>
      <c r="AA13745" s="19"/>
    </row>
    <row r="13746" spans="1:27" s="1" customFormat="1" ht="11.1" customHeight="1" outlineLevel="4" x14ac:dyDescent="0.2">
      <c r="A13746" s="17">
        <v>8174</v>
      </c>
      <c r="B13746" s="17"/>
      <c r="C13746" s="17"/>
      <c r="D13746" s="18" t="s">
        <v>6811</v>
      </c>
      <c r="E13746" s="18"/>
      <c r="F13746" s="18"/>
      <c r="G13746" s="18"/>
      <c r="H13746" s="18"/>
      <c r="I13746" s="18"/>
      <c r="J13746" s="18"/>
      <c r="K13746" s="18"/>
      <c r="L13746" s="18"/>
      <c r="M13746" s="18"/>
      <c r="N13746" s="18"/>
      <c r="O13746" s="18"/>
      <c r="P13746" s="19">
        <v>165</v>
      </c>
      <c r="Q13746" s="19"/>
      <c r="R13746" s="19"/>
      <c r="S13746" s="19"/>
      <c r="T13746" s="19">
        <v>65</v>
      </c>
      <c r="U13746" s="19"/>
      <c r="V13746" s="19"/>
      <c r="W13746" s="19"/>
      <c r="X13746" s="19">
        <v>4</v>
      </c>
      <c r="Y13746" s="19"/>
      <c r="Z13746" s="19"/>
      <c r="AA13746" s="19"/>
    </row>
    <row r="13747" spans="1:27" s="1" customFormat="1" ht="11.1" customHeight="1" outlineLevel="4" x14ac:dyDescent="0.2">
      <c r="A13747" s="17"/>
      <c r="B13747" s="17"/>
      <c r="C13747" s="17"/>
      <c r="D13747" s="18"/>
      <c r="E13747" s="18"/>
      <c r="F13747" s="18"/>
      <c r="G13747" s="18"/>
      <c r="H13747" s="18"/>
      <c r="I13747" s="18"/>
      <c r="J13747" s="18"/>
      <c r="K13747" s="18"/>
      <c r="L13747" s="18"/>
      <c r="M13747" s="18"/>
      <c r="N13747" s="18"/>
      <c r="O13747" s="18"/>
      <c r="P13747" s="19"/>
      <c r="Q13747" s="19"/>
      <c r="R13747" s="19"/>
      <c r="S13747" s="19"/>
      <c r="T13747" s="19"/>
      <c r="U13747" s="19"/>
      <c r="V13747" s="19"/>
      <c r="W13747" s="19"/>
      <c r="X13747" s="19"/>
      <c r="Y13747" s="19"/>
      <c r="Z13747" s="19"/>
      <c r="AA13747" s="19"/>
    </row>
    <row r="13748" spans="1:27" s="1" customFormat="1" ht="11.1" customHeight="1" outlineLevel="4" x14ac:dyDescent="0.2">
      <c r="A13748" s="17">
        <v>8175</v>
      </c>
      <c r="B13748" s="17"/>
      <c r="C13748" s="17"/>
      <c r="D13748" s="18" t="s">
        <v>6812</v>
      </c>
      <c r="E13748" s="18"/>
      <c r="F13748" s="18"/>
      <c r="G13748" s="18"/>
      <c r="H13748" s="18"/>
      <c r="I13748" s="18"/>
      <c r="J13748" s="18"/>
      <c r="K13748" s="18"/>
      <c r="L13748" s="18"/>
      <c r="M13748" s="18"/>
      <c r="N13748" s="18"/>
      <c r="O13748" s="18"/>
      <c r="P13748" s="19">
        <v>165</v>
      </c>
      <c r="Q13748" s="19"/>
      <c r="R13748" s="19"/>
      <c r="S13748" s="19"/>
      <c r="T13748" s="19">
        <v>65</v>
      </c>
      <c r="U13748" s="19"/>
      <c r="V13748" s="19"/>
      <c r="W13748" s="19"/>
      <c r="X13748" s="19">
        <v>5</v>
      </c>
      <c r="Y13748" s="19"/>
      <c r="Z13748" s="19"/>
      <c r="AA13748" s="19"/>
    </row>
    <row r="13749" spans="1:27" s="1" customFormat="1" ht="11.1" customHeight="1" outlineLevel="4" x14ac:dyDescent="0.2">
      <c r="A13749" s="17"/>
      <c r="B13749" s="17"/>
      <c r="C13749" s="17"/>
      <c r="D13749" s="18"/>
      <c r="E13749" s="18"/>
      <c r="F13749" s="18"/>
      <c r="G13749" s="18"/>
      <c r="H13749" s="18"/>
      <c r="I13749" s="18"/>
      <c r="J13749" s="18"/>
      <c r="K13749" s="18"/>
      <c r="L13749" s="18"/>
      <c r="M13749" s="18"/>
      <c r="N13749" s="18"/>
      <c r="O13749" s="18"/>
      <c r="P13749" s="19"/>
      <c r="Q13749" s="19"/>
      <c r="R13749" s="19"/>
      <c r="S13749" s="19"/>
      <c r="T13749" s="19"/>
      <c r="U13749" s="19"/>
      <c r="V13749" s="19"/>
      <c r="W13749" s="19"/>
      <c r="X13749" s="19"/>
      <c r="Y13749" s="19"/>
      <c r="Z13749" s="19"/>
      <c r="AA13749" s="19"/>
    </row>
    <row r="13750" spans="1:27" s="1" customFormat="1" ht="11.1" customHeight="1" outlineLevel="4" x14ac:dyDescent="0.2">
      <c r="A13750" s="17">
        <v>8127</v>
      </c>
      <c r="B13750" s="17"/>
      <c r="C13750" s="17"/>
      <c r="D13750" s="18" t="s">
        <v>6813</v>
      </c>
      <c r="E13750" s="18"/>
      <c r="F13750" s="18"/>
      <c r="G13750" s="18"/>
      <c r="H13750" s="18"/>
      <c r="I13750" s="18"/>
      <c r="J13750" s="18"/>
      <c r="K13750" s="18"/>
      <c r="L13750" s="18"/>
      <c r="M13750" s="18"/>
      <c r="N13750" s="18"/>
      <c r="O13750" s="18"/>
      <c r="P13750" s="19">
        <v>165</v>
      </c>
      <c r="Q13750" s="19"/>
      <c r="R13750" s="19"/>
      <c r="S13750" s="19"/>
      <c r="T13750" s="19">
        <v>65</v>
      </c>
      <c r="U13750" s="19"/>
      <c r="V13750" s="19"/>
      <c r="W13750" s="19"/>
      <c r="X13750" s="19">
        <v>1</v>
      </c>
      <c r="Y13750" s="19"/>
      <c r="Z13750" s="19"/>
      <c r="AA13750" s="19"/>
    </row>
    <row r="13751" spans="1:27" s="1" customFormat="1" ht="11.1" customHeight="1" outlineLevel="4" x14ac:dyDescent="0.2">
      <c r="A13751" s="17"/>
      <c r="B13751" s="17"/>
      <c r="C13751" s="17"/>
      <c r="D13751" s="18"/>
      <c r="E13751" s="18"/>
      <c r="F13751" s="18"/>
      <c r="G13751" s="18"/>
      <c r="H13751" s="18"/>
      <c r="I13751" s="18"/>
      <c r="J13751" s="18"/>
      <c r="K13751" s="18"/>
      <c r="L13751" s="18"/>
      <c r="M13751" s="18"/>
      <c r="N13751" s="18"/>
      <c r="O13751" s="18"/>
      <c r="P13751" s="19"/>
      <c r="Q13751" s="19"/>
      <c r="R13751" s="19"/>
      <c r="S13751" s="19"/>
      <c r="T13751" s="19"/>
      <c r="U13751" s="19"/>
      <c r="V13751" s="19"/>
      <c r="W13751" s="19"/>
      <c r="X13751" s="19"/>
      <c r="Y13751" s="19"/>
      <c r="Z13751" s="19"/>
      <c r="AA13751" s="19"/>
    </row>
    <row r="13752" spans="1:27" s="1" customFormat="1" ht="14.1" customHeight="1" outlineLevel="4" x14ac:dyDescent="0.2">
      <c r="A13752" s="17">
        <v>9028</v>
      </c>
      <c r="B13752" s="17"/>
      <c r="C13752" s="17"/>
      <c r="D13752" s="18" t="s">
        <v>6814</v>
      </c>
      <c r="E13752" s="18"/>
      <c r="F13752" s="18"/>
      <c r="G13752" s="18"/>
      <c r="H13752" s="18"/>
      <c r="I13752" s="18"/>
      <c r="J13752" s="18"/>
      <c r="K13752" s="18"/>
      <c r="L13752" s="18"/>
      <c r="M13752" s="18"/>
      <c r="N13752" s="18"/>
      <c r="O13752" s="18"/>
      <c r="P13752" s="19">
        <v>165</v>
      </c>
      <c r="Q13752" s="19"/>
      <c r="R13752" s="19"/>
      <c r="S13752" s="19"/>
      <c r="T13752" s="19">
        <v>65</v>
      </c>
      <c r="U13752" s="19"/>
      <c r="V13752" s="19"/>
      <c r="W13752" s="19"/>
      <c r="X13752" s="19">
        <v>4</v>
      </c>
      <c r="Y13752" s="19"/>
      <c r="Z13752" s="19"/>
      <c r="AA13752" s="19"/>
    </row>
    <row r="13753" spans="1:27" s="1" customFormat="1" ht="14.1" customHeight="1" outlineLevel="4" x14ac:dyDescent="0.2">
      <c r="A13753" s="17"/>
      <c r="B13753" s="17"/>
      <c r="C13753" s="17"/>
      <c r="D13753" s="18"/>
      <c r="E13753" s="18"/>
      <c r="F13753" s="18"/>
      <c r="G13753" s="18"/>
      <c r="H13753" s="18"/>
      <c r="I13753" s="18"/>
      <c r="J13753" s="18"/>
      <c r="K13753" s="18"/>
      <c r="L13753" s="18"/>
      <c r="M13753" s="18"/>
      <c r="N13753" s="18"/>
      <c r="O13753" s="18"/>
      <c r="P13753" s="19"/>
      <c r="Q13753" s="19"/>
      <c r="R13753" s="19"/>
      <c r="S13753" s="19"/>
      <c r="T13753" s="19"/>
      <c r="U13753" s="19"/>
      <c r="V13753" s="19"/>
      <c r="W13753" s="19"/>
      <c r="X13753" s="19"/>
      <c r="Y13753" s="19"/>
      <c r="Z13753" s="19"/>
      <c r="AA13753" s="19"/>
    </row>
    <row r="13754" spans="1:27" s="1" customFormat="1" ht="11.1" customHeight="1" outlineLevel="4" x14ac:dyDescent="0.2">
      <c r="A13754" s="17">
        <v>8033</v>
      </c>
      <c r="B13754" s="17"/>
      <c r="C13754" s="17"/>
      <c r="D13754" s="18" t="s">
        <v>6815</v>
      </c>
      <c r="E13754" s="18"/>
      <c r="F13754" s="18"/>
      <c r="G13754" s="18"/>
      <c r="H13754" s="18"/>
      <c r="I13754" s="18"/>
      <c r="J13754" s="18"/>
      <c r="K13754" s="18"/>
      <c r="L13754" s="18"/>
      <c r="M13754" s="18"/>
      <c r="N13754" s="18"/>
      <c r="O13754" s="18"/>
      <c r="P13754" s="19">
        <v>180</v>
      </c>
      <c r="Q13754" s="19"/>
      <c r="R13754" s="19"/>
      <c r="S13754" s="19"/>
      <c r="T13754" s="19">
        <v>80</v>
      </c>
      <c r="U13754" s="19"/>
      <c r="V13754" s="19"/>
      <c r="W13754" s="19"/>
      <c r="X13754" s="19">
        <v>1</v>
      </c>
      <c r="Y13754" s="19"/>
      <c r="Z13754" s="19"/>
      <c r="AA13754" s="19"/>
    </row>
    <row r="13755" spans="1:27" s="1" customFormat="1" ht="11.1" customHeight="1" outlineLevel="4" x14ac:dyDescent="0.2">
      <c r="A13755" s="17"/>
      <c r="B13755" s="17"/>
      <c r="C13755" s="17"/>
      <c r="D13755" s="18"/>
      <c r="E13755" s="18"/>
      <c r="F13755" s="18"/>
      <c r="G13755" s="18"/>
      <c r="H13755" s="18"/>
      <c r="I13755" s="18"/>
      <c r="J13755" s="18"/>
      <c r="K13755" s="18"/>
      <c r="L13755" s="18"/>
      <c r="M13755" s="18"/>
      <c r="N13755" s="18"/>
      <c r="O13755" s="18"/>
      <c r="P13755" s="19"/>
      <c r="Q13755" s="19"/>
      <c r="R13755" s="19"/>
      <c r="S13755" s="19"/>
      <c r="T13755" s="19"/>
      <c r="U13755" s="19"/>
      <c r="V13755" s="19"/>
      <c r="W13755" s="19"/>
      <c r="X13755" s="19"/>
      <c r="Y13755" s="19"/>
      <c r="Z13755" s="19"/>
      <c r="AA13755" s="19"/>
    </row>
    <row r="13756" spans="1:27" s="1" customFormat="1" ht="11.1" customHeight="1" outlineLevel="4" x14ac:dyDescent="0.2">
      <c r="A13756" s="17">
        <v>8034</v>
      </c>
      <c r="B13756" s="17"/>
      <c r="C13756" s="17"/>
      <c r="D13756" s="18" t="s">
        <v>6816</v>
      </c>
      <c r="E13756" s="18"/>
      <c r="F13756" s="18"/>
      <c r="G13756" s="18"/>
      <c r="H13756" s="18"/>
      <c r="I13756" s="18"/>
      <c r="J13756" s="18"/>
      <c r="K13756" s="18"/>
      <c r="L13756" s="18"/>
      <c r="M13756" s="18"/>
      <c r="N13756" s="18"/>
      <c r="O13756" s="18"/>
      <c r="P13756" s="19">
        <v>180</v>
      </c>
      <c r="Q13756" s="19"/>
      <c r="R13756" s="19"/>
      <c r="S13756" s="19"/>
      <c r="T13756" s="19">
        <v>80</v>
      </c>
      <c r="U13756" s="19"/>
      <c r="V13756" s="19"/>
      <c r="W13756" s="19"/>
      <c r="X13756" s="19">
        <v>1</v>
      </c>
      <c r="Y13756" s="19"/>
      <c r="Z13756" s="19"/>
      <c r="AA13756" s="19"/>
    </row>
    <row r="13757" spans="1:27" s="1" customFormat="1" ht="11.1" customHeight="1" outlineLevel="4" x14ac:dyDescent="0.2">
      <c r="A13757" s="17"/>
      <c r="B13757" s="17"/>
      <c r="C13757" s="17"/>
      <c r="D13757" s="18"/>
      <c r="E13757" s="18"/>
      <c r="F13757" s="18"/>
      <c r="G13757" s="18"/>
      <c r="H13757" s="18"/>
      <c r="I13757" s="18"/>
      <c r="J13757" s="18"/>
      <c r="K13757" s="18"/>
      <c r="L13757" s="18"/>
      <c r="M13757" s="18"/>
      <c r="N13757" s="18"/>
      <c r="O13757" s="18"/>
      <c r="P13757" s="19"/>
      <c r="Q13757" s="19"/>
      <c r="R13757" s="19"/>
      <c r="S13757" s="19"/>
      <c r="T13757" s="19"/>
      <c r="U13757" s="19"/>
      <c r="V13757" s="19"/>
      <c r="W13757" s="19"/>
      <c r="X13757" s="19"/>
      <c r="Y13757" s="19"/>
      <c r="Z13757" s="19"/>
      <c r="AA13757" s="19"/>
    </row>
    <row r="13758" spans="1:27" s="1" customFormat="1" ht="11.1" customHeight="1" outlineLevel="4" x14ac:dyDescent="0.2">
      <c r="A13758" s="17">
        <v>8035</v>
      </c>
      <c r="B13758" s="17"/>
      <c r="C13758" s="17"/>
      <c r="D13758" s="18" t="s">
        <v>6817</v>
      </c>
      <c r="E13758" s="18"/>
      <c r="F13758" s="18"/>
      <c r="G13758" s="18"/>
      <c r="H13758" s="18"/>
      <c r="I13758" s="18"/>
      <c r="J13758" s="18"/>
      <c r="K13758" s="18"/>
      <c r="L13758" s="18"/>
      <c r="M13758" s="18"/>
      <c r="N13758" s="18"/>
      <c r="O13758" s="18"/>
      <c r="P13758" s="19">
        <v>180</v>
      </c>
      <c r="Q13758" s="19"/>
      <c r="R13758" s="19"/>
      <c r="S13758" s="19"/>
      <c r="T13758" s="19">
        <v>80</v>
      </c>
      <c r="U13758" s="19"/>
      <c r="V13758" s="19"/>
      <c r="W13758" s="19"/>
      <c r="X13758" s="19">
        <v>1</v>
      </c>
      <c r="Y13758" s="19"/>
      <c r="Z13758" s="19"/>
      <c r="AA13758" s="19"/>
    </row>
    <row r="13759" spans="1:27" s="1" customFormat="1" ht="11.1" customHeight="1" outlineLevel="4" x14ac:dyDescent="0.2">
      <c r="A13759" s="17"/>
      <c r="B13759" s="17"/>
      <c r="C13759" s="17"/>
      <c r="D13759" s="18"/>
      <c r="E13759" s="18"/>
      <c r="F13759" s="18"/>
      <c r="G13759" s="18"/>
      <c r="H13759" s="18"/>
      <c r="I13759" s="18"/>
      <c r="J13759" s="18"/>
      <c r="K13759" s="18"/>
      <c r="L13759" s="18"/>
      <c r="M13759" s="18"/>
      <c r="N13759" s="18"/>
      <c r="O13759" s="18"/>
      <c r="P13759" s="19"/>
      <c r="Q13759" s="19"/>
      <c r="R13759" s="19"/>
      <c r="S13759" s="19"/>
      <c r="T13759" s="19"/>
      <c r="U13759" s="19"/>
      <c r="V13759" s="19"/>
      <c r="W13759" s="19"/>
      <c r="X13759" s="19"/>
      <c r="Y13759" s="19"/>
      <c r="Z13759" s="19"/>
      <c r="AA13759" s="19"/>
    </row>
    <row r="13760" spans="1:27" s="1" customFormat="1" ht="14.1" customHeight="1" outlineLevel="4" x14ac:dyDescent="0.2">
      <c r="A13760" s="17">
        <v>8037</v>
      </c>
      <c r="B13760" s="17"/>
      <c r="C13760" s="17"/>
      <c r="D13760" s="18" t="s">
        <v>6818</v>
      </c>
      <c r="E13760" s="18"/>
      <c r="F13760" s="18"/>
      <c r="G13760" s="18"/>
      <c r="H13760" s="18"/>
      <c r="I13760" s="18"/>
      <c r="J13760" s="18"/>
      <c r="K13760" s="18"/>
      <c r="L13760" s="18"/>
      <c r="M13760" s="18"/>
      <c r="N13760" s="18"/>
      <c r="O13760" s="18"/>
      <c r="P13760" s="19">
        <v>180</v>
      </c>
      <c r="Q13760" s="19"/>
      <c r="R13760" s="19"/>
      <c r="S13760" s="19"/>
      <c r="T13760" s="19">
        <v>80</v>
      </c>
      <c r="U13760" s="19"/>
      <c r="V13760" s="19"/>
      <c r="W13760" s="19"/>
      <c r="X13760" s="19">
        <v>1</v>
      </c>
      <c r="Y13760" s="19"/>
      <c r="Z13760" s="19"/>
      <c r="AA13760" s="19"/>
    </row>
    <row r="13761" spans="1:27" s="1" customFormat="1" ht="14.1" customHeight="1" outlineLevel="4" x14ac:dyDescent="0.2">
      <c r="A13761" s="17"/>
      <c r="B13761" s="17"/>
      <c r="C13761" s="17"/>
      <c r="D13761" s="18"/>
      <c r="E13761" s="18"/>
      <c r="F13761" s="18"/>
      <c r="G13761" s="18"/>
      <c r="H13761" s="18"/>
      <c r="I13761" s="18"/>
      <c r="J13761" s="18"/>
      <c r="K13761" s="18"/>
      <c r="L13761" s="18"/>
      <c r="M13761" s="18"/>
      <c r="N13761" s="18"/>
      <c r="O13761" s="18"/>
      <c r="P13761" s="19"/>
      <c r="Q13761" s="19"/>
      <c r="R13761" s="19"/>
      <c r="S13761" s="19"/>
      <c r="T13761" s="19"/>
      <c r="U13761" s="19"/>
      <c r="V13761" s="19"/>
      <c r="W13761" s="19"/>
      <c r="X13761" s="19"/>
      <c r="Y13761" s="19"/>
      <c r="Z13761" s="19"/>
      <c r="AA13761" s="19"/>
    </row>
    <row r="13762" spans="1:27" s="1" customFormat="1" ht="11.1" customHeight="1" outlineLevel="4" x14ac:dyDescent="0.2">
      <c r="A13762" s="17">
        <v>8036</v>
      </c>
      <c r="B13762" s="17"/>
      <c r="C13762" s="17"/>
      <c r="D13762" s="18" t="s">
        <v>6819</v>
      </c>
      <c r="E13762" s="18"/>
      <c r="F13762" s="18"/>
      <c r="G13762" s="18"/>
      <c r="H13762" s="18"/>
      <c r="I13762" s="18"/>
      <c r="J13762" s="18"/>
      <c r="K13762" s="18"/>
      <c r="L13762" s="18"/>
      <c r="M13762" s="18"/>
      <c r="N13762" s="18"/>
      <c r="O13762" s="18"/>
      <c r="P13762" s="19">
        <v>180</v>
      </c>
      <c r="Q13762" s="19"/>
      <c r="R13762" s="19"/>
      <c r="S13762" s="19"/>
      <c r="T13762" s="19">
        <v>80</v>
      </c>
      <c r="U13762" s="19"/>
      <c r="V13762" s="19"/>
      <c r="W13762" s="19"/>
      <c r="X13762" s="19">
        <v>1</v>
      </c>
      <c r="Y13762" s="19"/>
      <c r="Z13762" s="19"/>
      <c r="AA13762" s="19"/>
    </row>
    <row r="13763" spans="1:27" s="1" customFormat="1" ht="11.1" customHeight="1" outlineLevel="4" x14ac:dyDescent="0.2">
      <c r="A13763" s="17"/>
      <c r="B13763" s="17"/>
      <c r="C13763" s="17"/>
      <c r="D13763" s="18"/>
      <c r="E13763" s="18"/>
      <c r="F13763" s="18"/>
      <c r="G13763" s="18"/>
      <c r="H13763" s="18"/>
      <c r="I13763" s="18"/>
      <c r="J13763" s="18"/>
      <c r="K13763" s="18"/>
      <c r="L13763" s="18"/>
      <c r="M13763" s="18"/>
      <c r="N13763" s="18"/>
      <c r="O13763" s="18"/>
      <c r="P13763" s="19"/>
      <c r="Q13763" s="19"/>
      <c r="R13763" s="19"/>
      <c r="S13763" s="19"/>
      <c r="T13763" s="19"/>
      <c r="U13763" s="19"/>
      <c r="V13763" s="19"/>
      <c r="W13763" s="19"/>
      <c r="X13763" s="19"/>
      <c r="Y13763" s="19"/>
      <c r="Z13763" s="19"/>
      <c r="AA13763" s="19"/>
    </row>
    <row r="13764" spans="1:27" s="1" customFormat="1" ht="14.1" customHeight="1" outlineLevel="4" x14ac:dyDescent="0.2">
      <c r="A13764" s="17">
        <v>8048</v>
      </c>
      <c r="B13764" s="17"/>
      <c r="C13764" s="17"/>
      <c r="D13764" s="18" t="s">
        <v>6820</v>
      </c>
      <c r="E13764" s="18"/>
      <c r="F13764" s="18"/>
      <c r="G13764" s="18"/>
      <c r="H13764" s="18"/>
      <c r="I13764" s="18"/>
      <c r="J13764" s="18"/>
      <c r="K13764" s="18"/>
      <c r="L13764" s="18"/>
      <c r="M13764" s="18"/>
      <c r="N13764" s="18"/>
      <c r="O13764" s="18"/>
      <c r="P13764" s="19">
        <v>180</v>
      </c>
      <c r="Q13764" s="19"/>
      <c r="R13764" s="19"/>
      <c r="S13764" s="19"/>
      <c r="T13764" s="19">
        <v>80</v>
      </c>
      <c r="U13764" s="19"/>
      <c r="V13764" s="19"/>
      <c r="W13764" s="19"/>
      <c r="X13764" s="19">
        <v>1</v>
      </c>
      <c r="Y13764" s="19"/>
      <c r="Z13764" s="19"/>
      <c r="AA13764" s="19"/>
    </row>
    <row r="13765" spans="1:27" s="1" customFormat="1" ht="14.1" customHeight="1" outlineLevel="4" x14ac:dyDescent="0.2">
      <c r="A13765" s="17"/>
      <c r="B13765" s="17"/>
      <c r="C13765" s="17"/>
      <c r="D13765" s="18"/>
      <c r="E13765" s="18"/>
      <c r="F13765" s="18"/>
      <c r="G13765" s="18"/>
      <c r="H13765" s="18"/>
      <c r="I13765" s="18"/>
      <c r="J13765" s="18"/>
      <c r="K13765" s="18"/>
      <c r="L13765" s="18"/>
      <c r="M13765" s="18"/>
      <c r="N13765" s="18"/>
      <c r="O13765" s="18"/>
      <c r="P13765" s="19"/>
      <c r="Q13765" s="19"/>
      <c r="R13765" s="19"/>
      <c r="S13765" s="19"/>
      <c r="T13765" s="19"/>
      <c r="U13765" s="19"/>
      <c r="V13765" s="19"/>
      <c r="W13765" s="19"/>
      <c r="X13765" s="19"/>
      <c r="Y13765" s="19"/>
      <c r="Z13765" s="19"/>
      <c r="AA13765" s="19"/>
    </row>
    <row r="13766" spans="1:27" s="1" customFormat="1" ht="14.1" customHeight="1" outlineLevel="4" x14ac:dyDescent="0.2">
      <c r="A13766" s="17">
        <v>8049</v>
      </c>
      <c r="B13766" s="17"/>
      <c r="C13766" s="17"/>
      <c r="D13766" s="18" t="s">
        <v>6821</v>
      </c>
      <c r="E13766" s="18"/>
      <c r="F13766" s="18"/>
      <c r="G13766" s="18"/>
      <c r="H13766" s="18"/>
      <c r="I13766" s="18"/>
      <c r="J13766" s="18"/>
      <c r="K13766" s="18"/>
      <c r="L13766" s="18"/>
      <c r="M13766" s="18"/>
      <c r="N13766" s="18"/>
      <c r="O13766" s="18"/>
      <c r="P13766" s="19">
        <v>180</v>
      </c>
      <c r="Q13766" s="19"/>
      <c r="R13766" s="19"/>
      <c r="S13766" s="19"/>
      <c r="T13766" s="19">
        <v>80</v>
      </c>
      <c r="U13766" s="19"/>
      <c r="V13766" s="19"/>
      <c r="W13766" s="19"/>
      <c r="X13766" s="19">
        <v>1</v>
      </c>
      <c r="Y13766" s="19"/>
      <c r="Z13766" s="19"/>
      <c r="AA13766" s="19"/>
    </row>
    <row r="13767" spans="1:27" s="1" customFormat="1" ht="14.1" customHeight="1" outlineLevel="4" x14ac:dyDescent="0.2">
      <c r="A13767" s="17"/>
      <c r="B13767" s="17"/>
      <c r="C13767" s="17"/>
      <c r="D13767" s="18"/>
      <c r="E13767" s="18"/>
      <c r="F13767" s="18"/>
      <c r="G13767" s="18"/>
      <c r="H13767" s="18"/>
      <c r="I13767" s="18"/>
      <c r="J13767" s="18"/>
      <c r="K13767" s="18"/>
      <c r="L13767" s="18"/>
      <c r="M13767" s="18"/>
      <c r="N13767" s="18"/>
      <c r="O13767" s="18"/>
      <c r="P13767" s="19"/>
      <c r="Q13767" s="19"/>
      <c r="R13767" s="19"/>
      <c r="S13767" s="19"/>
      <c r="T13767" s="19"/>
      <c r="U13767" s="19"/>
      <c r="V13767" s="19"/>
      <c r="W13767" s="19"/>
      <c r="X13767" s="19"/>
      <c r="Y13767" s="19"/>
      <c r="Z13767" s="19"/>
      <c r="AA13767" s="19"/>
    </row>
    <row r="13768" spans="1:27" s="1" customFormat="1" ht="14.1" customHeight="1" outlineLevel="4" x14ac:dyDescent="0.2">
      <c r="A13768" s="17">
        <v>8052</v>
      </c>
      <c r="B13768" s="17"/>
      <c r="C13768" s="17"/>
      <c r="D13768" s="18" t="s">
        <v>6822</v>
      </c>
      <c r="E13768" s="18"/>
      <c r="F13768" s="18"/>
      <c r="G13768" s="18"/>
      <c r="H13768" s="18"/>
      <c r="I13768" s="18"/>
      <c r="J13768" s="18"/>
      <c r="K13768" s="18"/>
      <c r="L13768" s="18"/>
      <c r="M13768" s="18"/>
      <c r="N13768" s="18"/>
      <c r="O13768" s="18"/>
      <c r="P13768" s="19">
        <v>180</v>
      </c>
      <c r="Q13768" s="19"/>
      <c r="R13768" s="19"/>
      <c r="S13768" s="19"/>
      <c r="T13768" s="19">
        <v>80</v>
      </c>
      <c r="U13768" s="19"/>
      <c r="V13768" s="19"/>
      <c r="W13768" s="19"/>
      <c r="X13768" s="19">
        <v>1</v>
      </c>
      <c r="Y13768" s="19"/>
      <c r="Z13768" s="19"/>
      <c r="AA13768" s="19"/>
    </row>
    <row r="13769" spans="1:27" s="1" customFormat="1" ht="14.1" customHeight="1" outlineLevel="4" x14ac:dyDescent="0.2">
      <c r="A13769" s="17"/>
      <c r="B13769" s="17"/>
      <c r="C13769" s="17"/>
      <c r="D13769" s="18"/>
      <c r="E13769" s="18"/>
      <c r="F13769" s="18"/>
      <c r="G13769" s="18"/>
      <c r="H13769" s="18"/>
      <c r="I13769" s="18"/>
      <c r="J13769" s="18"/>
      <c r="K13769" s="18"/>
      <c r="L13769" s="18"/>
      <c r="M13769" s="18"/>
      <c r="N13769" s="18"/>
      <c r="O13769" s="18"/>
      <c r="P13769" s="19"/>
      <c r="Q13769" s="19"/>
      <c r="R13769" s="19"/>
      <c r="S13769" s="19"/>
      <c r="T13769" s="19"/>
      <c r="U13769" s="19"/>
      <c r="V13769" s="19"/>
      <c r="W13769" s="19"/>
      <c r="X13769" s="19"/>
      <c r="Y13769" s="19"/>
      <c r="Z13769" s="19"/>
      <c r="AA13769" s="19"/>
    </row>
    <row r="13770" spans="1:27" s="1" customFormat="1" ht="14.1" customHeight="1" outlineLevel="4" x14ac:dyDescent="0.2">
      <c r="A13770" s="17">
        <v>10608</v>
      </c>
      <c r="B13770" s="17"/>
      <c r="C13770" s="17"/>
      <c r="D13770" s="18" t="s">
        <v>6823</v>
      </c>
      <c r="E13770" s="18"/>
      <c r="F13770" s="18"/>
      <c r="G13770" s="18"/>
      <c r="H13770" s="18"/>
      <c r="I13770" s="18"/>
      <c r="J13770" s="18"/>
      <c r="K13770" s="18"/>
      <c r="L13770" s="18"/>
      <c r="M13770" s="18"/>
      <c r="N13770" s="18"/>
      <c r="O13770" s="18"/>
      <c r="P13770" s="19">
        <v>240</v>
      </c>
      <c r="Q13770" s="19"/>
      <c r="R13770" s="19"/>
      <c r="S13770" s="19"/>
      <c r="T13770" s="19">
        <v>145</v>
      </c>
      <c r="U13770" s="19"/>
      <c r="V13770" s="19"/>
      <c r="W13770" s="19"/>
      <c r="X13770" s="19">
        <v>1</v>
      </c>
      <c r="Y13770" s="19"/>
      <c r="Z13770" s="19"/>
      <c r="AA13770" s="19"/>
    </row>
    <row r="13771" spans="1:27" s="1" customFormat="1" ht="14.1" customHeight="1" outlineLevel="4" x14ac:dyDescent="0.2">
      <c r="A13771" s="17"/>
      <c r="B13771" s="17"/>
      <c r="C13771" s="17"/>
      <c r="D13771" s="18"/>
      <c r="E13771" s="18"/>
      <c r="F13771" s="18"/>
      <c r="G13771" s="18"/>
      <c r="H13771" s="18"/>
      <c r="I13771" s="18"/>
      <c r="J13771" s="18"/>
      <c r="K13771" s="18"/>
      <c r="L13771" s="18"/>
      <c r="M13771" s="18"/>
      <c r="N13771" s="18"/>
      <c r="O13771" s="18"/>
      <c r="P13771" s="19"/>
      <c r="Q13771" s="19"/>
      <c r="R13771" s="19"/>
      <c r="S13771" s="19"/>
      <c r="T13771" s="19"/>
      <c r="U13771" s="19"/>
      <c r="V13771" s="19"/>
      <c r="W13771" s="19"/>
      <c r="X13771" s="19"/>
      <c r="Y13771" s="19"/>
      <c r="Z13771" s="19"/>
      <c r="AA13771" s="19"/>
    </row>
    <row r="13772" spans="1:27" s="1" customFormat="1" ht="14.1" customHeight="1" outlineLevel="4" x14ac:dyDescent="0.2">
      <c r="A13772" s="17">
        <v>10607</v>
      </c>
      <c r="B13772" s="17"/>
      <c r="C13772" s="17"/>
      <c r="D13772" s="18" t="s">
        <v>6824</v>
      </c>
      <c r="E13772" s="18"/>
      <c r="F13772" s="18"/>
      <c r="G13772" s="18"/>
      <c r="H13772" s="18"/>
      <c r="I13772" s="18"/>
      <c r="J13772" s="18"/>
      <c r="K13772" s="18"/>
      <c r="L13772" s="18"/>
      <c r="M13772" s="18"/>
      <c r="N13772" s="18"/>
      <c r="O13772" s="18"/>
      <c r="P13772" s="19">
        <v>240</v>
      </c>
      <c r="Q13772" s="19"/>
      <c r="R13772" s="19"/>
      <c r="S13772" s="19"/>
      <c r="T13772" s="19">
        <v>145</v>
      </c>
      <c r="U13772" s="19"/>
      <c r="V13772" s="19"/>
      <c r="W13772" s="19"/>
      <c r="X13772" s="19">
        <v>1</v>
      </c>
      <c r="Y13772" s="19"/>
      <c r="Z13772" s="19"/>
      <c r="AA13772" s="19"/>
    </row>
    <row r="13773" spans="1:27" s="1" customFormat="1" ht="14.1" customHeight="1" outlineLevel="4" x14ac:dyDescent="0.2">
      <c r="A13773" s="17"/>
      <c r="B13773" s="17"/>
      <c r="C13773" s="17"/>
      <c r="D13773" s="18"/>
      <c r="E13773" s="18"/>
      <c r="F13773" s="18"/>
      <c r="G13773" s="18"/>
      <c r="H13773" s="18"/>
      <c r="I13773" s="18"/>
      <c r="J13773" s="18"/>
      <c r="K13773" s="18"/>
      <c r="L13773" s="18"/>
      <c r="M13773" s="18"/>
      <c r="N13773" s="18"/>
      <c r="O13773" s="18"/>
      <c r="P13773" s="19"/>
      <c r="Q13773" s="19"/>
      <c r="R13773" s="19"/>
      <c r="S13773" s="19"/>
      <c r="T13773" s="19"/>
      <c r="U13773" s="19"/>
      <c r="V13773" s="19"/>
      <c r="W13773" s="19"/>
      <c r="X13773" s="19"/>
      <c r="Y13773" s="19"/>
      <c r="Z13773" s="19"/>
      <c r="AA13773" s="19"/>
    </row>
    <row r="13774" spans="1:27" s="1" customFormat="1" ht="11.1" customHeight="1" outlineLevel="4" x14ac:dyDescent="0.2">
      <c r="A13774" s="17">
        <v>10606</v>
      </c>
      <c r="B13774" s="17"/>
      <c r="C13774" s="17"/>
      <c r="D13774" s="18" t="s">
        <v>6825</v>
      </c>
      <c r="E13774" s="18"/>
      <c r="F13774" s="18"/>
      <c r="G13774" s="18"/>
      <c r="H13774" s="18"/>
      <c r="I13774" s="18"/>
      <c r="J13774" s="18"/>
      <c r="K13774" s="18"/>
      <c r="L13774" s="18"/>
      <c r="M13774" s="18"/>
      <c r="N13774" s="18"/>
      <c r="O13774" s="18"/>
      <c r="P13774" s="19">
        <v>240</v>
      </c>
      <c r="Q13774" s="19"/>
      <c r="R13774" s="19"/>
      <c r="S13774" s="19"/>
      <c r="T13774" s="19">
        <v>145</v>
      </c>
      <c r="U13774" s="19"/>
      <c r="V13774" s="19"/>
      <c r="W13774" s="19"/>
      <c r="X13774" s="19">
        <v>1</v>
      </c>
      <c r="Y13774" s="19"/>
      <c r="Z13774" s="19"/>
      <c r="AA13774" s="19"/>
    </row>
    <row r="13775" spans="1:27" s="1" customFormat="1" ht="11.1" customHeight="1" outlineLevel="4" x14ac:dyDescent="0.2">
      <c r="A13775" s="17"/>
      <c r="B13775" s="17"/>
      <c r="C13775" s="17"/>
      <c r="D13775" s="18"/>
      <c r="E13775" s="18"/>
      <c r="F13775" s="18"/>
      <c r="G13775" s="18"/>
      <c r="H13775" s="18"/>
      <c r="I13775" s="18"/>
      <c r="J13775" s="18"/>
      <c r="K13775" s="18"/>
      <c r="L13775" s="18"/>
      <c r="M13775" s="18"/>
      <c r="N13775" s="18"/>
      <c r="O13775" s="18"/>
      <c r="P13775" s="19"/>
      <c r="Q13775" s="19"/>
      <c r="R13775" s="19"/>
      <c r="S13775" s="19"/>
      <c r="T13775" s="19"/>
      <c r="U13775" s="19"/>
      <c r="V13775" s="19"/>
      <c r="W13775" s="19"/>
      <c r="X13775" s="19"/>
      <c r="Y13775" s="19"/>
      <c r="Z13775" s="19"/>
      <c r="AA13775" s="19"/>
    </row>
    <row r="13776" spans="1:27" s="1" customFormat="1" ht="14.1" customHeight="1" outlineLevel="4" x14ac:dyDescent="0.2">
      <c r="A13776" s="17">
        <v>8244</v>
      </c>
      <c r="B13776" s="17"/>
      <c r="C13776" s="17"/>
      <c r="D13776" s="18" t="s">
        <v>6826</v>
      </c>
      <c r="E13776" s="18"/>
      <c r="F13776" s="18"/>
      <c r="G13776" s="18"/>
      <c r="H13776" s="18"/>
      <c r="I13776" s="18"/>
      <c r="J13776" s="18"/>
      <c r="K13776" s="18"/>
      <c r="L13776" s="18"/>
      <c r="M13776" s="18"/>
      <c r="N13776" s="18"/>
      <c r="O13776" s="18"/>
      <c r="P13776" s="19">
        <v>240</v>
      </c>
      <c r="Q13776" s="19"/>
      <c r="R13776" s="19"/>
      <c r="S13776" s="19"/>
      <c r="T13776" s="19">
        <v>145</v>
      </c>
      <c r="U13776" s="19"/>
      <c r="V13776" s="19"/>
      <c r="W13776" s="19"/>
      <c r="X13776" s="19">
        <v>2</v>
      </c>
      <c r="Y13776" s="19"/>
      <c r="Z13776" s="19"/>
      <c r="AA13776" s="19"/>
    </row>
    <row r="13777" spans="1:27" s="1" customFormat="1" ht="14.1" customHeight="1" outlineLevel="4" x14ac:dyDescent="0.2">
      <c r="A13777" s="17"/>
      <c r="B13777" s="17"/>
      <c r="C13777" s="17"/>
      <c r="D13777" s="18"/>
      <c r="E13777" s="18"/>
      <c r="F13777" s="18"/>
      <c r="G13777" s="18"/>
      <c r="H13777" s="18"/>
      <c r="I13777" s="18"/>
      <c r="J13777" s="18"/>
      <c r="K13777" s="18"/>
      <c r="L13777" s="18"/>
      <c r="M13777" s="18"/>
      <c r="N13777" s="18"/>
      <c r="O13777" s="18"/>
      <c r="P13777" s="19"/>
      <c r="Q13777" s="19"/>
      <c r="R13777" s="19"/>
      <c r="S13777" s="19"/>
      <c r="T13777" s="19"/>
      <c r="U13777" s="19"/>
      <c r="V13777" s="19"/>
      <c r="W13777" s="19"/>
      <c r="X13777" s="19"/>
      <c r="Y13777" s="19"/>
      <c r="Z13777" s="19"/>
      <c r="AA13777" s="19"/>
    </row>
    <row r="13778" spans="1:27" s="1" customFormat="1" ht="14.1" customHeight="1" outlineLevel="4" x14ac:dyDescent="0.2">
      <c r="A13778" s="17">
        <v>8246</v>
      </c>
      <c r="B13778" s="17"/>
      <c r="C13778" s="17"/>
      <c r="D13778" s="18" t="s">
        <v>6827</v>
      </c>
      <c r="E13778" s="18"/>
      <c r="F13778" s="18"/>
      <c r="G13778" s="18"/>
      <c r="H13778" s="18"/>
      <c r="I13778" s="18"/>
      <c r="J13778" s="18"/>
      <c r="K13778" s="18"/>
      <c r="L13778" s="18"/>
      <c r="M13778" s="18"/>
      <c r="N13778" s="18"/>
      <c r="O13778" s="18"/>
      <c r="P13778" s="19">
        <v>240</v>
      </c>
      <c r="Q13778" s="19"/>
      <c r="R13778" s="19"/>
      <c r="S13778" s="19"/>
      <c r="T13778" s="19">
        <v>145</v>
      </c>
      <c r="U13778" s="19"/>
      <c r="V13778" s="19"/>
      <c r="W13778" s="19"/>
      <c r="X13778" s="19">
        <v>1</v>
      </c>
      <c r="Y13778" s="19"/>
      <c r="Z13778" s="19"/>
      <c r="AA13778" s="19"/>
    </row>
    <row r="13779" spans="1:27" s="1" customFormat="1" ht="14.1" customHeight="1" outlineLevel="4" x14ac:dyDescent="0.2">
      <c r="A13779" s="17"/>
      <c r="B13779" s="17"/>
      <c r="C13779" s="17"/>
      <c r="D13779" s="18"/>
      <c r="E13779" s="18"/>
      <c r="F13779" s="18"/>
      <c r="G13779" s="18"/>
      <c r="H13779" s="18"/>
      <c r="I13779" s="18"/>
      <c r="J13779" s="18"/>
      <c r="K13779" s="18"/>
      <c r="L13779" s="18"/>
      <c r="M13779" s="18"/>
      <c r="N13779" s="18"/>
      <c r="O13779" s="18"/>
      <c r="P13779" s="19"/>
      <c r="Q13779" s="19"/>
      <c r="R13779" s="19"/>
      <c r="S13779" s="19"/>
      <c r="T13779" s="19"/>
      <c r="U13779" s="19"/>
      <c r="V13779" s="19"/>
      <c r="W13779" s="19"/>
      <c r="X13779" s="19"/>
      <c r="Y13779" s="19"/>
      <c r="Z13779" s="19"/>
      <c r="AA13779" s="19"/>
    </row>
    <row r="13780" spans="1:27" s="1" customFormat="1" ht="14.1" customHeight="1" outlineLevel="4" x14ac:dyDescent="0.2">
      <c r="A13780" s="17">
        <v>8243</v>
      </c>
      <c r="B13780" s="17"/>
      <c r="C13780" s="17"/>
      <c r="D13780" s="18" t="s">
        <v>6828</v>
      </c>
      <c r="E13780" s="18"/>
      <c r="F13780" s="18"/>
      <c r="G13780" s="18"/>
      <c r="H13780" s="18"/>
      <c r="I13780" s="18"/>
      <c r="J13780" s="18"/>
      <c r="K13780" s="18"/>
      <c r="L13780" s="18"/>
      <c r="M13780" s="18"/>
      <c r="N13780" s="18"/>
      <c r="O13780" s="18"/>
      <c r="P13780" s="19">
        <v>240</v>
      </c>
      <c r="Q13780" s="19"/>
      <c r="R13780" s="19"/>
      <c r="S13780" s="19"/>
      <c r="T13780" s="19">
        <v>145</v>
      </c>
      <c r="U13780" s="19"/>
      <c r="V13780" s="19"/>
      <c r="W13780" s="19"/>
      <c r="X13780" s="19">
        <v>2</v>
      </c>
      <c r="Y13780" s="19"/>
      <c r="Z13780" s="19"/>
      <c r="AA13780" s="19"/>
    </row>
    <row r="13781" spans="1:27" s="1" customFormat="1" ht="14.1" customHeight="1" outlineLevel="4" x14ac:dyDescent="0.2">
      <c r="A13781" s="17"/>
      <c r="B13781" s="17"/>
      <c r="C13781" s="17"/>
      <c r="D13781" s="18"/>
      <c r="E13781" s="18"/>
      <c r="F13781" s="18"/>
      <c r="G13781" s="18"/>
      <c r="H13781" s="18"/>
      <c r="I13781" s="18"/>
      <c r="J13781" s="18"/>
      <c r="K13781" s="18"/>
      <c r="L13781" s="18"/>
      <c r="M13781" s="18"/>
      <c r="N13781" s="18"/>
      <c r="O13781" s="18"/>
      <c r="P13781" s="19"/>
      <c r="Q13781" s="19"/>
      <c r="R13781" s="19"/>
      <c r="S13781" s="19"/>
      <c r="T13781" s="19"/>
      <c r="U13781" s="19"/>
      <c r="V13781" s="19"/>
      <c r="W13781" s="19"/>
      <c r="X13781" s="19"/>
      <c r="Y13781" s="19"/>
      <c r="Z13781" s="19"/>
      <c r="AA13781" s="19"/>
    </row>
    <row r="13782" spans="1:27" s="1" customFormat="1" ht="14.1" customHeight="1" outlineLevel="4" x14ac:dyDescent="0.2">
      <c r="A13782" s="17">
        <v>8242</v>
      </c>
      <c r="B13782" s="17"/>
      <c r="C13782" s="17"/>
      <c r="D13782" s="18" t="s">
        <v>6829</v>
      </c>
      <c r="E13782" s="18"/>
      <c r="F13782" s="18"/>
      <c r="G13782" s="18"/>
      <c r="H13782" s="18"/>
      <c r="I13782" s="18"/>
      <c r="J13782" s="18"/>
      <c r="K13782" s="18"/>
      <c r="L13782" s="18"/>
      <c r="M13782" s="18"/>
      <c r="N13782" s="18"/>
      <c r="O13782" s="18"/>
      <c r="P13782" s="19">
        <v>240</v>
      </c>
      <c r="Q13782" s="19"/>
      <c r="R13782" s="19"/>
      <c r="S13782" s="19"/>
      <c r="T13782" s="19">
        <v>145</v>
      </c>
      <c r="U13782" s="19"/>
      <c r="V13782" s="19"/>
      <c r="W13782" s="19"/>
      <c r="X13782" s="19">
        <v>1</v>
      </c>
      <c r="Y13782" s="19"/>
      <c r="Z13782" s="19"/>
      <c r="AA13782" s="19"/>
    </row>
    <row r="13783" spans="1:27" s="1" customFormat="1" ht="14.1" customHeight="1" outlineLevel="4" x14ac:dyDescent="0.2">
      <c r="A13783" s="17"/>
      <c r="B13783" s="17"/>
      <c r="C13783" s="17"/>
      <c r="D13783" s="18"/>
      <c r="E13783" s="18"/>
      <c r="F13783" s="18"/>
      <c r="G13783" s="18"/>
      <c r="H13783" s="18"/>
      <c r="I13783" s="18"/>
      <c r="J13783" s="18"/>
      <c r="K13783" s="18"/>
      <c r="L13783" s="18"/>
      <c r="M13783" s="18"/>
      <c r="N13783" s="18"/>
      <c r="O13783" s="18"/>
      <c r="P13783" s="19"/>
      <c r="Q13783" s="19"/>
      <c r="R13783" s="19"/>
      <c r="S13783" s="19"/>
      <c r="T13783" s="19"/>
      <c r="U13783" s="19"/>
      <c r="V13783" s="19"/>
      <c r="W13783" s="19"/>
      <c r="X13783" s="19"/>
      <c r="Y13783" s="19"/>
      <c r="Z13783" s="19"/>
      <c r="AA13783" s="19"/>
    </row>
    <row r="13784" spans="1:27" s="1" customFormat="1" ht="14.1" customHeight="1" outlineLevel="4" x14ac:dyDescent="0.2">
      <c r="A13784" s="17">
        <v>10597</v>
      </c>
      <c r="B13784" s="17"/>
      <c r="C13784" s="17"/>
      <c r="D13784" s="18" t="s">
        <v>6830</v>
      </c>
      <c r="E13784" s="18"/>
      <c r="F13784" s="18"/>
      <c r="G13784" s="18"/>
      <c r="H13784" s="18"/>
      <c r="I13784" s="18"/>
      <c r="J13784" s="18"/>
      <c r="K13784" s="18"/>
      <c r="L13784" s="18"/>
      <c r="M13784" s="18"/>
      <c r="N13784" s="18"/>
      <c r="O13784" s="18"/>
      <c r="P13784" s="19">
        <v>240</v>
      </c>
      <c r="Q13784" s="19"/>
      <c r="R13784" s="19"/>
      <c r="S13784" s="19"/>
      <c r="T13784" s="19">
        <v>145</v>
      </c>
      <c r="U13784" s="19"/>
      <c r="V13784" s="19"/>
      <c r="W13784" s="19"/>
      <c r="X13784" s="19">
        <v>1</v>
      </c>
      <c r="Y13784" s="19"/>
      <c r="Z13784" s="19"/>
      <c r="AA13784" s="19"/>
    </row>
    <row r="13785" spans="1:27" s="1" customFormat="1" ht="14.1" customHeight="1" outlineLevel="4" x14ac:dyDescent="0.2">
      <c r="A13785" s="17"/>
      <c r="B13785" s="17"/>
      <c r="C13785" s="17"/>
      <c r="D13785" s="18"/>
      <c r="E13785" s="18"/>
      <c r="F13785" s="18"/>
      <c r="G13785" s="18"/>
      <c r="H13785" s="18"/>
      <c r="I13785" s="18"/>
      <c r="J13785" s="18"/>
      <c r="K13785" s="18"/>
      <c r="L13785" s="18"/>
      <c r="M13785" s="18"/>
      <c r="N13785" s="18"/>
      <c r="O13785" s="18"/>
      <c r="P13785" s="19"/>
      <c r="Q13785" s="19"/>
      <c r="R13785" s="19"/>
      <c r="S13785" s="19"/>
      <c r="T13785" s="19"/>
      <c r="U13785" s="19"/>
      <c r="V13785" s="19"/>
      <c r="W13785" s="19"/>
      <c r="X13785" s="19"/>
      <c r="Y13785" s="19"/>
      <c r="Z13785" s="19"/>
      <c r="AA13785" s="19"/>
    </row>
    <row r="13786" spans="1:27" s="1" customFormat="1" ht="11.1" customHeight="1" outlineLevel="4" x14ac:dyDescent="0.2">
      <c r="A13786" s="17">
        <v>7412</v>
      </c>
      <c r="B13786" s="17"/>
      <c r="C13786" s="17"/>
      <c r="D13786" s="18" t="s">
        <v>6831</v>
      </c>
      <c r="E13786" s="18"/>
      <c r="F13786" s="18"/>
      <c r="G13786" s="18"/>
      <c r="H13786" s="18"/>
      <c r="I13786" s="18"/>
      <c r="J13786" s="18"/>
      <c r="K13786" s="18"/>
      <c r="L13786" s="18"/>
      <c r="M13786" s="18"/>
      <c r="N13786" s="18"/>
      <c r="O13786" s="18"/>
      <c r="P13786" s="19">
        <v>240</v>
      </c>
      <c r="Q13786" s="19"/>
      <c r="R13786" s="19"/>
      <c r="S13786" s="19"/>
      <c r="T13786" s="19">
        <v>145</v>
      </c>
      <c r="U13786" s="19"/>
      <c r="V13786" s="19"/>
      <c r="W13786" s="19"/>
      <c r="X13786" s="19">
        <v>1</v>
      </c>
      <c r="Y13786" s="19"/>
      <c r="Z13786" s="19"/>
      <c r="AA13786" s="19"/>
    </row>
    <row r="13787" spans="1:27" s="1" customFormat="1" ht="11.1" customHeight="1" outlineLevel="4" x14ac:dyDescent="0.2">
      <c r="A13787" s="17"/>
      <c r="B13787" s="17"/>
      <c r="C13787" s="17"/>
      <c r="D13787" s="18"/>
      <c r="E13787" s="18"/>
      <c r="F13787" s="18"/>
      <c r="G13787" s="18"/>
      <c r="H13787" s="18"/>
      <c r="I13787" s="18"/>
      <c r="J13787" s="18"/>
      <c r="K13787" s="18"/>
      <c r="L13787" s="18"/>
      <c r="M13787" s="18"/>
      <c r="N13787" s="18"/>
      <c r="O13787" s="18"/>
      <c r="P13787" s="19"/>
      <c r="Q13787" s="19"/>
      <c r="R13787" s="19"/>
      <c r="S13787" s="19"/>
      <c r="T13787" s="19"/>
      <c r="U13787" s="19"/>
      <c r="V13787" s="19"/>
      <c r="W13787" s="19"/>
      <c r="X13787" s="19"/>
      <c r="Y13787" s="19"/>
      <c r="Z13787" s="19"/>
      <c r="AA13787" s="19"/>
    </row>
    <row r="13788" spans="1:27" s="1" customFormat="1" ht="11.1" customHeight="1" outlineLevel="4" x14ac:dyDescent="0.2">
      <c r="A13788" s="17">
        <v>11237</v>
      </c>
      <c r="B13788" s="17"/>
      <c r="C13788" s="17"/>
      <c r="D13788" s="18" t="s">
        <v>6832</v>
      </c>
      <c r="E13788" s="18"/>
      <c r="F13788" s="18"/>
      <c r="G13788" s="18"/>
      <c r="H13788" s="18"/>
      <c r="I13788" s="18"/>
      <c r="J13788" s="18"/>
      <c r="K13788" s="18"/>
      <c r="L13788" s="18"/>
      <c r="M13788" s="18"/>
      <c r="N13788" s="18"/>
      <c r="O13788" s="18"/>
      <c r="P13788" s="19">
        <v>240</v>
      </c>
      <c r="Q13788" s="19"/>
      <c r="R13788" s="19"/>
      <c r="S13788" s="19"/>
      <c r="T13788" s="19">
        <v>145</v>
      </c>
      <c r="U13788" s="19"/>
      <c r="V13788" s="19"/>
      <c r="W13788" s="19"/>
      <c r="X13788" s="19">
        <v>1</v>
      </c>
      <c r="Y13788" s="19"/>
      <c r="Z13788" s="19"/>
      <c r="AA13788" s="19"/>
    </row>
    <row r="13789" spans="1:27" s="1" customFormat="1" ht="11.1" customHeight="1" outlineLevel="4" x14ac:dyDescent="0.2">
      <c r="A13789" s="17"/>
      <c r="B13789" s="17"/>
      <c r="C13789" s="17"/>
      <c r="D13789" s="18"/>
      <c r="E13789" s="18"/>
      <c r="F13789" s="18"/>
      <c r="G13789" s="18"/>
      <c r="H13789" s="18"/>
      <c r="I13789" s="18"/>
      <c r="J13789" s="18"/>
      <c r="K13789" s="18"/>
      <c r="L13789" s="18"/>
      <c r="M13789" s="18"/>
      <c r="N13789" s="18"/>
      <c r="O13789" s="18"/>
      <c r="P13789" s="19"/>
      <c r="Q13789" s="19"/>
      <c r="R13789" s="19"/>
      <c r="S13789" s="19"/>
      <c r="T13789" s="19"/>
      <c r="U13789" s="19"/>
      <c r="V13789" s="19"/>
      <c r="W13789" s="19"/>
      <c r="X13789" s="19"/>
      <c r="Y13789" s="19"/>
      <c r="Z13789" s="19"/>
      <c r="AA13789" s="19"/>
    </row>
    <row r="13790" spans="1:27" s="1" customFormat="1" ht="11.1" customHeight="1" outlineLevel="4" x14ac:dyDescent="0.2">
      <c r="A13790" s="17">
        <v>11239</v>
      </c>
      <c r="B13790" s="17"/>
      <c r="C13790" s="17"/>
      <c r="D13790" s="18" t="s">
        <v>6833</v>
      </c>
      <c r="E13790" s="18"/>
      <c r="F13790" s="18"/>
      <c r="G13790" s="18"/>
      <c r="H13790" s="18"/>
      <c r="I13790" s="18"/>
      <c r="J13790" s="18"/>
      <c r="K13790" s="18"/>
      <c r="L13790" s="18"/>
      <c r="M13790" s="18"/>
      <c r="N13790" s="18"/>
      <c r="O13790" s="18"/>
      <c r="P13790" s="19">
        <v>240</v>
      </c>
      <c r="Q13790" s="19"/>
      <c r="R13790" s="19"/>
      <c r="S13790" s="19"/>
      <c r="T13790" s="19">
        <v>145</v>
      </c>
      <c r="U13790" s="19"/>
      <c r="V13790" s="19"/>
      <c r="W13790" s="19"/>
      <c r="X13790" s="19">
        <v>1</v>
      </c>
      <c r="Y13790" s="19"/>
      <c r="Z13790" s="19"/>
      <c r="AA13790" s="19"/>
    </row>
    <row r="13791" spans="1:27" s="1" customFormat="1" ht="11.1" customHeight="1" outlineLevel="4" x14ac:dyDescent="0.2">
      <c r="A13791" s="17"/>
      <c r="B13791" s="17"/>
      <c r="C13791" s="17"/>
      <c r="D13791" s="18"/>
      <c r="E13791" s="18"/>
      <c r="F13791" s="18"/>
      <c r="G13791" s="18"/>
      <c r="H13791" s="18"/>
      <c r="I13791" s="18"/>
      <c r="J13791" s="18"/>
      <c r="K13791" s="18"/>
      <c r="L13791" s="18"/>
      <c r="M13791" s="18"/>
      <c r="N13791" s="18"/>
      <c r="O13791" s="18"/>
      <c r="P13791" s="19"/>
      <c r="Q13791" s="19"/>
      <c r="R13791" s="19"/>
      <c r="S13791" s="19"/>
      <c r="T13791" s="19"/>
      <c r="U13791" s="19"/>
      <c r="V13791" s="19"/>
      <c r="W13791" s="19"/>
      <c r="X13791" s="19"/>
      <c r="Y13791" s="19"/>
      <c r="Z13791" s="19"/>
      <c r="AA13791" s="19"/>
    </row>
    <row r="13792" spans="1:27" s="1" customFormat="1" ht="11.1" customHeight="1" outlineLevel="4" x14ac:dyDescent="0.2">
      <c r="A13792" s="17">
        <v>11240</v>
      </c>
      <c r="B13792" s="17"/>
      <c r="C13792" s="17"/>
      <c r="D13792" s="18" t="s">
        <v>6834</v>
      </c>
      <c r="E13792" s="18"/>
      <c r="F13792" s="18"/>
      <c r="G13792" s="18"/>
      <c r="H13792" s="18"/>
      <c r="I13792" s="18"/>
      <c r="J13792" s="18"/>
      <c r="K13792" s="18"/>
      <c r="L13792" s="18"/>
      <c r="M13792" s="18"/>
      <c r="N13792" s="18"/>
      <c r="O13792" s="18"/>
      <c r="P13792" s="19">
        <v>240</v>
      </c>
      <c r="Q13792" s="19"/>
      <c r="R13792" s="19"/>
      <c r="S13792" s="19"/>
      <c r="T13792" s="19">
        <v>145</v>
      </c>
      <c r="U13792" s="19"/>
      <c r="V13792" s="19"/>
      <c r="W13792" s="19"/>
      <c r="X13792" s="19">
        <v>1</v>
      </c>
      <c r="Y13792" s="19"/>
      <c r="Z13792" s="19"/>
      <c r="AA13792" s="19"/>
    </row>
    <row r="13793" spans="1:27" s="1" customFormat="1" ht="11.1" customHeight="1" outlineLevel="4" x14ac:dyDescent="0.2">
      <c r="A13793" s="17"/>
      <c r="B13793" s="17"/>
      <c r="C13793" s="17"/>
      <c r="D13793" s="18"/>
      <c r="E13793" s="18"/>
      <c r="F13793" s="18"/>
      <c r="G13793" s="18"/>
      <c r="H13793" s="18"/>
      <c r="I13793" s="18"/>
      <c r="J13793" s="18"/>
      <c r="K13793" s="18"/>
      <c r="L13793" s="18"/>
      <c r="M13793" s="18"/>
      <c r="N13793" s="18"/>
      <c r="O13793" s="18"/>
      <c r="P13793" s="19"/>
      <c r="Q13793" s="19"/>
      <c r="R13793" s="19"/>
      <c r="S13793" s="19"/>
      <c r="T13793" s="19"/>
      <c r="U13793" s="19"/>
      <c r="V13793" s="19"/>
      <c r="W13793" s="19"/>
      <c r="X13793" s="19"/>
      <c r="Y13793" s="19"/>
      <c r="Z13793" s="19"/>
      <c r="AA13793" s="19"/>
    </row>
    <row r="13794" spans="1:27" s="1" customFormat="1" ht="11.1" customHeight="1" outlineLevel="4" x14ac:dyDescent="0.2">
      <c r="A13794" s="17">
        <v>10616</v>
      </c>
      <c r="B13794" s="17"/>
      <c r="C13794" s="17"/>
      <c r="D13794" s="18" t="s">
        <v>6835</v>
      </c>
      <c r="E13794" s="18"/>
      <c r="F13794" s="18"/>
      <c r="G13794" s="18"/>
      <c r="H13794" s="18"/>
      <c r="I13794" s="18"/>
      <c r="J13794" s="18"/>
      <c r="K13794" s="18"/>
      <c r="L13794" s="18"/>
      <c r="M13794" s="18"/>
      <c r="N13794" s="18"/>
      <c r="O13794" s="18"/>
      <c r="P13794" s="19">
        <v>240</v>
      </c>
      <c r="Q13794" s="19"/>
      <c r="R13794" s="19"/>
      <c r="S13794" s="19"/>
      <c r="T13794" s="19">
        <v>145</v>
      </c>
      <c r="U13794" s="19"/>
      <c r="V13794" s="19"/>
      <c r="W13794" s="19"/>
      <c r="X13794" s="19">
        <v>1</v>
      </c>
      <c r="Y13794" s="19"/>
      <c r="Z13794" s="19"/>
      <c r="AA13794" s="19"/>
    </row>
    <row r="13795" spans="1:27" s="1" customFormat="1" ht="11.1" customHeight="1" outlineLevel="4" x14ac:dyDescent="0.2">
      <c r="A13795" s="17"/>
      <c r="B13795" s="17"/>
      <c r="C13795" s="17"/>
      <c r="D13795" s="18"/>
      <c r="E13795" s="18"/>
      <c r="F13795" s="18"/>
      <c r="G13795" s="18"/>
      <c r="H13795" s="18"/>
      <c r="I13795" s="18"/>
      <c r="J13795" s="18"/>
      <c r="K13795" s="18"/>
      <c r="L13795" s="18"/>
      <c r="M13795" s="18"/>
      <c r="N13795" s="18"/>
      <c r="O13795" s="18"/>
      <c r="P13795" s="19"/>
      <c r="Q13795" s="19"/>
      <c r="R13795" s="19"/>
      <c r="S13795" s="19"/>
      <c r="T13795" s="19"/>
      <c r="U13795" s="19"/>
      <c r="V13795" s="19"/>
      <c r="W13795" s="19"/>
      <c r="X13795" s="19"/>
      <c r="Y13795" s="19"/>
      <c r="Z13795" s="19"/>
      <c r="AA13795" s="19"/>
    </row>
    <row r="13796" spans="1:27" s="1" customFormat="1" ht="11.1" customHeight="1" outlineLevel="4" x14ac:dyDescent="0.2">
      <c r="A13796" s="17">
        <v>14928</v>
      </c>
      <c r="B13796" s="17"/>
      <c r="C13796" s="17"/>
      <c r="D13796" s="18" t="s">
        <v>6836</v>
      </c>
      <c r="E13796" s="18"/>
      <c r="F13796" s="18"/>
      <c r="G13796" s="18"/>
      <c r="H13796" s="18"/>
      <c r="I13796" s="18"/>
      <c r="J13796" s="18"/>
      <c r="K13796" s="18"/>
      <c r="L13796" s="18"/>
      <c r="M13796" s="18"/>
      <c r="N13796" s="18"/>
      <c r="O13796" s="18"/>
      <c r="P13796" s="19">
        <v>240</v>
      </c>
      <c r="Q13796" s="19"/>
      <c r="R13796" s="19"/>
      <c r="S13796" s="19"/>
      <c r="T13796" s="19">
        <v>145</v>
      </c>
      <c r="U13796" s="19"/>
      <c r="V13796" s="19"/>
      <c r="W13796" s="19"/>
      <c r="X13796" s="19">
        <v>1</v>
      </c>
      <c r="Y13796" s="19"/>
      <c r="Z13796" s="19"/>
      <c r="AA13796" s="19"/>
    </row>
    <row r="13797" spans="1:27" s="1" customFormat="1" ht="11.1" customHeight="1" outlineLevel="4" x14ac:dyDescent="0.2">
      <c r="A13797" s="17"/>
      <c r="B13797" s="17"/>
      <c r="C13797" s="17"/>
      <c r="D13797" s="18"/>
      <c r="E13797" s="18"/>
      <c r="F13797" s="18"/>
      <c r="G13797" s="18"/>
      <c r="H13797" s="18"/>
      <c r="I13797" s="18"/>
      <c r="J13797" s="18"/>
      <c r="K13797" s="18"/>
      <c r="L13797" s="18"/>
      <c r="M13797" s="18"/>
      <c r="N13797" s="18"/>
      <c r="O13797" s="18"/>
      <c r="P13797" s="19"/>
      <c r="Q13797" s="19"/>
      <c r="R13797" s="19"/>
      <c r="S13797" s="19"/>
      <c r="T13797" s="19"/>
      <c r="U13797" s="19"/>
      <c r="V13797" s="19"/>
      <c r="W13797" s="19"/>
      <c r="X13797" s="19"/>
      <c r="Y13797" s="19"/>
      <c r="Z13797" s="19"/>
      <c r="AA13797" s="19"/>
    </row>
    <row r="13798" spans="1:27" s="1" customFormat="1" ht="11.1" customHeight="1" outlineLevel="4" x14ac:dyDescent="0.2">
      <c r="A13798" s="17">
        <v>14929</v>
      </c>
      <c r="B13798" s="17"/>
      <c r="C13798" s="17"/>
      <c r="D13798" s="18" t="s">
        <v>6837</v>
      </c>
      <c r="E13798" s="18"/>
      <c r="F13798" s="18"/>
      <c r="G13798" s="18"/>
      <c r="H13798" s="18"/>
      <c r="I13798" s="18"/>
      <c r="J13798" s="18"/>
      <c r="K13798" s="18"/>
      <c r="L13798" s="18"/>
      <c r="M13798" s="18"/>
      <c r="N13798" s="18"/>
      <c r="O13798" s="18"/>
      <c r="P13798" s="19">
        <v>240</v>
      </c>
      <c r="Q13798" s="19"/>
      <c r="R13798" s="19"/>
      <c r="S13798" s="19"/>
      <c r="T13798" s="19">
        <v>145</v>
      </c>
      <c r="U13798" s="19"/>
      <c r="V13798" s="19"/>
      <c r="W13798" s="19"/>
      <c r="X13798" s="19">
        <v>1</v>
      </c>
      <c r="Y13798" s="19"/>
      <c r="Z13798" s="19"/>
      <c r="AA13798" s="19"/>
    </row>
    <row r="13799" spans="1:27" s="1" customFormat="1" ht="11.1" customHeight="1" outlineLevel="4" x14ac:dyDescent="0.2">
      <c r="A13799" s="17"/>
      <c r="B13799" s="17"/>
      <c r="C13799" s="17"/>
      <c r="D13799" s="18"/>
      <c r="E13799" s="18"/>
      <c r="F13799" s="18"/>
      <c r="G13799" s="18"/>
      <c r="H13799" s="18"/>
      <c r="I13799" s="18"/>
      <c r="J13799" s="18"/>
      <c r="K13799" s="18"/>
      <c r="L13799" s="18"/>
      <c r="M13799" s="18"/>
      <c r="N13799" s="18"/>
      <c r="O13799" s="18"/>
      <c r="P13799" s="19"/>
      <c r="Q13799" s="19"/>
      <c r="R13799" s="19"/>
      <c r="S13799" s="19"/>
      <c r="T13799" s="19"/>
      <c r="U13799" s="19"/>
      <c r="V13799" s="19"/>
      <c r="W13799" s="19"/>
      <c r="X13799" s="19"/>
      <c r="Y13799" s="19"/>
      <c r="Z13799" s="19"/>
      <c r="AA13799" s="19"/>
    </row>
    <row r="13800" spans="1:27" s="1" customFormat="1" ht="11.1" customHeight="1" outlineLevel="4" x14ac:dyDescent="0.2">
      <c r="A13800" s="17">
        <v>10612</v>
      </c>
      <c r="B13800" s="17"/>
      <c r="C13800" s="17"/>
      <c r="D13800" s="18" t="s">
        <v>6838</v>
      </c>
      <c r="E13800" s="18"/>
      <c r="F13800" s="18"/>
      <c r="G13800" s="18"/>
      <c r="H13800" s="18"/>
      <c r="I13800" s="18"/>
      <c r="J13800" s="18"/>
      <c r="K13800" s="18"/>
      <c r="L13800" s="18"/>
      <c r="M13800" s="18"/>
      <c r="N13800" s="18"/>
      <c r="O13800" s="18"/>
      <c r="P13800" s="19">
        <v>240</v>
      </c>
      <c r="Q13800" s="19"/>
      <c r="R13800" s="19"/>
      <c r="S13800" s="19"/>
      <c r="T13800" s="19">
        <v>145</v>
      </c>
      <c r="U13800" s="19"/>
      <c r="V13800" s="19"/>
      <c r="W13800" s="19"/>
      <c r="X13800" s="19">
        <v>2</v>
      </c>
      <c r="Y13800" s="19"/>
      <c r="Z13800" s="19"/>
      <c r="AA13800" s="19"/>
    </row>
    <row r="13801" spans="1:27" s="1" customFormat="1" ht="11.1" customHeight="1" outlineLevel="4" x14ac:dyDescent="0.2">
      <c r="A13801" s="17"/>
      <c r="B13801" s="17"/>
      <c r="C13801" s="17"/>
      <c r="D13801" s="18"/>
      <c r="E13801" s="18"/>
      <c r="F13801" s="18"/>
      <c r="G13801" s="18"/>
      <c r="H13801" s="18"/>
      <c r="I13801" s="18"/>
      <c r="J13801" s="18"/>
      <c r="K13801" s="18"/>
      <c r="L13801" s="18"/>
      <c r="M13801" s="18"/>
      <c r="N13801" s="18"/>
      <c r="O13801" s="18"/>
      <c r="P13801" s="19"/>
      <c r="Q13801" s="19"/>
      <c r="R13801" s="19"/>
      <c r="S13801" s="19"/>
      <c r="T13801" s="19"/>
      <c r="U13801" s="19"/>
      <c r="V13801" s="19"/>
      <c r="W13801" s="19"/>
      <c r="X13801" s="19"/>
      <c r="Y13801" s="19"/>
      <c r="Z13801" s="19"/>
      <c r="AA13801" s="19"/>
    </row>
    <row r="13802" spans="1:27" s="1" customFormat="1" ht="11.1" customHeight="1" outlineLevel="4" x14ac:dyDescent="0.2">
      <c r="A13802" s="17">
        <v>14926</v>
      </c>
      <c r="B13802" s="17"/>
      <c r="C13802" s="17"/>
      <c r="D13802" s="18" t="s">
        <v>6839</v>
      </c>
      <c r="E13802" s="18"/>
      <c r="F13802" s="18"/>
      <c r="G13802" s="18"/>
      <c r="H13802" s="18"/>
      <c r="I13802" s="18"/>
      <c r="J13802" s="18"/>
      <c r="K13802" s="18"/>
      <c r="L13802" s="18"/>
      <c r="M13802" s="18"/>
      <c r="N13802" s="18"/>
      <c r="O13802" s="18"/>
      <c r="P13802" s="19">
        <v>240</v>
      </c>
      <c r="Q13802" s="19"/>
      <c r="R13802" s="19"/>
      <c r="S13802" s="19"/>
      <c r="T13802" s="19">
        <v>145</v>
      </c>
      <c r="U13802" s="19"/>
      <c r="V13802" s="19"/>
      <c r="W13802" s="19"/>
      <c r="X13802" s="19">
        <v>1</v>
      </c>
      <c r="Y13802" s="19"/>
      <c r="Z13802" s="19"/>
      <c r="AA13802" s="19"/>
    </row>
    <row r="13803" spans="1:27" s="1" customFormat="1" ht="11.1" customHeight="1" outlineLevel="4" x14ac:dyDescent="0.2">
      <c r="A13803" s="17"/>
      <c r="B13803" s="17"/>
      <c r="C13803" s="17"/>
      <c r="D13803" s="18"/>
      <c r="E13803" s="18"/>
      <c r="F13803" s="18"/>
      <c r="G13803" s="18"/>
      <c r="H13803" s="18"/>
      <c r="I13803" s="18"/>
      <c r="J13803" s="18"/>
      <c r="K13803" s="18"/>
      <c r="L13803" s="18"/>
      <c r="M13803" s="18"/>
      <c r="N13803" s="18"/>
      <c r="O13803" s="18"/>
      <c r="P13803" s="19"/>
      <c r="Q13803" s="19"/>
      <c r="R13803" s="19"/>
      <c r="S13803" s="19"/>
      <c r="T13803" s="19"/>
      <c r="U13803" s="19"/>
      <c r="V13803" s="19"/>
      <c r="W13803" s="19"/>
      <c r="X13803" s="19"/>
      <c r="Y13803" s="19"/>
      <c r="Z13803" s="19"/>
      <c r="AA13803" s="19"/>
    </row>
    <row r="13804" spans="1:27" s="1" customFormat="1" ht="11.1" customHeight="1" outlineLevel="4" x14ac:dyDescent="0.2">
      <c r="A13804" s="17">
        <v>10615</v>
      </c>
      <c r="B13804" s="17"/>
      <c r="C13804" s="17"/>
      <c r="D13804" s="18" t="s">
        <v>6840</v>
      </c>
      <c r="E13804" s="18"/>
      <c r="F13804" s="18"/>
      <c r="G13804" s="18"/>
      <c r="H13804" s="18"/>
      <c r="I13804" s="18"/>
      <c r="J13804" s="18"/>
      <c r="K13804" s="18"/>
      <c r="L13804" s="18"/>
      <c r="M13804" s="18"/>
      <c r="N13804" s="18"/>
      <c r="O13804" s="18"/>
      <c r="P13804" s="19">
        <v>240</v>
      </c>
      <c r="Q13804" s="19"/>
      <c r="R13804" s="19"/>
      <c r="S13804" s="19"/>
      <c r="T13804" s="19">
        <v>145</v>
      </c>
      <c r="U13804" s="19"/>
      <c r="V13804" s="19"/>
      <c r="W13804" s="19"/>
      <c r="X13804" s="19">
        <v>2</v>
      </c>
      <c r="Y13804" s="19"/>
      <c r="Z13804" s="19"/>
      <c r="AA13804" s="19"/>
    </row>
    <row r="13805" spans="1:27" s="1" customFormat="1" ht="11.1" customHeight="1" outlineLevel="4" x14ac:dyDescent="0.2">
      <c r="A13805" s="17"/>
      <c r="B13805" s="17"/>
      <c r="C13805" s="17"/>
      <c r="D13805" s="18"/>
      <c r="E13805" s="18"/>
      <c r="F13805" s="18"/>
      <c r="G13805" s="18"/>
      <c r="H13805" s="18"/>
      <c r="I13805" s="18"/>
      <c r="J13805" s="18"/>
      <c r="K13805" s="18"/>
      <c r="L13805" s="18"/>
      <c r="M13805" s="18"/>
      <c r="N13805" s="18"/>
      <c r="O13805" s="18"/>
      <c r="P13805" s="19"/>
      <c r="Q13805" s="19"/>
      <c r="R13805" s="19"/>
      <c r="S13805" s="19"/>
      <c r="T13805" s="19"/>
      <c r="U13805" s="19"/>
      <c r="V13805" s="19"/>
      <c r="W13805" s="19"/>
      <c r="X13805" s="19"/>
      <c r="Y13805" s="19"/>
      <c r="Z13805" s="19"/>
      <c r="AA13805" s="19"/>
    </row>
    <row r="13806" spans="1:27" s="1" customFormat="1" ht="11.1" customHeight="1" outlineLevel="4" x14ac:dyDescent="0.2">
      <c r="A13806" s="17">
        <v>10610</v>
      </c>
      <c r="B13806" s="17"/>
      <c r="C13806" s="17"/>
      <c r="D13806" s="18" t="s">
        <v>6841</v>
      </c>
      <c r="E13806" s="18"/>
      <c r="F13806" s="18"/>
      <c r="G13806" s="18"/>
      <c r="H13806" s="18"/>
      <c r="I13806" s="18"/>
      <c r="J13806" s="18"/>
      <c r="K13806" s="18"/>
      <c r="L13806" s="18"/>
      <c r="M13806" s="18"/>
      <c r="N13806" s="18"/>
      <c r="O13806" s="18"/>
      <c r="P13806" s="19">
        <v>240</v>
      </c>
      <c r="Q13806" s="19"/>
      <c r="R13806" s="19"/>
      <c r="S13806" s="19"/>
      <c r="T13806" s="19">
        <v>145</v>
      </c>
      <c r="U13806" s="19"/>
      <c r="V13806" s="19"/>
      <c r="W13806" s="19"/>
      <c r="X13806" s="19">
        <v>1</v>
      </c>
      <c r="Y13806" s="19"/>
      <c r="Z13806" s="19"/>
      <c r="AA13806" s="19"/>
    </row>
    <row r="13807" spans="1:27" s="1" customFormat="1" ht="11.1" customHeight="1" outlineLevel="4" x14ac:dyDescent="0.2">
      <c r="A13807" s="17"/>
      <c r="B13807" s="17"/>
      <c r="C13807" s="17"/>
      <c r="D13807" s="18"/>
      <c r="E13807" s="18"/>
      <c r="F13807" s="18"/>
      <c r="G13807" s="18"/>
      <c r="H13807" s="18"/>
      <c r="I13807" s="18"/>
      <c r="J13807" s="18"/>
      <c r="K13807" s="18"/>
      <c r="L13807" s="18"/>
      <c r="M13807" s="18"/>
      <c r="N13807" s="18"/>
      <c r="O13807" s="18"/>
      <c r="P13807" s="19"/>
      <c r="Q13807" s="19"/>
      <c r="R13807" s="19"/>
      <c r="S13807" s="19"/>
      <c r="T13807" s="19"/>
      <c r="U13807" s="19"/>
      <c r="V13807" s="19"/>
      <c r="W13807" s="19"/>
      <c r="X13807" s="19"/>
      <c r="Y13807" s="19"/>
      <c r="Z13807" s="19"/>
      <c r="AA13807" s="19"/>
    </row>
    <row r="13808" spans="1:27" s="1" customFormat="1" ht="11.1" customHeight="1" outlineLevel="4" x14ac:dyDescent="0.2">
      <c r="A13808" s="17">
        <v>10624</v>
      </c>
      <c r="B13808" s="17"/>
      <c r="C13808" s="17"/>
      <c r="D13808" s="18" t="s">
        <v>6842</v>
      </c>
      <c r="E13808" s="18"/>
      <c r="F13808" s="18"/>
      <c r="G13808" s="18"/>
      <c r="H13808" s="18"/>
      <c r="I13808" s="18"/>
      <c r="J13808" s="18"/>
      <c r="K13808" s="18"/>
      <c r="L13808" s="18"/>
      <c r="M13808" s="18"/>
      <c r="N13808" s="18"/>
      <c r="O13808" s="18"/>
      <c r="P13808" s="19">
        <v>240</v>
      </c>
      <c r="Q13808" s="19"/>
      <c r="R13808" s="19"/>
      <c r="S13808" s="19"/>
      <c r="T13808" s="19">
        <v>145</v>
      </c>
      <c r="U13808" s="19"/>
      <c r="V13808" s="19"/>
      <c r="W13808" s="19"/>
      <c r="X13808" s="19">
        <v>1</v>
      </c>
      <c r="Y13808" s="19"/>
      <c r="Z13808" s="19"/>
      <c r="AA13808" s="19"/>
    </row>
    <row r="13809" spans="1:27" s="1" customFormat="1" ht="11.1" customHeight="1" outlineLevel="4" x14ac:dyDescent="0.2">
      <c r="A13809" s="17"/>
      <c r="B13809" s="17"/>
      <c r="C13809" s="17"/>
      <c r="D13809" s="18"/>
      <c r="E13809" s="18"/>
      <c r="F13809" s="18"/>
      <c r="G13809" s="18"/>
      <c r="H13809" s="18"/>
      <c r="I13809" s="18"/>
      <c r="J13809" s="18"/>
      <c r="K13809" s="18"/>
      <c r="L13809" s="18"/>
      <c r="M13809" s="18"/>
      <c r="N13809" s="18"/>
      <c r="O13809" s="18"/>
      <c r="P13809" s="19"/>
      <c r="Q13809" s="19"/>
      <c r="R13809" s="19"/>
      <c r="S13809" s="19"/>
      <c r="T13809" s="19"/>
      <c r="U13809" s="19"/>
      <c r="V13809" s="19"/>
      <c r="W13809" s="19"/>
      <c r="X13809" s="19"/>
      <c r="Y13809" s="19"/>
      <c r="Z13809" s="19"/>
      <c r="AA13809" s="19"/>
    </row>
    <row r="13810" spans="1:27" s="1" customFormat="1" ht="11.1" customHeight="1" outlineLevel="4" x14ac:dyDescent="0.2">
      <c r="A13810" s="17">
        <v>10619</v>
      </c>
      <c r="B13810" s="17"/>
      <c r="C13810" s="17"/>
      <c r="D13810" s="18" t="s">
        <v>6843</v>
      </c>
      <c r="E13810" s="18"/>
      <c r="F13810" s="18"/>
      <c r="G13810" s="18"/>
      <c r="H13810" s="18"/>
      <c r="I13810" s="18"/>
      <c r="J13810" s="18"/>
      <c r="K13810" s="18"/>
      <c r="L13810" s="18"/>
      <c r="M13810" s="18"/>
      <c r="N13810" s="18"/>
      <c r="O13810" s="18"/>
      <c r="P13810" s="19">
        <v>240</v>
      </c>
      <c r="Q13810" s="19"/>
      <c r="R13810" s="19"/>
      <c r="S13810" s="19"/>
      <c r="T13810" s="19">
        <v>145</v>
      </c>
      <c r="U13810" s="19"/>
      <c r="V13810" s="19"/>
      <c r="W13810" s="19"/>
      <c r="X13810" s="19">
        <v>1</v>
      </c>
      <c r="Y13810" s="19"/>
      <c r="Z13810" s="19"/>
      <c r="AA13810" s="19"/>
    </row>
    <row r="13811" spans="1:27" s="1" customFormat="1" ht="11.1" customHeight="1" outlineLevel="4" x14ac:dyDescent="0.2">
      <c r="A13811" s="17"/>
      <c r="B13811" s="17"/>
      <c r="C13811" s="17"/>
      <c r="D13811" s="18"/>
      <c r="E13811" s="18"/>
      <c r="F13811" s="18"/>
      <c r="G13811" s="18"/>
      <c r="H13811" s="18"/>
      <c r="I13811" s="18"/>
      <c r="J13811" s="18"/>
      <c r="K13811" s="18"/>
      <c r="L13811" s="18"/>
      <c r="M13811" s="18"/>
      <c r="N13811" s="18"/>
      <c r="O13811" s="18"/>
      <c r="P13811" s="19"/>
      <c r="Q13811" s="19"/>
      <c r="R13811" s="19"/>
      <c r="S13811" s="19"/>
      <c r="T13811" s="19"/>
      <c r="U13811" s="19"/>
      <c r="V13811" s="19"/>
      <c r="W13811" s="19"/>
      <c r="X13811" s="19"/>
      <c r="Y13811" s="19"/>
      <c r="Z13811" s="19"/>
      <c r="AA13811" s="19"/>
    </row>
    <row r="13812" spans="1:27" s="1" customFormat="1" ht="11.1" customHeight="1" outlineLevel="4" x14ac:dyDescent="0.2">
      <c r="A13812" s="17">
        <v>10625</v>
      </c>
      <c r="B13812" s="17"/>
      <c r="C13812" s="17"/>
      <c r="D13812" s="18" t="s">
        <v>6844</v>
      </c>
      <c r="E13812" s="18"/>
      <c r="F13812" s="18"/>
      <c r="G13812" s="18"/>
      <c r="H13812" s="18"/>
      <c r="I13812" s="18"/>
      <c r="J13812" s="18"/>
      <c r="K13812" s="18"/>
      <c r="L13812" s="18"/>
      <c r="M13812" s="18"/>
      <c r="N13812" s="18"/>
      <c r="O13812" s="18"/>
      <c r="P13812" s="19">
        <v>240</v>
      </c>
      <c r="Q13812" s="19"/>
      <c r="R13812" s="19"/>
      <c r="S13812" s="19"/>
      <c r="T13812" s="19">
        <v>145</v>
      </c>
      <c r="U13812" s="19"/>
      <c r="V13812" s="19"/>
      <c r="W13812" s="19"/>
      <c r="X13812" s="19">
        <v>1</v>
      </c>
      <c r="Y13812" s="19"/>
      <c r="Z13812" s="19"/>
      <c r="AA13812" s="19"/>
    </row>
    <row r="13813" spans="1:27" s="1" customFormat="1" ht="11.1" customHeight="1" outlineLevel="4" x14ac:dyDescent="0.2">
      <c r="A13813" s="17"/>
      <c r="B13813" s="17"/>
      <c r="C13813" s="17"/>
      <c r="D13813" s="18"/>
      <c r="E13813" s="18"/>
      <c r="F13813" s="18"/>
      <c r="G13813" s="18"/>
      <c r="H13813" s="18"/>
      <c r="I13813" s="18"/>
      <c r="J13813" s="18"/>
      <c r="K13813" s="18"/>
      <c r="L13813" s="18"/>
      <c r="M13813" s="18"/>
      <c r="N13813" s="18"/>
      <c r="O13813" s="18"/>
      <c r="P13813" s="19"/>
      <c r="Q13813" s="19"/>
      <c r="R13813" s="19"/>
      <c r="S13813" s="19"/>
      <c r="T13813" s="19"/>
      <c r="U13813" s="19"/>
      <c r="V13813" s="19"/>
      <c r="W13813" s="19"/>
      <c r="X13813" s="19"/>
      <c r="Y13813" s="19"/>
      <c r="Z13813" s="19"/>
      <c r="AA13813" s="19"/>
    </row>
    <row r="13814" spans="1:27" s="1" customFormat="1" ht="11.1" customHeight="1" outlineLevel="4" x14ac:dyDescent="0.2">
      <c r="A13814" s="17">
        <v>11235</v>
      </c>
      <c r="B13814" s="17"/>
      <c r="C13814" s="17"/>
      <c r="D13814" s="18" t="s">
        <v>6845</v>
      </c>
      <c r="E13814" s="18"/>
      <c r="F13814" s="18"/>
      <c r="G13814" s="18"/>
      <c r="H13814" s="18"/>
      <c r="I13814" s="18"/>
      <c r="J13814" s="18"/>
      <c r="K13814" s="18"/>
      <c r="L13814" s="18"/>
      <c r="M13814" s="18"/>
      <c r="N13814" s="18"/>
      <c r="O13814" s="18"/>
      <c r="P13814" s="19">
        <v>240</v>
      </c>
      <c r="Q13814" s="19"/>
      <c r="R13814" s="19"/>
      <c r="S13814" s="19"/>
      <c r="T13814" s="19">
        <v>145</v>
      </c>
      <c r="U13814" s="19"/>
      <c r="V13814" s="19"/>
      <c r="W13814" s="19"/>
      <c r="X13814" s="19">
        <v>3</v>
      </c>
      <c r="Y13814" s="19"/>
      <c r="Z13814" s="19"/>
      <c r="AA13814" s="19"/>
    </row>
    <row r="13815" spans="1:27" s="1" customFormat="1" ht="11.1" customHeight="1" outlineLevel="4" x14ac:dyDescent="0.2">
      <c r="A13815" s="17"/>
      <c r="B13815" s="17"/>
      <c r="C13815" s="17"/>
      <c r="D13815" s="18"/>
      <c r="E13815" s="18"/>
      <c r="F13815" s="18"/>
      <c r="G13815" s="18"/>
      <c r="H13815" s="18"/>
      <c r="I13815" s="18"/>
      <c r="J13815" s="18"/>
      <c r="K13815" s="18"/>
      <c r="L13815" s="18"/>
      <c r="M13815" s="18"/>
      <c r="N13815" s="18"/>
      <c r="O13815" s="18"/>
      <c r="P13815" s="19"/>
      <c r="Q13815" s="19"/>
      <c r="R13815" s="19"/>
      <c r="S13815" s="19"/>
      <c r="T13815" s="19"/>
      <c r="U13815" s="19"/>
      <c r="V13815" s="19"/>
      <c r="W13815" s="19"/>
      <c r="X13815" s="19"/>
      <c r="Y13815" s="19"/>
      <c r="Z13815" s="19"/>
      <c r="AA13815" s="19"/>
    </row>
    <row r="13816" spans="1:27" s="1" customFormat="1" ht="11.1" customHeight="1" outlineLevel="4" x14ac:dyDescent="0.2">
      <c r="A13816" s="17">
        <v>10622</v>
      </c>
      <c r="B13816" s="17"/>
      <c r="C13816" s="17"/>
      <c r="D13816" s="18" t="s">
        <v>6846</v>
      </c>
      <c r="E13816" s="18"/>
      <c r="F13816" s="18"/>
      <c r="G13816" s="18"/>
      <c r="H13816" s="18"/>
      <c r="I13816" s="18"/>
      <c r="J13816" s="18"/>
      <c r="K13816" s="18"/>
      <c r="L13816" s="18"/>
      <c r="M13816" s="18"/>
      <c r="N13816" s="18"/>
      <c r="O13816" s="18"/>
      <c r="P13816" s="19">
        <v>240</v>
      </c>
      <c r="Q13816" s="19"/>
      <c r="R13816" s="19"/>
      <c r="S13816" s="19"/>
      <c r="T13816" s="19">
        <v>145</v>
      </c>
      <c r="U13816" s="19"/>
      <c r="V13816" s="19"/>
      <c r="W13816" s="19"/>
      <c r="X13816" s="19">
        <v>1</v>
      </c>
      <c r="Y13816" s="19"/>
      <c r="Z13816" s="19"/>
      <c r="AA13816" s="19"/>
    </row>
    <row r="13817" spans="1:27" s="1" customFormat="1" ht="11.1" customHeight="1" outlineLevel="4" x14ac:dyDescent="0.2">
      <c r="A13817" s="17"/>
      <c r="B13817" s="17"/>
      <c r="C13817" s="17"/>
      <c r="D13817" s="18"/>
      <c r="E13817" s="18"/>
      <c r="F13817" s="18"/>
      <c r="G13817" s="18"/>
      <c r="H13817" s="18"/>
      <c r="I13817" s="18"/>
      <c r="J13817" s="18"/>
      <c r="K13817" s="18"/>
      <c r="L13817" s="18"/>
      <c r="M13817" s="18"/>
      <c r="N13817" s="18"/>
      <c r="O13817" s="18"/>
      <c r="P13817" s="19"/>
      <c r="Q13817" s="19"/>
      <c r="R13817" s="19"/>
      <c r="S13817" s="19"/>
      <c r="T13817" s="19"/>
      <c r="U13817" s="19"/>
      <c r="V13817" s="19"/>
      <c r="W13817" s="19"/>
      <c r="X13817" s="19"/>
      <c r="Y13817" s="19"/>
      <c r="Z13817" s="19"/>
      <c r="AA13817" s="19"/>
    </row>
    <row r="13818" spans="1:27" s="1" customFormat="1" ht="11.1" customHeight="1" outlineLevel="4" x14ac:dyDescent="0.2">
      <c r="A13818" s="17">
        <v>10618</v>
      </c>
      <c r="B13818" s="17"/>
      <c r="C13818" s="17"/>
      <c r="D13818" s="18" t="s">
        <v>6847</v>
      </c>
      <c r="E13818" s="18"/>
      <c r="F13818" s="18"/>
      <c r="G13818" s="18"/>
      <c r="H13818" s="18"/>
      <c r="I13818" s="18"/>
      <c r="J13818" s="18"/>
      <c r="K13818" s="18"/>
      <c r="L13818" s="18"/>
      <c r="M13818" s="18"/>
      <c r="N13818" s="18"/>
      <c r="O13818" s="18"/>
      <c r="P13818" s="19">
        <v>240</v>
      </c>
      <c r="Q13818" s="19"/>
      <c r="R13818" s="19"/>
      <c r="S13818" s="19"/>
      <c r="T13818" s="19">
        <v>145</v>
      </c>
      <c r="U13818" s="19"/>
      <c r="V13818" s="19"/>
      <c r="W13818" s="19"/>
      <c r="X13818" s="19">
        <v>1</v>
      </c>
      <c r="Y13818" s="19"/>
      <c r="Z13818" s="19"/>
      <c r="AA13818" s="19"/>
    </row>
    <row r="13819" spans="1:27" s="1" customFormat="1" ht="11.1" customHeight="1" outlineLevel="4" x14ac:dyDescent="0.2">
      <c r="A13819" s="17"/>
      <c r="B13819" s="17"/>
      <c r="C13819" s="17"/>
      <c r="D13819" s="18"/>
      <c r="E13819" s="18"/>
      <c r="F13819" s="18"/>
      <c r="G13819" s="18"/>
      <c r="H13819" s="18"/>
      <c r="I13819" s="18"/>
      <c r="J13819" s="18"/>
      <c r="K13819" s="18"/>
      <c r="L13819" s="18"/>
      <c r="M13819" s="18"/>
      <c r="N13819" s="18"/>
      <c r="O13819" s="18"/>
      <c r="P13819" s="19"/>
      <c r="Q13819" s="19"/>
      <c r="R13819" s="19"/>
      <c r="S13819" s="19"/>
      <c r="T13819" s="19"/>
      <c r="U13819" s="19"/>
      <c r="V13819" s="19"/>
      <c r="W13819" s="19"/>
      <c r="X13819" s="19"/>
      <c r="Y13819" s="19"/>
      <c r="Z13819" s="19"/>
      <c r="AA13819" s="19"/>
    </row>
    <row r="13820" spans="1:27" s="1" customFormat="1" ht="11.1" customHeight="1" outlineLevel="4" x14ac:dyDescent="0.2">
      <c r="A13820" s="17">
        <v>14936</v>
      </c>
      <c r="B13820" s="17"/>
      <c r="C13820" s="17"/>
      <c r="D13820" s="18" t="s">
        <v>6848</v>
      </c>
      <c r="E13820" s="18"/>
      <c r="F13820" s="18"/>
      <c r="G13820" s="18"/>
      <c r="H13820" s="18"/>
      <c r="I13820" s="18"/>
      <c r="J13820" s="18"/>
      <c r="K13820" s="18"/>
      <c r="L13820" s="18"/>
      <c r="M13820" s="18"/>
      <c r="N13820" s="18"/>
      <c r="O13820" s="18"/>
      <c r="P13820" s="19">
        <v>240</v>
      </c>
      <c r="Q13820" s="19"/>
      <c r="R13820" s="19"/>
      <c r="S13820" s="19"/>
      <c r="T13820" s="19">
        <v>145</v>
      </c>
      <c r="U13820" s="19"/>
      <c r="V13820" s="19"/>
      <c r="W13820" s="19"/>
      <c r="X13820" s="19">
        <v>1</v>
      </c>
      <c r="Y13820" s="19"/>
      <c r="Z13820" s="19"/>
      <c r="AA13820" s="19"/>
    </row>
    <row r="13821" spans="1:27" s="1" customFormat="1" ht="11.1" customHeight="1" outlineLevel="4" x14ac:dyDescent="0.2">
      <c r="A13821" s="17"/>
      <c r="B13821" s="17"/>
      <c r="C13821" s="17"/>
      <c r="D13821" s="18"/>
      <c r="E13821" s="18"/>
      <c r="F13821" s="18"/>
      <c r="G13821" s="18"/>
      <c r="H13821" s="18"/>
      <c r="I13821" s="18"/>
      <c r="J13821" s="18"/>
      <c r="K13821" s="18"/>
      <c r="L13821" s="18"/>
      <c r="M13821" s="18"/>
      <c r="N13821" s="18"/>
      <c r="O13821" s="18"/>
      <c r="P13821" s="19"/>
      <c r="Q13821" s="19"/>
      <c r="R13821" s="19"/>
      <c r="S13821" s="19"/>
      <c r="T13821" s="19"/>
      <c r="U13821" s="19"/>
      <c r="V13821" s="19"/>
      <c r="W13821" s="19"/>
      <c r="X13821" s="19"/>
      <c r="Y13821" s="19"/>
      <c r="Z13821" s="19"/>
      <c r="AA13821" s="19"/>
    </row>
    <row r="13822" spans="1:27" s="1" customFormat="1" ht="14.1" customHeight="1" outlineLevel="4" x14ac:dyDescent="0.2">
      <c r="A13822" s="17">
        <v>14937</v>
      </c>
      <c r="B13822" s="17"/>
      <c r="C13822" s="17"/>
      <c r="D13822" s="18" t="s">
        <v>6849</v>
      </c>
      <c r="E13822" s="18"/>
      <c r="F13822" s="18"/>
      <c r="G13822" s="18"/>
      <c r="H13822" s="18"/>
      <c r="I13822" s="18"/>
      <c r="J13822" s="18"/>
      <c r="K13822" s="18"/>
      <c r="L13822" s="18"/>
      <c r="M13822" s="18"/>
      <c r="N13822" s="18"/>
      <c r="O13822" s="18"/>
      <c r="P13822" s="19">
        <v>240</v>
      </c>
      <c r="Q13822" s="19"/>
      <c r="R13822" s="19"/>
      <c r="S13822" s="19"/>
      <c r="T13822" s="19">
        <v>145</v>
      </c>
      <c r="U13822" s="19"/>
      <c r="V13822" s="19"/>
      <c r="W13822" s="19"/>
      <c r="X13822" s="19">
        <v>1</v>
      </c>
      <c r="Y13822" s="19"/>
      <c r="Z13822" s="19"/>
      <c r="AA13822" s="19"/>
    </row>
    <row r="13823" spans="1:27" s="1" customFormat="1" ht="14.1" customHeight="1" outlineLevel="4" x14ac:dyDescent="0.2">
      <c r="A13823" s="17"/>
      <c r="B13823" s="17"/>
      <c r="C13823" s="17"/>
      <c r="D13823" s="18"/>
      <c r="E13823" s="18"/>
      <c r="F13823" s="18"/>
      <c r="G13823" s="18"/>
      <c r="H13823" s="18"/>
      <c r="I13823" s="18"/>
      <c r="J13823" s="18"/>
      <c r="K13823" s="18"/>
      <c r="L13823" s="18"/>
      <c r="M13823" s="18"/>
      <c r="N13823" s="18"/>
      <c r="O13823" s="18"/>
      <c r="P13823" s="19"/>
      <c r="Q13823" s="19"/>
      <c r="R13823" s="19"/>
      <c r="S13823" s="19"/>
      <c r="T13823" s="19"/>
      <c r="U13823" s="19"/>
      <c r="V13823" s="19"/>
      <c r="W13823" s="19"/>
      <c r="X13823" s="19"/>
      <c r="Y13823" s="19"/>
      <c r="Z13823" s="19"/>
      <c r="AA13823" s="19"/>
    </row>
    <row r="13824" spans="1:27" s="1" customFormat="1" ht="14.1" customHeight="1" outlineLevel="4" x14ac:dyDescent="0.2">
      <c r="A13824" s="17">
        <v>14934</v>
      </c>
      <c r="B13824" s="17"/>
      <c r="C13824" s="17"/>
      <c r="D13824" s="18" t="s">
        <v>6850</v>
      </c>
      <c r="E13824" s="18"/>
      <c r="F13824" s="18"/>
      <c r="G13824" s="18"/>
      <c r="H13824" s="18"/>
      <c r="I13824" s="18"/>
      <c r="J13824" s="18"/>
      <c r="K13824" s="18"/>
      <c r="L13824" s="18"/>
      <c r="M13824" s="18"/>
      <c r="N13824" s="18"/>
      <c r="O13824" s="18"/>
      <c r="P13824" s="19">
        <v>240</v>
      </c>
      <c r="Q13824" s="19"/>
      <c r="R13824" s="19"/>
      <c r="S13824" s="19"/>
      <c r="T13824" s="19">
        <v>145</v>
      </c>
      <c r="U13824" s="19"/>
      <c r="V13824" s="19"/>
      <c r="W13824" s="19"/>
      <c r="X13824" s="19">
        <v>1</v>
      </c>
      <c r="Y13824" s="19"/>
      <c r="Z13824" s="19"/>
      <c r="AA13824" s="19"/>
    </row>
    <row r="13825" spans="1:27" s="1" customFormat="1" ht="14.1" customHeight="1" outlineLevel="4" x14ac:dyDescent="0.2">
      <c r="A13825" s="17"/>
      <c r="B13825" s="17"/>
      <c r="C13825" s="17"/>
      <c r="D13825" s="18"/>
      <c r="E13825" s="18"/>
      <c r="F13825" s="18"/>
      <c r="G13825" s="18"/>
      <c r="H13825" s="18"/>
      <c r="I13825" s="18"/>
      <c r="J13825" s="18"/>
      <c r="K13825" s="18"/>
      <c r="L13825" s="18"/>
      <c r="M13825" s="18"/>
      <c r="N13825" s="18"/>
      <c r="O13825" s="18"/>
      <c r="P13825" s="19"/>
      <c r="Q13825" s="19"/>
      <c r="R13825" s="19"/>
      <c r="S13825" s="19"/>
      <c r="T13825" s="19"/>
      <c r="U13825" s="19"/>
      <c r="V13825" s="19"/>
      <c r="W13825" s="19"/>
      <c r="X13825" s="19"/>
      <c r="Y13825" s="19"/>
      <c r="Z13825" s="19"/>
      <c r="AA13825" s="19"/>
    </row>
    <row r="13826" spans="1:27" s="1" customFormat="1" ht="11.1" customHeight="1" outlineLevel="4" x14ac:dyDescent="0.2">
      <c r="A13826" s="17">
        <v>14940</v>
      </c>
      <c r="B13826" s="17"/>
      <c r="C13826" s="17"/>
      <c r="D13826" s="18" t="s">
        <v>6851</v>
      </c>
      <c r="E13826" s="18"/>
      <c r="F13826" s="18"/>
      <c r="G13826" s="18"/>
      <c r="H13826" s="18"/>
      <c r="I13826" s="18"/>
      <c r="J13826" s="18"/>
      <c r="K13826" s="18"/>
      <c r="L13826" s="18"/>
      <c r="M13826" s="18"/>
      <c r="N13826" s="18"/>
      <c r="O13826" s="18"/>
      <c r="P13826" s="19">
        <v>240</v>
      </c>
      <c r="Q13826" s="19"/>
      <c r="R13826" s="19"/>
      <c r="S13826" s="19"/>
      <c r="T13826" s="19">
        <v>145</v>
      </c>
      <c r="U13826" s="19"/>
      <c r="V13826" s="19"/>
      <c r="W13826" s="19"/>
      <c r="X13826" s="19">
        <v>1</v>
      </c>
      <c r="Y13826" s="19"/>
      <c r="Z13826" s="19"/>
      <c r="AA13826" s="19"/>
    </row>
    <row r="13827" spans="1:27" s="1" customFormat="1" ht="11.1" customHeight="1" outlineLevel="4" x14ac:dyDescent="0.2">
      <c r="A13827" s="17"/>
      <c r="B13827" s="17"/>
      <c r="C13827" s="17"/>
      <c r="D13827" s="18"/>
      <c r="E13827" s="18"/>
      <c r="F13827" s="18"/>
      <c r="G13827" s="18"/>
      <c r="H13827" s="18"/>
      <c r="I13827" s="18"/>
      <c r="J13827" s="18"/>
      <c r="K13827" s="18"/>
      <c r="L13827" s="18"/>
      <c r="M13827" s="18"/>
      <c r="N13827" s="18"/>
      <c r="O13827" s="18"/>
      <c r="P13827" s="19"/>
      <c r="Q13827" s="19"/>
      <c r="R13827" s="19"/>
      <c r="S13827" s="19"/>
      <c r="T13827" s="19"/>
      <c r="U13827" s="19"/>
      <c r="V13827" s="19"/>
      <c r="W13827" s="19"/>
      <c r="X13827" s="19"/>
      <c r="Y13827" s="19"/>
      <c r="Z13827" s="19"/>
      <c r="AA13827" s="19"/>
    </row>
    <row r="13828" spans="1:27" s="1" customFormat="1" ht="11.1" customHeight="1" outlineLevel="4" x14ac:dyDescent="0.2">
      <c r="A13828" s="17">
        <v>8236</v>
      </c>
      <c r="B13828" s="17"/>
      <c r="C13828" s="17"/>
      <c r="D13828" s="18" t="s">
        <v>6852</v>
      </c>
      <c r="E13828" s="18"/>
      <c r="F13828" s="18"/>
      <c r="G13828" s="18"/>
      <c r="H13828" s="18"/>
      <c r="I13828" s="18"/>
      <c r="J13828" s="18"/>
      <c r="K13828" s="18"/>
      <c r="L13828" s="18"/>
      <c r="M13828" s="18"/>
      <c r="N13828" s="18"/>
      <c r="O13828" s="18"/>
      <c r="P13828" s="19">
        <v>240</v>
      </c>
      <c r="Q13828" s="19"/>
      <c r="R13828" s="19"/>
      <c r="S13828" s="19"/>
      <c r="T13828" s="19">
        <v>145</v>
      </c>
      <c r="U13828" s="19"/>
      <c r="V13828" s="19"/>
      <c r="W13828" s="19"/>
      <c r="X13828" s="19">
        <v>1</v>
      </c>
      <c r="Y13828" s="19"/>
      <c r="Z13828" s="19"/>
      <c r="AA13828" s="19"/>
    </row>
    <row r="13829" spans="1:27" s="1" customFormat="1" ht="11.1" customHeight="1" outlineLevel="4" x14ac:dyDescent="0.2">
      <c r="A13829" s="17"/>
      <c r="B13829" s="17"/>
      <c r="C13829" s="17"/>
      <c r="D13829" s="18"/>
      <c r="E13829" s="18"/>
      <c r="F13829" s="18"/>
      <c r="G13829" s="18"/>
      <c r="H13829" s="18"/>
      <c r="I13829" s="18"/>
      <c r="J13829" s="18"/>
      <c r="K13829" s="18"/>
      <c r="L13829" s="18"/>
      <c r="M13829" s="18"/>
      <c r="N13829" s="18"/>
      <c r="O13829" s="18"/>
      <c r="P13829" s="19"/>
      <c r="Q13829" s="19"/>
      <c r="R13829" s="19"/>
      <c r="S13829" s="19"/>
      <c r="T13829" s="19"/>
      <c r="U13829" s="19"/>
      <c r="V13829" s="19"/>
      <c r="W13829" s="19"/>
      <c r="X13829" s="19"/>
      <c r="Y13829" s="19"/>
      <c r="Z13829" s="19"/>
      <c r="AA13829" s="19"/>
    </row>
    <row r="13830" spans="1:27" s="1" customFormat="1" ht="14.1" customHeight="1" outlineLevel="4" x14ac:dyDescent="0.2">
      <c r="A13830" s="17">
        <v>8241</v>
      </c>
      <c r="B13830" s="17"/>
      <c r="C13830" s="17"/>
      <c r="D13830" s="18" t="s">
        <v>6853</v>
      </c>
      <c r="E13830" s="18"/>
      <c r="F13830" s="18"/>
      <c r="G13830" s="18"/>
      <c r="H13830" s="18"/>
      <c r="I13830" s="18"/>
      <c r="J13830" s="18"/>
      <c r="K13830" s="18"/>
      <c r="L13830" s="18"/>
      <c r="M13830" s="18"/>
      <c r="N13830" s="18"/>
      <c r="O13830" s="18"/>
      <c r="P13830" s="19">
        <v>240</v>
      </c>
      <c r="Q13830" s="19"/>
      <c r="R13830" s="19"/>
      <c r="S13830" s="19"/>
      <c r="T13830" s="19">
        <v>145</v>
      </c>
      <c r="U13830" s="19"/>
      <c r="V13830" s="19"/>
      <c r="W13830" s="19"/>
      <c r="X13830" s="19">
        <v>1</v>
      </c>
      <c r="Y13830" s="19"/>
      <c r="Z13830" s="19"/>
      <c r="AA13830" s="19"/>
    </row>
    <row r="13831" spans="1:27" s="1" customFormat="1" ht="14.1" customHeight="1" outlineLevel="4" x14ac:dyDescent="0.2">
      <c r="A13831" s="17"/>
      <c r="B13831" s="17"/>
      <c r="C13831" s="17"/>
      <c r="D13831" s="18"/>
      <c r="E13831" s="18"/>
      <c r="F13831" s="18"/>
      <c r="G13831" s="18"/>
      <c r="H13831" s="18"/>
      <c r="I13831" s="18"/>
      <c r="J13831" s="18"/>
      <c r="K13831" s="18"/>
      <c r="L13831" s="18"/>
      <c r="M13831" s="18"/>
      <c r="N13831" s="18"/>
      <c r="O13831" s="18"/>
      <c r="P13831" s="19"/>
      <c r="Q13831" s="19"/>
      <c r="R13831" s="19"/>
      <c r="S13831" s="19"/>
      <c r="T13831" s="19"/>
      <c r="U13831" s="19"/>
      <c r="V13831" s="19"/>
      <c r="W13831" s="19"/>
      <c r="X13831" s="19"/>
      <c r="Y13831" s="19"/>
      <c r="Z13831" s="19"/>
      <c r="AA13831" s="19"/>
    </row>
    <row r="13832" spans="1:27" s="1" customFormat="1" ht="14.1" customHeight="1" outlineLevel="4" x14ac:dyDescent="0.2">
      <c r="A13832" s="17">
        <v>10589</v>
      </c>
      <c r="B13832" s="17"/>
      <c r="C13832" s="17"/>
      <c r="D13832" s="18" t="s">
        <v>6854</v>
      </c>
      <c r="E13832" s="18"/>
      <c r="F13832" s="18"/>
      <c r="G13832" s="18"/>
      <c r="H13832" s="18"/>
      <c r="I13832" s="18"/>
      <c r="J13832" s="18"/>
      <c r="K13832" s="18"/>
      <c r="L13832" s="18"/>
      <c r="M13832" s="18"/>
      <c r="N13832" s="18"/>
      <c r="O13832" s="18"/>
      <c r="P13832" s="19">
        <v>240</v>
      </c>
      <c r="Q13832" s="19"/>
      <c r="R13832" s="19"/>
      <c r="S13832" s="19"/>
      <c r="T13832" s="19">
        <v>145</v>
      </c>
      <c r="U13832" s="19"/>
      <c r="V13832" s="19"/>
      <c r="W13832" s="19"/>
      <c r="X13832" s="19">
        <v>1</v>
      </c>
      <c r="Y13832" s="19"/>
      <c r="Z13832" s="19"/>
      <c r="AA13832" s="19"/>
    </row>
    <row r="13833" spans="1:27" s="1" customFormat="1" ht="14.1" customHeight="1" outlineLevel="4" x14ac:dyDescent="0.2">
      <c r="A13833" s="17"/>
      <c r="B13833" s="17"/>
      <c r="C13833" s="17"/>
      <c r="D13833" s="18"/>
      <c r="E13833" s="18"/>
      <c r="F13833" s="18"/>
      <c r="G13833" s="18"/>
      <c r="H13833" s="18"/>
      <c r="I13833" s="18"/>
      <c r="J13833" s="18"/>
      <c r="K13833" s="18"/>
      <c r="L13833" s="18"/>
      <c r="M13833" s="18"/>
      <c r="N13833" s="18"/>
      <c r="O13833" s="18"/>
      <c r="P13833" s="19"/>
      <c r="Q13833" s="19"/>
      <c r="R13833" s="19"/>
      <c r="S13833" s="19"/>
      <c r="T13833" s="19"/>
      <c r="U13833" s="19"/>
      <c r="V13833" s="19"/>
      <c r="W13833" s="19"/>
      <c r="X13833" s="19"/>
      <c r="Y13833" s="19"/>
      <c r="Z13833" s="19"/>
      <c r="AA13833" s="19"/>
    </row>
    <row r="13834" spans="1:27" s="1" customFormat="1" ht="14.1" customHeight="1" outlineLevel="4" x14ac:dyDescent="0.2">
      <c r="A13834" s="17">
        <v>10601</v>
      </c>
      <c r="B13834" s="17"/>
      <c r="C13834" s="17"/>
      <c r="D13834" s="18" t="s">
        <v>6855</v>
      </c>
      <c r="E13834" s="18"/>
      <c r="F13834" s="18"/>
      <c r="G13834" s="18"/>
      <c r="H13834" s="18"/>
      <c r="I13834" s="18"/>
      <c r="J13834" s="18"/>
      <c r="K13834" s="18"/>
      <c r="L13834" s="18"/>
      <c r="M13834" s="18"/>
      <c r="N13834" s="18"/>
      <c r="O13834" s="18"/>
      <c r="P13834" s="19">
        <v>240</v>
      </c>
      <c r="Q13834" s="19"/>
      <c r="R13834" s="19"/>
      <c r="S13834" s="19"/>
      <c r="T13834" s="19">
        <v>145</v>
      </c>
      <c r="U13834" s="19"/>
      <c r="V13834" s="19"/>
      <c r="W13834" s="19"/>
      <c r="X13834" s="19">
        <v>1</v>
      </c>
      <c r="Y13834" s="19"/>
      <c r="Z13834" s="19"/>
      <c r="AA13834" s="19"/>
    </row>
    <row r="13835" spans="1:27" s="1" customFormat="1" ht="14.1" customHeight="1" outlineLevel="4" x14ac:dyDescent="0.2">
      <c r="A13835" s="17"/>
      <c r="B13835" s="17"/>
      <c r="C13835" s="17"/>
      <c r="D13835" s="18"/>
      <c r="E13835" s="18"/>
      <c r="F13835" s="18"/>
      <c r="G13835" s="18"/>
      <c r="H13835" s="18"/>
      <c r="I13835" s="18"/>
      <c r="J13835" s="18"/>
      <c r="K13835" s="18"/>
      <c r="L13835" s="18"/>
      <c r="M13835" s="18"/>
      <c r="N13835" s="18"/>
      <c r="O13835" s="18"/>
      <c r="P13835" s="19"/>
      <c r="Q13835" s="19"/>
      <c r="R13835" s="19"/>
      <c r="S13835" s="19"/>
      <c r="T13835" s="19"/>
      <c r="U13835" s="19"/>
      <c r="V13835" s="19"/>
      <c r="W13835" s="19"/>
      <c r="X13835" s="19"/>
      <c r="Y13835" s="19"/>
      <c r="Z13835" s="19"/>
      <c r="AA13835" s="19"/>
    </row>
    <row r="13836" spans="1:27" s="1" customFormat="1" ht="14.1" customHeight="1" outlineLevel="4" x14ac:dyDescent="0.2">
      <c r="A13836" s="17">
        <v>10598</v>
      </c>
      <c r="B13836" s="17"/>
      <c r="C13836" s="17"/>
      <c r="D13836" s="18" t="s">
        <v>6856</v>
      </c>
      <c r="E13836" s="18"/>
      <c r="F13836" s="18"/>
      <c r="G13836" s="18"/>
      <c r="H13836" s="18"/>
      <c r="I13836" s="18"/>
      <c r="J13836" s="18"/>
      <c r="K13836" s="18"/>
      <c r="L13836" s="18"/>
      <c r="M13836" s="18"/>
      <c r="N13836" s="18"/>
      <c r="O13836" s="18"/>
      <c r="P13836" s="19">
        <v>240</v>
      </c>
      <c r="Q13836" s="19"/>
      <c r="R13836" s="19"/>
      <c r="S13836" s="19"/>
      <c r="T13836" s="19">
        <v>145</v>
      </c>
      <c r="U13836" s="19"/>
      <c r="V13836" s="19"/>
      <c r="W13836" s="19"/>
      <c r="X13836" s="19">
        <v>1</v>
      </c>
      <c r="Y13836" s="19"/>
      <c r="Z13836" s="19"/>
      <c r="AA13836" s="19"/>
    </row>
    <row r="13837" spans="1:27" s="1" customFormat="1" ht="14.1" customHeight="1" outlineLevel="4" x14ac:dyDescent="0.2">
      <c r="A13837" s="17"/>
      <c r="B13837" s="17"/>
      <c r="C13837" s="17"/>
      <c r="D13837" s="18"/>
      <c r="E13837" s="18"/>
      <c r="F13837" s="18"/>
      <c r="G13837" s="18"/>
      <c r="H13837" s="18"/>
      <c r="I13837" s="18"/>
      <c r="J13837" s="18"/>
      <c r="K13837" s="18"/>
      <c r="L13837" s="18"/>
      <c r="M13837" s="18"/>
      <c r="N13837" s="18"/>
      <c r="O13837" s="18"/>
      <c r="P13837" s="19"/>
      <c r="Q13837" s="19"/>
      <c r="R13837" s="19"/>
      <c r="S13837" s="19"/>
      <c r="T13837" s="19"/>
      <c r="U13837" s="19"/>
      <c r="V13837" s="19"/>
      <c r="W13837" s="19"/>
      <c r="X13837" s="19"/>
      <c r="Y13837" s="19"/>
      <c r="Z13837" s="19"/>
      <c r="AA13837" s="19"/>
    </row>
    <row r="13838" spans="1:27" s="1" customFormat="1" ht="14.1" customHeight="1" outlineLevel="4" x14ac:dyDescent="0.2">
      <c r="A13838" s="17">
        <v>10593</v>
      </c>
      <c r="B13838" s="17"/>
      <c r="C13838" s="17"/>
      <c r="D13838" s="18" t="s">
        <v>6857</v>
      </c>
      <c r="E13838" s="18"/>
      <c r="F13838" s="18"/>
      <c r="G13838" s="18"/>
      <c r="H13838" s="18"/>
      <c r="I13838" s="18"/>
      <c r="J13838" s="18"/>
      <c r="K13838" s="18"/>
      <c r="L13838" s="18"/>
      <c r="M13838" s="18"/>
      <c r="N13838" s="18"/>
      <c r="O13838" s="18"/>
      <c r="P13838" s="19">
        <v>240</v>
      </c>
      <c r="Q13838" s="19"/>
      <c r="R13838" s="19"/>
      <c r="S13838" s="19"/>
      <c r="T13838" s="19">
        <v>145</v>
      </c>
      <c r="U13838" s="19"/>
      <c r="V13838" s="19"/>
      <c r="W13838" s="19"/>
      <c r="X13838" s="19">
        <v>3</v>
      </c>
      <c r="Y13838" s="19"/>
      <c r="Z13838" s="19"/>
      <c r="AA13838" s="19"/>
    </row>
    <row r="13839" spans="1:27" s="1" customFormat="1" ht="14.1" customHeight="1" outlineLevel="4" x14ac:dyDescent="0.2">
      <c r="A13839" s="17"/>
      <c r="B13839" s="17"/>
      <c r="C13839" s="17"/>
      <c r="D13839" s="18"/>
      <c r="E13839" s="18"/>
      <c r="F13839" s="18"/>
      <c r="G13839" s="18"/>
      <c r="H13839" s="18"/>
      <c r="I13839" s="18"/>
      <c r="J13839" s="18"/>
      <c r="K13839" s="18"/>
      <c r="L13839" s="18"/>
      <c r="M13839" s="18"/>
      <c r="N13839" s="18"/>
      <c r="O13839" s="18"/>
      <c r="P13839" s="19"/>
      <c r="Q13839" s="19"/>
      <c r="R13839" s="19"/>
      <c r="S13839" s="19"/>
      <c r="T13839" s="19"/>
      <c r="U13839" s="19"/>
      <c r="V13839" s="19"/>
      <c r="W13839" s="19"/>
      <c r="X13839" s="19"/>
      <c r="Y13839" s="19"/>
      <c r="Z13839" s="19"/>
      <c r="AA13839" s="19"/>
    </row>
    <row r="13840" spans="1:27" s="1" customFormat="1" ht="14.1" customHeight="1" outlineLevel="4" x14ac:dyDescent="0.2">
      <c r="A13840" s="17">
        <v>10592</v>
      </c>
      <c r="B13840" s="17"/>
      <c r="C13840" s="17"/>
      <c r="D13840" s="18" t="s">
        <v>6858</v>
      </c>
      <c r="E13840" s="18"/>
      <c r="F13840" s="18"/>
      <c r="G13840" s="18"/>
      <c r="H13840" s="18"/>
      <c r="I13840" s="18"/>
      <c r="J13840" s="18"/>
      <c r="K13840" s="18"/>
      <c r="L13840" s="18"/>
      <c r="M13840" s="18"/>
      <c r="N13840" s="18"/>
      <c r="O13840" s="18"/>
      <c r="P13840" s="19">
        <v>240</v>
      </c>
      <c r="Q13840" s="19"/>
      <c r="R13840" s="19"/>
      <c r="S13840" s="19"/>
      <c r="T13840" s="19">
        <v>145</v>
      </c>
      <c r="U13840" s="19"/>
      <c r="V13840" s="19"/>
      <c r="W13840" s="19"/>
      <c r="X13840" s="19">
        <v>1</v>
      </c>
      <c r="Y13840" s="19"/>
      <c r="Z13840" s="19"/>
      <c r="AA13840" s="19"/>
    </row>
    <row r="13841" spans="1:27" s="1" customFormat="1" ht="14.1" customHeight="1" outlineLevel="4" x14ac:dyDescent="0.2">
      <c r="A13841" s="17"/>
      <c r="B13841" s="17"/>
      <c r="C13841" s="17"/>
      <c r="D13841" s="18"/>
      <c r="E13841" s="18"/>
      <c r="F13841" s="18"/>
      <c r="G13841" s="18"/>
      <c r="H13841" s="18"/>
      <c r="I13841" s="18"/>
      <c r="J13841" s="18"/>
      <c r="K13841" s="18"/>
      <c r="L13841" s="18"/>
      <c r="M13841" s="18"/>
      <c r="N13841" s="18"/>
      <c r="O13841" s="18"/>
      <c r="P13841" s="19"/>
      <c r="Q13841" s="19"/>
      <c r="R13841" s="19"/>
      <c r="S13841" s="19"/>
      <c r="T13841" s="19"/>
      <c r="U13841" s="19"/>
      <c r="V13841" s="19"/>
      <c r="W13841" s="19"/>
      <c r="X13841" s="19"/>
      <c r="Y13841" s="19"/>
      <c r="Z13841" s="19"/>
      <c r="AA13841" s="19"/>
    </row>
    <row r="13842" spans="1:27" s="1" customFormat="1" ht="14.1" customHeight="1" outlineLevel="4" x14ac:dyDescent="0.2">
      <c r="A13842" s="17">
        <v>14941</v>
      </c>
      <c r="B13842" s="17"/>
      <c r="C13842" s="17"/>
      <c r="D13842" s="18" t="s">
        <v>6859</v>
      </c>
      <c r="E13842" s="18"/>
      <c r="F13842" s="18"/>
      <c r="G13842" s="18"/>
      <c r="H13842" s="18"/>
      <c r="I13842" s="18"/>
      <c r="J13842" s="18"/>
      <c r="K13842" s="18"/>
      <c r="L13842" s="18"/>
      <c r="M13842" s="18"/>
      <c r="N13842" s="18"/>
      <c r="O13842" s="18"/>
      <c r="P13842" s="19">
        <v>240</v>
      </c>
      <c r="Q13842" s="19"/>
      <c r="R13842" s="19"/>
      <c r="S13842" s="19"/>
      <c r="T13842" s="19">
        <v>145</v>
      </c>
      <c r="U13842" s="19"/>
      <c r="V13842" s="19"/>
      <c r="W13842" s="19"/>
      <c r="X13842" s="19">
        <v>1</v>
      </c>
      <c r="Y13842" s="19"/>
      <c r="Z13842" s="19"/>
      <c r="AA13842" s="19"/>
    </row>
    <row r="13843" spans="1:27" s="1" customFormat="1" ht="14.1" customHeight="1" outlineLevel="4" x14ac:dyDescent="0.2">
      <c r="A13843" s="17"/>
      <c r="B13843" s="17"/>
      <c r="C13843" s="17"/>
      <c r="D13843" s="18"/>
      <c r="E13843" s="18"/>
      <c r="F13843" s="18"/>
      <c r="G13843" s="18"/>
      <c r="H13843" s="18"/>
      <c r="I13843" s="18"/>
      <c r="J13843" s="18"/>
      <c r="K13843" s="18"/>
      <c r="L13843" s="18"/>
      <c r="M13843" s="18"/>
      <c r="N13843" s="18"/>
      <c r="O13843" s="18"/>
      <c r="P13843" s="19"/>
      <c r="Q13843" s="19"/>
      <c r="R13843" s="19"/>
      <c r="S13843" s="19"/>
      <c r="T13843" s="19"/>
      <c r="U13843" s="19"/>
      <c r="V13843" s="19"/>
      <c r="W13843" s="19"/>
      <c r="X13843" s="19"/>
      <c r="Y13843" s="19"/>
      <c r="Z13843" s="19"/>
      <c r="AA13843" s="19"/>
    </row>
    <row r="13844" spans="1:27" s="1" customFormat="1" ht="14.1" customHeight="1" outlineLevel="4" x14ac:dyDescent="0.2">
      <c r="A13844" s="17">
        <v>11232</v>
      </c>
      <c r="B13844" s="17"/>
      <c r="C13844" s="17"/>
      <c r="D13844" s="18" t="s">
        <v>6860</v>
      </c>
      <c r="E13844" s="18"/>
      <c r="F13844" s="18"/>
      <c r="G13844" s="18"/>
      <c r="H13844" s="18"/>
      <c r="I13844" s="18"/>
      <c r="J13844" s="18"/>
      <c r="K13844" s="18"/>
      <c r="L13844" s="18"/>
      <c r="M13844" s="18"/>
      <c r="N13844" s="18"/>
      <c r="O13844" s="18"/>
      <c r="P13844" s="19">
        <v>240</v>
      </c>
      <c r="Q13844" s="19"/>
      <c r="R13844" s="19"/>
      <c r="S13844" s="19"/>
      <c r="T13844" s="19">
        <v>145</v>
      </c>
      <c r="U13844" s="19"/>
      <c r="V13844" s="19"/>
      <c r="W13844" s="19"/>
      <c r="X13844" s="19">
        <v>1</v>
      </c>
      <c r="Y13844" s="19"/>
      <c r="Z13844" s="19"/>
      <c r="AA13844" s="19"/>
    </row>
    <row r="13845" spans="1:27" s="1" customFormat="1" ht="14.1" customHeight="1" outlineLevel="4" x14ac:dyDescent="0.2">
      <c r="A13845" s="17"/>
      <c r="B13845" s="17"/>
      <c r="C13845" s="17"/>
      <c r="D13845" s="18"/>
      <c r="E13845" s="18"/>
      <c r="F13845" s="18"/>
      <c r="G13845" s="18"/>
      <c r="H13845" s="18"/>
      <c r="I13845" s="18"/>
      <c r="J13845" s="18"/>
      <c r="K13845" s="18"/>
      <c r="L13845" s="18"/>
      <c r="M13845" s="18"/>
      <c r="N13845" s="18"/>
      <c r="O13845" s="18"/>
      <c r="P13845" s="19"/>
      <c r="Q13845" s="19"/>
      <c r="R13845" s="19"/>
      <c r="S13845" s="19"/>
      <c r="T13845" s="19"/>
      <c r="U13845" s="19"/>
      <c r="V13845" s="19"/>
      <c r="W13845" s="19"/>
      <c r="X13845" s="19"/>
      <c r="Y13845" s="19"/>
      <c r="Z13845" s="19"/>
      <c r="AA13845" s="19"/>
    </row>
    <row r="13846" spans="1:27" s="1" customFormat="1" ht="14.1" customHeight="1" outlineLevel="4" x14ac:dyDescent="0.2">
      <c r="A13846" s="17">
        <v>14942</v>
      </c>
      <c r="B13846" s="17"/>
      <c r="C13846" s="17"/>
      <c r="D13846" s="18" t="s">
        <v>6861</v>
      </c>
      <c r="E13846" s="18"/>
      <c r="F13846" s="18"/>
      <c r="G13846" s="18"/>
      <c r="H13846" s="18"/>
      <c r="I13846" s="18"/>
      <c r="J13846" s="18"/>
      <c r="K13846" s="18"/>
      <c r="L13846" s="18"/>
      <c r="M13846" s="18"/>
      <c r="N13846" s="18"/>
      <c r="O13846" s="18"/>
      <c r="P13846" s="19">
        <v>240</v>
      </c>
      <c r="Q13846" s="19"/>
      <c r="R13846" s="19"/>
      <c r="S13846" s="19"/>
      <c r="T13846" s="19">
        <v>145</v>
      </c>
      <c r="U13846" s="19"/>
      <c r="V13846" s="19"/>
      <c r="W13846" s="19"/>
      <c r="X13846" s="19">
        <v>1</v>
      </c>
      <c r="Y13846" s="19"/>
      <c r="Z13846" s="19"/>
      <c r="AA13846" s="19"/>
    </row>
    <row r="13847" spans="1:27" s="1" customFormat="1" ht="14.1" customHeight="1" outlineLevel="4" x14ac:dyDescent="0.2">
      <c r="A13847" s="17"/>
      <c r="B13847" s="17"/>
      <c r="C13847" s="17"/>
      <c r="D13847" s="18"/>
      <c r="E13847" s="18"/>
      <c r="F13847" s="18"/>
      <c r="G13847" s="18"/>
      <c r="H13847" s="18"/>
      <c r="I13847" s="18"/>
      <c r="J13847" s="18"/>
      <c r="K13847" s="18"/>
      <c r="L13847" s="18"/>
      <c r="M13847" s="18"/>
      <c r="N13847" s="18"/>
      <c r="O13847" s="18"/>
      <c r="P13847" s="19"/>
      <c r="Q13847" s="19"/>
      <c r="R13847" s="19"/>
      <c r="S13847" s="19"/>
      <c r="T13847" s="19"/>
      <c r="U13847" s="19"/>
      <c r="V13847" s="19"/>
      <c r="W13847" s="19"/>
      <c r="X13847" s="19"/>
      <c r="Y13847" s="19"/>
      <c r="Z13847" s="19"/>
      <c r="AA13847" s="19"/>
    </row>
    <row r="13848" spans="1:27" s="1" customFormat="1" ht="11.1" customHeight="1" outlineLevel="4" x14ac:dyDescent="0.2">
      <c r="A13848" s="17">
        <v>11231</v>
      </c>
      <c r="B13848" s="17"/>
      <c r="C13848" s="17"/>
      <c r="D13848" s="18" t="s">
        <v>6862</v>
      </c>
      <c r="E13848" s="18"/>
      <c r="F13848" s="18"/>
      <c r="G13848" s="18"/>
      <c r="H13848" s="18"/>
      <c r="I13848" s="18"/>
      <c r="J13848" s="18"/>
      <c r="K13848" s="18"/>
      <c r="L13848" s="18"/>
      <c r="M13848" s="18"/>
      <c r="N13848" s="18"/>
      <c r="O13848" s="18"/>
      <c r="P13848" s="19">
        <v>240</v>
      </c>
      <c r="Q13848" s="19"/>
      <c r="R13848" s="19"/>
      <c r="S13848" s="19"/>
      <c r="T13848" s="19">
        <v>145</v>
      </c>
      <c r="U13848" s="19"/>
      <c r="V13848" s="19"/>
      <c r="W13848" s="19"/>
      <c r="X13848" s="19">
        <v>1</v>
      </c>
      <c r="Y13848" s="19"/>
      <c r="Z13848" s="19"/>
      <c r="AA13848" s="19"/>
    </row>
    <row r="13849" spans="1:27" s="1" customFormat="1" ht="11.1" customHeight="1" outlineLevel="4" x14ac:dyDescent="0.2">
      <c r="A13849" s="17"/>
      <c r="B13849" s="17"/>
      <c r="C13849" s="17"/>
      <c r="D13849" s="18"/>
      <c r="E13849" s="18"/>
      <c r="F13849" s="18"/>
      <c r="G13849" s="18"/>
      <c r="H13849" s="18"/>
      <c r="I13849" s="18"/>
      <c r="J13849" s="18"/>
      <c r="K13849" s="18"/>
      <c r="L13849" s="18"/>
      <c r="M13849" s="18"/>
      <c r="N13849" s="18"/>
      <c r="O13849" s="18"/>
      <c r="P13849" s="19"/>
      <c r="Q13849" s="19"/>
      <c r="R13849" s="19"/>
      <c r="S13849" s="19"/>
      <c r="T13849" s="19"/>
      <c r="U13849" s="19"/>
      <c r="V13849" s="19"/>
      <c r="W13849" s="19"/>
      <c r="X13849" s="19"/>
      <c r="Y13849" s="19"/>
      <c r="Z13849" s="19"/>
      <c r="AA13849" s="19"/>
    </row>
    <row r="13850" spans="1:27" s="1" customFormat="1" ht="14.1" customHeight="1" outlineLevel="4" x14ac:dyDescent="0.2">
      <c r="A13850" s="17">
        <v>11234</v>
      </c>
      <c r="B13850" s="17"/>
      <c r="C13850" s="17"/>
      <c r="D13850" s="18" t="s">
        <v>6863</v>
      </c>
      <c r="E13850" s="18"/>
      <c r="F13850" s="18"/>
      <c r="G13850" s="18"/>
      <c r="H13850" s="18"/>
      <c r="I13850" s="18"/>
      <c r="J13850" s="18"/>
      <c r="K13850" s="18"/>
      <c r="L13850" s="18"/>
      <c r="M13850" s="18"/>
      <c r="N13850" s="18"/>
      <c r="O13850" s="18"/>
      <c r="P13850" s="19">
        <v>240</v>
      </c>
      <c r="Q13850" s="19"/>
      <c r="R13850" s="19"/>
      <c r="S13850" s="19"/>
      <c r="T13850" s="19">
        <v>145</v>
      </c>
      <c r="U13850" s="19"/>
      <c r="V13850" s="19"/>
      <c r="W13850" s="19"/>
      <c r="X13850" s="19">
        <v>1</v>
      </c>
      <c r="Y13850" s="19"/>
      <c r="Z13850" s="19"/>
      <c r="AA13850" s="19"/>
    </row>
    <row r="13851" spans="1:27" s="1" customFormat="1" ht="14.1" customHeight="1" outlineLevel="4" x14ac:dyDescent="0.2">
      <c r="A13851" s="17"/>
      <c r="B13851" s="17"/>
      <c r="C13851" s="17"/>
      <c r="D13851" s="18"/>
      <c r="E13851" s="18"/>
      <c r="F13851" s="18"/>
      <c r="G13851" s="18"/>
      <c r="H13851" s="18"/>
      <c r="I13851" s="18"/>
      <c r="J13851" s="18"/>
      <c r="K13851" s="18"/>
      <c r="L13851" s="18"/>
      <c r="M13851" s="18"/>
      <c r="N13851" s="18"/>
      <c r="O13851" s="18"/>
      <c r="P13851" s="19"/>
      <c r="Q13851" s="19"/>
      <c r="R13851" s="19"/>
      <c r="S13851" s="19"/>
      <c r="T13851" s="19"/>
      <c r="U13851" s="19"/>
      <c r="V13851" s="19"/>
      <c r="W13851" s="19"/>
      <c r="X13851" s="19"/>
      <c r="Y13851" s="19"/>
      <c r="Z13851" s="19"/>
      <c r="AA13851" s="19"/>
    </row>
    <row r="13852" spans="1:27" s="1" customFormat="1" ht="14.1" customHeight="1" outlineLevel="4" x14ac:dyDescent="0.2">
      <c r="A13852" s="17">
        <v>14945</v>
      </c>
      <c r="B13852" s="17"/>
      <c r="C13852" s="17"/>
      <c r="D13852" s="18" t="s">
        <v>6864</v>
      </c>
      <c r="E13852" s="18"/>
      <c r="F13852" s="18"/>
      <c r="G13852" s="18"/>
      <c r="H13852" s="18"/>
      <c r="I13852" s="18"/>
      <c r="J13852" s="18"/>
      <c r="K13852" s="18"/>
      <c r="L13852" s="18"/>
      <c r="M13852" s="18"/>
      <c r="N13852" s="18"/>
      <c r="O13852" s="18"/>
      <c r="P13852" s="19">
        <v>240</v>
      </c>
      <c r="Q13852" s="19"/>
      <c r="R13852" s="19"/>
      <c r="S13852" s="19"/>
      <c r="T13852" s="19">
        <v>145</v>
      </c>
      <c r="U13852" s="19"/>
      <c r="V13852" s="19"/>
      <c r="W13852" s="19"/>
      <c r="X13852" s="19">
        <v>1</v>
      </c>
      <c r="Y13852" s="19"/>
      <c r="Z13852" s="19"/>
      <c r="AA13852" s="19"/>
    </row>
    <row r="13853" spans="1:27" s="1" customFormat="1" ht="14.1" customHeight="1" outlineLevel="4" x14ac:dyDescent="0.2">
      <c r="A13853" s="17"/>
      <c r="B13853" s="17"/>
      <c r="C13853" s="17"/>
      <c r="D13853" s="18"/>
      <c r="E13853" s="18"/>
      <c r="F13853" s="18"/>
      <c r="G13853" s="18"/>
      <c r="H13853" s="18"/>
      <c r="I13853" s="18"/>
      <c r="J13853" s="18"/>
      <c r="K13853" s="18"/>
      <c r="L13853" s="18"/>
      <c r="M13853" s="18"/>
      <c r="N13853" s="18"/>
      <c r="O13853" s="18"/>
      <c r="P13853" s="19"/>
      <c r="Q13853" s="19"/>
      <c r="R13853" s="19"/>
      <c r="S13853" s="19"/>
      <c r="T13853" s="19"/>
      <c r="U13853" s="19"/>
      <c r="V13853" s="19"/>
      <c r="W13853" s="19"/>
      <c r="X13853" s="19"/>
      <c r="Y13853" s="19"/>
      <c r="Z13853" s="19"/>
      <c r="AA13853" s="19"/>
    </row>
    <row r="13854" spans="1:27" s="1" customFormat="1" ht="14.1" customHeight="1" outlineLevel="4" x14ac:dyDescent="0.2">
      <c r="A13854" s="17">
        <v>14947</v>
      </c>
      <c r="B13854" s="17"/>
      <c r="C13854" s="17"/>
      <c r="D13854" s="18" t="s">
        <v>6865</v>
      </c>
      <c r="E13854" s="18"/>
      <c r="F13854" s="18"/>
      <c r="G13854" s="18"/>
      <c r="H13854" s="18"/>
      <c r="I13854" s="18"/>
      <c r="J13854" s="18"/>
      <c r="K13854" s="18"/>
      <c r="L13854" s="18"/>
      <c r="M13854" s="18"/>
      <c r="N13854" s="18"/>
      <c r="O13854" s="18"/>
      <c r="P13854" s="19">
        <v>240</v>
      </c>
      <c r="Q13854" s="19"/>
      <c r="R13854" s="19"/>
      <c r="S13854" s="19"/>
      <c r="T13854" s="19">
        <v>145</v>
      </c>
      <c r="U13854" s="19"/>
      <c r="V13854" s="19"/>
      <c r="W13854" s="19"/>
      <c r="X13854" s="19">
        <v>1</v>
      </c>
      <c r="Y13854" s="19"/>
      <c r="Z13854" s="19"/>
      <c r="AA13854" s="19"/>
    </row>
    <row r="13855" spans="1:27" s="1" customFormat="1" ht="14.1" customHeight="1" outlineLevel="4" x14ac:dyDescent="0.2">
      <c r="A13855" s="17"/>
      <c r="B13855" s="17"/>
      <c r="C13855" s="17"/>
      <c r="D13855" s="18"/>
      <c r="E13855" s="18"/>
      <c r="F13855" s="18"/>
      <c r="G13855" s="18"/>
      <c r="H13855" s="18"/>
      <c r="I13855" s="18"/>
      <c r="J13855" s="18"/>
      <c r="K13855" s="18"/>
      <c r="L13855" s="18"/>
      <c r="M13855" s="18"/>
      <c r="N13855" s="18"/>
      <c r="O13855" s="18"/>
      <c r="P13855" s="19"/>
      <c r="Q13855" s="19"/>
      <c r="R13855" s="19"/>
      <c r="S13855" s="19"/>
      <c r="T13855" s="19"/>
      <c r="U13855" s="19"/>
      <c r="V13855" s="19"/>
      <c r="W13855" s="19"/>
      <c r="X13855" s="19"/>
      <c r="Y13855" s="19"/>
      <c r="Z13855" s="19"/>
      <c r="AA13855" s="19"/>
    </row>
    <row r="13856" spans="1:27" s="1" customFormat="1" ht="14.1" customHeight="1" outlineLevel="4" x14ac:dyDescent="0.2">
      <c r="A13856" s="17">
        <v>14946</v>
      </c>
      <c r="B13856" s="17"/>
      <c r="C13856" s="17"/>
      <c r="D13856" s="18" t="s">
        <v>6866</v>
      </c>
      <c r="E13856" s="18"/>
      <c r="F13856" s="18"/>
      <c r="G13856" s="18"/>
      <c r="H13856" s="18"/>
      <c r="I13856" s="18"/>
      <c r="J13856" s="18"/>
      <c r="K13856" s="18"/>
      <c r="L13856" s="18"/>
      <c r="M13856" s="18"/>
      <c r="N13856" s="18"/>
      <c r="O13856" s="18"/>
      <c r="P13856" s="19">
        <v>240</v>
      </c>
      <c r="Q13856" s="19"/>
      <c r="R13856" s="19"/>
      <c r="S13856" s="19"/>
      <c r="T13856" s="19">
        <v>145</v>
      </c>
      <c r="U13856" s="19"/>
      <c r="V13856" s="19"/>
      <c r="W13856" s="19"/>
      <c r="X13856" s="19">
        <v>1</v>
      </c>
      <c r="Y13856" s="19"/>
      <c r="Z13856" s="19"/>
      <c r="AA13856" s="19"/>
    </row>
    <row r="13857" spans="1:27" s="1" customFormat="1" ht="14.1" customHeight="1" outlineLevel="4" x14ac:dyDescent="0.2">
      <c r="A13857" s="17"/>
      <c r="B13857" s="17"/>
      <c r="C13857" s="17"/>
      <c r="D13857" s="18"/>
      <c r="E13857" s="18"/>
      <c r="F13857" s="18"/>
      <c r="G13857" s="18"/>
      <c r="H13857" s="18"/>
      <c r="I13857" s="18"/>
      <c r="J13857" s="18"/>
      <c r="K13857" s="18"/>
      <c r="L13857" s="18"/>
      <c r="M13857" s="18"/>
      <c r="N13857" s="18"/>
      <c r="O13857" s="18"/>
      <c r="P13857" s="19"/>
      <c r="Q13857" s="19"/>
      <c r="R13857" s="19"/>
      <c r="S13857" s="19"/>
      <c r="T13857" s="19"/>
      <c r="U13857" s="19"/>
      <c r="V13857" s="19"/>
      <c r="W13857" s="19"/>
      <c r="X13857" s="19"/>
      <c r="Y13857" s="19"/>
      <c r="Z13857" s="19"/>
      <c r="AA13857" s="19"/>
    </row>
    <row r="13858" spans="1:27" s="1" customFormat="1" ht="14.1" customHeight="1" outlineLevel="4" x14ac:dyDescent="0.2">
      <c r="A13858" s="17">
        <v>14948</v>
      </c>
      <c r="B13858" s="17"/>
      <c r="C13858" s="17"/>
      <c r="D13858" s="18" t="s">
        <v>6867</v>
      </c>
      <c r="E13858" s="18"/>
      <c r="F13858" s="18"/>
      <c r="G13858" s="18"/>
      <c r="H13858" s="18"/>
      <c r="I13858" s="18"/>
      <c r="J13858" s="18"/>
      <c r="K13858" s="18"/>
      <c r="L13858" s="18"/>
      <c r="M13858" s="18"/>
      <c r="N13858" s="18"/>
      <c r="O13858" s="18"/>
      <c r="P13858" s="19">
        <v>240</v>
      </c>
      <c r="Q13858" s="19"/>
      <c r="R13858" s="19"/>
      <c r="S13858" s="19"/>
      <c r="T13858" s="19">
        <v>145</v>
      </c>
      <c r="U13858" s="19"/>
      <c r="V13858" s="19"/>
      <c r="W13858" s="19"/>
      <c r="X13858" s="19">
        <v>1</v>
      </c>
      <c r="Y13858" s="19"/>
      <c r="Z13858" s="19"/>
      <c r="AA13858" s="19"/>
    </row>
    <row r="13859" spans="1:27" s="1" customFormat="1" ht="14.1" customHeight="1" outlineLevel="4" x14ac:dyDescent="0.2">
      <c r="A13859" s="17"/>
      <c r="B13859" s="17"/>
      <c r="C13859" s="17"/>
      <c r="D13859" s="18"/>
      <c r="E13859" s="18"/>
      <c r="F13859" s="18"/>
      <c r="G13859" s="18"/>
      <c r="H13859" s="18"/>
      <c r="I13859" s="18"/>
      <c r="J13859" s="18"/>
      <c r="K13859" s="18"/>
      <c r="L13859" s="18"/>
      <c r="M13859" s="18"/>
      <c r="N13859" s="18"/>
      <c r="O13859" s="18"/>
      <c r="P13859" s="19"/>
      <c r="Q13859" s="19"/>
      <c r="R13859" s="19"/>
      <c r="S13859" s="19"/>
      <c r="T13859" s="19"/>
      <c r="U13859" s="19"/>
      <c r="V13859" s="19"/>
      <c r="W13859" s="19"/>
      <c r="X13859" s="19"/>
      <c r="Y13859" s="19"/>
      <c r="Z13859" s="19"/>
      <c r="AA13859" s="19"/>
    </row>
    <row r="13860" spans="1:27" s="1" customFormat="1" ht="14.1" customHeight="1" outlineLevel="4" x14ac:dyDescent="0.2">
      <c r="A13860" s="17">
        <v>14951</v>
      </c>
      <c r="B13860" s="17"/>
      <c r="C13860" s="17"/>
      <c r="D13860" s="18" t="s">
        <v>6868</v>
      </c>
      <c r="E13860" s="18"/>
      <c r="F13860" s="18"/>
      <c r="G13860" s="18"/>
      <c r="H13860" s="18"/>
      <c r="I13860" s="18"/>
      <c r="J13860" s="18"/>
      <c r="K13860" s="18"/>
      <c r="L13860" s="18"/>
      <c r="M13860" s="18"/>
      <c r="N13860" s="18"/>
      <c r="O13860" s="18"/>
      <c r="P13860" s="19">
        <v>240</v>
      </c>
      <c r="Q13860" s="19"/>
      <c r="R13860" s="19"/>
      <c r="S13860" s="19"/>
      <c r="T13860" s="19">
        <v>145</v>
      </c>
      <c r="U13860" s="19"/>
      <c r="V13860" s="19"/>
      <c r="W13860" s="19"/>
      <c r="X13860" s="19">
        <v>1</v>
      </c>
      <c r="Y13860" s="19"/>
      <c r="Z13860" s="19"/>
      <c r="AA13860" s="19"/>
    </row>
    <row r="13861" spans="1:27" s="1" customFormat="1" ht="14.1" customHeight="1" outlineLevel="4" x14ac:dyDescent="0.2">
      <c r="A13861" s="17"/>
      <c r="B13861" s="17"/>
      <c r="C13861" s="17"/>
      <c r="D13861" s="18"/>
      <c r="E13861" s="18"/>
      <c r="F13861" s="18"/>
      <c r="G13861" s="18"/>
      <c r="H13861" s="18"/>
      <c r="I13861" s="18"/>
      <c r="J13861" s="18"/>
      <c r="K13861" s="18"/>
      <c r="L13861" s="18"/>
      <c r="M13861" s="18"/>
      <c r="N13861" s="18"/>
      <c r="O13861" s="18"/>
      <c r="P13861" s="19"/>
      <c r="Q13861" s="19"/>
      <c r="R13861" s="19"/>
      <c r="S13861" s="19"/>
      <c r="T13861" s="19"/>
      <c r="U13861" s="19"/>
      <c r="V13861" s="19"/>
      <c r="W13861" s="19"/>
      <c r="X13861" s="19"/>
      <c r="Y13861" s="19"/>
      <c r="Z13861" s="19"/>
      <c r="AA13861" s="19"/>
    </row>
    <row r="13862" spans="1:27" s="1" customFormat="1" ht="14.1" customHeight="1" outlineLevel="4" x14ac:dyDescent="0.2">
      <c r="A13862" s="17">
        <v>14949</v>
      </c>
      <c r="B13862" s="17"/>
      <c r="C13862" s="17"/>
      <c r="D13862" s="18" t="s">
        <v>6869</v>
      </c>
      <c r="E13862" s="18"/>
      <c r="F13862" s="18"/>
      <c r="G13862" s="18"/>
      <c r="H13862" s="18"/>
      <c r="I13862" s="18"/>
      <c r="J13862" s="18"/>
      <c r="K13862" s="18"/>
      <c r="L13862" s="18"/>
      <c r="M13862" s="18"/>
      <c r="N13862" s="18"/>
      <c r="O13862" s="18"/>
      <c r="P13862" s="19">
        <v>240</v>
      </c>
      <c r="Q13862" s="19"/>
      <c r="R13862" s="19"/>
      <c r="S13862" s="19"/>
      <c r="T13862" s="19">
        <v>145</v>
      </c>
      <c r="U13862" s="19"/>
      <c r="V13862" s="19"/>
      <c r="W13862" s="19"/>
      <c r="X13862" s="19">
        <v>1</v>
      </c>
      <c r="Y13862" s="19"/>
      <c r="Z13862" s="19"/>
      <c r="AA13862" s="19"/>
    </row>
    <row r="13863" spans="1:27" s="1" customFormat="1" ht="14.1" customHeight="1" outlineLevel="4" x14ac:dyDescent="0.2">
      <c r="A13863" s="17"/>
      <c r="B13863" s="17"/>
      <c r="C13863" s="17"/>
      <c r="D13863" s="18"/>
      <c r="E13863" s="18"/>
      <c r="F13863" s="18"/>
      <c r="G13863" s="18"/>
      <c r="H13863" s="18"/>
      <c r="I13863" s="18"/>
      <c r="J13863" s="18"/>
      <c r="K13863" s="18"/>
      <c r="L13863" s="18"/>
      <c r="M13863" s="18"/>
      <c r="N13863" s="18"/>
      <c r="O13863" s="18"/>
      <c r="P13863" s="19"/>
      <c r="Q13863" s="19"/>
      <c r="R13863" s="19"/>
      <c r="S13863" s="19"/>
      <c r="T13863" s="19"/>
      <c r="U13863" s="19"/>
      <c r="V13863" s="19"/>
      <c r="W13863" s="19"/>
      <c r="X13863" s="19"/>
      <c r="Y13863" s="19"/>
      <c r="Z13863" s="19"/>
      <c r="AA13863" s="19"/>
    </row>
    <row r="13864" spans="1:27" s="1" customFormat="1" ht="14.1" customHeight="1" outlineLevel="4" x14ac:dyDescent="0.2">
      <c r="A13864" s="17">
        <v>10217</v>
      </c>
      <c r="B13864" s="17"/>
      <c r="C13864" s="17"/>
      <c r="D13864" s="18" t="s">
        <v>6870</v>
      </c>
      <c r="E13864" s="18"/>
      <c r="F13864" s="18"/>
      <c r="G13864" s="18"/>
      <c r="H13864" s="18"/>
      <c r="I13864" s="18"/>
      <c r="J13864" s="18"/>
      <c r="K13864" s="18"/>
      <c r="L13864" s="18"/>
      <c r="M13864" s="18"/>
      <c r="N13864" s="18"/>
      <c r="O13864" s="18"/>
      <c r="P13864" s="19">
        <v>240</v>
      </c>
      <c r="Q13864" s="19"/>
      <c r="R13864" s="19"/>
      <c r="S13864" s="19"/>
      <c r="T13864" s="19">
        <v>145</v>
      </c>
      <c r="U13864" s="19"/>
      <c r="V13864" s="19"/>
      <c r="W13864" s="19"/>
      <c r="X13864" s="19">
        <v>1</v>
      </c>
      <c r="Y13864" s="19"/>
      <c r="Z13864" s="19"/>
      <c r="AA13864" s="19"/>
    </row>
    <row r="13865" spans="1:27" s="1" customFormat="1" ht="14.1" customHeight="1" outlineLevel="4" x14ac:dyDescent="0.2">
      <c r="A13865" s="17"/>
      <c r="B13865" s="17"/>
      <c r="C13865" s="17"/>
      <c r="D13865" s="18"/>
      <c r="E13865" s="18"/>
      <c r="F13865" s="18"/>
      <c r="G13865" s="18"/>
      <c r="H13865" s="18"/>
      <c r="I13865" s="18"/>
      <c r="J13865" s="18"/>
      <c r="K13865" s="18"/>
      <c r="L13865" s="18"/>
      <c r="M13865" s="18"/>
      <c r="N13865" s="18"/>
      <c r="O13865" s="18"/>
      <c r="P13865" s="19"/>
      <c r="Q13865" s="19"/>
      <c r="R13865" s="19"/>
      <c r="S13865" s="19"/>
      <c r="T13865" s="19"/>
      <c r="U13865" s="19"/>
      <c r="V13865" s="19"/>
      <c r="W13865" s="19"/>
      <c r="X13865" s="19"/>
      <c r="Y13865" s="19"/>
      <c r="Z13865" s="19"/>
      <c r="AA13865" s="19"/>
    </row>
    <row r="13866" spans="1:27" s="1" customFormat="1" ht="14.1" customHeight="1" outlineLevel="4" x14ac:dyDescent="0.2">
      <c r="A13866" s="17">
        <v>14950</v>
      </c>
      <c r="B13866" s="17"/>
      <c r="C13866" s="17"/>
      <c r="D13866" s="18" t="s">
        <v>6871</v>
      </c>
      <c r="E13866" s="18"/>
      <c r="F13866" s="18"/>
      <c r="G13866" s="18"/>
      <c r="H13866" s="18"/>
      <c r="I13866" s="18"/>
      <c r="J13866" s="18"/>
      <c r="K13866" s="18"/>
      <c r="L13866" s="18"/>
      <c r="M13866" s="18"/>
      <c r="N13866" s="18"/>
      <c r="O13866" s="18"/>
      <c r="P13866" s="19">
        <v>240</v>
      </c>
      <c r="Q13866" s="19"/>
      <c r="R13866" s="19"/>
      <c r="S13866" s="19"/>
      <c r="T13866" s="19">
        <v>145</v>
      </c>
      <c r="U13866" s="19"/>
      <c r="V13866" s="19"/>
      <c r="W13866" s="19"/>
      <c r="X13866" s="19">
        <v>1</v>
      </c>
      <c r="Y13866" s="19"/>
      <c r="Z13866" s="19"/>
      <c r="AA13866" s="19"/>
    </row>
    <row r="13867" spans="1:27" s="1" customFormat="1" ht="14.1" customHeight="1" outlineLevel="4" x14ac:dyDescent="0.2">
      <c r="A13867" s="17"/>
      <c r="B13867" s="17"/>
      <c r="C13867" s="17"/>
      <c r="D13867" s="18"/>
      <c r="E13867" s="18"/>
      <c r="F13867" s="18"/>
      <c r="G13867" s="18"/>
      <c r="H13867" s="18"/>
      <c r="I13867" s="18"/>
      <c r="J13867" s="18"/>
      <c r="K13867" s="18"/>
      <c r="L13867" s="18"/>
      <c r="M13867" s="18"/>
      <c r="N13867" s="18"/>
      <c r="O13867" s="18"/>
      <c r="P13867" s="19"/>
      <c r="Q13867" s="19"/>
      <c r="R13867" s="19"/>
      <c r="S13867" s="19"/>
      <c r="T13867" s="19"/>
      <c r="U13867" s="19"/>
      <c r="V13867" s="19"/>
      <c r="W13867" s="19"/>
      <c r="X13867" s="19"/>
      <c r="Y13867" s="19"/>
      <c r="Z13867" s="19"/>
      <c r="AA13867" s="19"/>
    </row>
    <row r="13868" spans="1:27" s="1" customFormat="1" ht="14.1" customHeight="1" outlineLevel="4" x14ac:dyDescent="0.2">
      <c r="A13868" s="17">
        <v>11242</v>
      </c>
      <c r="B13868" s="17"/>
      <c r="C13868" s="17"/>
      <c r="D13868" s="18" t="s">
        <v>6872</v>
      </c>
      <c r="E13868" s="18"/>
      <c r="F13868" s="18"/>
      <c r="G13868" s="18"/>
      <c r="H13868" s="18"/>
      <c r="I13868" s="18"/>
      <c r="J13868" s="18"/>
      <c r="K13868" s="18"/>
      <c r="L13868" s="18"/>
      <c r="M13868" s="18"/>
      <c r="N13868" s="18"/>
      <c r="O13868" s="18"/>
      <c r="P13868" s="19">
        <v>240</v>
      </c>
      <c r="Q13868" s="19"/>
      <c r="R13868" s="19"/>
      <c r="S13868" s="19"/>
      <c r="T13868" s="19">
        <v>145</v>
      </c>
      <c r="U13868" s="19"/>
      <c r="V13868" s="19"/>
      <c r="W13868" s="19"/>
      <c r="X13868" s="19">
        <v>1</v>
      </c>
      <c r="Y13868" s="19"/>
      <c r="Z13868" s="19"/>
      <c r="AA13868" s="19"/>
    </row>
    <row r="13869" spans="1:27" s="1" customFormat="1" ht="14.1" customHeight="1" outlineLevel="4" x14ac:dyDescent="0.2">
      <c r="A13869" s="17"/>
      <c r="B13869" s="17"/>
      <c r="C13869" s="17"/>
      <c r="D13869" s="18"/>
      <c r="E13869" s="18"/>
      <c r="F13869" s="18"/>
      <c r="G13869" s="18"/>
      <c r="H13869" s="18"/>
      <c r="I13869" s="18"/>
      <c r="J13869" s="18"/>
      <c r="K13869" s="18"/>
      <c r="L13869" s="18"/>
      <c r="M13869" s="18"/>
      <c r="N13869" s="18"/>
      <c r="O13869" s="18"/>
      <c r="P13869" s="19"/>
      <c r="Q13869" s="19"/>
      <c r="R13869" s="19"/>
      <c r="S13869" s="19"/>
      <c r="T13869" s="19"/>
      <c r="U13869" s="19"/>
      <c r="V13869" s="19"/>
      <c r="W13869" s="19"/>
      <c r="X13869" s="19"/>
      <c r="Y13869" s="19"/>
      <c r="Z13869" s="19"/>
      <c r="AA13869" s="19"/>
    </row>
    <row r="13870" spans="1:27" s="1" customFormat="1" ht="14.1" customHeight="1" outlineLevel="4" x14ac:dyDescent="0.2">
      <c r="A13870" s="17">
        <v>11244</v>
      </c>
      <c r="B13870" s="17"/>
      <c r="C13870" s="17"/>
      <c r="D13870" s="18" t="s">
        <v>6873</v>
      </c>
      <c r="E13870" s="18"/>
      <c r="F13870" s="18"/>
      <c r="G13870" s="18"/>
      <c r="H13870" s="18"/>
      <c r="I13870" s="18"/>
      <c r="J13870" s="18"/>
      <c r="K13870" s="18"/>
      <c r="L13870" s="18"/>
      <c r="M13870" s="18"/>
      <c r="N13870" s="18"/>
      <c r="O13870" s="18"/>
      <c r="P13870" s="19">
        <v>240</v>
      </c>
      <c r="Q13870" s="19"/>
      <c r="R13870" s="19"/>
      <c r="S13870" s="19"/>
      <c r="T13870" s="19">
        <v>145</v>
      </c>
      <c r="U13870" s="19"/>
      <c r="V13870" s="19"/>
      <c r="W13870" s="19"/>
      <c r="X13870" s="19">
        <v>1</v>
      </c>
      <c r="Y13870" s="19"/>
      <c r="Z13870" s="19"/>
      <c r="AA13870" s="19"/>
    </row>
    <row r="13871" spans="1:27" s="1" customFormat="1" ht="14.1" customHeight="1" outlineLevel="4" x14ac:dyDescent="0.2">
      <c r="A13871" s="17"/>
      <c r="B13871" s="17"/>
      <c r="C13871" s="17"/>
      <c r="D13871" s="18"/>
      <c r="E13871" s="18"/>
      <c r="F13871" s="18"/>
      <c r="G13871" s="18"/>
      <c r="H13871" s="18"/>
      <c r="I13871" s="18"/>
      <c r="J13871" s="18"/>
      <c r="K13871" s="18"/>
      <c r="L13871" s="18"/>
      <c r="M13871" s="18"/>
      <c r="N13871" s="18"/>
      <c r="O13871" s="18"/>
      <c r="P13871" s="19"/>
      <c r="Q13871" s="19"/>
      <c r="R13871" s="19"/>
      <c r="S13871" s="19"/>
      <c r="T13871" s="19"/>
      <c r="U13871" s="19"/>
      <c r="V13871" s="19"/>
      <c r="W13871" s="19"/>
      <c r="X13871" s="19"/>
      <c r="Y13871" s="19"/>
      <c r="Z13871" s="19"/>
      <c r="AA13871" s="19"/>
    </row>
    <row r="13872" spans="1:27" s="1" customFormat="1" ht="14.1" customHeight="1" outlineLevel="4" x14ac:dyDescent="0.2">
      <c r="A13872" s="17">
        <v>14943</v>
      </c>
      <c r="B13872" s="17"/>
      <c r="C13872" s="17"/>
      <c r="D13872" s="18" t="s">
        <v>6874</v>
      </c>
      <c r="E13872" s="18"/>
      <c r="F13872" s="18"/>
      <c r="G13872" s="18"/>
      <c r="H13872" s="18"/>
      <c r="I13872" s="18"/>
      <c r="J13872" s="18"/>
      <c r="K13872" s="18"/>
      <c r="L13872" s="18"/>
      <c r="M13872" s="18"/>
      <c r="N13872" s="18"/>
      <c r="O13872" s="18"/>
      <c r="P13872" s="19">
        <v>240</v>
      </c>
      <c r="Q13872" s="19"/>
      <c r="R13872" s="19"/>
      <c r="S13872" s="19"/>
      <c r="T13872" s="19">
        <v>145</v>
      </c>
      <c r="U13872" s="19"/>
      <c r="V13872" s="19"/>
      <c r="W13872" s="19"/>
      <c r="X13872" s="19">
        <v>1</v>
      </c>
      <c r="Y13872" s="19"/>
      <c r="Z13872" s="19"/>
      <c r="AA13872" s="19"/>
    </row>
    <row r="13873" spans="1:27" s="1" customFormat="1" ht="14.1" customHeight="1" outlineLevel="4" x14ac:dyDescent="0.2">
      <c r="A13873" s="17"/>
      <c r="B13873" s="17"/>
      <c r="C13873" s="17"/>
      <c r="D13873" s="18"/>
      <c r="E13873" s="18"/>
      <c r="F13873" s="18"/>
      <c r="G13873" s="18"/>
      <c r="H13873" s="18"/>
      <c r="I13873" s="18"/>
      <c r="J13873" s="18"/>
      <c r="K13873" s="18"/>
      <c r="L13873" s="18"/>
      <c r="M13873" s="18"/>
      <c r="N13873" s="18"/>
      <c r="O13873" s="18"/>
      <c r="P13873" s="19"/>
      <c r="Q13873" s="19"/>
      <c r="R13873" s="19"/>
      <c r="S13873" s="19"/>
      <c r="T13873" s="19"/>
      <c r="U13873" s="19"/>
      <c r="V13873" s="19"/>
      <c r="W13873" s="19"/>
      <c r="X13873" s="19"/>
      <c r="Y13873" s="19"/>
      <c r="Z13873" s="19"/>
      <c r="AA13873" s="19"/>
    </row>
    <row r="13874" spans="1:27" s="1" customFormat="1" ht="11.1" customHeight="1" outlineLevel="4" x14ac:dyDescent="0.2">
      <c r="A13874" s="17">
        <v>14920</v>
      </c>
      <c r="B13874" s="17"/>
      <c r="C13874" s="17"/>
      <c r="D13874" s="18" t="s">
        <v>6875</v>
      </c>
      <c r="E13874" s="18"/>
      <c r="F13874" s="18"/>
      <c r="G13874" s="18"/>
      <c r="H13874" s="18"/>
      <c r="I13874" s="18"/>
      <c r="J13874" s="18"/>
      <c r="K13874" s="18"/>
      <c r="L13874" s="18"/>
      <c r="M13874" s="18"/>
      <c r="N13874" s="18"/>
      <c r="O13874" s="18"/>
      <c r="P13874" s="19">
        <v>240</v>
      </c>
      <c r="Q13874" s="19"/>
      <c r="R13874" s="19"/>
      <c r="S13874" s="19"/>
      <c r="T13874" s="19">
        <v>145</v>
      </c>
      <c r="U13874" s="19"/>
      <c r="V13874" s="19"/>
      <c r="W13874" s="19"/>
      <c r="X13874" s="19">
        <v>1</v>
      </c>
      <c r="Y13874" s="19"/>
      <c r="Z13874" s="19"/>
      <c r="AA13874" s="19"/>
    </row>
    <row r="13875" spans="1:27" s="1" customFormat="1" ht="11.1" customHeight="1" outlineLevel="4" x14ac:dyDescent="0.2">
      <c r="A13875" s="17"/>
      <c r="B13875" s="17"/>
      <c r="C13875" s="17"/>
      <c r="D13875" s="18"/>
      <c r="E13875" s="18"/>
      <c r="F13875" s="18"/>
      <c r="G13875" s="18"/>
      <c r="H13875" s="18"/>
      <c r="I13875" s="18"/>
      <c r="J13875" s="18"/>
      <c r="K13875" s="18"/>
      <c r="L13875" s="18"/>
      <c r="M13875" s="18"/>
      <c r="N13875" s="18"/>
      <c r="O13875" s="18"/>
      <c r="P13875" s="19"/>
      <c r="Q13875" s="19"/>
      <c r="R13875" s="19"/>
      <c r="S13875" s="19"/>
      <c r="T13875" s="19"/>
      <c r="U13875" s="19"/>
      <c r="V13875" s="19"/>
      <c r="W13875" s="19"/>
      <c r="X13875" s="19"/>
      <c r="Y13875" s="19"/>
      <c r="Z13875" s="19"/>
      <c r="AA13875" s="19"/>
    </row>
    <row r="13876" spans="1:27" s="1" customFormat="1" ht="14.1" customHeight="1" outlineLevel="4" x14ac:dyDescent="0.2">
      <c r="A13876" s="17">
        <v>14916</v>
      </c>
      <c r="B13876" s="17"/>
      <c r="C13876" s="17"/>
      <c r="D13876" s="18" t="s">
        <v>6876</v>
      </c>
      <c r="E13876" s="18"/>
      <c r="F13876" s="18"/>
      <c r="G13876" s="18"/>
      <c r="H13876" s="18"/>
      <c r="I13876" s="18"/>
      <c r="J13876" s="18"/>
      <c r="K13876" s="18"/>
      <c r="L13876" s="18"/>
      <c r="M13876" s="18"/>
      <c r="N13876" s="18"/>
      <c r="O13876" s="18"/>
      <c r="P13876" s="19">
        <v>240</v>
      </c>
      <c r="Q13876" s="19"/>
      <c r="R13876" s="19"/>
      <c r="S13876" s="19"/>
      <c r="T13876" s="19">
        <v>145</v>
      </c>
      <c r="U13876" s="19"/>
      <c r="V13876" s="19"/>
      <c r="W13876" s="19"/>
      <c r="X13876" s="19">
        <v>1</v>
      </c>
      <c r="Y13876" s="19"/>
      <c r="Z13876" s="19"/>
      <c r="AA13876" s="19"/>
    </row>
    <row r="13877" spans="1:27" s="1" customFormat="1" ht="14.1" customHeight="1" outlineLevel="4" x14ac:dyDescent="0.2">
      <c r="A13877" s="17"/>
      <c r="B13877" s="17"/>
      <c r="C13877" s="17"/>
      <c r="D13877" s="18"/>
      <c r="E13877" s="18"/>
      <c r="F13877" s="18"/>
      <c r="G13877" s="18"/>
      <c r="H13877" s="18"/>
      <c r="I13877" s="18"/>
      <c r="J13877" s="18"/>
      <c r="K13877" s="18"/>
      <c r="L13877" s="18"/>
      <c r="M13877" s="18"/>
      <c r="N13877" s="18"/>
      <c r="O13877" s="18"/>
      <c r="P13877" s="19"/>
      <c r="Q13877" s="19"/>
      <c r="R13877" s="19"/>
      <c r="S13877" s="19"/>
      <c r="T13877" s="19"/>
      <c r="U13877" s="19"/>
      <c r="V13877" s="19"/>
      <c r="W13877" s="19"/>
      <c r="X13877" s="19"/>
      <c r="Y13877" s="19"/>
      <c r="Z13877" s="19"/>
      <c r="AA13877" s="19"/>
    </row>
    <row r="13878" spans="1:27" s="1" customFormat="1" ht="14.1" customHeight="1" outlineLevel="4" x14ac:dyDescent="0.2">
      <c r="A13878" s="17">
        <v>14913</v>
      </c>
      <c r="B13878" s="17"/>
      <c r="C13878" s="17"/>
      <c r="D13878" s="18" t="s">
        <v>6877</v>
      </c>
      <c r="E13878" s="18"/>
      <c r="F13878" s="18"/>
      <c r="G13878" s="18"/>
      <c r="H13878" s="18"/>
      <c r="I13878" s="18"/>
      <c r="J13878" s="18"/>
      <c r="K13878" s="18"/>
      <c r="L13878" s="18"/>
      <c r="M13878" s="18"/>
      <c r="N13878" s="18"/>
      <c r="O13878" s="18"/>
      <c r="P13878" s="19">
        <v>240</v>
      </c>
      <c r="Q13878" s="19"/>
      <c r="R13878" s="19"/>
      <c r="S13878" s="19"/>
      <c r="T13878" s="19">
        <v>145</v>
      </c>
      <c r="U13878" s="19"/>
      <c r="V13878" s="19"/>
      <c r="W13878" s="19"/>
      <c r="X13878" s="19">
        <v>1</v>
      </c>
      <c r="Y13878" s="19"/>
      <c r="Z13878" s="19"/>
      <c r="AA13878" s="19"/>
    </row>
    <row r="13879" spans="1:27" s="1" customFormat="1" ht="14.1" customHeight="1" outlineLevel="4" x14ac:dyDescent="0.2">
      <c r="A13879" s="17"/>
      <c r="B13879" s="17"/>
      <c r="C13879" s="17"/>
      <c r="D13879" s="18"/>
      <c r="E13879" s="18"/>
      <c r="F13879" s="18"/>
      <c r="G13879" s="18"/>
      <c r="H13879" s="18"/>
      <c r="I13879" s="18"/>
      <c r="J13879" s="18"/>
      <c r="K13879" s="18"/>
      <c r="L13879" s="18"/>
      <c r="M13879" s="18"/>
      <c r="N13879" s="18"/>
      <c r="O13879" s="18"/>
      <c r="P13879" s="19"/>
      <c r="Q13879" s="19"/>
      <c r="R13879" s="19"/>
      <c r="S13879" s="19"/>
      <c r="T13879" s="19"/>
      <c r="U13879" s="19"/>
      <c r="V13879" s="19"/>
      <c r="W13879" s="19"/>
      <c r="X13879" s="19"/>
      <c r="Y13879" s="19"/>
      <c r="Z13879" s="19"/>
      <c r="AA13879" s="19"/>
    </row>
    <row r="13880" spans="1:27" s="1" customFormat="1" ht="14.1" customHeight="1" outlineLevel="4" x14ac:dyDescent="0.2">
      <c r="A13880" s="17">
        <v>14914</v>
      </c>
      <c r="B13880" s="17"/>
      <c r="C13880" s="17"/>
      <c r="D13880" s="18" t="s">
        <v>6878</v>
      </c>
      <c r="E13880" s="18"/>
      <c r="F13880" s="18"/>
      <c r="G13880" s="18"/>
      <c r="H13880" s="18"/>
      <c r="I13880" s="18"/>
      <c r="J13880" s="18"/>
      <c r="K13880" s="18"/>
      <c r="L13880" s="18"/>
      <c r="M13880" s="18"/>
      <c r="N13880" s="18"/>
      <c r="O13880" s="18"/>
      <c r="P13880" s="19">
        <v>240</v>
      </c>
      <c r="Q13880" s="19"/>
      <c r="R13880" s="19"/>
      <c r="S13880" s="19"/>
      <c r="T13880" s="19">
        <v>145</v>
      </c>
      <c r="U13880" s="19"/>
      <c r="V13880" s="19"/>
      <c r="W13880" s="19"/>
      <c r="X13880" s="19">
        <v>1</v>
      </c>
      <c r="Y13880" s="19"/>
      <c r="Z13880" s="19"/>
      <c r="AA13880" s="19"/>
    </row>
    <row r="13881" spans="1:27" s="1" customFormat="1" ht="14.1" customHeight="1" outlineLevel="4" x14ac:dyDescent="0.2">
      <c r="A13881" s="17"/>
      <c r="B13881" s="17"/>
      <c r="C13881" s="17"/>
      <c r="D13881" s="18"/>
      <c r="E13881" s="18"/>
      <c r="F13881" s="18"/>
      <c r="G13881" s="18"/>
      <c r="H13881" s="18"/>
      <c r="I13881" s="18"/>
      <c r="J13881" s="18"/>
      <c r="K13881" s="18"/>
      <c r="L13881" s="18"/>
      <c r="M13881" s="18"/>
      <c r="N13881" s="18"/>
      <c r="O13881" s="18"/>
      <c r="P13881" s="19"/>
      <c r="Q13881" s="19"/>
      <c r="R13881" s="19"/>
      <c r="S13881" s="19"/>
      <c r="T13881" s="19"/>
      <c r="U13881" s="19"/>
      <c r="V13881" s="19"/>
      <c r="W13881" s="19"/>
      <c r="X13881" s="19"/>
      <c r="Y13881" s="19"/>
      <c r="Z13881" s="19"/>
      <c r="AA13881" s="19"/>
    </row>
    <row r="13882" spans="1:27" s="1" customFormat="1" ht="11.1" customHeight="1" outlineLevel="4" x14ac:dyDescent="0.2">
      <c r="A13882" s="17">
        <v>15445</v>
      </c>
      <c r="B13882" s="17"/>
      <c r="C13882" s="17"/>
      <c r="D13882" s="18" t="s">
        <v>6879</v>
      </c>
      <c r="E13882" s="18"/>
      <c r="F13882" s="18"/>
      <c r="G13882" s="18"/>
      <c r="H13882" s="18"/>
      <c r="I13882" s="18"/>
      <c r="J13882" s="18"/>
      <c r="K13882" s="18"/>
      <c r="L13882" s="18"/>
      <c r="M13882" s="18"/>
      <c r="N13882" s="18"/>
      <c r="O13882" s="18"/>
      <c r="P13882" s="19">
        <v>240</v>
      </c>
      <c r="Q13882" s="19"/>
      <c r="R13882" s="19"/>
      <c r="S13882" s="19"/>
      <c r="T13882" s="19">
        <v>150</v>
      </c>
      <c r="U13882" s="19"/>
      <c r="V13882" s="19"/>
      <c r="W13882" s="19"/>
      <c r="X13882" s="19">
        <v>1</v>
      </c>
      <c r="Y13882" s="19"/>
      <c r="Z13882" s="19"/>
      <c r="AA13882" s="19"/>
    </row>
    <row r="13883" spans="1:27" s="1" customFormat="1" ht="11.1" customHeight="1" outlineLevel="4" x14ac:dyDescent="0.2">
      <c r="A13883" s="17"/>
      <c r="B13883" s="17"/>
      <c r="C13883" s="17"/>
      <c r="D13883" s="18"/>
      <c r="E13883" s="18"/>
      <c r="F13883" s="18"/>
      <c r="G13883" s="18"/>
      <c r="H13883" s="18"/>
      <c r="I13883" s="18"/>
      <c r="J13883" s="18"/>
      <c r="K13883" s="18"/>
      <c r="L13883" s="18"/>
      <c r="M13883" s="18"/>
      <c r="N13883" s="18"/>
      <c r="O13883" s="18"/>
      <c r="P13883" s="19"/>
      <c r="Q13883" s="19"/>
      <c r="R13883" s="19"/>
      <c r="S13883" s="19"/>
      <c r="T13883" s="19"/>
      <c r="U13883" s="19"/>
      <c r="V13883" s="19"/>
      <c r="W13883" s="19"/>
      <c r="X13883" s="19"/>
      <c r="Y13883" s="19"/>
      <c r="Z13883" s="19"/>
      <c r="AA13883" s="19"/>
    </row>
    <row r="13884" spans="1:27" s="1" customFormat="1" ht="11.1" customHeight="1" outlineLevel="4" x14ac:dyDescent="0.2">
      <c r="A13884" s="17">
        <v>15441</v>
      </c>
      <c r="B13884" s="17"/>
      <c r="C13884" s="17"/>
      <c r="D13884" s="18" t="s">
        <v>6880</v>
      </c>
      <c r="E13884" s="18"/>
      <c r="F13884" s="18"/>
      <c r="G13884" s="18"/>
      <c r="H13884" s="18"/>
      <c r="I13884" s="18"/>
      <c r="J13884" s="18"/>
      <c r="K13884" s="18"/>
      <c r="L13884" s="18"/>
      <c r="M13884" s="18"/>
      <c r="N13884" s="18"/>
      <c r="O13884" s="18"/>
      <c r="P13884" s="19">
        <v>240</v>
      </c>
      <c r="Q13884" s="19"/>
      <c r="R13884" s="19"/>
      <c r="S13884" s="19"/>
      <c r="T13884" s="19">
        <v>150</v>
      </c>
      <c r="U13884" s="19"/>
      <c r="V13884" s="19"/>
      <c r="W13884" s="19"/>
      <c r="X13884" s="19">
        <v>1</v>
      </c>
      <c r="Y13884" s="19"/>
      <c r="Z13884" s="19"/>
      <c r="AA13884" s="19"/>
    </row>
    <row r="13885" spans="1:27" s="1" customFormat="1" ht="11.1" customHeight="1" outlineLevel="4" x14ac:dyDescent="0.2">
      <c r="A13885" s="17"/>
      <c r="B13885" s="17"/>
      <c r="C13885" s="17"/>
      <c r="D13885" s="18"/>
      <c r="E13885" s="18"/>
      <c r="F13885" s="18"/>
      <c r="G13885" s="18"/>
      <c r="H13885" s="18"/>
      <c r="I13885" s="18"/>
      <c r="J13885" s="18"/>
      <c r="K13885" s="18"/>
      <c r="L13885" s="18"/>
      <c r="M13885" s="18"/>
      <c r="N13885" s="18"/>
      <c r="O13885" s="18"/>
      <c r="P13885" s="19"/>
      <c r="Q13885" s="19"/>
      <c r="R13885" s="19"/>
      <c r="S13885" s="19"/>
      <c r="T13885" s="19"/>
      <c r="U13885" s="19"/>
      <c r="V13885" s="19"/>
      <c r="W13885" s="19"/>
      <c r="X13885" s="19"/>
      <c r="Y13885" s="19"/>
      <c r="Z13885" s="19"/>
      <c r="AA13885" s="19"/>
    </row>
    <row r="13886" spans="1:27" s="1" customFormat="1" ht="11.1" customHeight="1" outlineLevel="4" x14ac:dyDescent="0.2">
      <c r="A13886" s="17">
        <v>15439</v>
      </c>
      <c r="B13886" s="17"/>
      <c r="C13886" s="17"/>
      <c r="D13886" s="18" t="s">
        <v>6881</v>
      </c>
      <c r="E13886" s="18"/>
      <c r="F13886" s="18"/>
      <c r="G13886" s="18"/>
      <c r="H13886" s="18"/>
      <c r="I13886" s="18"/>
      <c r="J13886" s="18"/>
      <c r="K13886" s="18"/>
      <c r="L13886" s="18"/>
      <c r="M13886" s="18"/>
      <c r="N13886" s="18"/>
      <c r="O13886" s="18"/>
      <c r="P13886" s="19">
        <v>240</v>
      </c>
      <c r="Q13886" s="19"/>
      <c r="R13886" s="19"/>
      <c r="S13886" s="19"/>
      <c r="T13886" s="19">
        <v>150</v>
      </c>
      <c r="U13886" s="19"/>
      <c r="V13886" s="19"/>
      <c r="W13886" s="19"/>
      <c r="X13886" s="19">
        <v>1</v>
      </c>
      <c r="Y13886" s="19"/>
      <c r="Z13886" s="19"/>
      <c r="AA13886" s="19"/>
    </row>
    <row r="13887" spans="1:27" s="1" customFormat="1" ht="11.1" customHeight="1" outlineLevel="4" x14ac:dyDescent="0.2">
      <c r="A13887" s="17"/>
      <c r="B13887" s="17"/>
      <c r="C13887" s="17"/>
      <c r="D13887" s="18"/>
      <c r="E13887" s="18"/>
      <c r="F13887" s="18"/>
      <c r="G13887" s="18"/>
      <c r="H13887" s="18"/>
      <c r="I13887" s="18"/>
      <c r="J13887" s="18"/>
      <c r="K13887" s="18"/>
      <c r="L13887" s="18"/>
      <c r="M13887" s="18"/>
      <c r="N13887" s="18"/>
      <c r="O13887" s="18"/>
      <c r="P13887" s="19"/>
      <c r="Q13887" s="19"/>
      <c r="R13887" s="19"/>
      <c r="S13887" s="19"/>
      <c r="T13887" s="19"/>
      <c r="U13887" s="19"/>
      <c r="V13887" s="19"/>
      <c r="W13887" s="19"/>
      <c r="X13887" s="19"/>
      <c r="Y13887" s="19"/>
      <c r="Z13887" s="19"/>
      <c r="AA13887" s="19"/>
    </row>
    <row r="13888" spans="1:27" s="1" customFormat="1" ht="11.1" customHeight="1" outlineLevel="4" x14ac:dyDescent="0.2">
      <c r="A13888" s="17">
        <v>15440</v>
      </c>
      <c r="B13888" s="17"/>
      <c r="C13888" s="17"/>
      <c r="D13888" s="18" t="s">
        <v>6882</v>
      </c>
      <c r="E13888" s="18"/>
      <c r="F13888" s="18"/>
      <c r="G13888" s="18"/>
      <c r="H13888" s="18"/>
      <c r="I13888" s="18"/>
      <c r="J13888" s="18"/>
      <c r="K13888" s="18"/>
      <c r="L13888" s="18"/>
      <c r="M13888" s="18"/>
      <c r="N13888" s="18"/>
      <c r="O13888" s="18"/>
      <c r="P13888" s="19">
        <v>240</v>
      </c>
      <c r="Q13888" s="19"/>
      <c r="R13888" s="19"/>
      <c r="S13888" s="19"/>
      <c r="T13888" s="19">
        <v>150</v>
      </c>
      <c r="U13888" s="19"/>
      <c r="V13888" s="19"/>
      <c r="W13888" s="19"/>
      <c r="X13888" s="19">
        <v>1</v>
      </c>
      <c r="Y13888" s="19"/>
      <c r="Z13888" s="19"/>
      <c r="AA13888" s="19"/>
    </row>
    <row r="13889" spans="1:27" s="1" customFormat="1" ht="11.1" customHeight="1" outlineLevel="4" x14ac:dyDescent="0.2">
      <c r="A13889" s="17"/>
      <c r="B13889" s="17"/>
      <c r="C13889" s="17"/>
      <c r="D13889" s="18"/>
      <c r="E13889" s="18"/>
      <c r="F13889" s="18"/>
      <c r="G13889" s="18"/>
      <c r="H13889" s="18"/>
      <c r="I13889" s="18"/>
      <c r="J13889" s="18"/>
      <c r="K13889" s="18"/>
      <c r="L13889" s="18"/>
      <c r="M13889" s="18"/>
      <c r="N13889" s="18"/>
      <c r="O13889" s="18"/>
      <c r="P13889" s="19"/>
      <c r="Q13889" s="19"/>
      <c r="R13889" s="19"/>
      <c r="S13889" s="19"/>
      <c r="T13889" s="19"/>
      <c r="U13889" s="19"/>
      <c r="V13889" s="19"/>
      <c r="W13889" s="19"/>
      <c r="X13889" s="19"/>
      <c r="Y13889" s="19"/>
      <c r="Z13889" s="19"/>
      <c r="AA13889" s="19"/>
    </row>
    <row r="13890" spans="1:27" s="1" customFormat="1" ht="11.1" customHeight="1" outlineLevel="4" x14ac:dyDescent="0.2">
      <c r="A13890" s="17">
        <v>15444</v>
      </c>
      <c r="B13890" s="17"/>
      <c r="C13890" s="17"/>
      <c r="D13890" s="18" t="s">
        <v>6883</v>
      </c>
      <c r="E13890" s="18"/>
      <c r="F13890" s="18"/>
      <c r="G13890" s="18"/>
      <c r="H13890" s="18"/>
      <c r="I13890" s="18"/>
      <c r="J13890" s="18"/>
      <c r="K13890" s="18"/>
      <c r="L13890" s="18"/>
      <c r="M13890" s="18"/>
      <c r="N13890" s="18"/>
      <c r="O13890" s="18"/>
      <c r="P13890" s="19">
        <v>240</v>
      </c>
      <c r="Q13890" s="19"/>
      <c r="R13890" s="19"/>
      <c r="S13890" s="19"/>
      <c r="T13890" s="19">
        <v>150</v>
      </c>
      <c r="U13890" s="19"/>
      <c r="V13890" s="19"/>
      <c r="W13890" s="19"/>
      <c r="X13890" s="19">
        <v>1</v>
      </c>
      <c r="Y13890" s="19"/>
      <c r="Z13890" s="19"/>
      <c r="AA13890" s="19"/>
    </row>
    <row r="13891" spans="1:27" s="1" customFormat="1" ht="11.1" customHeight="1" outlineLevel="4" x14ac:dyDescent="0.2">
      <c r="A13891" s="17"/>
      <c r="B13891" s="17"/>
      <c r="C13891" s="17"/>
      <c r="D13891" s="18"/>
      <c r="E13891" s="18"/>
      <c r="F13891" s="18"/>
      <c r="G13891" s="18"/>
      <c r="H13891" s="18"/>
      <c r="I13891" s="18"/>
      <c r="J13891" s="18"/>
      <c r="K13891" s="18"/>
      <c r="L13891" s="18"/>
      <c r="M13891" s="18"/>
      <c r="N13891" s="18"/>
      <c r="O13891" s="18"/>
      <c r="P13891" s="19"/>
      <c r="Q13891" s="19"/>
      <c r="R13891" s="19"/>
      <c r="S13891" s="19"/>
      <c r="T13891" s="19"/>
      <c r="U13891" s="19"/>
      <c r="V13891" s="19"/>
      <c r="W13891" s="19"/>
      <c r="X13891" s="19"/>
      <c r="Y13891" s="19"/>
      <c r="Z13891" s="19"/>
      <c r="AA13891" s="19"/>
    </row>
    <row r="13892" spans="1:27" s="1" customFormat="1" ht="11.1" customHeight="1" outlineLevel="4" x14ac:dyDescent="0.2">
      <c r="A13892" s="17">
        <v>15442</v>
      </c>
      <c r="B13892" s="17"/>
      <c r="C13892" s="17"/>
      <c r="D13892" s="18" t="s">
        <v>6884</v>
      </c>
      <c r="E13892" s="18"/>
      <c r="F13892" s="18"/>
      <c r="G13892" s="18"/>
      <c r="H13892" s="18"/>
      <c r="I13892" s="18"/>
      <c r="J13892" s="18"/>
      <c r="K13892" s="18"/>
      <c r="L13892" s="18"/>
      <c r="M13892" s="18"/>
      <c r="N13892" s="18"/>
      <c r="O13892" s="18"/>
      <c r="P13892" s="19">
        <v>240</v>
      </c>
      <c r="Q13892" s="19"/>
      <c r="R13892" s="19"/>
      <c r="S13892" s="19"/>
      <c r="T13892" s="19">
        <v>150</v>
      </c>
      <c r="U13892" s="19"/>
      <c r="V13892" s="19"/>
      <c r="W13892" s="19"/>
      <c r="X13892" s="19">
        <v>1</v>
      </c>
      <c r="Y13892" s="19"/>
      <c r="Z13892" s="19"/>
      <c r="AA13892" s="19"/>
    </row>
    <row r="13893" spans="1:27" s="1" customFormat="1" ht="11.1" customHeight="1" outlineLevel="4" x14ac:dyDescent="0.2">
      <c r="A13893" s="17"/>
      <c r="B13893" s="17"/>
      <c r="C13893" s="17"/>
      <c r="D13893" s="18"/>
      <c r="E13893" s="18"/>
      <c r="F13893" s="18"/>
      <c r="G13893" s="18"/>
      <c r="H13893" s="18"/>
      <c r="I13893" s="18"/>
      <c r="J13893" s="18"/>
      <c r="K13893" s="18"/>
      <c r="L13893" s="18"/>
      <c r="M13893" s="18"/>
      <c r="N13893" s="18"/>
      <c r="O13893" s="18"/>
      <c r="P13893" s="19"/>
      <c r="Q13893" s="19"/>
      <c r="R13893" s="19"/>
      <c r="S13893" s="19"/>
      <c r="T13893" s="19"/>
      <c r="U13893" s="19"/>
      <c r="V13893" s="19"/>
      <c r="W13893" s="19"/>
      <c r="X13893" s="19"/>
      <c r="Y13893" s="19"/>
      <c r="Z13893" s="19"/>
      <c r="AA13893" s="19"/>
    </row>
    <row r="13894" spans="1:27" s="1" customFormat="1" ht="14.1" customHeight="1" outlineLevel="4" x14ac:dyDescent="0.2">
      <c r="A13894" s="17">
        <v>15443</v>
      </c>
      <c r="B13894" s="17"/>
      <c r="C13894" s="17"/>
      <c r="D13894" s="18" t="s">
        <v>6885</v>
      </c>
      <c r="E13894" s="18"/>
      <c r="F13894" s="18"/>
      <c r="G13894" s="18"/>
      <c r="H13894" s="18"/>
      <c r="I13894" s="18"/>
      <c r="J13894" s="18"/>
      <c r="K13894" s="18"/>
      <c r="L13894" s="18"/>
      <c r="M13894" s="18"/>
      <c r="N13894" s="18"/>
      <c r="O13894" s="18"/>
      <c r="P13894" s="19">
        <v>240</v>
      </c>
      <c r="Q13894" s="19"/>
      <c r="R13894" s="19"/>
      <c r="S13894" s="19"/>
      <c r="T13894" s="19">
        <v>150</v>
      </c>
      <c r="U13894" s="19"/>
      <c r="V13894" s="19"/>
      <c r="W13894" s="19"/>
      <c r="X13894" s="19">
        <v>1</v>
      </c>
      <c r="Y13894" s="19"/>
      <c r="Z13894" s="19"/>
      <c r="AA13894" s="19"/>
    </row>
    <row r="13895" spans="1:27" s="1" customFormat="1" ht="14.1" customHeight="1" outlineLevel="4" x14ac:dyDescent="0.2">
      <c r="A13895" s="17"/>
      <c r="B13895" s="17"/>
      <c r="C13895" s="17"/>
      <c r="D13895" s="18"/>
      <c r="E13895" s="18"/>
      <c r="F13895" s="18"/>
      <c r="G13895" s="18"/>
      <c r="H13895" s="18"/>
      <c r="I13895" s="18"/>
      <c r="J13895" s="18"/>
      <c r="K13895" s="18"/>
      <c r="L13895" s="18"/>
      <c r="M13895" s="18"/>
      <c r="N13895" s="18"/>
      <c r="O13895" s="18"/>
      <c r="P13895" s="19"/>
      <c r="Q13895" s="19"/>
      <c r="R13895" s="19"/>
      <c r="S13895" s="19"/>
      <c r="T13895" s="19"/>
      <c r="U13895" s="19"/>
      <c r="V13895" s="19"/>
      <c r="W13895" s="19"/>
      <c r="X13895" s="19"/>
      <c r="Y13895" s="19"/>
      <c r="Z13895" s="19"/>
      <c r="AA13895" s="19"/>
    </row>
    <row r="13896" spans="1:27" s="1" customFormat="1" ht="11.1" customHeight="1" outlineLevel="4" x14ac:dyDescent="0.2">
      <c r="A13896" s="17">
        <v>14842</v>
      </c>
      <c r="B13896" s="17"/>
      <c r="C13896" s="17"/>
      <c r="D13896" s="18" t="s">
        <v>6886</v>
      </c>
      <c r="E13896" s="18"/>
      <c r="F13896" s="18"/>
      <c r="G13896" s="18"/>
      <c r="H13896" s="18"/>
      <c r="I13896" s="18"/>
      <c r="J13896" s="18"/>
      <c r="K13896" s="18"/>
      <c r="L13896" s="18"/>
      <c r="M13896" s="18"/>
      <c r="N13896" s="18"/>
      <c r="O13896" s="18"/>
      <c r="P13896" s="19">
        <v>240</v>
      </c>
      <c r="Q13896" s="19"/>
      <c r="R13896" s="19"/>
      <c r="S13896" s="19"/>
      <c r="T13896" s="19">
        <v>145</v>
      </c>
      <c r="U13896" s="19"/>
      <c r="V13896" s="19"/>
      <c r="W13896" s="19"/>
      <c r="X13896" s="19">
        <v>1</v>
      </c>
      <c r="Y13896" s="19"/>
      <c r="Z13896" s="19"/>
      <c r="AA13896" s="19"/>
    </row>
    <row r="13897" spans="1:27" s="1" customFormat="1" ht="11.1" customHeight="1" outlineLevel="4" x14ac:dyDescent="0.2">
      <c r="A13897" s="17"/>
      <c r="B13897" s="17"/>
      <c r="C13897" s="17"/>
      <c r="D13897" s="18"/>
      <c r="E13897" s="18"/>
      <c r="F13897" s="18"/>
      <c r="G13897" s="18"/>
      <c r="H13897" s="18"/>
      <c r="I13897" s="18"/>
      <c r="J13897" s="18"/>
      <c r="K13897" s="18"/>
      <c r="L13897" s="18"/>
      <c r="M13897" s="18"/>
      <c r="N13897" s="18"/>
      <c r="O13897" s="18"/>
      <c r="P13897" s="19"/>
      <c r="Q13897" s="19"/>
      <c r="R13897" s="19"/>
      <c r="S13897" s="19"/>
      <c r="T13897" s="19"/>
      <c r="U13897" s="19"/>
      <c r="V13897" s="19"/>
      <c r="W13897" s="19"/>
      <c r="X13897" s="19"/>
      <c r="Y13897" s="19"/>
      <c r="Z13897" s="19"/>
      <c r="AA13897" s="19"/>
    </row>
    <row r="13898" spans="1:27" s="1" customFormat="1" ht="11.1" customHeight="1" outlineLevel="4" x14ac:dyDescent="0.2">
      <c r="A13898" s="17">
        <v>14838</v>
      </c>
      <c r="B13898" s="17"/>
      <c r="C13898" s="17"/>
      <c r="D13898" s="18" t="s">
        <v>6887</v>
      </c>
      <c r="E13898" s="18"/>
      <c r="F13898" s="18"/>
      <c r="G13898" s="18"/>
      <c r="H13898" s="18"/>
      <c r="I13898" s="18"/>
      <c r="J13898" s="18"/>
      <c r="K13898" s="18"/>
      <c r="L13898" s="18"/>
      <c r="M13898" s="18"/>
      <c r="N13898" s="18"/>
      <c r="O13898" s="18"/>
      <c r="P13898" s="19">
        <v>240</v>
      </c>
      <c r="Q13898" s="19"/>
      <c r="R13898" s="19"/>
      <c r="S13898" s="19"/>
      <c r="T13898" s="19">
        <v>145</v>
      </c>
      <c r="U13898" s="19"/>
      <c r="V13898" s="19"/>
      <c r="W13898" s="19"/>
      <c r="X13898" s="19">
        <v>1</v>
      </c>
      <c r="Y13898" s="19"/>
      <c r="Z13898" s="19"/>
      <c r="AA13898" s="19"/>
    </row>
    <row r="13899" spans="1:27" s="1" customFormat="1" ht="11.1" customHeight="1" outlineLevel="4" x14ac:dyDescent="0.2">
      <c r="A13899" s="17"/>
      <c r="B13899" s="17"/>
      <c r="C13899" s="17"/>
      <c r="D13899" s="18"/>
      <c r="E13899" s="18"/>
      <c r="F13899" s="18"/>
      <c r="G13899" s="18"/>
      <c r="H13899" s="18"/>
      <c r="I13899" s="18"/>
      <c r="J13899" s="18"/>
      <c r="K13899" s="18"/>
      <c r="L13899" s="18"/>
      <c r="M13899" s="18"/>
      <c r="N13899" s="18"/>
      <c r="O13899" s="18"/>
      <c r="P13899" s="19"/>
      <c r="Q13899" s="19"/>
      <c r="R13899" s="19"/>
      <c r="S13899" s="19"/>
      <c r="T13899" s="19"/>
      <c r="U13899" s="19"/>
      <c r="V13899" s="19"/>
      <c r="W13899" s="19"/>
      <c r="X13899" s="19"/>
      <c r="Y13899" s="19"/>
      <c r="Z13899" s="19"/>
      <c r="AA13899" s="19"/>
    </row>
    <row r="13900" spans="1:27" s="1" customFormat="1" ht="11.1" customHeight="1" outlineLevel="4" x14ac:dyDescent="0.2">
      <c r="A13900" s="17">
        <v>14837</v>
      </c>
      <c r="B13900" s="17"/>
      <c r="C13900" s="17"/>
      <c r="D13900" s="18" t="s">
        <v>6888</v>
      </c>
      <c r="E13900" s="18"/>
      <c r="F13900" s="18"/>
      <c r="G13900" s="18"/>
      <c r="H13900" s="18"/>
      <c r="I13900" s="18"/>
      <c r="J13900" s="18"/>
      <c r="K13900" s="18"/>
      <c r="L13900" s="18"/>
      <c r="M13900" s="18"/>
      <c r="N13900" s="18"/>
      <c r="O13900" s="18"/>
      <c r="P13900" s="19">
        <v>240</v>
      </c>
      <c r="Q13900" s="19"/>
      <c r="R13900" s="19"/>
      <c r="S13900" s="19"/>
      <c r="T13900" s="19">
        <v>145</v>
      </c>
      <c r="U13900" s="19"/>
      <c r="V13900" s="19"/>
      <c r="W13900" s="19"/>
      <c r="X13900" s="19">
        <v>1</v>
      </c>
      <c r="Y13900" s="19"/>
      <c r="Z13900" s="19"/>
      <c r="AA13900" s="19"/>
    </row>
    <row r="13901" spans="1:27" s="1" customFormat="1" ht="11.1" customHeight="1" outlineLevel="4" x14ac:dyDescent="0.2">
      <c r="A13901" s="17"/>
      <c r="B13901" s="17"/>
      <c r="C13901" s="17"/>
      <c r="D13901" s="18"/>
      <c r="E13901" s="18"/>
      <c r="F13901" s="18"/>
      <c r="G13901" s="18"/>
      <c r="H13901" s="18"/>
      <c r="I13901" s="18"/>
      <c r="J13901" s="18"/>
      <c r="K13901" s="18"/>
      <c r="L13901" s="18"/>
      <c r="M13901" s="18"/>
      <c r="N13901" s="18"/>
      <c r="O13901" s="18"/>
      <c r="P13901" s="19"/>
      <c r="Q13901" s="19"/>
      <c r="R13901" s="19"/>
      <c r="S13901" s="19"/>
      <c r="T13901" s="19"/>
      <c r="U13901" s="19"/>
      <c r="V13901" s="19"/>
      <c r="W13901" s="19"/>
      <c r="X13901" s="19"/>
      <c r="Y13901" s="19"/>
      <c r="Z13901" s="19"/>
      <c r="AA13901" s="19"/>
    </row>
    <row r="13902" spans="1:27" s="1" customFormat="1" ht="11.1" customHeight="1" outlineLevel="4" x14ac:dyDescent="0.2">
      <c r="A13902" s="17">
        <v>14836</v>
      </c>
      <c r="B13902" s="17"/>
      <c r="C13902" s="17"/>
      <c r="D13902" s="18" t="s">
        <v>6889</v>
      </c>
      <c r="E13902" s="18"/>
      <c r="F13902" s="18"/>
      <c r="G13902" s="18"/>
      <c r="H13902" s="18"/>
      <c r="I13902" s="18"/>
      <c r="J13902" s="18"/>
      <c r="K13902" s="18"/>
      <c r="L13902" s="18"/>
      <c r="M13902" s="18"/>
      <c r="N13902" s="18"/>
      <c r="O13902" s="18"/>
      <c r="P13902" s="19">
        <v>240</v>
      </c>
      <c r="Q13902" s="19"/>
      <c r="R13902" s="19"/>
      <c r="S13902" s="19"/>
      <c r="T13902" s="19">
        <v>145</v>
      </c>
      <c r="U13902" s="19"/>
      <c r="V13902" s="19"/>
      <c r="W13902" s="19"/>
      <c r="X13902" s="19">
        <v>1</v>
      </c>
      <c r="Y13902" s="19"/>
      <c r="Z13902" s="19"/>
      <c r="AA13902" s="19"/>
    </row>
    <row r="13903" spans="1:27" s="1" customFormat="1" ht="11.1" customHeight="1" outlineLevel="4" x14ac:dyDescent="0.2">
      <c r="A13903" s="17"/>
      <c r="B13903" s="17"/>
      <c r="C13903" s="17"/>
      <c r="D13903" s="18"/>
      <c r="E13903" s="18"/>
      <c r="F13903" s="18"/>
      <c r="G13903" s="18"/>
      <c r="H13903" s="18"/>
      <c r="I13903" s="18"/>
      <c r="J13903" s="18"/>
      <c r="K13903" s="18"/>
      <c r="L13903" s="18"/>
      <c r="M13903" s="18"/>
      <c r="N13903" s="18"/>
      <c r="O13903" s="18"/>
      <c r="P13903" s="19"/>
      <c r="Q13903" s="19"/>
      <c r="R13903" s="19"/>
      <c r="S13903" s="19"/>
      <c r="T13903" s="19"/>
      <c r="U13903" s="19"/>
      <c r="V13903" s="19"/>
      <c r="W13903" s="19"/>
      <c r="X13903" s="19"/>
      <c r="Y13903" s="19"/>
      <c r="Z13903" s="19"/>
      <c r="AA13903" s="19"/>
    </row>
    <row r="13904" spans="1:27" s="1" customFormat="1" ht="11.1" customHeight="1" outlineLevel="4" x14ac:dyDescent="0.2">
      <c r="A13904" s="17">
        <v>14835</v>
      </c>
      <c r="B13904" s="17"/>
      <c r="C13904" s="17"/>
      <c r="D13904" s="18" t="s">
        <v>6890</v>
      </c>
      <c r="E13904" s="18"/>
      <c r="F13904" s="18"/>
      <c r="G13904" s="18"/>
      <c r="H13904" s="18"/>
      <c r="I13904" s="18"/>
      <c r="J13904" s="18"/>
      <c r="K13904" s="18"/>
      <c r="L13904" s="18"/>
      <c r="M13904" s="18"/>
      <c r="N13904" s="18"/>
      <c r="O13904" s="18"/>
      <c r="P13904" s="19">
        <v>240</v>
      </c>
      <c r="Q13904" s="19"/>
      <c r="R13904" s="19"/>
      <c r="S13904" s="19"/>
      <c r="T13904" s="19">
        <v>145</v>
      </c>
      <c r="U13904" s="19"/>
      <c r="V13904" s="19"/>
      <c r="W13904" s="19"/>
      <c r="X13904" s="19">
        <v>1</v>
      </c>
      <c r="Y13904" s="19"/>
      <c r="Z13904" s="19"/>
      <c r="AA13904" s="19"/>
    </row>
    <row r="13905" spans="1:27" s="1" customFormat="1" ht="11.1" customHeight="1" outlineLevel="4" x14ac:dyDescent="0.2">
      <c r="A13905" s="17"/>
      <c r="B13905" s="17"/>
      <c r="C13905" s="17"/>
      <c r="D13905" s="18"/>
      <c r="E13905" s="18"/>
      <c r="F13905" s="18"/>
      <c r="G13905" s="18"/>
      <c r="H13905" s="18"/>
      <c r="I13905" s="18"/>
      <c r="J13905" s="18"/>
      <c r="K13905" s="18"/>
      <c r="L13905" s="18"/>
      <c r="M13905" s="18"/>
      <c r="N13905" s="18"/>
      <c r="O13905" s="18"/>
      <c r="P13905" s="19"/>
      <c r="Q13905" s="19"/>
      <c r="R13905" s="19"/>
      <c r="S13905" s="19"/>
      <c r="T13905" s="19"/>
      <c r="U13905" s="19"/>
      <c r="V13905" s="19"/>
      <c r="W13905" s="19"/>
      <c r="X13905" s="19"/>
      <c r="Y13905" s="19"/>
      <c r="Z13905" s="19"/>
      <c r="AA13905" s="19"/>
    </row>
    <row r="13906" spans="1:27" s="1" customFormat="1" ht="11.1" customHeight="1" outlineLevel="4" x14ac:dyDescent="0.2">
      <c r="A13906" s="17">
        <v>14834</v>
      </c>
      <c r="B13906" s="17"/>
      <c r="C13906" s="17"/>
      <c r="D13906" s="18" t="s">
        <v>6891</v>
      </c>
      <c r="E13906" s="18"/>
      <c r="F13906" s="18"/>
      <c r="G13906" s="18"/>
      <c r="H13906" s="18"/>
      <c r="I13906" s="18"/>
      <c r="J13906" s="18"/>
      <c r="K13906" s="18"/>
      <c r="L13906" s="18"/>
      <c r="M13906" s="18"/>
      <c r="N13906" s="18"/>
      <c r="O13906" s="18"/>
      <c r="P13906" s="19">
        <v>240</v>
      </c>
      <c r="Q13906" s="19"/>
      <c r="R13906" s="19"/>
      <c r="S13906" s="19"/>
      <c r="T13906" s="19">
        <v>145</v>
      </c>
      <c r="U13906" s="19"/>
      <c r="V13906" s="19"/>
      <c r="W13906" s="19"/>
      <c r="X13906" s="19">
        <v>1</v>
      </c>
      <c r="Y13906" s="19"/>
      <c r="Z13906" s="19"/>
      <c r="AA13906" s="19"/>
    </row>
    <row r="13907" spans="1:27" s="1" customFormat="1" ht="11.1" customHeight="1" outlineLevel="4" x14ac:dyDescent="0.2">
      <c r="A13907" s="17"/>
      <c r="B13907" s="17"/>
      <c r="C13907" s="17"/>
      <c r="D13907" s="18"/>
      <c r="E13907" s="18"/>
      <c r="F13907" s="18"/>
      <c r="G13907" s="18"/>
      <c r="H13907" s="18"/>
      <c r="I13907" s="18"/>
      <c r="J13907" s="18"/>
      <c r="K13907" s="18"/>
      <c r="L13907" s="18"/>
      <c r="M13907" s="18"/>
      <c r="N13907" s="18"/>
      <c r="O13907" s="18"/>
      <c r="P13907" s="19"/>
      <c r="Q13907" s="19"/>
      <c r="R13907" s="19"/>
      <c r="S13907" s="19"/>
      <c r="T13907" s="19"/>
      <c r="U13907" s="19"/>
      <c r="V13907" s="19"/>
      <c r="W13907" s="19"/>
      <c r="X13907" s="19"/>
      <c r="Y13907" s="19"/>
      <c r="Z13907" s="19"/>
      <c r="AA13907" s="19"/>
    </row>
    <row r="13908" spans="1:27" s="1" customFormat="1" ht="11.1" customHeight="1" outlineLevel="4" x14ac:dyDescent="0.2">
      <c r="A13908" s="17">
        <v>14841</v>
      </c>
      <c r="B13908" s="17"/>
      <c r="C13908" s="17"/>
      <c r="D13908" s="18" t="s">
        <v>6892</v>
      </c>
      <c r="E13908" s="18"/>
      <c r="F13908" s="18"/>
      <c r="G13908" s="18"/>
      <c r="H13908" s="18"/>
      <c r="I13908" s="18"/>
      <c r="J13908" s="18"/>
      <c r="K13908" s="18"/>
      <c r="L13908" s="18"/>
      <c r="M13908" s="18"/>
      <c r="N13908" s="18"/>
      <c r="O13908" s="18"/>
      <c r="P13908" s="19">
        <v>240</v>
      </c>
      <c r="Q13908" s="19"/>
      <c r="R13908" s="19"/>
      <c r="S13908" s="19"/>
      <c r="T13908" s="19">
        <v>145</v>
      </c>
      <c r="U13908" s="19"/>
      <c r="V13908" s="19"/>
      <c r="W13908" s="19"/>
      <c r="X13908" s="19">
        <v>1</v>
      </c>
      <c r="Y13908" s="19"/>
      <c r="Z13908" s="19"/>
      <c r="AA13908" s="19"/>
    </row>
    <row r="13909" spans="1:27" s="1" customFormat="1" ht="11.1" customHeight="1" outlineLevel="4" x14ac:dyDescent="0.2">
      <c r="A13909" s="17"/>
      <c r="B13909" s="17"/>
      <c r="C13909" s="17"/>
      <c r="D13909" s="18"/>
      <c r="E13909" s="18"/>
      <c r="F13909" s="18"/>
      <c r="G13909" s="18"/>
      <c r="H13909" s="18"/>
      <c r="I13909" s="18"/>
      <c r="J13909" s="18"/>
      <c r="K13909" s="18"/>
      <c r="L13909" s="18"/>
      <c r="M13909" s="18"/>
      <c r="N13909" s="18"/>
      <c r="O13909" s="18"/>
      <c r="P13909" s="19"/>
      <c r="Q13909" s="19"/>
      <c r="R13909" s="19"/>
      <c r="S13909" s="19"/>
      <c r="T13909" s="19"/>
      <c r="U13909" s="19"/>
      <c r="V13909" s="19"/>
      <c r="W13909" s="19"/>
      <c r="X13909" s="19"/>
      <c r="Y13909" s="19"/>
      <c r="Z13909" s="19"/>
      <c r="AA13909" s="19"/>
    </row>
    <row r="13910" spans="1:27" s="1" customFormat="1" ht="14.1" customHeight="1" outlineLevel="4" x14ac:dyDescent="0.2">
      <c r="A13910" s="17">
        <v>14508</v>
      </c>
      <c r="B13910" s="17"/>
      <c r="C13910" s="17"/>
      <c r="D13910" s="18" t="s">
        <v>6893</v>
      </c>
      <c r="E13910" s="18"/>
      <c r="F13910" s="18"/>
      <c r="G13910" s="18"/>
      <c r="H13910" s="18"/>
      <c r="I13910" s="18"/>
      <c r="J13910" s="18"/>
      <c r="K13910" s="18"/>
      <c r="L13910" s="18"/>
      <c r="M13910" s="18"/>
      <c r="N13910" s="18"/>
      <c r="O13910" s="18"/>
      <c r="P13910" s="19">
        <v>240</v>
      </c>
      <c r="Q13910" s="19"/>
      <c r="R13910" s="19"/>
      <c r="S13910" s="19"/>
      <c r="T13910" s="19">
        <v>145</v>
      </c>
      <c r="U13910" s="19"/>
      <c r="V13910" s="19"/>
      <c r="W13910" s="19"/>
      <c r="X13910" s="19">
        <v>1</v>
      </c>
      <c r="Y13910" s="19"/>
      <c r="Z13910" s="19"/>
      <c r="AA13910" s="19"/>
    </row>
    <row r="13911" spans="1:27" s="1" customFormat="1" ht="14.1" customHeight="1" outlineLevel="4" x14ac:dyDescent="0.2">
      <c r="A13911" s="17"/>
      <c r="B13911" s="17"/>
      <c r="C13911" s="17"/>
      <c r="D13911" s="18"/>
      <c r="E13911" s="18"/>
      <c r="F13911" s="18"/>
      <c r="G13911" s="18"/>
      <c r="H13911" s="18"/>
      <c r="I13911" s="18"/>
      <c r="J13911" s="18"/>
      <c r="K13911" s="18"/>
      <c r="L13911" s="18"/>
      <c r="M13911" s="18"/>
      <c r="N13911" s="18"/>
      <c r="O13911" s="18"/>
      <c r="P13911" s="19"/>
      <c r="Q13911" s="19"/>
      <c r="R13911" s="19"/>
      <c r="S13911" s="19"/>
      <c r="T13911" s="19"/>
      <c r="U13911" s="19"/>
      <c r="V13911" s="19"/>
      <c r="W13911" s="19"/>
      <c r="X13911" s="19"/>
      <c r="Y13911" s="19"/>
      <c r="Z13911" s="19"/>
      <c r="AA13911" s="19"/>
    </row>
    <row r="13912" spans="1:27" s="1" customFormat="1" ht="14.1" customHeight="1" outlineLevel="4" x14ac:dyDescent="0.2">
      <c r="A13912" s="17">
        <v>15961</v>
      </c>
      <c r="B13912" s="17"/>
      <c r="C13912" s="17"/>
      <c r="D13912" s="18" t="s">
        <v>6894</v>
      </c>
      <c r="E13912" s="18"/>
      <c r="F13912" s="18"/>
      <c r="G13912" s="18"/>
      <c r="H13912" s="18"/>
      <c r="I13912" s="18"/>
      <c r="J13912" s="18"/>
      <c r="K13912" s="18"/>
      <c r="L13912" s="18"/>
      <c r="M13912" s="18"/>
      <c r="N13912" s="18"/>
      <c r="O13912" s="18"/>
      <c r="P13912" s="19">
        <v>240</v>
      </c>
      <c r="Q13912" s="19"/>
      <c r="R13912" s="19"/>
      <c r="S13912" s="19"/>
      <c r="T13912" s="19">
        <v>145</v>
      </c>
      <c r="U13912" s="19"/>
      <c r="V13912" s="19"/>
      <c r="W13912" s="19"/>
      <c r="X13912" s="19">
        <v>1</v>
      </c>
      <c r="Y13912" s="19"/>
      <c r="Z13912" s="19"/>
      <c r="AA13912" s="19"/>
    </row>
    <row r="13913" spans="1:27" s="1" customFormat="1" ht="14.1" customHeight="1" outlineLevel="4" x14ac:dyDescent="0.2">
      <c r="A13913" s="17"/>
      <c r="B13913" s="17"/>
      <c r="C13913" s="17"/>
      <c r="D13913" s="18"/>
      <c r="E13913" s="18"/>
      <c r="F13913" s="18"/>
      <c r="G13913" s="18"/>
      <c r="H13913" s="18"/>
      <c r="I13913" s="18"/>
      <c r="J13913" s="18"/>
      <c r="K13913" s="18"/>
      <c r="L13913" s="18"/>
      <c r="M13913" s="18"/>
      <c r="N13913" s="18"/>
      <c r="O13913" s="18"/>
      <c r="P13913" s="19"/>
      <c r="Q13913" s="19"/>
      <c r="R13913" s="19"/>
      <c r="S13913" s="19"/>
      <c r="T13913" s="19"/>
      <c r="U13913" s="19"/>
      <c r="V13913" s="19"/>
      <c r="W13913" s="19"/>
      <c r="X13913" s="19"/>
      <c r="Y13913" s="19"/>
      <c r="Z13913" s="19"/>
      <c r="AA13913" s="19"/>
    </row>
    <row r="13914" spans="1:27" s="1" customFormat="1" ht="14.1" customHeight="1" outlineLevel="4" x14ac:dyDescent="0.2">
      <c r="A13914" s="17">
        <v>15958</v>
      </c>
      <c r="B13914" s="17"/>
      <c r="C13914" s="17"/>
      <c r="D13914" s="18" t="s">
        <v>6895</v>
      </c>
      <c r="E13914" s="18"/>
      <c r="F13914" s="18"/>
      <c r="G13914" s="18"/>
      <c r="H13914" s="18"/>
      <c r="I13914" s="18"/>
      <c r="J13914" s="18"/>
      <c r="K13914" s="18"/>
      <c r="L13914" s="18"/>
      <c r="M13914" s="18"/>
      <c r="N13914" s="18"/>
      <c r="O13914" s="18"/>
      <c r="P13914" s="19">
        <v>240</v>
      </c>
      <c r="Q13914" s="19"/>
      <c r="R13914" s="19"/>
      <c r="S13914" s="19"/>
      <c r="T13914" s="19">
        <v>145</v>
      </c>
      <c r="U13914" s="19"/>
      <c r="V13914" s="19"/>
      <c r="W13914" s="19"/>
      <c r="X13914" s="19">
        <v>1</v>
      </c>
      <c r="Y13914" s="19"/>
      <c r="Z13914" s="19"/>
      <c r="AA13914" s="19"/>
    </row>
    <row r="13915" spans="1:27" s="1" customFormat="1" ht="14.1" customHeight="1" outlineLevel="4" x14ac:dyDescent="0.2">
      <c r="A13915" s="17"/>
      <c r="B13915" s="17"/>
      <c r="C13915" s="17"/>
      <c r="D13915" s="18"/>
      <c r="E13915" s="18"/>
      <c r="F13915" s="18"/>
      <c r="G13915" s="18"/>
      <c r="H13915" s="18"/>
      <c r="I13915" s="18"/>
      <c r="J13915" s="18"/>
      <c r="K13915" s="18"/>
      <c r="L13915" s="18"/>
      <c r="M13915" s="18"/>
      <c r="N13915" s="18"/>
      <c r="O13915" s="18"/>
      <c r="P13915" s="19"/>
      <c r="Q13915" s="19"/>
      <c r="R13915" s="19"/>
      <c r="S13915" s="19"/>
      <c r="T13915" s="19"/>
      <c r="U13915" s="19"/>
      <c r="V13915" s="19"/>
      <c r="W13915" s="19"/>
      <c r="X13915" s="19"/>
      <c r="Y13915" s="19"/>
      <c r="Z13915" s="19"/>
      <c r="AA13915" s="19"/>
    </row>
    <row r="13916" spans="1:27" s="1" customFormat="1" ht="14.1" customHeight="1" outlineLevel="4" x14ac:dyDescent="0.2">
      <c r="A13916" s="17">
        <v>15604</v>
      </c>
      <c r="B13916" s="17"/>
      <c r="C13916" s="17"/>
      <c r="D13916" s="18" t="s">
        <v>6896</v>
      </c>
      <c r="E13916" s="18"/>
      <c r="F13916" s="18"/>
      <c r="G13916" s="18"/>
      <c r="H13916" s="18"/>
      <c r="I13916" s="18"/>
      <c r="J13916" s="18"/>
      <c r="K13916" s="18"/>
      <c r="L13916" s="18"/>
      <c r="M13916" s="18"/>
      <c r="N13916" s="18"/>
      <c r="O13916" s="18"/>
      <c r="P13916" s="19">
        <v>240</v>
      </c>
      <c r="Q13916" s="19"/>
      <c r="R13916" s="19"/>
      <c r="S13916" s="19"/>
      <c r="T13916" s="19">
        <v>140</v>
      </c>
      <c r="U13916" s="19"/>
      <c r="V13916" s="19"/>
      <c r="W13916" s="19"/>
      <c r="X13916" s="19">
        <v>1</v>
      </c>
      <c r="Y13916" s="19"/>
      <c r="Z13916" s="19"/>
      <c r="AA13916" s="19"/>
    </row>
    <row r="13917" spans="1:27" s="1" customFormat="1" ht="14.1" customHeight="1" outlineLevel="4" x14ac:dyDescent="0.2">
      <c r="A13917" s="17"/>
      <c r="B13917" s="17"/>
      <c r="C13917" s="17"/>
      <c r="D13917" s="18"/>
      <c r="E13917" s="18"/>
      <c r="F13917" s="18"/>
      <c r="G13917" s="18"/>
      <c r="H13917" s="18"/>
      <c r="I13917" s="18"/>
      <c r="J13917" s="18"/>
      <c r="K13917" s="18"/>
      <c r="L13917" s="18"/>
      <c r="M13917" s="18"/>
      <c r="N13917" s="18"/>
      <c r="O13917" s="18"/>
      <c r="P13917" s="19"/>
      <c r="Q13917" s="19"/>
      <c r="R13917" s="19"/>
      <c r="S13917" s="19"/>
      <c r="T13917" s="19"/>
      <c r="U13917" s="19"/>
      <c r="V13917" s="19"/>
      <c r="W13917" s="19"/>
      <c r="X13917" s="19"/>
      <c r="Y13917" s="19"/>
      <c r="Z13917" s="19"/>
      <c r="AA13917" s="19"/>
    </row>
    <row r="13918" spans="1:27" s="1" customFormat="1" ht="11.1" customHeight="1" outlineLevel="4" x14ac:dyDescent="0.2">
      <c r="A13918" s="17">
        <v>15950</v>
      </c>
      <c r="B13918" s="17"/>
      <c r="C13918" s="17"/>
      <c r="D13918" s="18" t="s">
        <v>6897</v>
      </c>
      <c r="E13918" s="18"/>
      <c r="F13918" s="18"/>
      <c r="G13918" s="18"/>
      <c r="H13918" s="18"/>
      <c r="I13918" s="18"/>
      <c r="J13918" s="18"/>
      <c r="K13918" s="18"/>
      <c r="L13918" s="18"/>
      <c r="M13918" s="18"/>
      <c r="N13918" s="18"/>
      <c r="O13918" s="18"/>
      <c r="P13918" s="19">
        <v>240</v>
      </c>
      <c r="Q13918" s="19"/>
      <c r="R13918" s="19"/>
      <c r="S13918" s="19"/>
      <c r="T13918" s="19">
        <v>145</v>
      </c>
      <c r="U13918" s="19"/>
      <c r="V13918" s="19"/>
      <c r="W13918" s="19"/>
      <c r="X13918" s="19">
        <v>1</v>
      </c>
      <c r="Y13918" s="19"/>
      <c r="Z13918" s="19"/>
      <c r="AA13918" s="19"/>
    </row>
    <row r="13919" spans="1:27" s="1" customFormat="1" ht="11.1" customHeight="1" outlineLevel="4" x14ac:dyDescent="0.2">
      <c r="A13919" s="17"/>
      <c r="B13919" s="17"/>
      <c r="C13919" s="17"/>
      <c r="D13919" s="18"/>
      <c r="E13919" s="18"/>
      <c r="F13919" s="18"/>
      <c r="G13919" s="18"/>
      <c r="H13919" s="18"/>
      <c r="I13919" s="18"/>
      <c r="J13919" s="18"/>
      <c r="K13919" s="18"/>
      <c r="L13919" s="18"/>
      <c r="M13919" s="18"/>
      <c r="N13919" s="18"/>
      <c r="O13919" s="18"/>
      <c r="P13919" s="19"/>
      <c r="Q13919" s="19"/>
      <c r="R13919" s="19"/>
      <c r="S13919" s="19"/>
      <c r="T13919" s="19"/>
      <c r="U13919" s="19"/>
      <c r="V13919" s="19"/>
      <c r="W13919" s="19"/>
      <c r="X13919" s="19"/>
      <c r="Y13919" s="19"/>
      <c r="Z13919" s="19"/>
      <c r="AA13919" s="19"/>
    </row>
    <row r="13920" spans="1:27" s="1" customFormat="1" ht="14.1" customHeight="1" outlineLevel="4" x14ac:dyDescent="0.2">
      <c r="A13920" s="17">
        <v>10588</v>
      </c>
      <c r="B13920" s="17"/>
      <c r="C13920" s="17"/>
      <c r="D13920" s="18" t="s">
        <v>6898</v>
      </c>
      <c r="E13920" s="18"/>
      <c r="F13920" s="18"/>
      <c r="G13920" s="18"/>
      <c r="H13920" s="18"/>
      <c r="I13920" s="18"/>
      <c r="J13920" s="18"/>
      <c r="K13920" s="18"/>
      <c r="L13920" s="18"/>
      <c r="M13920" s="18"/>
      <c r="N13920" s="18"/>
      <c r="O13920" s="18"/>
      <c r="P13920" s="19">
        <v>240</v>
      </c>
      <c r="Q13920" s="19"/>
      <c r="R13920" s="19"/>
      <c r="S13920" s="19"/>
      <c r="T13920" s="19">
        <v>145</v>
      </c>
      <c r="U13920" s="19"/>
      <c r="V13920" s="19"/>
      <c r="W13920" s="19"/>
      <c r="X13920" s="19">
        <v>1</v>
      </c>
      <c r="Y13920" s="19"/>
      <c r="Z13920" s="19"/>
      <c r="AA13920" s="19"/>
    </row>
    <row r="13921" spans="1:27" s="1" customFormat="1" ht="14.1" customHeight="1" outlineLevel="4" x14ac:dyDescent="0.2">
      <c r="A13921" s="17"/>
      <c r="B13921" s="17"/>
      <c r="C13921" s="17"/>
      <c r="D13921" s="18"/>
      <c r="E13921" s="18"/>
      <c r="F13921" s="18"/>
      <c r="G13921" s="18"/>
      <c r="H13921" s="18"/>
      <c r="I13921" s="18"/>
      <c r="J13921" s="18"/>
      <c r="K13921" s="18"/>
      <c r="L13921" s="18"/>
      <c r="M13921" s="18"/>
      <c r="N13921" s="18"/>
      <c r="O13921" s="18"/>
      <c r="P13921" s="19"/>
      <c r="Q13921" s="19"/>
      <c r="R13921" s="19"/>
      <c r="S13921" s="19"/>
      <c r="T13921" s="19"/>
      <c r="U13921" s="19"/>
      <c r="V13921" s="19"/>
      <c r="W13921" s="19"/>
      <c r="X13921" s="19"/>
      <c r="Y13921" s="19"/>
      <c r="Z13921" s="19"/>
      <c r="AA13921" s="19"/>
    </row>
    <row r="13922" spans="1:27" s="1" customFormat="1" ht="11.1" customHeight="1" outlineLevel="4" x14ac:dyDescent="0.2">
      <c r="A13922" s="17">
        <v>14933</v>
      </c>
      <c r="B13922" s="17"/>
      <c r="C13922" s="17"/>
      <c r="D13922" s="18" t="s">
        <v>6899</v>
      </c>
      <c r="E13922" s="18"/>
      <c r="F13922" s="18"/>
      <c r="G13922" s="18"/>
      <c r="H13922" s="18"/>
      <c r="I13922" s="18"/>
      <c r="J13922" s="18"/>
      <c r="K13922" s="18"/>
      <c r="L13922" s="18"/>
      <c r="M13922" s="18"/>
      <c r="N13922" s="18"/>
      <c r="O13922" s="18"/>
      <c r="P13922" s="19">
        <v>240</v>
      </c>
      <c r="Q13922" s="19"/>
      <c r="R13922" s="19"/>
      <c r="S13922" s="19"/>
      <c r="T13922" s="19">
        <v>145</v>
      </c>
      <c r="U13922" s="19"/>
      <c r="V13922" s="19"/>
      <c r="W13922" s="19"/>
      <c r="X13922" s="19">
        <v>1</v>
      </c>
      <c r="Y13922" s="19"/>
      <c r="Z13922" s="19"/>
      <c r="AA13922" s="19"/>
    </row>
    <row r="13923" spans="1:27" s="1" customFormat="1" ht="11.1" customHeight="1" outlineLevel="4" x14ac:dyDescent="0.2">
      <c r="A13923" s="17"/>
      <c r="B13923" s="17"/>
      <c r="C13923" s="17"/>
      <c r="D13923" s="18"/>
      <c r="E13923" s="18"/>
      <c r="F13923" s="18"/>
      <c r="G13923" s="18"/>
      <c r="H13923" s="18"/>
      <c r="I13923" s="18"/>
      <c r="J13923" s="18"/>
      <c r="K13923" s="18"/>
      <c r="L13923" s="18"/>
      <c r="M13923" s="18"/>
      <c r="N13923" s="18"/>
      <c r="O13923" s="18"/>
      <c r="P13923" s="19"/>
      <c r="Q13923" s="19"/>
      <c r="R13923" s="19"/>
      <c r="S13923" s="19"/>
      <c r="T13923" s="19"/>
      <c r="U13923" s="19"/>
      <c r="V13923" s="19"/>
      <c r="W13923" s="19"/>
      <c r="X13923" s="19"/>
      <c r="Y13923" s="19"/>
      <c r="Z13923" s="19"/>
      <c r="AA13923" s="19"/>
    </row>
    <row r="13924" spans="1:27" s="1" customFormat="1" ht="11.1" customHeight="1" outlineLevel="4" x14ac:dyDescent="0.2">
      <c r="A13924" s="17">
        <v>14846</v>
      </c>
      <c r="B13924" s="17"/>
      <c r="C13924" s="17"/>
      <c r="D13924" s="18" t="s">
        <v>6900</v>
      </c>
      <c r="E13924" s="18"/>
      <c r="F13924" s="18"/>
      <c r="G13924" s="18"/>
      <c r="H13924" s="18"/>
      <c r="I13924" s="18"/>
      <c r="J13924" s="18"/>
      <c r="K13924" s="18"/>
      <c r="L13924" s="18"/>
      <c r="M13924" s="18"/>
      <c r="N13924" s="18"/>
      <c r="O13924" s="18"/>
      <c r="P13924" s="19">
        <v>240</v>
      </c>
      <c r="Q13924" s="19"/>
      <c r="R13924" s="19"/>
      <c r="S13924" s="19"/>
      <c r="T13924" s="19">
        <v>145</v>
      </c>
      <c r="U13924" s="19"/>
      <c r="V13924" s="19"/>
      <c r="W13924" s="19"/>
      <c r="X13924" s="19">
        <v>1</v>
      </c>
      <c r="Y13924" s="19"/>
      <c r="Z13924" s="19"/>
      <c r="AA13924" s="19"/>
    </row>
    <row r="13925" spans="1:27" s="1" customFormat="1" ht="11.1" customHeight="1" outlineLevel="4" x14ac:dyDescent="0.2">
      <c r="A13925" s="17"/>
      <c r="B13925" s="17"/>
      <c r="C13925" s="17"/>
      <c r="D13925" s="18"/>
      <c r="E13925" s="18"/>
      <c r="F13925" s="18"/>
      <c r="G13925" s="18"/>
      <c r="H13925" s="18"/>
      <c r="I13925" s="18"/>
      <c r="J13925" s="18"/>
      <c r="K13925" s="18"/>
      <c r="L13925" s="18"/>
      <c r="M13925" s="18"/>
      <c r="N13925" s="18"/>
      <c r="O13925" s="18"/>
      <c r="P13925" s="19"/>
      <c r="Q13925" s="19"/>
      <c r="R13925" s="19"/>
      <c r="S13925" s="19"/>
      <c r="T13925" s="19"/>
      <c r="U13925" s="19"/>
      <c r="V13925" s="19"/>
      <c r="W13925" s="19"/>
      <c r="X13925" s="19"/>
      <c r="Y13925" s="19"/>
      <c r="Z13925" s="19"/>
      <c r="AA13925" s="19"/>
    </row>
    <row r="13926" spans="1:27" s="1" customFormat="1" ht="11.1" customHeight="1" outlineLevel="4" x14ac:dyDescent="0.2">
      <c r="A13926" s="17">
        <v>14848</v>
      </c>
      <c r="B13926" s="17"/>
      <c r="C13926" s="17"/>
      <c r="D13926" s="18" t="s">
        <v>6901</v>
      </c>
      <c r="E13926" s="18"/>
      <c r="F13926" s="18"/>
      <c r="G13926" s="18"/>
      <c r="H13926" s="18"/>
      <c r="I13926" s="18"/>
      <c r="J13926" s="18"/>
      <c r="K13926" s="18"/>
      <c r="L13926" s="18"/>
      <c r="M13926" s="18"/>
      <c r="N13926" s="18"/>
      <c r="O13926" s="18"/>
      <c r="P13926" s="19">
        <v>240</v>
      </c>
      <c r="Q13926" s="19"/>
      <c r="R13926" s="19"/>
      <c r="S13926" s="19"/>
      <c r="T13926" s="19">
        <v>145</v>
      </c>
      <c r="U13926" s="19"/>
      <c r="V13926" s="19"/>
      <c r="W13926" s="19"/>
      <c r="X13926" s="19">
        <v>1</v>
      </c>
      <c r="Y13926" s="19"/>
      <c r="Z13926" s="19"/>
      <c r="AA13926" s="19"/>
    </row>
    <row r="13927" spans="1:27" s="1" customFormat="1" ht="11.1" customHeight="1" outlineLevel="4" x14ac:dyDescent="0.2">
      <c r="A13927" s="17"/>
      <c r="B13927" s="17"/>
      <c r="C13927" s="17"/>
      <c r="D13927" s="18"/>
      <c r="E13927" s="18"/>
      <c r="F13927" s="18"/>
      <c r="G13927" s="18"/>
      <c r="H13927" s="18"/>
      <c r="I13927" s="18"/>
      <c r="J13927" s="18"/>
      <c r="K13927" s="18"/>
      <c r="L13927" s="18"/>
      <c r="M13927" s="18"/>
      <c r="N13927" s="18"/>
      <c r="O13927" s="18"/>
      <c r="P13927" s="19"/>
      <c r="Q13927" s="19"/>
      <c r="R13927" s="19"/>
      <c r="S13927" s="19"/>
      <c r="T13927" s="19"/>
      <c r="U13927" s="19"/>
      <c r="V13927" s="19"/>
      <c r="W13927" s="19"/>
      <c r="X13927" s="19"/>
      <c r="Y13927" s="19"/>
      <c r="Z13927" s="19"/>
      <c r="AA13927" s="19"/>
    </row>
    <row r="13928" spans="1:27" s="1" customFormat="1" ht="11.1" customHeight="1" outlineLevel="4" x14ac:dyDescent="0.2">
      <c r="A13928" s="17">
        <v>14847</v>
      </c>
      <c r="B13928" s="17"/>
      <c r="C13928" s="17"/>
      <c r="D13928" s="18" t="s">
        <v>6902</v>
      </c>
      <c r="E13928" s="18"/>
      <c r="F13928" s="18"/>
      <c r="G13928" s="18"/>
      <c r="H13928" s="18"/>
      <c r="I13928" s="18"/>
      <c r="J13928" s="18"/>
      <c r="K13928" s="18"/>
      <c r="L13928" s="18"/>
      <c r="M13928" s="18"/>
      <c r="N13928" s="18"/>
      <c r="O13928" s="18"/>
      <c r="P13928" s="19">
        <v>240</v>
      </c>
      <c r="Q13928" s="19"/>
      <c r="R13928" s="19"/>
      <c r="S13928" s="19"/>
      <c r="T13928" s="19">
        <v>145</v>
      </c>
      <c r="U13928" s="19"/>
      <c r="V13928" s="19"/>
      <c r="W13928" s="19"/>
      <c r="X13928" s="19">
        <v>1</v>
      </c>
      <c r="Y13928" s="19"/>
      <c r="Z13928" s="19"/>
      <c r="AA13928" s="19"/>
    </row>
    <row r="13929" spans="1:27" s="1" customFormat="1" ht="11.1" customHeight="1" outlineLevel="4" x14ac:dyDescent="0.2">
      <c r="A13929" s="17"/>
      <c r="B13929" s="17"/>
      <c r="C13929" s="17"/>
      <c r="D13929" s="18"/>
      <c r="E13929" s="18"/>
      <c r="F13929" s="18"/>
      <c r="G13929" s="18"/>
      <c r="H13929" s="18"/>
      <c r="I13929" s="18"/>
      <c r="J13929" s="18"/>
      <c r="K13929" s="18"/>
      <c r="L13929" s="18"/>
      <c r="M13929" s="18"/>
      <c r="N13929" s="18"/>
      <c r="O13929" s="18"/>
      <c r="P13929" s="19"/>
      <c r="Q13929" s="19"/>
      <c r="R13929" s="19"/>
      <c r="S13929" s="19"/>
      <c r="T13929" s="19"/>
      <c r="U13929" s="19"/>
      <c r="V13929" s="19"/>
      <c r="W13929" s="19"/>
      <c r="X13929" s="19"/>
      <c r="Y13929" s="19"/>
      <c r="Z13929" s="19"/>
      <c r="AA13929" s="19"/>
    </row>
    <row r="13930" spans="1:27" s="1" customFormat="1" ht="11.1" customHeight="1" outlineLevel="4" x14ac:dyDescent="0.2">
      <c r="A13930" s="17">
        <v>14845</v>
      </c>
      <c r="B13930" s="17"/>
      <c r="C13930" s="17"/>
      <c r="D13930" s="18" t="s">
        <v>6903</v>
      </c>
      <c r="E13930" s="18"/>
      <c r="F13930" s="18"/>
      <c r="G13930" s="18"/>
      <c r="H13930" s="18"/>
      <c r="I13930" s="18"/>
      <c r="J13930" s="18"/>
      <c r="K13930" s="18"/>
      <c r="L13930" s="18"/>
      <c r="M13930" s="18"/>
      <c r="N13930" s="18"/>
      <c r="O13930" s="18"/>
      <c r="P13930" s="19">
        <v>240</v>
      </c>
      <c r="Q13930" s="19"/>
      <c r="R13930" s="19"/>
      <c r="S13930" s="19"/>
      <c r="T13930" s="19">
        <v>145</v>
      </c>
      <c r="U13930" s="19"/>
      <c r="V13930" s="19"/>
      <c r="W13930" s="19"/>
      <c r="X13930" s="19">
        <v>1</v>
      </c>
      <c r="Y13930" s="19"/>
      <c r="Z13930" s="19"/>
      <c r="AA13930" s="19"/>
    </row>
    <row r="13931" spans="1:27" s="1" customFormat="1" ht="11.1" customHeight="1" outlineLevel="4" x14ac:dyDescent="0.2">
      <c r="A13931" s="17"/>
      <c r="B13931" s="17"/>
      <c r="C13931" s="17"/>
      <c r="D13931" s="18"/>
      <c r="E13931" s="18"/>
      <c r="F13931" s="18"/>
      <c r="G13931" s="18"/>
      <c r="H13931" s="18"/>
      <c r="I13931" s="18"/>
      <c r="J13931" s="18"/>
      <c r="K13931" s="18"/>
      <c r="L13931" s="18"/>
      <c r="M13931" s="18"/>
      <c r="N13931" s="18"/>
      <c r="O13931" s="18"/>
      <c r="P13931" s="19"/>
      <c r="Q13931" s="19"/>
      <c r="R13931" s="19"/>
      <c r="S13931" s="19"/>
      <c r="T13931" s="19"/>
      <c r="U13931" s="19"/>
      <c r="V13931" s="19"/>
      <c r="W13931" s="19"/>
      <c r="X13931" s="19"/>
      <c r="Y13931" s="19"/>
      <c r="Z13931" s="19"/>
      <c r="AA13931" s="19"/>
    </row>
    <row r="13932" spans="1:27" s="1" customFormat="1" ht="14.1" customHeight="1" outlineLevel="4" x14ac:dyDescent="0.2">
      <c r="A13932" s="17">
        <v>14851</v>
      </c>
      <c r="B13932" s="17"/>
      <c r="C13932" s="17"/>
      <c r="D13932" s="18" t="s">
        <v>6904</v>
      </c>
      <c r="E13932" s="18"/>
      <c r="F13932" s="18"/>
      <c r="G13932" s="18"/>
      <c r="H13932" s="18"/>
      <c r="I13932" s="18"/>
      <c r="J13932" s="18"/>
      <c r="K13932" s="18"/>
      <c r="L13932" s="18"/>
      <c r="M13932" s="18"/>
      <c r="N13932" s="18"/>
      <c r="O13932" s="18"/>
      <c r="P13932" s="19">
        <v>240</v>
      </c>
      <c r="Q13932" s="19"/>
      <c r="R13932" s="19"/>
      <c r="S13932" s="19"/>
      <c r="T13932" s="19">
        <v>145</v>
      </c>
      <c r="U13932" s="19"/>
      <c r="V13932" s="19"/>
      <c r="W13932" s="19"/>
      <c r="X13932" s="19">
        <v>1</v>
      </c>
      <c r="Y13932" s="19"/>
      <c r="Z13932" s="19"/>
      <c r="AA13932" s="19"/>
    </row>
    <row r="13933" spans="1:27" s="1" customFormat="1" ht="14.1" customHeight="1" outlineLevel="4" x14ac:dyDescent="0.2">
      <c r="A13933" s="17"/>
      <c r="B13933" s="17"/>
      <c r="C13933" s="17"/>
      <c r="D13933" s="18"/>
      <c r="E13933" s="18"/>
      <c r="F13933" s="18"/>
      <c r="G13933" s="18"/>
      <c r="H13933" s="18"/>
      <c r="I13933" s="18"/>
      <c r="J13933" s="18"/>
      <c r="K13933" s="18"/>
      <c r="L13933" s="18"/>
      <c r="M13933" s="18"/>
      <c r="N13933" s="18"/>
      <c r="O13933" s="18"/>
      <c r="P13933" s="19"/>
      <c r="Q13933" s="19"/>
      <c r="R13933" s="19"/>
      <c r="S13933" s="19"/>
      <c r="T13933" s="19"/>
      <c r="U13933" s="19"/>
      <c r="V13933" s="19"/>
      <c r="W13933" s="19"/>
      <c r="X13933" s="19"/>
      <c r="Y13933" s="19"/>
      <c r="Z13933" s="19"/>
      <c r="AA13933" s="19"/>
    </row>
    <row r="13934" spans="1:27" s="1" customFormat="1" ht="11.1" customHeight="1" outlineLevel="4" x14ac:dyDescent="0.2">
      <c r="A13934" s="17">
        <v>14850</v>
      </c>
      <c r="B13934" s="17"/>
      <c r="C13934" s="17"/>
      <c r="D13934" s="18" t="s">
        <v>6905</v>
      </c>
      <c r="E13934" s="18"/>
      <c r="F13934" s="18"/>
      <c r="G13934" s="18"/>
      <c r="H13934" s="18"/>
      <c r="I13934" s="18"/>
      <c r="J13934" s="18"/>
      <c r="K13934" s="18"/>
      <c r="L13934" s="18"/>
      <c r="M13934" s="18"/>
      <c r="N13934" s="18"/>
      <c r="O13934" s="18"/>
      <c r="P13934" s="19">
        <v>240</v>
      </c>
      <c r="Q13934" s="19"/>
      <c r="R13934" s="19"/>
      <c r="S13934" s="19"/>
      <c r="T13934" s="19">
        <v>145</v>
      </c>
      <c r="U13934" s="19"/>
      <c r="V13934" s="19"/>
      <c r="W13934" s="19"/>
      <c r="X13934" s="19">
        <v>1</v>
      </c>
      <c r="Y13934" s="19"/>
      <c r="Z13934" s="19"/>
      <c r="AA13934" s="19"/>
    </row>
    <row r="13935" spans="1:27" s="1" customFormat="1" ht="11.1" customHeight="1" outlineLevel="4" x14ac:dyDescent="0.2">
      <c r="A13935" s="17"/>
      <c r="B13935" s="17"/>
      <c r="C13935" s="17"/>
      <c r="D13935" s="18"/>
      <c r="E13935" s="18"/>
      <c r="F13935" s="18"/>
      <c r="G13935" s="18"/>
      <c r="H13935" s="18"/>
      <c r="I13935" s="18"/>
      <c r="J13935" s="18"/>
      <c r="K13935" s="18"/>
      <c r="L13935" s="18"/>
      <c r="M13935" s="18"/>
      <c r="N13935" s="18"/>
      <c r="O13935" s="18"/>
      <c r="P13935" s="19"/>
      <c r="Q13935" s="19"/>
      <c r="R13935" s="19"/>
      <c r="S13935" s="19"/>
      <c r="T13935" s="19"/>
      <c r="U13935" s="19"/>
      <c r="V13935" s="19"/>
      <c r="W13935" s="19"/>
      <c r="X13935" s="19"/>
      <c r="Y13935" s="19"/>
      <c r="Z13935" s="19"/>
      <c r="AA13935" s="19"/>
    </row>
    <row r="13936" spans="1:27" s="1" customFormat="1" ht="11.1" customHeight="1" outlineLevel="4" x14ac:dyDescent="0.2">
      <c r="A13936" s="17">
        <v>14844</v>
      </c>
      <c r="B13936" s="17"/>
      <c r="C13936" s="17"/>
      <c r="D13936" s="18" t="s">
        <v>6906</v>
      </c>
      <c r="E13936" s="18"/>
      <c r="F13936" s="18"/>
      <c r="G13936" s="18"/>
      <c r="H13936" s="18"/>
      <c r="I13936" s="18"/>
      <c r="J13936" s="18"/>
      <c r="K13936" s="18"/>
      <c r="L13936" s="18"/>
      <c r="M13936" s="18"/>
      <c r="N13936" s="18"/>
      <c r="O13936" s="18"/>
      <c r="P13936" s="19">
        <v>240</v>
      </c>
      <c r="Q13936" s="19"/>
      <c r="R13936" s="19"/>
      <c r="S13936" s="19"/>
      <c r="T13936" s="19">
        <v>145</v>
      </c>
      <c r="U13936" s="19"/>
      <c r="V13936" s="19"/>
      <c r="W13936" s="19"/>
      <c r="X13936" s="19">
        <v>1</v>
      </c>
      <c r="Y13936" s="19"/>
      <c r="Z13936" s="19"/>
      <c r="AA13936" s="19"/>
    </row>
    <row r="13937" spans="1:27" s="1" customFormat="1" ht="11.1" customHeight="1" outlineLevel="4" x14ac:dyDescent="0.2">
      <c r="A13937" s="17"/>
      <c r="B13937" s="17"/>
      <c r="C13937" s="17"/>
      <c r="D13937" s="18"/>
      <c r="E13937" s="18"/>
      <c r="F13937" s="18"/>
      <c r="G13937" s="18"/>
      <c r="H13937" s="18"/>
      <c r="I13937" s="18"/>
      <c r="J13937" s="18"/>
      <c r="K13937" s="18"/>
      <c r="L13937" s="18"/>
      <c r="M13937" s="18"/>
      <c r="N13937" s="18"/>
      <c r="O13937" s="18"/>
      <c r="P13937" s="19"/>
      <c r="Q13937" s="19"/>
      <c r="R13937" s="19"/>
      <c r="S13937" s="19"/>
      <c r="T13937" s="19"/>
      <c r="U13937" s="19"/>
      <c r="V13937" s="19"/>
      <c r="W13937" s="19"/>
      <c r="X13937" s="19"/>
      <c r="Y13937" s="19"/>
      <c r="Z13937" s="19"/>
      <c r="AA13937" s="19"/>
    </row>
    <row r="13938" spans="1:27" s="1" customFormat="1" ht="14.1" customHeight="1" outlineLevel="4" x14ac:dyDescent="0.2">
      <c r="A13938" s="17">
        <v>14849</v>
      </c>
      <c r="B13938" s="17"/>
      <c r="C13938" s="17"/>
      <c r="D13938" s="18" t="s">
        <v>6907</v>
      </c>
      <c r="E13938" s="18"/>
      <c r="F13938" s="18"/>
      <c r="G13938" s="18"/>
      <c r="H13938" s="18"/>
      <c r="I13938" s="18"/>
      <c r="J13938" s="18"/>
      <c r="K13938" s="18"/>
      <c r="L13938" s="18"/>
      <c r="M13938" s="18"/>
      <c r="N13938" s="18"/>
      <c r="O13938" s="18"/>
      <c r="P13938" s="19">
        <v>240</v>
      </c>
      <c r="Q13938" s="19"/>
      <c r="R13938" s="19"/>
      <c r="S13938" s="19"/>
      <c r="T13938" s="19">
        <v>145</v>
      </c>
      <c r="U13938" s="19"/>
      <c r="V13938" s="19"/>
      <c r="W13938" s="19"/>
      <c r="X13938" s="19">
        <v>1</v>
      </c>
      <c r="Y13938" s="19"/>
      <c r="Z13938" s="19"/>
      <c r="AA13938" s="19"/>
    </row>
    <row r="13939" spans="1:27" s="1" customFormat="1" ht="14.1" customHeight="1" outlineLevel="4" x14ac:dyDescent="0.2">
      <c r="A13939" s="17"/>
      <c r="B13939" s="17"/>
      <c r="C13939" s="17"/>
      <c r="D13939" s="18"/>
      <c r="E13939" s="18"/>
      <c r="F13939" s="18"/>
      <c r="G13939" s="18"/>
      <c r="H13939" s="18"/>
      <c r="I13939" s="18"/>
      <c r="J13939" s="18"/>
      <c r="K13939" s="18"/>
      <c r="L13939" s="18"/>
      <c r="M13939" s="18"/>
      <c r="N13939" s="18"/>
      <c r="O13939" s="18"/>
      <c r="P13939" s="19"/>
      <c r="Q13939" s="19"/>
      <c r="R13939" s="19"/>
      <c r="S13939" s="19"/>
      <c r="T13939" s="19"/>
      <c r="U13939" s="19"/>
      <c r="V13939" s="19"/>
      <c r="W13939" s="19"/>
      <c r="X13939" s="19"/>
      <c r="Y13939" s="19"/>
      <c r="Z13939" s="19"/>
      <c r="AA13939" s="19"/>
    </row>
    <row r="13940" spans="1:27" s="1" customFormat="1" ht="11.1" customHeight="1" outlineLevel="4" x14ac:dyDescent="0.2">
      <c r="A13940" s="17">
        <v>10587</v>
      </c>
      <c r="B13940" s="17"/>
      <c r="C13940" s="17"/>
      <c r="D13940" s="18" t="s">
        <v>6908</v>
      </c>
      <c r="E13940" s="18"/>
      <c r="F13940" s="18"/>
      <c r="G13940" s="18"/>
      <c r="H13940" s="18"/>
      <c r="I13940" s="18"/>
      <c r="J13940" s="18"/>
      <c r="K13940" s="18"/>
      <c r="L13940" s="18"/>
      <c r="M13940" s="18"/>
      <c r="N13940" s="18"/>
      <c r="O13940" s="18"/>
      <c r="P13940" s="19">
        <v>240</v>
      </c>
      <c r="Q13940" s="19"/>
      <c r="R13940" s="19"/>
      <c r="S13940" s="19"/>
      <c r="T13940" s="19">
        <v>145</v>
      </c>
      <c r="U13940" s="19"/>
      <c r="V13940" s="19"/>
      <c r="W13940" s="19"/>
      <c r="X13940" s="19">
        <v>1</v>
      </c>
      <c r="Y13940" s="19"/>
      <c r="Z13940" s="19"/>
      <c r="AA13940" s="19"/>
    </row>
    <row r="13941" spans="1:27" s="1" customFormat="1" ht="11.1" customHeight="1" outlineLevel="4" x14ac:dyDescent="0.2">
      <c r="A13941" s="17"/>
      <c r="B13941" s="17"/>
      <c r="C13941" s="17"/>
      <c r="D13941" s="18"/>
      <c r="E13941" s="18"/>
      <c r="F13941" s="18"/>
      <c r="G13941" s="18"/>
      <c r="H13941" s="18"/>
      <c r="I13941" s="18"/>
      <c r="J13941" s="18"/>
      <c r="K13941" s="18"/>
      <c r="L13941" s="18"/>
      <c r="M13941" s="18"/>
      <c r="N13941" s="18"/>
      <c r="O13941" s="18"/>
      <c r="P13941" s="19"/>
      <c r="Q13941" s="19"/>
      <c r="R13941" s="19"/>
      <c r="S13941" s="19"/>
      <c r="T13941" s="19"/>
      <c r="U13941" s="19"/>
      <c r="V13941" s="19"/>
      <c r="W13941" s="19"/>
      <c r="X13941" s="19"/>
      <c r="Y13941" s="19"/>
      <c r="Z13941" s="19"/>
      <c r="AA13941" s="19"/>
    </row>
    <row r="13942" spans="1:27" s="1" customFormat="1" ht="11.1" customHeight="1" outlineLevel="4" x14ac:dyDescent="0.2">
      <c r="A13942" s="17">
        <v>10586</v>
      </c>
      <c r="B13942" s="17"/>
      <c r="C13942" s="17"/>
      <c r="D13942" s="18" t="s">
        <v>6909</v>
      </c>
      <c r="E13942" s="18"/>
      <c r="F13942" s="18"/>
      <c r="G13942" s="18"/>
      <c r="H13942" s="18"/>
      <c r="I13942" s="18"/>
      <c r="J13942" s="18"/>
      <c r="K13942" s="18"/>
      <c r="L13942" s="18"/>
      <c r="M13942" s="18"/>
      <c r="N13942" s="18"/>
      <c r="O13942" s="18"/>
      <c r="P13942" s="19">
        <v>240</v>
      </c>
      <c r="Q13942" s="19"/>
      <c r="R13942" s="19"/>
      <c r="S13942" s="19"/>
      <c r="T13942" s="19">
        <v>145</v>
      </c>
      <c r="U13942" s="19"/>
      <c r="V13942" s="19"/>
      <c r="W13942" s="19"/>
      <c r="X13942" s="19">
        <v>1</v>
      </c>
      <c r="Y13942" s="19"/>
      <c r="Z13942" s="19"/>
      <c r="AA13942" s="19"/>
    </row>
    <row r="13943" spans="1:27" s="1" customFormat="1" ht="11.1" customHeight="1" outlineLevel="4" x14ac:dyDescent="0.2">
      <c r="A13943" s="17"/>
      <c r="B13943" s="17"/>
      <c r="C13943" s="17"/>
      <c r="D13943" s="18"/>
      <c r="E13943" s="18"/>
      <c r="F13943" s="18"/>
      <c r="G13943" s="18"/>
      <c r="H13943" s="18"/>
      <c r="I13943" s="18"/>
      <c r="J13943" s="18"/>
      <c r="K13943" s="18"/>
      <c r="L13943" s="18"/>
      <c r="M13943" s="18"/>
      <c r="N13943" s="18"/>
      <c r="O13943" s="18"/>
      <c r="P13943" s="19"/>
      <c r="Q13943" s="19"/>
      <c r="R13943" s="19"/>
      <c r="S13943" s="19"/>
      <c r="T13943" s="19"/>
      <c r="U13943" s="19"/>
      <c r="V13943" s="19"/>
      <c r="W13943" s="19"/>
      <c r="X13943" s="19"/>
      <c r="Y13943" s="19"/>
      <c r="Z13943" s="19"/>
      <c r="AA13943" s="19"/>
    </row>
    <row r="13944" spans="1:27" s="1" customFormat="1" ht="14.1" customHeight="1" outlineLevel="4" x14ac:dyDescent="0.2">
      <c r="A13944" s="17">
        <v>10585</v>
      </c>
      <c r="B13944" s="17"/>
      <c r="C13944" s="17"/>
      <c r="D13944" s="18" t="s">
        <v>6910</v>
      </c>
      <c r="E13944" s="18"/>
      <c r="F13944" s="18"/>
      <c r="G13944" s="18"/>
      <c r="H13944" s="18"/>
      <c r="I13944" s="18"/>
      <c r="J13944" s="18"/>
      <c r="K13944" s="18"/>
      <c r="L13944" s="18"/>
      <c r="M13944" s="18"/>
      <c r="N13944" s="18"/>
      <c r="O13944" s="18"/>
      <c r="P13944" s="19">
        <v>240</v>
      </c>
      <c r="Q13944" s="19"/>
      <c r="R13944" s="19"/>
      <c r="S13944" s="19"/>
      <c r="T13944" s="19">
        <v>145</v>
      </c>
      <c r="U13944" s="19"/>
      <c r="V13944" s="19"/>
      <c r="W13944" s="19"/>
      <c r="X13944" s="19">
        <v>1</v>
      </c>
      <c r="Y13944" s="19"/>
      <c r="Z13944" s="19"/>
      <c r="AA13944" s="19"/>
    </row>
    <row r="13945" spans="1:27" s="1" customFormat="1" ht="14.1" customHeight="1" outlineLevel="4" x14ac:dyDescent="0.2">
      <c r="A13945" s="17"/>
      <c r="B13945" s="17"/>
      <c r="C13945" s="17"/>
      <c r="D13945" s="18"/>
      <c r="E13945" s="18"/>
      <c r="F13945" s="18"/>
      <c r="G13945" s="18"/>
      <c r="H13945" s="18"/>
      <c r="I13945" s="18"/>
      <c r="J13945" s="18"/>
      <c r="K13945" s="18"/>
      <c r="L13945" s="18"/>
      <c r="M13945" s="18"/>
      <c r="N13945" s="18"/>
      <c r="O13945" s="18"/>
      <c r="P13945" s="19"/>
      <c r="Q13945" s="19"/>
      <c r="R13945" s="19"/>
      <c r="S13945" s="19"/>
      <c r="T13945" s="19"/>
      <c r="U13945" s="19"/>
      <c r="V13945" s="19"/>
      <c r="W13945" s="19"/>
      <c r="X13945" s="19"/>
      <c r="Y13945" s="19"/>
      <c r="Z13945" s="19"/>
      <c r="AA13945" s="19"/>
    </row>
    <row r="13946" spans="1:27" s="1" customFormat="1" ht="11.1" customHeight="1" outlineLevel="4" x14ac:dyDescent="0.2">
      <c r="A13946" s="17">
        <v>10584</v>
      </c>
      <c r="B13946" s="17"/>
      <c r="C13946" s="17"/>
      <c r="D13946" s="18" t="s">
        <v>6911</v>
      </c>
      <c r="E13946" s="18"/>
      <c r="F13946" s="18"/>
      <c r="G13946" s="18"/>
      <c r="H13946" s="18"/>
      <c r="I13946" s="18"/>
      <c r="J13946" s="18"/>
      <c r="K13946" s="18"/>
      <c r="L13946" s="18"/>
      <c r="M13946" s="18"/>
      <c r="N13946" s="18"/>
      <c r="O13946" s="18"/>
      <c r="P13946" s="19">
        <v>240</v>
      </c>
      <c r="Q13946" s="19"/>
      <c r="R13946" s="19"/>
      <c r="S13946" s="19"/>
      <c r="T13946" s="19">
        <v>145</v>
      </c>
      <c r="U13946" s="19"/>
      <c r="V13946" s="19"/>
      <c r="W13946" s="19"/>
      <c r="X13946" s="19">
        <v>1</v>
      </c>
      <c r="Y13946" s="19"/>
      <c r="Z13946" s="19"/>
      <c r="AA13946" s="19"/>
    </row>
    <row r="13947" spans="1:27" s="1" customFormat="1" ht="11.1" customHeight="1" outlineLevel="4" x14ac:dyDescent="0.2">
      <c r="A13947" s="17"/>
      <c r="B13947" s="17"/>
      <c r="C13947" s="17"/>
      <c r="D13947" s="18"/>
      <c r="E13947" s="18"/>
      <c r="F13947" s="18"/>
      <c r="G13947" s="18"/>
      <c r="H13947" s="18"/>
      <c r="I13947" s="18"/>
      <c r="J13947" s="18"/>
      <c r="K13947" s="18"/>
      <c r="L13947" s="18"/>
      <c r="M13947" s="18"/>
      <c r="N13947" s="18"/>
      <c r="O13947" s="18"/>
      <c r="P13947" s="19"/>
      <c r="Q13947" s="19"/>
      <c r="R13947" s="19"/>
      <c r="S13947" s="19"/>
      <c r="T13947" s="19"/>
      <c r="U13947" s="19"/>
      <c r="V13947" s="19"/>
      <c r="W13947" s="19"/>
      <c r="X13947" s="19"/>
      <c r="Y13947" s="19"/>
      <c r="Z13947" s="19"/>
      <c r="AA13947" s="19"/>
    </row>
    <row r="13948" spans="1:27" s="1" customFormat="1" ht="14.1" customHeight="1" outlineLevel="4" x14ac:dyDescent="0.2">
      <c r="A13948" s="17">
        <v>14828</v>
      </c>
      <c r="B13948" s="17"/>
      <c r="C13948" s="17"/>
      <c r="D13948" s="18" t="s">
        <v>6912</v>
      </c>
      <c r="E13948" s="18"/>
      <c r="F13948" s="18"/>
      <c r="G13948" s="18"/>
      <c r="H13948" s="18"/>
      <c r="I13948" s="18"/>
      <c r="J13948" s="18"/>
      <c r="K13948" s="18"/>
      <c r="L13948" s="18"/>
      <c r="M13948" s="18"/>
      <c r="N13948" s="18"/>
      <c r="O13948" s="18"/>
      <c r="P13948" s="19">
        <v>240</v>
      </c>
      <c r="Q13948" s="19"/>
      <c r="R13948" s="19"/>
      <c r="S13948" s="19"/>
      <c r="T13948" s="19">
        <v>145</v>
      </c>
      <c r="U13948" s="19"/>
      <c r="V13948" s="19"/>
      <c r="W13948" s="19"/>
      <c r="X13948" s="19">
        <v>2</v>
      </c>
      <c r="Y13948" s="19"/>
      <c r="Z13948" s="19"/>
      <c r="AA13948" s="19"/>
    </row>
    <row r="13949" spans="1:27" s="1" customFormat="1" ht="14.1" customHeight="1" outlineLevel="4" x14ac:dyDescent="0.2">
      <c r="A13949" s="17"/>
      <c r="B13949" s="17"/>
      <c r="C13949" s="17"/>
      <c r="D13949" s="18"/>
      <c r="E13949" s="18"/>
      <c r="F13949" s="18"/>
      <c r="G13949" s="18"/>
      <c r="H13949" s="18"/>
      <c r="I13949" s="18"/>
      <c r="J13949" s="18"/>
      <c r="K13949" s="18"/>
      <c r="L13949" s="18"/>
      <c r="M13949" s="18"/>
      <c r="N13949" s="18"/>
      <c r="O13949" s="18"/>
      <c r="P13949" s="19"/>
      <c r="Q13949" s="19"/>
      <c r="R13949" s="19"/>
      <c r="S13949" s="19"/>
      <c r="T13949" s="19"/>
      <c r="U13949" s="19"/>
      <c r="V13949" s="19"/>
      <c r="W13949" s="19"/>
      <c r="X13949" s="19"/>
      <c r="Y13949" s="19"/>
      <c r="Z13949" s="19"/>
      <c r="AA13949" s="19"/>
    </row>
    <row r="13950" spans="1:27" s="1" customFormat="1" ht="14.1" customHeight="1" outlineLevel="4" x14ac:dyDescent="0.2">
      <c r="A13950" s="17">
        <v>14822</v>
      </c>
      <c r="B13950" s="17"/>
      <c r="C13950" s="17"/>
      <c r="D13950" s="18" t="s">
        <v>6913</v>
      </c>
      <c r="E13950" s="18"/>
      <c r="F13950" s="18"/>
      <c r="G13950" s="18"/>
      <c r="H13950" s="18"/>
      <c r="I13950" s="18"/>
      <c r="J13950" s="18"/>
      <c r="K13950" s="18"/>
      <c r="L13950" s="18"/>
      <c r="M13950" s="18"/>
      <c r="N13950" s="18"/>
      <c r="O13950" s="18"/>
      <c r="P13950" s="19">
        <v>240</v>
      </c>
      <c r="Q13950" s="19"/>
      <c r="R13950" s="19"/>
      <c r="S13950" s="19"/>
      <c r="T13950" s="19">
        <v>145</v>
      </c>
      <c r="U13950" s="19"/>
      <c r="V13950" s="19"/>
      <c r="W13950" s="19"/>
      <c r="X13950" s="19">
        <v>2</v>
      </c>
      <c r="Y13950" s="19"/>
      <c r="Z13950" s="19"/>
      <c r="AA13950" s="19"/>
    </row>
    <row r="13951" spans="1:27" s="1" customFormat="1" ht="14.1" customHeight="1" outlineLevel="4" x14ac:dyDescent="0.2">
      <c r="A13951" s="17"/>
      <c r="B13951" s="17"/>
      <c r="C13951" s="17"/>
      <c r="D13951" s="18"/>
      <c r="E13951" s="18"/>
      <c r="F13951" s="18"/>
      <c r="G13951" s="18"/>
      <c r="H13951" s="18"/>
      <c r="I13951" s="18"/>
      <c r="J13951" s="18"/>
      <c r="K13951" s="18"/>
      <c r="L13951" s="18"/>
      <c r="M13951" s="18"/>
      <c r="N13951" s="18"/>
      <c r="O13951" s="18"/>
      <c r="P13951" s="19"/>
      <c r="Q13951" s="19"/>
      <c r="R13951" s="19"/>
      <c r="S13951" s="19"/>
      <c r="T13951" s="19"/>
      <c r="U13951" s="19"/>
      <c r="V13951" s="19"/>
      <c r="W13951" s="19"/>
      <c r="X13951" s="19"/>
      <c r="Y13951" s="19"/>
      <c r="Z13951" s="19"/>
      <c r="AA13951" s="19"/>
    </row>
    <row r="13952" spans="1:27" s="1" customFormat="1" ht="14.1" customHeight="1" outlineLevel="4" x14ac:dyDescent="0.2">
      <c r="A13952" s="17">
        <v>14823</v>
      </c>
      <c r="B13952" s="17"/>
      <c r="C13952" s="17"/>
      <c r="D13952" s="18" t="s">
        <v>6914</v>
      </c>
      <c r="E13952" s="18"/>
      <c r="F13952" s="18"/>
      <c r="G13952" s="18"/>
      <c r="H13952" s="18"/>
      <c r="I13952" s="18"/>
      <c r="J13952" s="18"/>
      <c r="K13952" s="18"/>
      <c r="L13952" s="18"/>
      <c r="M13952" s="18"/>
      <c r="N13952" s="18"/>
      <c r="O13952" s="18"/>
      <c r="P13952" s="19">
        <v>240</v>
      </c>
      <c r="Q13952" s="19"/>
      <c r="R13952" s="19"/>
      <c r="S13952" s="19"/>
      <c r="T13952" s="19">
        <v>145</v>
      </c>
      <c r="U13952" s="19"/>
      <c r="V13952" s="19"/>
      <c r="W13952" s="19"/>
      <c r="X13952" s="19">
        <v>2</v>
      </c>
      <c r="Y13952" s="19"/>
      <c r="Z13952" s="19"/>
      <c r="AA13952" s="19"/>
    </row>
    <row r="13953" spans="1:27" s="1" customFormat="1" ht="14.1" customHeight="1" outlineLevel="4" x14ac:dyDescent="0.2">
      <c r="A13953" s="17"/>
      <c r="B13953" s="17"/>
      <c r="C13953" s="17"/>
      <c r="D13953" s="18"/>
      <c r="E13953" s="18"/>
      <c r="F13953" s="18"/>
      <c r="G13953" s="18"/>
      <c r="H13953" s="18"/>
      <c r="I13953" s="18"/>
      <c r="J13953" s="18"/>
      <c r="K13953" s="18"/>
      <c r="L13953" s="18"/>
      <c r="M13953" s="18"/>
      <c r="N13953" s="18"/>
      <c r="O13953" s="18"/>
      <c r="P13953" s="19"/>
      <c r="Q13953" s="19"/>
      <c r="R13953" s="19"/>
      <c r="S13953" s="19"/>
      <c r="T13953" s="19"/>
      <c r="U13953" s="19"/>
      <c r="V13953" s="19"/>
      <c r="W13953" s="19"/>
      <c r="X13953" s="19"/>
      <c r="Y13953" s="19"/>
      <c r="Z13953" s="19"/>
      <c r="AA13953" s="19"/>
    </row>
    <row r="13954" spans="1:27" s="1" customFormat="1" ht="14.1" customHeight="1" outlineLevel="4" x14ac:dyDescent="0.2">
      <c r="A13954" s="17">
        <v>14826</v>
      </c>
      <c r="B13954" s="17"/>
      <c r="C13954" s="17"/>
      <c r="D13954" s="18" t="s">
        <v>6915</v>
      </c>
      <c r="E13954" s="18"/>
      <c r="F13954" s="18"/>
      <c r="G13954" s="18"/>
      <c r="H13954" s="18"/>
      <c r="I13954" s="18"/>
      <c r="J13954" s="18"/>
      <c r="K13954" s="18"/>
      <c r="L13954" s="18"/>
      <c r="M13954" s="18"/>
      <c r="N13954" s="18"/>
      <c r="O13954" s="18"/>
      <c r="P13954" s="19">
        <v>240</v>
      </c>
      <c r="Q13954" s="19"/>
      <c r="R13954" s="19"/>
      <c r="S13954" s="19"/>
      <c r="T13954" s="19">
        <v>145</v>
      </c>
      <c r="U13954" s="19"/>
      <c r="V13954" s="19"/>
      <c r="W13954" s="19"/>
      <c r="X13954" s="19">
        <v>1</v>
      </c>
      <c r="Y13954" s="19"/>
      <c r="Z13954" s="19"/>
      <c r="AA13954" s="19"/>
    </row>
    <row r="13955" spans="1:27" s="1" customFormat="1" ht="14.1" customHeight="1" outlineLevel="4" x14ac:dyDescent="0.2">
      <c r="A13955" s="17"/>
      <c r="B13955" s="17"/>
      <c r="C13955" s="17"/>
      <c r="D13955" s="18"/>
      <c r="E13955" s="18"/>
      <c r="F13955" s="18"/>
      <c r="G13955" s="18"/>
      <c r="H13955" s="18"/>
      <c r="I13955" s="18"/>
      <c r="J13955" s="18"/>
      <c r="K13955" s="18"/>
      <c r="L13955" s="18"/>
      <c r="M13955" s="18"/>
      <c r="N13955" s="18"/>
      <c r="O13955" s="18"/>
      <c r="P13955" s="19"/>
      <c r="Q13955" s="19"/>
      <c r="R13955" s="19"/>
      <c r="S13955" s="19"/>
      <c r="T13955" s="19"/>
      <c r="U13955" s="19"/>
      <c r="V13955" s="19"/>
      <c r="W13955" s="19"/>
      <c r="X13955" s="19"/>
      <c r="Y13955" s="19"/>
      <c r="Z13955" s="19"/>
      <c r="AA13955" s="19"/>
    </row>
    <row r="13956" spans="1:27" s="1" customFormat="1" ht="14.1" customHeight="1" outlineLevel="4" x14ac:dyDescent="0.2">
      <c r="A13956" s="17">
        <v>14821</v>
      </c>
      <c r="B13956" s="17"/>
      <c r="C13956" s="17"/>
      <c r="D13956" s="18" t="s">
        <v>6916</v>
      </c>
      <c r="E13956" s="18"/>
      <c r="F13956" s="18"/>
      <c r="G13956" s="18"/>
      <c r="H13956" s="18"/>
      <c r="I13956" s="18"/>
      <c r="J13956" s="18"/>
      <c r="K13956" s="18"/>
      <c r="L13956" s="18"/>
      <c r="M13956" s="18"/>
      <c r="N13956" s="18"/>
      <c r="O13956" s="18"/>
      <c r="P13956" s="19">
        <v>240</v>
      </c>
      <c r="Q13956" s="19"/>
      <c r="R13956" s="19"/>
      <c r="S13956" s="19"/>
      <c r="T13956" s="19">
        <v>145</v>
      </c>
      <c r="U13956" s="19"/>
      <c r="V13956" s="19"/>
      <c r="W13956" s="19"/>
      <c r="X13956" s="19">
        <v>2</v>
      </c>
      <c r="Y13956" s="19"/>
      <c r="Z13956" s="19"/>
      <c r="AA13956" s="19"/>
    </row>
    <row r="13957" spans="1:27" s="1" customFormat="1" ht="14.1" customHeight="1" outlineLevel="4" x14ac:dyDescent="0.2">
      <c r="A13957" s="17"/>
      <c r="B13957" s="17"/>
      <c r="C13957" s="17"/>
      <c r="D13957" s="18"/>
      <c r="E13957" s="18"/>
      <c r="F13957" s="18"/>
      <c r="G13957" s="18"/>
      <c r="H13957" s="18"/>
      <c r="I13957" s="18"/>
      <c r="J13957" s="18"/>
      <c r="K13957" s="18"/>
      <c r="L13957" s="18"/>
      <c r="M13957" s="18"/>
      <c r="N13957" s="18"/>
      <c r="O13957" s="18"/>
      <c r="P13957" s="19"/>
      <c r="Q13957" s="19"/>
      <c r="R13957" s="19"/>
      <c r="S13957" s="19"/>
      <c r="T13957" s="19"/>
      <c r="U13957" s="19"/>
      <c r="V13957" s="19"/>
      <c r="W13957" s="19"/>
      <c r="X13957" s="19"/>
      <c r="Y13957" s="19"/>
      <c r="Z13957" s="19"/>
      <c r="AA13957" s="19"/>
    </row>
    <row r="13958" spans="1:27" s="1" customFormat="1" ht="14.1" customHeight="1" outlineLevel="4" x14ac:dyDescent="0.2">
      <c r="A13958" s="17">
        <v>14829</v>
      </c>
      <c r="B13958" s="17"/>
      <c r="C13958" s="17"/>
      <c r="D13958" s="18" t="s">
        <v>6917</v>
      </c>
      <c r="E13958" s="18"/>
      <c r="F13958" s="18"/>
      <c r="G13958" s="18"/>
      <c r="H13958" s="18"/>
      <c r="I13958" s="18"/>
      <c r="J13958" s="18"/>
      <c r="K13958" s="18"/>
      <c r="L13958" s="18"/>
      <c r="M13958" s="18"/>
      <c r="N13958" s="18"/>
      <c r="O13958" s="18"/>
      <c r="P13958" s="19">
        <v>240</v>
      </c>
      <c r="Q13958" s="19"/>
      <c r="R13958" s="19"/>
      <c r="S13958" s="19"/>
      <c r="T13958" s="19">
        <v>145</v>
      </c>
      <c r="U13958" s="19"/>
      <c r="V13958" s="19"/>
      <c r="W13958" s="19"/>
      <c r="X13958" s="19">
        <v>1</v>
      </c>
      <c r="Y13958" s="19"/>
      <c r="Z13958" s="19"/>
      <c r="AA13958" s="19"/>
    </row>
    <row r="13959" spans="1:27" s="1" customFormat="1" ht="14.1" customHeight="1" outlineLevel="4" x14ac:dyDescent="0.2">
      <c r="A13959" s="17"/>
      <c r="B13959" s="17"/>
      <c r="C13959" s="17"/>
      <c r="D13959" s="18"/>
      <c r="E13959" s="18"/>
      <c r="F13959" s="18"/>
      <c r="G13959" s="18"/>
      <c r="H13959" s="18"/>
      <c r="I13959" s="18"/>
      <c r="J13959" s="18"/>
      <c r="K13959" s="18"/>
      <c r="L13959" s="18"/>
      <c r="M13959" s="18"/>
      <c r="N13959" s="18"/>
      <c r="O13959" s="18"/>
      <c r="P13959" s="19"/>
      <c r="Q13959" s="19"/>
      <c r="R13959" s="19"/>
      <c r="S13959" s="19"/>
      <c r="T13959" s="19"/>
      <c r="U13959" s="19"/>
      <c r="V13959" s="19"/>
      <c r="W13959" s="19"/>
      <c r="X13959" s="19"/>
      <c r="Y13959" s="19"/>
      <c r="Z13959" s="19"/>
      <c r="AA13959" s="19"/>
    </row>
    <row r="13960" spans="1:27" s="1" customFormat="1" ht="14.1" customHeight="1" outlineLevel="4" x14ac:dyDescent="0.2">
      <c r="A13960" s="17">
        <v>14824</v>
      </c>
      <c r="B13960" s="17"/>
      <c r="C13960" s="17"/>
      <c r="D13960" s="18" t="s">
        <v>6918</v>
      </c>
      <c r="E13960" s="18"/>
      <c r="F13960" s="18"/>
      <c r="G13960" s="18"/>
      <c r="H13960" s="18"/>
      <c r="I13960" s="18"/>
      <c r="J13960" s="18"/>
      <c r="K13960" s="18"/>
      <c r="L13960" s="18"/>
      <c r="M13960" s="18"/>
      <c r="N13960" s="18"/>
      <c r="O13960" s="18"/>
      <c r="P13960" s="19">
        <v>240</v>
      </c>
      <c r="Q13960" s="19"/>
      <c r="R13960" s="19"/>
      <c r="S13960" s="19"/>
      <c r="T13960" s="19">
        <v>145</v>
      </c>
      <c r="U13960" s="19"/>
      <c r="V13960" s="19"/>
      <c r="W13960" s="19"/>
      <c r="X13960" s="19">
        <v>2</v>
      </c>
      <c r="Y13960" s="19"/>
      <c r="Z13960" s="19"/>
      <c r="AA13960" s="19"/>
    </row>
    <row r="13961" spans="1:27" s="1" customFormat="1" ht="14.1" customHeight="1" outlineLevel="4" x14ac:dyDescent="0.2">
      <c r="A13961" s="17"/>
      <c r="B13961" s="17"/>
      <c r="C13961" s="17"/>
      <c r="D13961" s="18"/>
      <c r="E13961" s="18"/>
      <c r="F13961" s="18"/>
      <c r="G13961" s="18"/>
      <c r="H13961" s="18"/>
      <c r="I13961" s="18"/>
      <c r="J13961" s="18"/>
      <c r="K13961" s="18"/>
      <c r="L13961" s="18"/>
      <c r="M13961" s="18"/>
      <c r="N13961" s="18"/>
      <c r="O13961" s="18"/>
      <c r="P13961" s="19"/>
      <c r="Q13961" s="19"/>
      <c r="R13961" s="19"/>
      <c r="S13961" s="19"/>
      <c r="T13961" s="19"/>
      <c r="U13961" s="19"/>
      <c r="V13961" s="19"/>
      <c r="W13961" s="19"/>
      <c r="X13961" s="19"/>
      <c r="Y13961" s="19"/>
      <c r="Z13961" s="19"/>
      <c r="AA13961" s="19"/>
    </row>
    <row r="13962" spans="1:27" s="1" customFormat="1" ht="14.1" customHeight="1" outlineLevel="4" x14ac:dyDescent="0.2">
      <c r="A13962" s="17">
        <v>14825</v>
      </c>
      <c r="B13962" s="17"/>
      <c r="C13962" s="17"/>
      <c r="D13962" s="18" t="s">
        <v>6919</v>
      </c>
      <c r="E13962" s="18"/>
      <c r="F13962" s="18"/>
      <c r="G13962" s="18"/>
      <c r="H13962" s="18"/>
      <c r="I13962" s="18"/>
      <c r="J13962" s="18"/>
      <c r="K13962" s="18"/>
      <c r="L13962" s="18"/>
      <c r="M13962" s="18"/>
      <c r="N13962" s="18"/>
      <c r="O13962" s="18"/>
      <c r="P13962" s="19">
        <v>240</v>
      </c>
      <c r="Q13962" s="19"/>
      <c r="R13962" s="19"/>
      <c r="S13962" s="19"/>
      <c r="T13962" s="19">
        <v>145</v>
      </c>
      <c r="U13962" s="19"/>
      <c r="V13962" s="19"/>
      <c r="W13962" s="19"/>
      <c r="X13962" s="19">
        <v>2</v>
      </c>
      <c r="Y13962" s="19"/>
      <c r="Z13962" s="19"/>
      <c r="AA13962" s="19"/>
    </row>
    <row r="13963" spans="1:27" s="1" customFormat="1" ht="14.1" customHeight="1" outlineLevel="4" x14ac:dyDescent="0.2">
      <c r="A13963" s="17"/>
      <c r="B13963" s="17"/>
      <c r="C13963" s="17"/>
      <c r="D13963" s="18"/>
      <c r="E13963" s="18"/>
      <c r="F13963" s="18"/>
      <c r="G13963" s="18"/>
      <c r="H13963" s="18"/>
      <c r="I13963" s="18"/>
      <c r="J13963" s="18"/>
      <c r="K13963" s="18"/>
      <c r="L13963" s="18"/>
      <c r="M13963" s="18"/>
      <c r="N13963" s="18"/>
      <c r="O13963" s="18"/>
      <c r="P13963" s="19"/>
      <c r="Q13963" s="19"/>
      <c r="R13963" s="19"/>
      <c r="S13963" s="19"/>
      <c r="T13963" s="19"/>
      <c r="U13963" s="19"/>
      <c r="V13963" s="19"/>
      <c r="W13963" s="19"/>
      <c r="X13963" s="19"/>
      <c r="Y13963" s="19"/>
      <c r="Z13963" s="19"/>
      <c r="AA13963" s="19"/>
    </row>
    <row r="13964" spans="1:27" s="1" customFormat="1" ht="14.1" customHeight="1" outlineLevel="4" x14ac:dyDescent="0.2">
      <c r="A13964" s="17">
        <v>14819</v>
      </c>
      <c r="B13964" s="17"/>
      <c r="C13964" s="17"/>
      <c r="D13964" s="18" t="s">
        <v>6920</v>
      </c>
      <c r="E13964" s="18"/>
      <c r="F13964" s="18"/>
      <c r="G13964" s="18"/>
      <c r="H13964" s="18"/>
      <c r="I13964" s="18"/>
      <c r="J13964" s="18"/>
      <c r="K13964" s="18"/>
      <c r="L13964" s="18"/>
      <c r="M13964" s="18"/>
      <c r="N13964" s="18"/>
      <c r="O13964" s="18"/>
      <c r="P13964" s="19">
        <v>240</v>
      </c>
      <c r="Q13964" s="19"/>
      <c r="R13964" s="19"/>
      <c r="S13964" s="19"/>
      <c r="T13964" s="19">
        <v>145</v>
      </c>
      <c r="U13964" s="19"/>
      <c r="V13964" s="19"/>
      <c r="W13964" s="19"/>
      <c r="X13964" s="19">
        <v>2</v>
      </c>
      <c r="Y13964" s="19"/>
      <c r="Z13964" s="19"/>
      <c r="AA13964" s="19"/>
    </row>
    <row r="13965" spans="1:27" s="1" customFormat="1" ht="14.1" customHeight="1" outlineLevel="4" x14ac:dyDescent="0.2">
      <c r="A13965" s="17"/>
      <c r="B13965" s="17"/>
      <c r="C13965" s="17"/>
      <c r="D13965" s="18"/>
      <c r="E13965" s="18"/>
      <c r="F13965" s="18"/>
      <c r="G13965" s="18"/>
      <c r="H13965" s="18"/>
      <c r="I13965" s="18"/>
      <c r="J13965" s="18"/>
      <c r="K13965" s="18"/>
      <c r="L13965" s="18"/>
      <c r="M13965" s="18"/>
      <c r="N13965" s="18"/>
      <c r="O13965" s="18"/>
      <c r="P13965" s="19"/>
      <c r="Q13965" s="19"/>
      <c r="R13965" s="19"/>
      <c r="S13965" s="19"/>
      <c r="T13965" s="19"/>
      <c r="U13965" s="19"/>
      <c r="V13965" s="19"/>
      <c r="W13965" s="19"/>
      <c r="X13965" s="19"/>
      <c r="Y13965" s="19"/>
      <c r="Z13965" s="19"/>
      <c r="AA13965" s="19"/>
    </row>
    <row r="13966" spans="1:27" s="1" customFormat="1" ht="14.1" customHeight="1" outlineLevel="4" x14ac:dyDescent="0.2">
      <c r="A13966" s="17">
        <v>14820</v>
      </c>
      <c r="B13966" s="17"/>
      <c r="C13966" s="17"/>
      <c r="D13966" s="18" t="s">
        <v>6921</v>
      </c>
      <c r="E13966" s="18"/>
      <c r="F13966" s="18"/>
      <c r="G13966" s="18"/>
      <c r="H13966" s="18"/>
      <c r="I13966" s="18"/>
      <c r="J13966" s="18"/>
      <c r="K13966" s="18"/>
      <c r="L13966" s="18"/>
      <c r="M13966" s="18"/>
      <c r="N13966" s="18"/>
      <c r="O13966" s="18"/>
      <c r="P13966" s="19">
        <v>240</v>
      </c>
      <c r="Q13966" s="19"/>
      <c r="R13966" s="19"/>
      <c r="S13966" s="19"/>
      <c r="T13966" s="19">
        <v>145</v>
      </c>
      <c r="U13966" s="19"/>
      <c r="V13966" s="19"/>
      <c r="W13966" s="19"/>
      <c r="X13966" s="19">
        <v>2</v>
      </c>
      <c r="Y13966" s="19"/>
      <c r="Z13966" s="19"/>
      <c r="AA13966" s="19"/>
    </row>
    <row r="13967" spans="1:27" s="1" customFormat="1" ht="14.1" customHeight="1" outlineLevel="4" x14ac:dyDescent="0.2">
      <c r="A13967" s="17"/>
      <c r="B13967" s="17"/>
      <c r="C13967" s="17"/>
      <c r="D13967" s="18"/>
      <c r="E13967" s="18"/>
      <c r="F13967" s="18"/>
      <c r="G13967" s="18"/>
      <c r="H13967" s="18"/>
      <c r="I13967" s="18"/>
      <c r="J13967" s="18"/>
      <c r="K13967" s="18"/>
      <c r="L13967" s="18"/>
      <c r="M13967" s="18"/>
      <c r="N13967" s="18"/>
      <c r="O13967" s="18"/>
      <c r="P13967" s="19"/>
      <c r="Q13967" s="19"/>
      <c r="R13967" s="19"/>
      <c r="S13967" s="19"/>
      <c r="T13967" s="19"/>
      <c r="U13967" s="19"/>
      <c r="V13967" s="19"/>
      <c r="W13967" s="19"/>
      <c r="X13967" s="19"/>
      <c r="Y13967" s="19"/>
      <c r="Z13967" s="19"/>
      <c r="AA13967" s="19"/>
    </row>
    <row r="13968" spans="1:27" s="1" customFormat="1" ht="14.1" customHeight="1" outlineLevel="4" x14ac:dyDescent="0.2">
      <c r="A13968" s="17">
        <v>14827</v>
      </c>
      <c r="B13968" s="17"/>
      <c r="C13968" s="17"/>
      <c r="D13968" s="18" t="s">
        <v>6922</v>
      </c>
      <c r="E13968" s="18"/>
      <c r="F13968" s="18"/>
      <c r="G13968" s="18"/>
      <c r="H13968" s="18"/>
      <c r="I13968" s="18"/>
      <c r="J13968" s="18"/>
      <c r="K13968" s="18"/>
      <c r="L13968" s="18"/>
      <c r="M13968" s="18"/>
      <c r="N13968" s="18"/>
      <c r="O13968" s="18"/>
      <c r="P13968" s="19">
        <v>240</v>
      </c>
      <c r="Q13968" s="19"/>
      <c r="R13968" s="19"/>
      <c r="S13968" s="19"/>
      <c r="T13968" s="19">
        <v>145</v>
      </c>
      <c r="U13968" s="19"/>
      <c r="V13968" s="19"/>
      <c r="W13968" s="19"/>
      <c r="X13968" s="19">
        <v>2</v>
      </c>
      <c r="Y13968" s="19"/>
      <c r="Z13968" s="19"/>
      <c r="AA13968" s="19"/>
    </row>
    <row r="13969" spans="1:27" s="1" customFormat="1" ht="14.1" customHeight="1" outlineLevel="4" x14ac:dyDescent="0.2">
      <c r="A13969" s="17"/>
      <c r="B13969" s="17"/>
      <c r="C13969" s="17"/>
      <c r="D13969" s="18"/>
      <c r="E13969" s="18"/>
      <c r="F13969" s="18"/>
      <c r="G13969" s="18"/>
      <c r="H13969" s="18"/>
      <c r="I13969" s="18"/>
      <c r="J13969" s="18"/>
      <c r="K13969" s="18"/>
      <c r="L13969" s="18"/>
      <c r="M13969" s="18"/>
      <c r="N13969" s="18"/>
      <c r="O13969" s="18"/>
      <c r="P13969" s="19"/>
      <c r="Q13969" s="19"/>
      <c r="R13969" s="19"/>
      <c r="S13969" s="19"/>
      <c r="T13969" s="19"/>
      <c r="U13969" s="19"/>
      <c r="V13969" s="19"/>
      <c r="W13969" s="19"/>
      <c r="X13969" s="19"/>
      <c r="Y13969" s="19"/>
      <c r="Z13969" s="19"/>
      <c r="AA13969" s="19"/>
    </row>
    <row r="13970" spans="1:27" s="1" customFormat="1" ht="14.1" customHeight="1" outlineLevel="4" x14ac:dyDescent="0.2">
      <c r="A13970" s="17">
        <v>14833</v>
      </c>
      <c r="B13970" s="17"/>
      <c r="C13970" s="17"/>
      <c r="D13970" s="18" t="s">
        <v>6923</v>
      </c>
      <c r="E13970" s="18"/>
      <c r="F13970" s="18"/>
      <c r="G13970" s="18"/>
      <c r="H13970" s="18"/>
      <c r="I13970" s="18"/>
      <c r="J13970" s="18"/>
      <c r="K13970" s="18"/>
      <c r="L13970" s="18"/>
      <c r="M13970" s="18"/>
      <c r="N13970" s="18"/>
      <c r="O13970" s="18"/>
      <c r="P13970" s="19">
        <v>240</v>
      </c>
      <c r="Q13970" s="19"/>
      <c r="R13970" s="19"/>
      <c r="S13970" s="19"/>
      <c r="T13970" s="19">
        <v>145</v>
      </c>
      <c r="U13970" s="19"/>
      <c r="V13970" s="19"/>
      <c r="W13970" s="19"/>
      <c r="X13970" s="19">
        <v>1</v>
      </c>
      <c r="Y13970" s="19"/>
      <c r="Z13970" s="19"/>
      <c r="AA13970" s="19"/>
    </row>
    <row r="13971" spans="1:27" s="1" customFormat="1" ht="14.1" customHeight="1" outlineLevel="4" x14ac:dyDescent="0.2">
      <c r="A13971" s="17"/>
      <c r="B13971" s="17"/>
      <c r="C13971" s="17"/>
      <c r="D13971" s="18"/>
      <c r="E13971" s="18"/>
      <c r="F13971" s="18"/>
      <c r="G13971" s="18"/>
      <c r="H13971" s="18"/>
      <c r="I13971" s="18"/>
      <c r="J13971" s="18"/>
      <c r="K13971" s="18"/>
      <c r="L13971" s="18"/>
      <c r="M13971" s="18"/>
      <c r="N13971" s="18"/>
      <c r="O13971" s="18"/>
      <c r="P13971" s="19"/>
      <c r="Q13971" s="19"/>
      <c r="R13971" s="19"/>
      <c r="S13971" s="19"/>
      <c r="T13971" s="19"/>
      <c r="U13971" s="19"/>
      <c r="V13971" s="19"/>
      <c r="W13971" s="19"/>
      <c r="X13971" s="19"/>
      <c r="Y13971" s="19"/>
      <c r="Z13971" s="19"/>
      <c r="AA13971" s="19"/>
    </row>
    <row r="13972" spans="1:27" s="1" customFormat="1" ht="14.1" customHeight="1" outlineLevel="4" x14ac:dyDescent="0.2">
      <c r="A13972" s="17">
        <v>14830</v>
      </c>
      <c r="B13972" s="17"/>
      <c r="C13972" s="17"/>
      <c r="D13972" s="18" t="s">
        <v>6924</v>
      </c>
      <c r="E13972" s="18"/>
      <c r="F13972" s="18"/>
      <c r="G13972" s="18"/>
      <c r="H13972" s="18"/>
      <c r="I13972" s="18"/>
      <c r="J13972" s="18"/>
      <c r="K13972" s="18"/>
      <c r="L13972" s="18"/>
      <c r="M13972" s="18"/>
      <c r="N13972" s="18"/>
      <c r="O13972" s="18"/>
      <c r="P13972" s="19">
        <v>240</v>
      </c>
      <c r="Q13972" s="19"/>
      <c r="R13972" s="19"/>
      <c r="S13972" s="19"/>
      <c r="T13972" s="19">
        <v>145</v>
      </c>
      <c r="U13972" s="19"/>
      <c r="V13972" s="19"/>
      <c r="W13972" s="19"/>
      <c r="X13972" s="19">
        <v>1</v>
      </c>
      <c r="Y13972" s="19"/>
      <c r="Z13972" s="19"/>
      <c r="AA13972" s="19"/>
    </row>
    <row r="13973" spans="1:27" s="1" customFormat="1" ht="14.1" customHeight="1" outlineLevel="4" x14ac:dyDescent="0.2">
      <c r="A13973" s="17"/>
      <c r="B13973" s="17"/>
      <c r="C13973" s="17"/>
      <c r="D13973" s="18"/>
      <c r="E13973" s="18"/>
      <c r="F13973" s="18"/>
      <c r="G13973" s="18"/>
      <c r="H13973" s="18"/>
      <c r="I13973" s="18"/>
      <c r="J13973" s="18"/>
      <c r="K13973" s="18"/>
      <c r="L13973" s="18"/>
      <c r="M13973" s="18"/>
      <c r="N13973" s="18"/>
      <c r="O13973" s="18"/>
      <c r="P13973" s="19"/>
      <c r="Q13973" s="19"/>
      <c r="R13973" s="19"/>
      <c r="S13973" s="19"/>
      <c r="T13973" s="19"/>
      <c r="U13973" s="19"/>
      <c r="V13973" s="19"/>
      <c r="W13973" s="19"/>
      <c r="X13973" s="19"/>
      <c r="Y13973" s="19"/>
      <c r="Z13973" s="19"/>
      <c r="AA13973" s="19"/>
    </row>
    <row r="13974" spans="1:27" s="1" customFormat="1" ht="14.1" customHeight="1" outlineLevel="4" x14ac:dyDescent="0.2">
      <c r="A13974" s="17">
        <v>14507</v>
      </c>
      <c r="B13974" s="17"/>
      <c r="C13974" s="17"/>
      <c r="D13974" s="18" t="s">
        <v>6925</v>
      </c>
      <c r="E13974" s="18"/>
      <c r="F13974" s="18"/>
      <c r="G13974" s="18"/>
      <c r="H13974" s="18"/>
      <c r="I13974" s="18"/>
      <c r="J13974" s="18"/>
      <c r="K13974" s="18"/>
      <c r="L13974" s="18"/>
      <c r="M13974" s="18"/>
      <c r="N13974" s="18"/>
      <c r="O13974" s="18"/>
      <c r="P13974" s="19">
        <v>240</v>
      </c>
      <c r="Q13974" s="19"/>
      <c r="R13974" s="19"/>
      <c r="S13974" s="19"/>
      <c r="T13974" s="19">
        <v>145</v>
      </c>
      <c r="U13974" s="19"/>
      <c r="V13974" s="19"/>
      <c r="W13974" s="19"/>
      <c r="X13974" s="19">
        <v>1</v>
      </c>
      <c r="Y13974" s="19"/>
      <c r="Z13974" s="19"/>
      <c r="AA13974" s="19"/>
    </row>
    <row r="13975" spans="1:27" s="1" customFormat="1" ht="14.1" customHeight="1" outlineLevel="4" x14ac:dyDescent="0.2">
      <c r="A13975" s="17"/>
      <c r="B13975" s="17"/>
      <c r="C13975" s="17"/>
      <c r="D13975" s="18"/>
      <c r="E13975" s="18"/>
      <c r="F13975" s="18"/>
      <c r="G13975" s="18"/>
      <c r="H13975" s="18"/>
      <c r="I13975" s="18"/>
      <c r="J13975" s="18"/>
      <c r="K13975" s="18"/>
      <c r="L13975" s="18"/>
      <c r="M13975" s="18"/>
      <c r="N13975" s="18"/>
      <c r="O13975" s="18"/>
      <c r="P13975" s="19"/>
      <c r="Q13975" s="19"/>
      <c r="R13975" s="19"/>
      <c r="S13975" s="19"/>
      <c r="T13975" s="19"/>
      <c r="U13975" s="19"/>
      <c r="V13975" s="19"/>
      <c r="W13975" s="19"/>
      <c r="X13975" s="19"/>
      <c r="Y13975" s="19"/>
      <c r="Z13975" s="19"/>
      <c r="AA13975" s="19"/>
    </row>
    <row r="13976" spans="1:27" s="1" customFormat="1" ht="11.1" customHeight="1" outlineLevel="4" x14ac:dyDescent="0.2">
      <c r="A13976" s="17">
        <v>17086</v>
      </c>
      <c r="B13976" s="17"/>
      <c r="C13976" s="17"/>
      <c r="D13976" s="18" t="s">
        <v>6926</v>
      </c>
      <c r="E13976" s="18"/>
      <c r="F13976" s="18"/>
      <c r="G13976" s="18"/>
      <c r="H13976" s="18"/>
      <c r="I13976" s="18"/>
      <c r="J13976" s="18"/>
      <c r="K13976" s="18"/>
      <c r="L13976" s="18"/>
      <c r="M13976" s="18"/>
      <c r="N13976" s="18"/>
      <c r="O13976" s="18"/>
      <c r="P13976" s="19">
        <v>250</v>
      </c>
      <c r="Q13976" s="19"/>
      <c r="R13976" s="19"/>
      <c r="S13976" s="19"/>
      <c r="T13976" s="19">
        <v>100</v>
      </c>
      <c r="U13976" s="19"/>
      <c r="V13976" s="19"/>
      <c r="W13976" s="19"/>
      <c r="X13976" s="19">
        <v>1</v>
      </c>
      <c r="Y13976" s="19"/>
      <c r="Z13976" s="19"/>
      <c r="AA13976" s="19"/>
    </row>
    <row r="13977" spans="1:27" s="1" customFormat="1" ht="11.1" customHeight="1" outlineLevel="4" x14ac:dyDescent="0.2">
      <c r="A13977" s="17"/>
      <c r="B13977" s="17"/>
      <c r="C13977" s="17"/>
      <c r="D13977" s="18"/>
      <c r="E13977" s="18"/>
      <c r="F13977" s="18"/>
      <c r="G13977" s="18"/>
      <c r="H13977" s="18"/>
      <c r="I13977" s="18"/>
      <c r="J13977" s="18"/>
      <c r="K13977" s="18"/>
      <c r="L13977" s="18"/>
      <c r="M13977" s="18"/>
      <c r="N13977" s="18"/>
      <c r="O13977" s="18"/>
      <c r="P13977" s="19"/>
      <c r="Q13977" s="19"/>
      <c r="R13977" s="19"/>
      <c r="S13977" s="19"/>
      <c r="T13977" s="19"/>
      <c r="U13977" s="19"/>
      <c r="V13977" s="19"/>
      <c r="W13977" s="19"/>
      <c r="X13977" s="19"/>
      <c r="Y13977" s="19"/>
      <c r="Z13977" s="19"/>
      <c r="AA13977" s="19"/>
    </row>
    <row r="13978" spans="1:27" s="1" customFormat="1" ht="14.1" customHeight="1" outlineLevel="4" x14ac:dyDescent="0.2">
      <c r="A13978" s="17">
        <v>15987</v>
      </c>
      <c r="B13978" s="17"/>
      <c r="C13978" s="17"/>
      <c r="D13978" s="18" t="s">
        <v>6927</v>
      </c>
      <c r="E13978" s="18"/>
      <c r="F13978" s="18"/>
      <c r="G13978" s="18"/>
      <c r="H13978" s="18"/>
      <c r="I13978" s="18"/>
      <c r="J13978" s="18"/>
      <c r="K13978" s="18"/>
      <c r="L13978" s="18"/>
      <c r="M13978" s="18"/>
      <c r="N13978" s="18"/>
      <c r="O13978" s="18"/>
      <c r="P13978" s="19">
        <v>280</v>
      </c>
      <c r="Q13978" s="19"/>
      <c r="R13978" s="19"/>
      <c r="S13978" s="19"/>
      <c r="T13978" s="19">
        <v>145</v>
      </c>
      <c r="U13978" s="19"/>
      <c r="V13978" s="19"/>
      <c r="W13978" s="19"/>
      <c r="X13978" s="19">
        <v>3</v>
      </c>
      <c r="Y13978" s="19"/>
      <c r="Z13978" s="19"/>
      <c r="AA13978" s="19"/>
    </row>
    <row r="13979" spans="1:27" s="1" customFormat="1" ht="14.1" customHeight="1" outlineLevel="4" x14ac:dyDescent="0.2">
      <c r="A13979" s="17"/>
      <c r="B13979" s="17"/>
      <c r="C13979" s="17"/>
      <c r="D13979" s="18"/>
      <c r="E13979" s="18"/>
      <c r="F13979" s="18"/>
      <c r="G13979" s="18"/>
      <c r="H13979" s="18"/>
      <c r="I13979" s="18"/>
      <c r="J13979" s="18"/>
      <c r="K13979" s="18"/>
      <c r="L13979" s="18"/>
      <c r="M13979" s="18"/>
      <c r="N13979" s="18"/>
      <c r="O13979" s="18"/>
      <c r="P13979" s="19"/>
      <c r="Q13979" s="19"/>
      <c r="R13979" s="19"/>
      <c r="S13979" s="19"/>
      <c r="T13979" s="19"/>
      <c r="U13979" s="19"/>
      <c r="V13979" s="19"/>
      <c r="W13979" s="19"/>
      <c r="X13979" s="19"/>
      <c r="Y13979" s="19"/>
      <c r="Z13979" s="19"/>
      <c r="AA13979" s="19"/>
    </row>
    <row r="13980" spans="1:27" s="1" customFormat="1" ht="14.1" customHeight="1" outlineLevel="4" x14ac:dyDescent="0.2">
      <c r="A13980" s="17">
        <v>15525</v>
      </c>
      <c r="B13980" s="17"/>
      <c r="C13980" s="17"/>
      <c r="D13980" s="18" t="s">
        <v>6928</v>
      </c>
      <c r="E13980" s="18"/>
      <c r="F13980" s="18"/>
      <c r="G13980" s="18"/>
      <c r="H13980" s="18"/>
      <c r="I13980" s="18"/>
      <c r="J13980" s="18"/>
      <c r="K13980" s="18"/>
      <c r="L13980" s="18"/>
      <c r="M13980" s="18"/>
      <c r="N13980" s="18"/>
      <c r="O13980" s="18"/>
      <c r="P13980" s="19">
        <v>300</v>
      </c>
      <c r="Q13980" s="19"/>
      <c r="R13980" s="19"/>
      <c r="S13980" s="19"/>
      <c r="T13980" s="19">
        <v>200</v>
      </c>
      <c r="U13980" s="19"/>
      <c r="V13980" s="19"/>
      <c r="W13980" s="19"/>
      <c r="X13980" s="19">
        <v>1</v>
      </c>
      <c r="Y13980" s="19"/>
      <c r="Z13980" s="19"/>
      <c r="AA13980" s="19"/>
    </row>
    <row r="13981" spans="1:27" s="1" customFormat="1" ht="14.1" customHeight="1" outlineLevel="4" x14ac:dyDescent="0.2">
      <c r="A13981" s="17"/>
      <c r="B13981" s="17"/>
      <c r="C13981" s="17"/>
      <c r="D13981" s="18"/>
      <c r="E13981" s="18"/>
      <c r="F13981" s="18"/>
      <c r="G13981" s="18"/>
      <c r="H13981" s="18"/>
      <c r="I13981" s="18"/>
      <c r="J13981" s="18"/>
      <c r="K13981" s="18"/>
      <c r="L13981" s="18"/>
      <c r="M13981" s="18"/>
      <c r="N13981" s="18"/>
      <c r="O13981" s="18"/>
      <c r="P13981" s="19"/>
      <c r="Q13981" s="19"/>
      <c r="R13981" s="19"/>
      <c r="S13981" s="19"/>
      <c r="T13981" s="19"/>
      <c r="U13981" s="19"/>
      <c r="V13981" s="19"/>
      <c r="W13981" s="19"/>
      <c r="X13981" s="19"/>
      <c r="Y13981" s="19"/>
      <c r="Z13981" s="19"/>
      <c r="AA13981" s="19"/>
    </row>
    <row r="13982" spans="1:27" s="1" customFormat="1" ht="11.1" customHeight="1" outlineLevel="4" x14ac:dyDescent="0.2">
      <c r="A13982" s="17">
        <v>16169</v>
      </c>
      <c r="B13982" s="17"/>
      <c r="C13982" s="17"/>
      <c r="D13982" s="18" t="s">
        <v>6929</v>
      </c>
      <c r="E13982" s="18"/>
      <c r="F13982" s="18"/>
      <c r="G13982" s="18"/>
      <c r="H13982" s="18"/>
      <c r="I13982" s="18"/>
      <c r="J13982" s="18"/>
      <c r="K13982" s="18"/>
      <c r="L13982" s="18"/>
      <c r="M13982" s="18"/>
      <c r="N13982" s="18"/>
      <c r="O13982" s="18"/>
      <c r="P13982" s="19">
        <v>200</v>
      </c>
      <c r="Q13982" s="19"/>
      <c r="R13982" s="19"/>
      <c r="S13982" s="19"/>
      <c r="T13982" s="19">
        <v>120</v>
      </c>
      <c r="U13982" s="19"/>
      <c r="V13982" s="19"/>
      <c r="W13982" s="19"/>
      <c r="X13982" s="19">
        <v>1</v>
      </c>
      <c r="Y13982" s="19"/>
      <c r="Z13982" s="19"/>
      <c r="AA13982" s="19"/>
    </row>
    <row r="13983" spans="1:27" s="1" customFormat="1" ht="11.1" customHeight="1" outlineLevel="4" x14ac:dyDescent="0.2">
      <c r="A13983" s="17"/>
      <c r="B13983" s="17"/>
      <c r="C13983" s="17"/>
      <c r="D13983" s="18"/>
      <c r="E13983" s="18"/>
      <c r="F13983" s="18"/>
      <c r="G13983" s="18"/>
      <c r="H13983" s="18"/>
      <c r="I13983" s="18"/>
      <c r="J13983" s="18"/>
      <c r="K13983" s="18"/>
      <c r="L13983" s="18"/>
      <c r="M13983" s="18"/>
      <c r="N13983" s="18"/>
      <c r="O13983" s="18"/>
      <c r="P13983" s="19"/>
      <c r="Q13983" s="19"/>
      <c r="R13983" s="19"/>
      <c r="S13983" s="19"/>
      <c r="T13983" s="19"/>
      <c r="U13983" s="19"/>
      <c r="V13983" s="19"/>
      <c r="W13983" s="19"/>
      <c r="X13983" s="19"/>
      <c r="Y13983" s="19"/>
      <c r="Z13983" s="19"/>
      <c r="AA13983" s="19"/>
    </row>
    <row r="13984" spans="1:27" s="1" customFormat="1" ht="14.1" customHeight="1" outlineLevel="4" x14ac:dyDescent="0.2">
      <c r="A13984" s="17">
        <v>15983</v>
      </c>
      <c r="B13984" s="17"/>
      <c r="C13984" s="17"/>
      <c r="D13984" s="18" t="s">
        <v>6930</v>
      </c>
      <c r="E13984" s="18"/>
      <c r="F13984" s="18"/>
      <c r="G13984" s="18"/>
      <c r="H13984" s="18"/>
      <c r="I13984" s="18"/>
      <c r="J13984" s="18"/>
      <c r="K13984" s="18"/>
      <c r="L13984" s="18"/>
      <c r="M13984" s="18"/>
      <c r="N13984" s="18"/>
      <c r="O13984" s="18"/>
      <c r="P13984" s="19">
        <v>250</v>
      </c>
      <c r="Q13984" s="19"/>
      <c r="R13984" s="19"/>
      <c r="S13984" s="19"/>
      <c r="T13984" s="19">
        <v>130</v>
      </c>
      <c r="U13984" s="19"/>
      <c r="V13984" s="19"/>
      <c r="W13984" s="19"/>
      <c r="X13984" s="19">
        <v>1</v>
      </c>
      <c r="Y13984" s="19"/>
      <c r="Z13984" s="19"/>
      <c r="AA13984" s="19"/>
    </row>
    <row r="13985" spans="1:27" s="1" customFormat="1" ht="14.1" customHeight="1" outlineLevel="4" x14ac:dyDescent="0.2">
      <c r="A13985" s="17"/>
      <c r="B13985" s="17"/>
      <c r="C13985" s="17"/>
      <c r="D13985" s="18"/>
      <c r="E13985" s="18"/>
      <c r="F13985" s="18"/>
      <c r="G13985" s="18"/>
      <c r="H13985" s="18"/>
      <c r="I13985" s="18"/>
      <c r="J13985" s="18"/>
      <c r="K13985" s="18"/>
      <c r="L13985" s="18"/>
      <c r="M13985" s="18"/>
      <c r="N13985" s="18"/>
      <c r="O13985" s="18"/>
      <c r="P13985" s="19"/>
      <c r="Q13985" s="19"/>
      <c r="R13985" s="19"/>
      <c r="S13985" s="19"/>
      <c r="T13985" s="19"/>
      <c r="U13985" s="19"/>
      <c r="V13985" s="19"/>
      <c r="W13985" s="19"/>
      <c r="X13985" s="19"/>
      <c r="Y13985" s="19"/>
      <c r="Z13985" s="19"/>
      <c r="AA13985" s="19"/>
    </row>
    <row r="13986" spans="1:27" s="1" customFormat="1" ht="14.1" customHeight="1" outlineLevel="4" x14ac:dyDescent="0.2">
      <c r="A13986" s="17">
        <v>15982</v>
      </c>
      <c r="B13986" s="17"/>
      <c r="C13986" s="17"/>
      <c r="D13986" s="18" t="s">
        <v>6931</v>
      </c>
      <c r="E13986" s="18"/>
      <c r="F13986" s="18"/>
      <c r="G13986" s="18"/>
      <c r="H13986" s="18"/>
      <c r="I13986" s="18"/>
      <c r="J13986" s="18"/>
      <c r="K13986" s="18"/>
      <c r="L13986" s="18"/>
      <c r="M13986" s="18"/>
      <c r="N13986" s="18"/>
      <c r="O13986" s="18"/>
      <c r="P13986" s="19">
        <v>250</v>
      </c>
      <c r="Q13986" s="19"/>
      <c r="R13986" s="19"/>
      <c r="S13986" s="19"/>
      <c r="T13986" s="19">
        <v>130</v>
      </c>
      <c r="U13986" s="19"/>
      <c r="V13986" s="19"/>
      <c r="W13986" s="19"/>
      <c r="X13986" s="19">
        <v>1</v>
      </c>
      <c r="Y13986" s="19"/>
      <c r="Z13986" s="19"/>
      <c r="AA13986" s="19"/>
    </row>
    <row r="13987" spans="1:27" s="1" customFormat="1" ht="14.1" customHeight="1" outlineLevel="4" x14ac:dyDescent="0.2">
      <c r="A13987" s="17"/>
      <c r="B13987" s="17"/>
      <c r="C13987" s="17"/>
      <c r="D13987" s="18"/>
      <c r="E13987" s="18"/>
      <c r="F13987" s="18"/>
      <c r="G13987" s="18"/>
      <c r="H13987" s="18"/>
      <c r="I13987" s="18"/>
      <c r="J13987" s="18"/>
      <c r="K13987" s="18"/>
      <c r="L13987" s="18"/>
      <c r="M13987" s="18"/>
      <c r="N13987" s="18"/>
      <c r="O13987" s="18"/>
      <c r="P13987" s="19"/>
      <c r="Q13987" s="19"/>
      <c r="R13987" s="19"/>
      <c r="S13987" s="19"/>
      <c r="T13987" s="19"/>
      <c r="U13987" s="19"/>
      <c r="V13987" s="19"/>
      <c r="W13987" s="19"/>
      <c r="X13987" s="19"/>
      <c r="Y13987" s="19"/>
      <c r="Z13987" s="19"/>
      <c r="AA13987" s="19"/>
    </row>
    <row r="13988" spans="1:27" s="1" customFormat="1" ht="14.1" customHeight="1" outlineLevel="4" x14ac:dyDescent="0.2">
      <c r="A13988" s="17">
        <v>15984</v>
      </c>
      <c r="B13988" s="17"/>
      <c r="C13988" s="17"/>
      <c r="D13988" s="18" t="s">
        <v>6932</v>
      </c>
      <c r="E13988" s="18"/>
      <c r="F13988" s="18"/>
      <c r="G13988" s="18"/>
      <c r="H13988" s="18"/>
      <c r="I13988" s="18"/>
      <c r="J13988" s="18"/>
      <c r="K13988" s="18"/>
      <c r="L13988" s="18"/>
      <c r="M13988" s="18"/>
      <c r="N13988" s="18"/>
      <c r="O13988" s="18"/>
      <c r="P13988" s="19">
        <v>250</v>
      </c>
      <c r="Q13988" s="19"/>
      <c r="R13988" s="19"/>
      <c r="S13988" s="19"/>
      <c r="T13988" s="19">
        <v>130</v>
      </c>
      <c r="U13988" s="19"/>
      <c r="V13988" s="19"/>
      <c r="W13988" s="19"/>
      <c r="X13988" s="19">
        <v>2</v>
      </c>
      <c r="Y13988" s="19"/>
      <c r="Z13988" s="19"/>
      <c r="AA13988" s="19"/>
    </row>
    <row r="13989" spans="1:27" s="1" customFormat="1" ht="14.1" customHeight="1" outlineLevel="4" x14ac:dyDescent="0.2">
      <c r="A13989" s="17"/>
      <c r="B13989" s="17"/>
      <c r="C13989" s="17"/>
      <c r="D13989" s="18"/>
      <c r="E13989" s="18"/>
      <c r="F13989" s="18"/>
      <c r="G13989" s="18"/>
      <c r="H13989" s="18"/>
      <c r="I13989" s="18"/>
      <c r="J13989" s="18"/>
      <c r="K13989" s="18"/>
      <c r="L13989" s="18"/>
      <c r="M13989" s="18"/>
      <c r="N13989" s="18"/>
      <c r="O13989" s="18"/>
      <c r="P13989" s="19"/>
      <c r="Q13989" s="19"/>
      <c r="R13989" s="19"/>
      <c r="S13989" s="19"/>
      <c r="T13989" s="19"/>
      <c r="U13989" s="19"/>
      <c r="V13989" s="19"/>
      <c r="W13989" s="19"/>
      <c r="X13989" s="19"/>
      <c r="Y13989" s="19"/>
      <c r="Z13989" s="19"/>
      <c r="AA13989" s="19"/>
    </row>
    <row r="13990" spans="1:27" s="1" customFormat="1" ht="14.1" customHeight="1" outlineLevel="4" x14ac:dyDescent="0.2">
      <c r="A13990" s="17">
        <v>15985</v>
      </c>
      <c r="B13990" s="17"/>
      <c r="C13990" s="17"/>
      <c r="D13990" s="18" t="s">
        <v>6933</v>
      </c>
      <c r="E13990" s="18"/>
      <c r="F13990" s="18"/>
      <c r="G13990" s="18"/>
      <c r="H13990" s="18"/>
      <c r="I13990" s="18"/>
      <c r="J13990" s="18"/>
      <c r="K13990" s="18"/>
      <c r="L13990" s="18"/>
      <c r="M13990" s="18"/>
      <c r="N13990" s="18"/>
      <c r="O13990" s="18"/>
      <c r="P13990" s="19">
        <v>250</v>
      </c>
      <c r="Q13990" s="19"/>
      <c r="R13990" s="19"/>
      <c r="S13990" s="19"/>
      <c r="T13990" s="19">
        <v>130</v>
      </c>
      <c r="U13990" s="19"/>
      <c r="V13990" s="19"/>
      <c r="W13990" s="19"/>
      <c r="X13990" s="19">
        <v>1</v>
      </c>
      <c r="Y13990" s="19"/>
      <c r="Z13990" s="19"/>
      <c r="AA13990" s="19"/>
    </row>
    <row r="13991" spans="1:27" s="1" customFormat="1" ht="14.1" customHeight="1" outlineLevel="4" x14ac:dyDescent="0.2">
      <c r="A13991" s="17"/>
      <c r="B13991" s="17"/>
      <c r="C13991" s="17"/>
      <c r="D13991" s="18"/>
      <c r="E13991" s="18"/>
      <c r="F13991" s="18"/>
      <c r="G13991" s="18"/>
      <c r="H13991" s="18"/>
      <c r="I13991" s="18"/>
      <c r="J13991" s="18"/>
      <c r="K13991" s="18"/>
      <c r="L13991" s="18"/>
      <c r="M13991" s="18"/>
      <c r="N13991" s="18"/>
      <c r="O13991" s="18"/>
      <c r="P13991" s="19"/>
      <c r="Q13991" s="19"/>
      <c r="R13991" s="19"/>
      <c r="S13991" s="19"/>
      <c r="T13991" s="19"/>
      <c r="U13991" s="19"/>
      <c r="V13991" s="19"/>
      <c r="W13991" s="19"/>
      <c r="X13991" s="19"/>
      <c r="Y13991" s="19"/>
      <c r="Z13991" s="19"/>
      <c r="AA13991" s="19"/>
    </row>
    <row r="13992" spans="1:27" s="1" customFormat="1" ht="14.1" customHeight="1" outlineLevel="4" x14ac:dyDescent="0.2">
      <c r="A13992" s="17">
        <v>15986</v>
      </c>
      <c r="B13992" s="17"/>
      <c r="C13992" s="17"/>
      <c r="D13992" s="18" t="s">
        <v>6934</v>
      </c>
      <c r="E13992" s="18"/>
      <c r="F13992" s="18"/>
      <c r="G13992" s="18"/>
      <c r="H13992" s="18"/>
      <c r="I13992" s="18"/>
      <c r="J13992" s="18"/>
      <c r="K13992" s="18"/>
      <c r="L13992" s="18"/>
      <c r="M13992" s="18"/>
      <c r="N13992" s="18"/>
      <c r="O13992" s="18"/>
      <c r="P13992" s="19">
        <v>250</v>
      </c>
      <c r="Q13992" s="19"/>
      <c r="R13992" s="19"/>
      <c r="S13992" s="19"/>
      <c r="T13992" s="19">
        <v>130</v>
      </c>
      <c r="U13992" s="19"/>
      <c r="V13992" s="19"/>
      <c r="W13992" s="19"/>
      <c r="X13992" s="19">
        <v>1</v>
      </c>
      <c r="Y13992" s="19"/>
      <c r="Z13992" s="19"/>
      <c r="AA13992" s="19"/>
    </row>
    <row r="13993" spans="1:27" s="1" customFormat="1" ht="14.1" customHeight="1" outlineLevel="4" x14ac:dyDescent="0.2">
      <c r="A13993" s="17"/>
      <c r="B13993" s="17"/>
      <c r="C13993" s="17"/>
      <c r="D13993" s="18"/>
      <c r="E13993" s="18"/>
      <c r="F13993" s="18"/>
      <c r="G13993" s="18"/>
      <c r="H13993" s="18"/>
      <c r="I13993" s="18"/>
      <c r="J13993" s="18"/>
      <c r="K13993" s="18"/>
      <c r="L13993" s="18"/>
      <c r="M13993" s="18"/>
      <c r="N13993" s="18"/>
      <c r="O13993" s="18"/>
      <c r="P13993" s="19"/>
      <c r="Q13993" s="19"/>
      <c r="R13993" s="19"/>
      <c r="S13993" s="19"/>
      <c r="T13993" s="19"/>
      <c r="U13993" s="19"/>
      <c r="V13993" s="19"/>
      <c r="W13993" s="19"/>
      <c r="X13993" s="19"/>
      <c r="Y13993" s="19"/>
      <c r="Z13993" s="19"/>
      <c r="AA13993" s="19"/>
    </row>
    <row r="13994" spans="1:27" s="1" customFormat="1" ht="14.1" customHeight="1" outlineLevel="4" x14ac:dyDescent="0.2">
      <c r="A13994" s="17">
        <v>16593</v>
      </c>
      <c r="B13994" s="17"/>
      <c r="C13994" s="17"/>
      <c r="D13994" s="18" t="s">
        <v>6935</v>
      </c>
      <c r="E13994" s="18"/>
      <c r="F13994" s="18"/>
      <c r="G13994" s="18"/>
      <c r="H13994" s="18"/>
      <c r="I13994" s="18"/>
      <c r="J13994" s="18"/>
      <c r="K13994" s="18"/>
      <c r="L13994" s="18"/>
      <c r="M13994" s="18"/>
      <c r="N13994" s="18"/>
      <c r="O13994" s="18"/>
      <c r="P13994" s="19">
        <v>350</v>
      </c>
      <c r="Q13994" s="19"/>
      <c r="R13994" s="19"/>
      <c r="S13994" s="19"/>
      <c r="T13994" s="19">
        <v>150</v>
      </c>
      <c r="U13994" s="19"/>
      <c r="V13994" s="19"/>
      <c r="W13994" s="19"/>
      <c r="X13994" s="19">
        <v>1</v>
      </c>
      <c r="Y13994" s="19"/>
      <c r="Z13994" s="19"/>
      <c r="AA13994" s="19"/>
    </row>
    <row r="13995" spans="1:27" s="1" customFormat="1" ht="14.1" customHeight="1" outlineLevel="4" x14ac:dyDescent="0.2">
      <c r="A13995" s="17"/>
      <c r="B13995" s="17"/>
      <c r="C13995" s="17"/>
      <c r="D13995" s="18"/>
      <c r="E13995" s="18"/>
      <c r="F13995" s="18"/>
      <c r="G13995" s="18"/>
      <c r="H13995" s="18"/>
      <c r="I13995" s="18"/>
      <c r="J13995" s="18"/>
      <c r="K13995" s="18"/>
      <c r="L13995" s="18"/>
      <c r="M13995" s="18"/>
      <c r="N13995" s="18"/>
      <c r="O13995" s="18"/>
      <c r="P13995" s="19"/>
      <c r="Q13995" s="19"/>
      <c r="R13995" s="19"/>
      <c r="S13995" s="19"/>
      <c r="T13995" s="19"/>
      <c r="U13995" s="19"/>
      <c r="V13995" s="19"/>
      <c r="W13995" s="19"/>
      <c r="X13995" s="19"/>
      <c r="Y13995" s="19"/>
      <c r="Z13995" s="19"/>
      <c r="AA13995" s="19"/>
    </row>
    <row r="13996" spans="1:27" s="1" customFormat="1" ht="14.1" customHeight="1" outlineLevel="4" x14ac:dyDescent="0.2">
      <c r="A13996" s="17">
        <v>15974</v>
      </c>
      <c r="B13996" s="17"/>
      <c r="C13996" s="17"/>
      <c r="D13996" s="18" t="s">
        <v>6936</v>
      </c>
      <c r="E13996" s="18"/>
      <c r="F13996" s="18"/>
      <c r="G13996" s="18"/>
      <c r="H13996" s="18"/>
      <c r="I13996" s="18"/>
      <c r="J13996" s="18"/>
      <c r="K13996" s="18"/>
      <c r="L13996" s="18"/>
      <c r="M13996" s="18"/>
      <c r="N13996" s="18"/>
      <c r="O13996" s="18"/>
      <c r="P13996" s="19">
        <v>300</v>
      </c>
      <c r="Q13996" s="19"/>
      <c r="R13996" s="19"/>
      <c r="S13996" s="19"/>
      <c r="T13996" s="19">
        <v>150</v>
      </c>
      <c r="U13996" s="19"/>
      <c r="V13996" s="19"/>
      <c r="W13996" s="19"/>
      <c r="X13996" s="19">
        <v>1</v>
      </c>
      <c r="Y13996" s="19"/>
      <c r="Z13996" s="19"/>
      <c r="AA13996" s="19"/>
    </row>
    <row r="13997" spans="1:27" s="1" customFormat="1" ht="14.1" customHeight="1" outlineLevel="4" x14ac:dyDescent="0.2">
      <c r="A13997" s="17"/>
      <c r="B13997" s="17"/>
      <c r="C13997" s="17"/>
      <c r="D13997" s="18"/>
      <c r="E13997" s="18"/>
      <c r="F13997" s="18"/>
      <c r="G13997" s="18"/>
      <c r="H13997" s="18"/>
      <c r="I13997" s="18"/>
      <c r="J13997" s="18"/>
      <c r="K13997" s="18"/>
      <c r="L13997" s="18"/>
      <c r="M13997" s="18"/>
      <c r="N13997" s="18"/>
      <c r="O13997" s="18"/>
      <c r="P13997" s="19"/>
      <c r="Q13997" s="19"/>
      <c r="R13997" s="19"/>
      <c r="S13997" s="19"/>
      <c r="T13997" s="19"/>
      <c r="U13997" s="19"/>
      <c r="V13997" s="19"/>
      <c r="W13997" s="19"/>
      <c r="X13997" s="19"/>
      <c r="Y13997" s="19"/>
      <c r="Z13997" s="19"/>
      <c r="AA13997" s="19"/>
    </row>
    <row r="13998" spans="1:27" s="1" customFormat="1" ht="14.1" customHeight="1" outlineLevel="4" x14ac:dyDescent="0.2">
      <c r="A13998" s="17">
        <v>15975</v>
      </c>
      <c r="B13998" s="17"/>
      <c r="C13998" s="17"/>
      <c r="D13998" s="18" t="s">
        <v>6937</v>
      </c>
      <c r="E13998" s="18"/>
      <c r="F13998" s="18"/>
      <c r="G13998" s="18"/>
      <c r="H13998" s="18"/>
      <c r="I13998" s="18"/>
      <c r="J13998" s="18"/>
      <c r="K13998" s="18"/>
      <c r="L13998" s="18"/>
      <c r="M13998" s="18"/>
      <c r="N13998" s="18"/>
      <c r="O13998" s="18"/>
      <c r="P13998" s="19">
        <v>300</v>
      </c>
      <c r="Q13998" s="19"/>
      <c r="R13998" s="19"/>
      <c r="S13998" s="19"/>
      <c r="T13998" s="19">
        <v>150</v>
      </c>
      <c r="U13998" s="19"/>
      <c r="V13998" s="19"/>
      <c r="W13998" s="19"/>
      <c r="X13998" s="19">
        <v>1</v>
      </c>
      <c r="Y13998" s="19"/>
      <c r="Z13998" s="19"/>
      <c r="AA13998" s="19"/>
    </row>
    <row r="13999" spans="1:27" s="1" customFormat="1" ht="14.1" customHeight="1" outlineLevel="4" x14ac:dyDescent="0.2">
      <c r="A13999" s="17"/>
      <c r="B13999" s="17"/>
      <c r="C13999" s="17"/>
      <c r="D13999" s="18"/>
      <c r="E13999" s="18"/>
      <c r="F13999" s="18"/>
      <c r="G13999" s="18"/>
      <c r="H13999" s="18"/>
      <c r="I13999" s="18"/>
      <c r="J13999" s="18"/>
      <c r="K13999" s="18"/>
      <c r="L13999" s="18"/>
      <c r="M13999" s="18"/>
      <c r="N13999" s="18"/>
      <c r="O13999" s="18"/>
      <c r="P13999" s="19"/>
      <c r="Q13999" s="19"/>
      <c r="R13999" s="19"/>
      <c r="S13999" s="19"/>
      <c r="T13999" s="19"/>
      <c r="U13999" s="19"/>
      <c r="V13999" s="19"/>
      <c r="W13999" s="19"/>
      <c r="X13999" s="19"/>
      <c r="Y13999" s="19"/>
      <c r="Z13999" s="19"/>
      <c r="AA13999" s="19"/>
    </row>
    <row r="14000" spans="1:27" s="1" customFormat="1" ht="14.1" customHeight="1" outlineLevel="4" x14ac:dyDescent="0.2">
      <c r="A14000" s="17">
        <v>15994</v>
      </c>
      <c r="B14000" s="17"/>
      <c r="C14000" s="17"/>
      <c r="D14000" s="18" t="s">
        <v>6938</v>
      </c>
      <c r="E14000" s="18"/>
      <c r="F14000" s="18"/>
      <c r="G14000" s="18"/>
      <c r="H14000" s="18"/>
      <c r="I14000" s="18"/>
      <c r="J14000" s="18"/>
      <c r="K14000" s="18"/>
      <c r="L14000" s="18"/>
      <c r="M14000" s="18"/>
      <c r="N14000" s="18"/>
      <c r="O14000" s="18"/>
      <c r="P14000" s="19">
        <v>300</v>
      </c>
      <c r="Q14000" s="19"/>
      <c r="R14000" s="19"/>
      <c r="S14000" s="19"/>
      <c r="T14000" s="19">
        <v>150</v>
      </c>
      <c r="U14000" s="19"/>
      <c r="V14000" s="19"/>
      <c r="W14000" s="19"/>
      <c r="X14000" s="19">
        <v>1</v>
      </c>
      <c r="Y14000" s="19"/>
      <c r="Z14000" s="19"/>
      <c r="AA14000" s="19"/>
    </row>
    <row r="14001" spans="1:27" s="1" customFormat="1" ht="14.1" customHeight="1" outlineLevel="4" x14ac:dyDescent="0.2">
      <c r="A14001" s="17"/>
      <c r="B14001" s="17"/>
      <c r="C14001" s="17"/>
      <c r="D14001" s="18"/>
      <c r="E14001" s="18"/>
      <c r="F14001" s="18"/>
      <c r="G14001" s="18"/>
      <c r="H14001" s="18"/>
      <c r="I14001" s="18"/>
      <c r="J14001" s="18"/>
      <c r="K14001" s="18"/>
      <c r="L14001" s="18"/>
      <c r="M14001" s="18"/>
      <c r="N14001" s="18"/>
      <c r="O14001" s="18"/>
      <c r="P14001" s="19"/>
      <c r="Q14001" s="19"/>
      <c r="R14001" s="19"/>
      <c r="S14001" s="19"/>
      <c r="T14001" s="19"/>
      <c r="U14001" s="19"/>
      <c r="V14001" s="19"/>
      <c r="W14001" s="19"/>
      <c r="X14001" s="19"/>
      <c r="Y14001" s="19"/>
      <c r="Z14001" s="19"/>
      <c r="AA14001" s="19"/>
    </row>
    <row r="14002" spans="1:27" s="1" customFormat="1" ht="14.1" customHeight="1" outlineLevel="4" x14ac:dyDescent="0.2">
      <c r="A14002" s="17">
        <v>15978</v>
      </c>
      <c r="B14002" s="17"/>
      <c r="C14002" s="17"/>
      <c r="D14002" s="18" t="s">
        <v>6939</v>
      </c>
      <c r="E14002" s="18"/>
      <c r="F14002" s="18"/>
      <c r="G14002" s="18"/>
      <c r="H14002" s="18"/>
      <c r="I14002" s="18"/>
      <c r="J14002" s="18"/>
      <c r="K14002" s="18"/>
      <c r="L14002" s="18"/>
      <c r="M14002" s="18"/>
      <c r="N14002" s="18"/>
      <c r="O14002" s="18"/>
      <c r="P14002" s="19">
        <v>300</v>
      </c>
      <c r="Q14002" s="19"/>
      <c r="R14002" s="19"/>
      <c r="S14002" s="19"/>
      <c r="T14002" s="19">
        <v>150</v>
      </c>
      <c r="U14002" s="19"/>
      <c r="V14002" s="19"/>
      <c r="W14002" s="19"/>
      <c r="X14002" s="19">
        <v>1</v>
      </c>
      <c r="Y14002" s="19"/>
      <c r="Z14002" s="19"/>
      <c r="AA14002" s="19"/>
    </row>
    <row r="14003" spans="1:27" s="1" customFormat="1" ht="14.1" customHeight="1" outlineLevel="4" x14ac:dyDescent="0.2">
      <c r="A14003" s="17"/>
      <c r="B14003" s="17"/>
      <c r="C14003" s="17"/>
      <c r="D14003" s="18"/>
      <c r="E14003" s="18"/>
      <c r="F14003" s="18"/>
      <c r="G14003" s="18"/>
      <c r="H14003" s="18"/>
      <c r="I14003" s="18"/>
      <c r="J14003" s="18"/>
      <c r="K14003" s="18"/>
      <c r="L14003" s="18"/>
      <c r="M14003" s="18"/>
      <c r="N14003" s="18"/>
      <c r="O14003" s="18"/>
      <c r="P14003" s="19"/>
      <c r="Q14003" s="19"/>
      <c r="R14003" s="19"/>
      <c r="S14003" s="19"/>
      <c r="T14003" s="19"/>
      <c r="U14003" s="19"/>
      <c r="V14003" s="19"/>
      <c r="W14003" s="19"/>
      <c r="X14003" s="19"/>
      <c r="Y14003" s="19"/>
      <c r="Z14003" s="19"/>
      <c r="AA14003" s="19"/>
    </row>
    <row r="14004" spans="1:27" s="1" customFormat="1" ht="14.1" customHeight="1" outlineLevel="4" x14ac:dyDescent="0.2">
      <c r="A14004" s="17">
        <v>15977</v>
      </c>
      <c r="B14004" s="17"/>
      <c r="C14004" s="17"/>
      <c r="D14004" s="18" t="s">
        <v>6940</v>
      </c>
      <c r="E14004" s="18"/>
      <c r="F14004" s="18"/>
      <c r="G14004" s="18"/>
      <c r="H14004" s="18"/>
      <c r="I14004" s="18"/>
      <c r="J14004" s="18"/>
      <c r="K14004" s="18"/>
      <c r="L14004" s="18"/>
      <c r="M14004" s="18"/>
      <c r="N14004" s="18"/>
      <c r="O14004" s="18"/>
      <c r="P14004" s="19">
        <v>300</v>
      </c>
      <c r="Q14004" s="19"/>
      <c r="R14004" s="19"/>
      <c r="S14004" s="19"/>
      <c r="T14004" s="19">
        <v>150</v>
      </c>
      <c r="U14004" s="19"/>
      <c r="V14004" s="19"/>
      <c r="W14004" s="19"/>
      <c r="X14004" s="19">
        <v>1</v>
      </c>
      <c r="Y14004" s="19"/>
      <c r="Z14004" s="19"/>
      <c r="AA14004" s="19"/>
    </row>
    <row r="14005" spans="1:27" s="1" customFormat="1" ht="14.1" customHeight="1" outlineLevel="4" x14ac:dyDescent="0.2">
      <c r="A14005" s="17"/>
      <c r="B14005" s="17"/>
      <c r="C14005" s="17"/>
      <c r="D14005" s="18"/>
      <c r="E14005" s="18"/>
      <c r="F14005" s="18"/>
      <c r="G14005" s="18"/>
      <c r="H14005" s="18"/>
      <c r="I14005" s="18"/>
      <c r="J14005" s="18"/>
      <c r="K14005" s="18"/>
      <c r="L14005" s="18"/>
      <c r="M14005" s="18"/>
      <c r="N14005" s="18"/>
      <c r="O14005" s="18"/>
      <c r="P14005" s="19"/>
      <c r="Q14005" s="19"/>
      <c r="R14005" s="19"/>
      <c r="S14005" s="19"/>
      <c r="T14005" s="19"/>
      <c r="U14005" s="19"/>
      <c r="V14005" s="19"/>
      <c r="W14005" s="19"/>
      <c r="X14005" s="19"/>
      <c r="Y14005" s="19"/>
      <c r="Z14005" s="19"/>
      <c r="AA14005" s="19"/>
    </row>
    <row r="14006" spans="1:27" s="1" customFormat="1" ht="14.1" customHeight="1" outlineLevel="4" x14ac:dyDescent="0.2">
      <c r="A14006" s="17">
        <v>15979</v>
      </c>
      <c r="B14006" s="17"/>
      <c r="C14006" s="17"/>
      <c r="D14006" s="18" t="s">
        <v>6941</v>
      </c>
      <c r="E14006" s="18"/>
      <c r="F14006" s="18"/>
      <c r="G14006" s="18"/>
      <c r="H14006" s="18"/>
      <c r="I14006" s="18"/>
      <c r="J14006" s="18"/>
      <c r="K14006" s="18"/>
      <c r="L14006" s="18"/>
      <c r="M14006" s="18"/>
      <c r="N14006" s="18"/>
      <c r="O14006" s="18"/>
      <c r="P14006" s="19">
        <v>300</v>
      </c>
      <c r="Q14006" s="19"/>
      <c r="R14006" s="19"/>
      <c r="S14006" s="19"/>
      <c r="T14006" s="19">
        <v>150</v>
      </c>
      <c r="U14006" s="19"/>
      <c r="V14006" s="19"/>
      <c r="W14006" s="19"/>
      <c r="X14006" s="19">
        <v>1</v>
      </c>
      <c r="Y14006" s="19"/>
      <c r="Z14006" s="19"/>
      <c r="AA14006" s="19"/>
    </row>
    <row r="14007" spans="1:27" s="1" customFormat="1" ht="14.1" customHeight="1" outlineLevel="4" x14ac:dyDescent="0.2">
      <c r="A14007" s="17"/>
      <c r="B14007" s="17"/>
      <c r="C14007" s="17"/>
      <c r="D14007" s="18"/>
      <c r="E14007" s="18"/>
      <c r="F14007" s="18"/>
      <c r="G14007" s="18"/>
      <c r="H14007" s="18"/>
      <c r="I14007" s="18"/>
      <c r="J14007" s="18"/>
      <c r="K14007" s="18"/>
      <c r="L14007" s="18"/>
      <c r="M14007" s="18"/>
      <c r="N14007" s="18"/>
      <c r="O14007" s="18"/>
      <c r="P14007" s="19"/>
      <c r="Q14007" s="19"/>
      <c r="R14007" s="19"/>
      <c r="S14007" s="19"/>
      <c r="T14007" s="19"/>
      <c r="U14007" s="19"/>
      <c r="V14007" s="19"/>
      <c r="W14007" s="19"/>
      <c r="X14007" s="19"/>
      <c r="Y14007" s="19"/>
      <c r="Z14007" s="19"/>
      <c r="AA14007" s="19"/>
    </row>
    <row r="14008" spans="1:27" s="1" customFormat="1" ht="11.1" customHeight="1" outlineLevel="3" x14ac:dyDescent="0.2">
      <c r="A14008" s="16" t="s">
        <v>6942</v>
      </c>
      <c r="B14008" s="16"/>
      <c r="C14008" s="16"/>
      <c r="D14008" s="16"/>
      <c r="E14008" s="16"/>
      <c r="F14008" s="16"/>
      <c r="G14008" s="16"/>
      <c r="H14008" s="16"/>
      <c r="I14008" s="16"/>
      <c r="J14008" s="16"/>
      <c r="K14008" s="16"/>
      <c r="L14008" s="16"/>
      <c r="M14008" s="16"/>
      <c r="N14008" s="16"/>
      <c r="O14008" s="16"/>
      <c r="P14008" s="16"/>
      <c r="Q14008" s="16"/>
      <c r="R14008" s="16"/>
      <c r="S14008" s="16"/>
      <c r="T14008" s="16"/>
      <c r="U14008" s="16"/>
      <c r="V14008" s="16"/>
      <c r="W14008" s="16"/>
      <c r="X14008" s="16"/>
      <c r="Y14008" s="16"/>
      <c r="Z14008" s="16"/>
      <c r="AA14008" s="16"/>
    </row>
    <row r="14009" spans="1:27" s="1" customFormat="1" ht="11.1" customHeight="1" outlineLevel="3" x14ac:dyDescent="0.2">
      <c r="A14009" s="16"/>
      <c r="B14009" s="16"/>
      <c r="C14009" s="16"/>
      <c r="D14009" s="16"/>
      <c r="E14009" s="16"/>
      <c r="F14009" s="16"/>
      <c r="G14009" s="16"/>
      <c r="H14009" s="16"/>
      <c r="I14009" s="16"/>
      <c r="J14009" s="16"/>
      <c r="K14009" s="16"/>
      <c r="L14009" s="16"/>
      <c r="M14009" s="16"/>
      <c r="N14009" s="16"/>
      <c r="O14009" s="16"/>
      <c r="P14009" s="16"/>
      <c r="Q14009" s="16"/>
      <c r="R14009" s="16"/>
      <c r="S14009" s="16"/>
      <c r="T14009" s="16"/>
      <c r="U14009" s="16"/>
      <c r="V14009" s="16"/>
      <c r="W14009" s="16"/>
      <c r="X14009" s="16"/>
      <c r="Y14009" s="16"/>
      <c r="Z14009" s="16"/>
      <c r="AA14009" s="16"/>
    </row>
    <row r="14010" spans="1:27" s="1" customFormat="1" ht="14.1" customHeight="1" outlineLevel="4" x14ac:dyDescent="0.2">
      <c r="A14010" s="17">
        <v>15991</v>
      </c>
      <c r="B14010" s="17"/>
      <c r="C14010" s="17"/>
      <c r="D14010" s="18" t="s">
        <v>6943</v>
      </c>
      <c r="E14010" s="18"/>
      <c r="F14010" s="18"/>
      <c r="G14010" s="18"/>
      <c r="H14010" s="18"/>
      <c r="I14010" s="18"/>
      <c r="J14010" s="18"/>
      <c r="K14010" s="18"/>
      <c r="L14010" s="18"/>
      <c r="M14010" s="18"/>
      <c r="N14010" s="18"/>
      <c r="O14010" s="18"/>
      <c r="P14010" s="19">
        <v>300</v>
      </c>
      <c r="Q14010" s="19"/>
      <c r="R14010" s="19"/>
      <c r="S14010" s="19"/>
      <c r="T14010" s="19">
        <v>150</v>
      </c>
      <c r="U14010" s="19"/>
      <c r="V14010" s="19"/>
      <c r="W14010" s="19"/>
      <c r="X14010" s="19">
        <v>2</v>
      </c>
      <c r="Y14010" s="19"/>
      <c r="Z14010" s="19"/>
      <c r="AA14010" s="19"/>
    </row>
    <row r="14011" spans="1:27" s="1" customFormat="1" ht="14.1" customHeight="1" outlineLevel="4" x14ac:dyDescent="0.2">
      <c r="A14011" s="17"/>
      <c r="B14011" s="17"/>
      <c r="C14011" s="17"/>
      <c r="D14011" s="18"/>
      <c r="E14011" s="18"/>
      <c r="F14011" s="18"/>
      <c r="G14011" s="18"/>
      <c r="H14011" s="18"/>
      <c r="I14011" s="18"/>
      <c r="J14011" s="18"/>
      <c r="K14011" s="18"/>
      <c r="L14011" s="18"/>
      <c r="M14011" s="18"/>
      <c r="N14011" s="18"/>
      <c r="O14011" s="18"/>
      <c r="P14011" s="19"/>
      <c r="Q14011" s="19"/>
      <c r="R14011" s="19"/>
      <c r="S14011" s="19"/>
      <c r="T14011" s="19"/>
      <c r="U14011" s="19"/>
      <c r="V14011" s="19"/>
      <c r="W14011" s="19"/>
      <c r="X14011" s="19"/>
      <c r="Y14011" s="19"/>
      <c r="Z14011" s="19"/>
      <c r="AA14011" s="19"/>
    </row>
    <row r="14012" spans="1:27" s="1" customFormat="1" ht="14.1" customHeight="1" outlineLevel="4" x14ac:dyDescent="0.2">
      <c r="A14012" s="17">
        <v>15993</v>
      </c>
      <c r="B14012" s="17"/>
      <c r="C14012" s="17"/>
      <c r="D14012" s="18" t="s">
        <v>6944</v>
      </c>
      <c r="E14012" s="18"/>
      <c r="F14012" s="18"/>
      <c r="G14012" s="18"/>
      <c r="H14012" s="18"/>
      <c r="I14012" s="18"/>
      <c r="J14012" s="18"/>
      <c r="K14012" s="18"/>
      <c r="L14012" s="18"/>
      <c r="M14012" s="18"/>
      <c r="N14012" s="18"/>
      <c r="O14012" s="18"/>
      <c r="P14012" s="19">
        <v>300</v>
      </c>
      <c r="Q14012" s="19"/>
      <c r="R14012" s="19"/>
      <c r="S14012" s="19"/>
      <c r="T14012" s="19">
        <v>150</v>
      </c>
      <c r="U14012" s="19"/>
      <c r="V14012" s="19"/>
      <c r="W14012" s="19"/>
      <c r="X14012" s="19">
        <v>2</v>
      </c>
      <c r="Y14012" s="19"/>
      <c r="Z14012" s="19"/>
      <c r="AA14012" s="19"/>
    </row>
    <row r="14013" spans="1:27" s="1" customFormat="1" ht="14.1" customHeight="1" outlineLevel="4" x14ac:dyDescent="0.2">
      <c r="A14013" s="17"/>
      <c r="B14013" s="17"/>
      <c r="C14013" s="17"/>
      <c r="D14013" s="18"/>
      <c r="E14013" s="18"/>
      <c r="F14013" s="18"/>
      <c r="G14013" s="18"/>
      <c r="H14013" s="18"/>
      <c r="I14013" s="18"/>
      <c r="J14013" s="18"/>
      <c r="K14013" s="18"/>
      <c r="L14013" s="18"/>
      <c r="M14013" s="18"/>
      <c r="N14013" s="18"/>
      <c r="O14013" s="18"/>
      <c r="P14013" s="19"/>
      <c r="Q14013" s="19"/>
      <c r="R14013" s="19"/>
      <c r="S14013" s="19"/>
      <c r="T14013" s="19"/>
      <c r="U14013" s="19"/>
      <c r="V14013" s="19"/>
      <c r="W14013" s="19"/>
      <c r="X14013" s="19"/>
      <c r="Y14013" s="19"/>
      <c r="Z14013" s="19"/>
      <c r="AA14013" s="19"/>
    </row>
    <row r="14014" spans="1:27" s="1" customFormat="1" ht="14.1" customHeight="1" outlineLevel="4" x14ac:dyDescent="0.2">
      <c r="A14014" s="17">
        <v>15992</v>
      </c>
      <c r="B14014" s="17"/>
      <c r="C14014" s="17"/>
      <c r="D14014" s="18" t="s">
        <v>6945</v>
      </c>
      <c r="E14014" s="18"/>
      <c r="F14014" s="18"/>
      <c r="G14014" s="18"/>
      <c r="H14014" s="18"/>
      <c r="I14014" s="18"/>
      <c r="J14014" s="18"/>
      <c r="K14014" s="18"/>
      <c r="L14014" s="18"/>
      <c r="M14014" s="18"/>
      <c r="N14014" s="18"/>
      <c r="O14014" s="18"/>
      <c r="P14014" s="19">
        <v>300</v>
      </c>
      <c r="Q14014" s="19"/>
      <c r="R14014" s="19"/>
      <c r="S14014" s="19"/>
      <c r="T14014" s="19">
        <v>150</v>
      </c>
      <c r="U14014" s="19"/>
      <c r="V14014" s="19"/>
      <c r="W14014" s="19"/>
      <c r="X14014" s="19">
        <v>2</v>
      </c>
      <c r="Y14014" s="19"/>
      <c r="Z14014" s="19"/>
      <c r="AA14014" s="19"/>
    </row>
    <row r="14015" spans="1:27" s="1" customFormat="1" ht="14.1" customHeight="1" outlineLevel="4" x14ac:dyDescent="0.2">
      <c r="A14015" s="17"/>
      <c r="B14015" s="17"/>
      <c r="C14015" s="17"/>
      <c r="D14015" s="18"/>
      <c r="E14015" s="18"/>
      <c r="F14015" s="18"/>
      <c r="G14015" s="18"/>
      <c r="H14015" s="18"/>
      <c r="I14015" s="18"/>
      <c r="J14015" s="18"/>
      <c r="K14015" s="18"/>
      <c r="L14015" s="18"/>
      <c r="M14015" s="18"/>
      <c r="N14015" s="18"/>
      <c r="O14015" s="18"/>
      <c r="P14015" s="19"/>
      <c r="Q14015" s="19"/>
      <c r="R14015" s="19"/>
      <c r="S14015" s="19"/>
      <c r="T14015" s="19"/>
      <c r="U14015" s="19"/>
      <c r="V14015" s="19"/>
      <c r="W14015" s="19"/>
      <c r="X14015" s="19"/>
      <c r="Y14015" s="19"/>
      <c r="Z14015" s="19"/>
      <c r="AA14015" s="19"/>
    </row>
    <row r="14016" spans="1:27" s="1" customFormat="1" ht="14.1" customHeight="1" outlineLevel="4" x14ac:dyDescent="0.2">
      <c r="A14016" s="17">
        <v>15990</v>
      </c>
      <c r="B14016" s="17"/>
      <c r="C14016" s="17"/>
      <c r="D14016" s="18" t="s">
        <v>6946</v>
      </c>
      <c r="E14016" s="18"/>
      <c r="F14016" s="18"/>
      <c r="G14016" s="18"/>
      <c r="H14016" s="18"/>
      <c r="I14016" s="18"/>
      <c r="J14016" s="18"/>
      <c r="K14016" s="18"/>
      <c r="L14016" s="18"/>
      <c r="M14016" s="18"/>
      <c r="N14016" s="18"/>
      <c r="O14016" s="18"/>
      <c r="P14016" s="19">
        <v>300</v>
      </c>
      <c r="Q14016" s="19"/>
      <c r="R14016" s="19"/>
      <c r="S14016" s="19"/>
      <c r="T14016" s="19">
        <v>150</v>
      </c>
      <c r="U14016" s="19"/>
      <c r="V14016" s="19"/>
      <c r="W14016" s="19"/>
      <c r="X14016" s="19">
        <v>2</v>
      </c>
      <c r="Y14016" s="19"/>
      <c r="Z14016" s="19"/>
      <c r="AA14016" s="19"/>
    </row>
    <row r="14017" spans="1:27" s="1" customFormat="1" ht="14.1" customHeight="1" outlineLevel="4" x14ac:dyDescent="0.2">
      <c r="A14017" s="17"/>
      <c r="B14017" s="17"/>
      <c r="C14017" s="17"/>
      <c r="D14017" s="18"/>
      <c r="E14017" s="18"/>
      <c r="F14017" s="18"/>
      <c r="G14017" s="18"/>
      <c r="H14017" s="18"/>
      <c r="I14017" s="18"/>
      <c r="J14017" s="18"/>
      <c r="K14017" s="18"/>
      <c r="L14017" s="18"/>
      <c r="M14017" s="18"/>
      <c r="N14017" s="18"/>
      <c r="O14017" s="18"/>
      <c r="P14017" s="19"/>
      <c r="Q14017" s="19"/>
      <c r="R14017" s="19"/>
      <c r="S14017" s="19"/>
      <c r="T14017" s="19"/>
      <c r="U14017" s="19"/>
      <c r="V14017" s="19"/>
      <c r="W14017" s="19"/>
      <c r="X14017" s="19"/>
      <c r="Y14017" s="19"/>
      <c r="Z14017" s="19"/>
      <c r="AA14017" s="19"/>
    </row>
    <row r="14018" spans="1:27" s="1" customFormat="1" ht="11.1" customHeight="1" outlineLevel="1" x14ac:dyDescent="0.2">
      <c r="A14018" s="16" t="s">
        <v>6947</v>
      </c>
      <c r="B14018" s="16"/>
      <c r="C14018" s="16"/>
      <c r="D14018" s="16"/>
      <c r="E14018" s="16"/>
      <c r="F14018" s="16"/>
      <c r="G14018" s="16"/>
      <c r="H14018" s="16"/>
      <c r="I14018" s="16"/>
      <c r="J14018" s="16"/>
      <c r="K14018" s="16"/>
      <c r="L14018" s="16"/>
      <c r="M14018" s="16"/>
      <c r="N14018" s="16"/>
      <c r="O14018" s="16"/>
      <c r="P14018" s="16"/>
      <c r="Q14018" s="16"/>
      <c r="R14018" s="16"/>
      <c r="S14018" s="16"/>
      <c r="T14018" s="16"/>
      <c r="U14018" s="16"/>
      <c r="V14018" s="16"/>
      <c r="W14018" s="16"/>
      <c r="X14018" s="16"/>
      <c r="Y14018" s="16"/>
      <c r="Z14018" s="16"/>
      <c r="AA14018" s="16"/>
    </row>
    <row r="14019" spans="1:27" s="1" customFormat="1" ht="11.1" customHeight="1" outlineLevel="1" x14ac:dyDescent="0.2">
      <c r="A14019" s="16"/>
      <c r="B14019" s="16"/>
      <c r="C14019" s="16"/>
      <c r="D14019" s="16"/>
      <c r="E14019" s="16"/>
      <c r="F14019" s="16"/>
      <c r="G14019" s="16"/>
      <c r="H14019" s="16"/>
      <c r="I14019" s="16"/>
      <c r="J14019" s="16"/>
      <c r="K14019" s="16"/>
      <c r="L14019" s="16"/>
      <c r="M14019" s="16"/>
      <c r="N14019" s="16"/>
      <c r="O14019" s="16"/>
      <c r="P14019" s="16"/>
      <c r="Q14019" s="16"/>
      <c r="R14019" s="16"/>
      <c r="S14019" s="16"/>
      <c r="T14019" s="16"/>
      <c r="U14019" s="16"/>
      <c r="V14019" s="16"/>
      <c r="W14019" s="16"/>
      <c r="X14019" s="16"/>
      <c r="Y14019" s="16"/>
      <c r="Z14019" s="16"/>
      <c r="AA14019" s="16"/>
    </row>
    <row r="14020" spans="1:27" s="1" customFormat="1" ht="11.1" customHeight="1" outlineLevel="2" x14ac:dyDescent="0.2">
      <c r="A14020" s="16" t="s">
        <v>6948</v>
      </c>
      <c r="B14020" s="16"/>
      <c r="C14020" s="16"/>
      <c r="D14020" s="16"/>
      <c r="E14020" s="16"/>
      <c r="F14020" s="16"/>
      <c r="G14020" s="16"/>
      <c r="H14020" s="16"/>
      <c r="I14020" s="16"/>
      <c r="J14020" s="16"/>
      <c r="K14020" s="16"/>
      <c r="L14020" s="16"/>
      <c r="M14020" s="16"/>
      <c r="N14020" s="16"/>
      <c r="O14020" s="16"/>
      <c r="P14020" s="16"/>
      <c r="Q14020" s="16"/>
      <c r="R14020" s="16"/>
      <c r="S14020" s="16"/>
      <c r="T14020" s="16"/>
      <c r="U14020" s="16"/>
      <c r="V14020" s="16"/>
      <c r="W14020" s="16"/>
      <c r="X14020" s="16"/>
      <c r="Y14020" s="16"/>
      <c r="Z14020" s="16"/>
      <c r="AA14020" s="16"/>
    </row>
    <row r="14021" spans="1:27" s="1" customFormat="1" ht="11.1" customHeight="1" outlineLevel="2" x14ac:dyDescent="0.2">
      <c r="A14021" s="16"/>
      <c r="B14021" s="16"/>
      <c r="C14021" s="16"/>
      <c r="D14021" s="16"/>
      <c r="E14021" s="16"/>
      <c r="F14021" s="16"/>
      <c r="G14021" s="16"/>
      <c r="H14021" s="16"/>
      <c r="I14021" s="16"/>
      <c r="J14021" s="16"/>
      <c r="K14021" s="16"/>
      <c r="L14021" s="16"/>
      <c r="M14021" s="16"/>
      <c r="N14021" s="16"/>
      <c r="O14021" s="16"/>
      <c r="P14021" s="16"/>
      <c r="Q14021" s="16"/>
      <c r="R14021" s="16"/>
      <c r="S14021" s="16"/>
      <c r="T14021" s="16"/>
      <c r="U14021" s="16"/>
      <c r="V14021" s="16"/>
      <c r="W14021" s="16"/>
      <c r="X14021" s="16"/>
      <c r="Y14021" s="16"/>
      <c r="Z14021" s="16"/>
      <c r="AA14021" s="16"/>
    </row>
    <row r="14022" spans="1:27" s="1" customFormat="1" ht="14.1" customHeight="1" outlineLevel="3" x14ac:dyDescent="0.2">
      <c r="A14022" s="17">
        <v>11441</v>
      </c>
      <c r="B14022" s="17"/>
      <c r="C14022" s="17"/>
      <c r="D14022" s="18" t="s">
        <v>6949</v>
      </c>
      <c r="E14022" s="18"/>
      <c r="F14022" s="18"/>
      <c r="G14022" s="18"/>
      <c r="H14022" s="18"/>
      <c r="I14022" s="18"/>
      <c r="J14022" s="18"/>
      <c r="K14022" s="18"/>
      <c r="L14022" s="18"/>
      <c r="M14022" s="18"/>
      <c r="N14022" s="18"/>
      <c r="O14022" s="18"/>
      <c r="P14022" s="19">
        <v>650</v>
      </c>
      <c r="Q14022" s="19"/>
      <c r="R14022" s="19"/>
      <c r="S14022" s="19"/>
      <c r="T14022" s="19">
        <v>460</v>
      </c>
      <c r="U14022" s="19"/>
      <c r="V14022" s="19"/>
      <c r="W14022" s="19"/>
      <c r="X14022" s="19">
        <v>9</v>
      </c>
      <c r="Y14022" s="19"/>
      <c r="Z14022" s="19"/>
      <c r="AA14022" s="19"/>
    </row>
    <row r="14023" spans="1:27" s="1" customFormat="1" ht="14.1" customHeight="1" outlineLevel="3" x14ac:dyDescent="0.2">
      <c r="A14023" s="17"/>
      <c r="B14023" s="17"/>
      <c r="C14023" s="17"/>
      <c r="D14023" s="18"/>
      <c r="E14023" s="18"/>
      <c r="F14023" s="18"/>
      <c r="G14023" s="18"/>
      <c r="H14023" s="18"/>
      <c r="I14023" s="18"/>
      <c r="J14023" s="18"/>
      <c r="K14023" s="18"/>
      <c r="L14023" s="18"/>
      <c r="M14023" s="18"/>
      <c r="N14023" s="18"/>
      <c r="O14023" s="18"/>
      <c r="P14023" s="19"/>
      <c r="Q14023" s="19"/>
      <c r="R14023" s="19"/>
      <c r="S14023" s="19"/>
      <c r="T14023" s="19"/>
      <c r="U14023" s="19"/>
      <c r="V14023" s="19"/>
      <c r="W14023" s="19"/>
      <c r="X14023" s="19"/>
      <c r="Y14023" s="19"/>
      <c r="Z14023" s="19"/>
      <c r="AA14023" s="19"/>
    </row>
    <row r="14024" spans="1:27" s="1" customFormat="1" ht="11.1" customHeight="1" outlineLevel="2" x14ac:dyDescent="0.2">
      <c r="A14024" s="16" t="s">
        <v>6950</v>
      </c>
      <c r="B14024" s="16"/>
      <c r="C14024" s="16"/>
      <c r="D14024" s="16"/>
      <c r="E14024" s="16"/>
      <c r="F14024" s="16"/>
      <c r="G14024" s="16"/>
      <c r="H14024" s="16"/>
      <c r="I14024" s="16"/>
      <c r="J14024" s="16"/>
      <c r="K14024" s="16"/>
      <c r="L14024" s="16"/>
      <c r="M14024" s="16"/>
      <c r="N14024" s="16"/>
      <c r="O14024" s="16"/>
      <c r="P14024" s="16"/>
      <c r="Q14024" s="16"/>
      <c r="R14024" s="16"/>
      <c r="S14024" s="16"/>
      <c r="T14024" s="16"/>
      <c r="U14024" s="16"/>
      <c r="V14024" s="16"/>
      <c r="W14024" s="16"/>
      <c r="X14024" s="16"/>
      <c r="Y14024" s="16"/>
      <c r="Z14024" s="16"/>
      <c r="AA14024" s="16"/>
    </row>
    <row r="14025" spans="1:27" s="1" customFormat="1" ht="11.1" customHeight="1" outlineLevel="2" x14ac:dyDescent="0.2">
      <c r="A14025" s="16"/>
      <c r="B14025" s="16"/>
      <c r="C14025" s="16"/>
      <c r="D14025" s="16"/>
      <c r="E14025" s="16"/>
      <c r="F14025" s="16"/>
      <c r="G14025" s="16"/>
      <c r="H14025" s="16"/>
      <c r="I14025" s="16"/>
      <c r="J14025" s="16"/>
      <c r="K14025" s="16"/>
      <c r="L14025" s="16"/>
      <c r="M14025" s="16"/>
      <c r="N14025" s="16"/>
      <c r="O14025" s="16"/>
      <c r="P14025" s="16"/>
      <c r="Q14025" s="16"/>
      <c r="R14025" s="16"/>
      <c r="S14025" s="16"/>
      <c r="T14025" s="16"/>
      <c r="U14025" s="16"/>
      <c r="V14025" s="16"/>
      <c r="W14025" s="16"/>
      <c r="X14025" s="16"/>
      <c r="Y14025" s="16"/>
      <c r="Z14025" s="16"/>
      <c r="AA14025" s="16"/>
    </row>
    <row r="14026" spans="1:27" s="1" customFormat="1" ht="11.1" customHeight="1" outlineLevel="3" x14ac:dyDescent="0.2">
      <c r="A14026" s="17">
        <v>16314</v>
      </c>
      <c r="B14026" s="17"/>
      <c r="C14026" s="17"/>
      <c r="D14026" s="18" t="s">
        <v>6951</v>
      </c>
      <c r="E14026" s="18"/>
      <c r="F14026" s="18"/>
      <c r="G14026" s="18"/>
      <c r="H14026" s="18"/>
      <c r="I14026" s="18"/>
      <c r="J14026" s="18"/>
      <c r="K14026" s="18"/>
      <c r="L14026" s="18"/>
      <c r="M14026" s="18"/>
      <c r="N14026" s="18"/>
      <c r="O14026" s="18"/>
      <c r="P14026" s="19">
        <v>500</v>
      </c>
      <c r="Q14026" s="19"/>
      <c r="R14026" s="19"/>
      <c r="S14026" s="19"/>
      <c r="T14026" s="19">
        <v>290</v>
      </c>
      <c r="U14026" s="19"/>
      <c r="V14026" s="19"/>
      <c r="W14026" s="19"/>
      <c r="X14026" s="19">
        <v>2</v>
      </c>
      <c r="Y14026" s="19"/>
      <c r="Z14026" s="19"/>
      <c r="AA14026" s="19"/>
    </row>
    <row r="14027" spans="1:27" s="1" customFormat="1" ht="11.1" customHeight="1" outlineLevel="3" x14ac:dyDescent="0.2">
      <c r="A14027" s="17"/>
      <c r="B14027" s="17"/>
      <c r="C14027" s="17"/>
      <c r="D14027" s="18"/>
      <c r="E14027" s="18"/>
      <c r="F14027" s="18"/>
      <c r="G14027" s="18"/>
      <c r="H14027" s="18"/>
      <c r="I14027" s="18"/>
      <c r="J14027" s="18"/>
      <c r="K14027" s="18"/>
      <c r="L14027" s="18"/>
      <c r="M14027" s="18"/>
      <c r="N14027" s="18"/>
      <c r="O14027" s="18"/>
      <c r="P14027" s="19"/>
      <c r="Q14027" s="19"/>
      <c r="R14027" s="19"/>
      <c r="S14027" s="19"/>
      <c r="T14027" s="19"/>
      <c r="U14027" s="19"/>
      <c r="V14027" s="19"/>
      <c r="W14027" s="19"/>
      <c r="X14027" s="19"/>
      <c r="Y14027" s="19"/>
      <c r="Z14027" s="19"/>
      <c r="AA14027" s="19"/>
    </row>
    <row r="14028" spans="1:27" s="1" customFormat="1" ht="11.1" customHeight="1" outlineLevel="3" x14ac:dyDescent="0.2">
      <c r="A14028" s="17">
        <v>16313</v>
      </c>
      <c r="B14028" s="17"/>
      <c r="C14028" s="17"/>
      <c r="D14028" s="18" t="s">
        <v>6952</v>
      </c>
      <c r="E14028" s="18"/>
      <c r="F14028" s="18"/>
      <c r="G14028" s="18"/>
      <c r="H14028" s="18"/>
      <c r="I14028" s="18"/>
      <c r="J14028" s="18"/>
      <c r="K14028" s="18"/>
      <c r="L14028" s="18"/>
      <c r="M14028" s="18"/>
      <c r="N14028" s="18"/>
      <c r="O14028" s="18"/>
      <c r="P14028" s="19">
        <v>550</v>
      </c>
      <c r="Q14028" s="19"/>
      <c r="R14028" s="19"/>
      <c r="S14028" s="19"/>
      <c r="T14028" s="19">
        <v>320</v>
      </c>
      <c r="U14028" s="19"/>
      <c r="V14028" s="19"/>
      <c r="W14028" s="19"/>
      <c r="X14028" s="19">
        <v>2</v>
      </c>
      <c r="Y14028" s="19"/>
      <c r="Z14028" s="19"/>
      <c r="AA14028" s="19"/>
    </row>
    <row r="14029" spans="1:27" s="1" customFormat="1" ht="11.1" customHeight="1" outlineLevel="3" x14ac:dyDescent="0.2">
      <c r="A14029" s="17"/>
      <c r="B14029" s="17"/>
      <c r="C14029" s="17"/>
      <c r="D14029" s="18"/>
      <c r="E14029" s="18"/>
      <c r="F14029" s="18"/>
      <c r="G14029" s="18"/>
      <c r="H14029" s="18"/>
      <c r="I14029" s="18"/>
      <c r="J14029" s="18"/>
      <c r="K14029" s="18"/>
      <c r="L14029" s="18"/>
      <c r="M14029" s="18"/>
      <c r="N14029" s="18"/>
      <c r="O14029" s="18"/>
      <c r="P14029" s="19"/>
      <c r="Q14029" s="19"/>
      <c r="R14029" s="19"/>
      <c r="S14029" s="19"/>
      <c r="T14029" s="19"/>
      <c r="U14029" s="19"/>
      <c r="V14029" s="19"/>
      <c r="W14029" s="19"/>
      <c r="X14029" s="19"/>
      <c r="Y14029" s="19"/>
      <c r="Z14029" s="19"/>
      <c r="AA14029" s="19"/>
    </row>
    <row r="14030" spans="1:27" s="1" customFormat="1" ht="14.1" customHeight="1" outlineLevel="3" x14ac:dyDescent="0.2">
      <c r="A14030" s="17">
        <v>16089</v>
      </c>
      <c r="B14030" s="17"/>
      <c r="C14030" s="17"/>
      <c r="D14030" s="18" t="s">
        <v>6953</v>
      </c>
      <c r="E14030" s="18"/>
      <c r="F14030" s="18"/>
      <c r="G14030" s="18"/>
      <c r="H14030" s="18"/>
      <c r="I14030" s="18"/>
      <c r="J14030" s="18"/>
      <c r="K14030" s="18"/>
      <c r="L14030" s="18"/>
      <c r="M14030" s="18"/>
      <c r="N14030" s="18"/>
      <c r="O14030" s="18"/>
      <c r="P14030" s="20">
        <v>1050</v>
      </c>
      <c r="Q14030" s="20"/>
      <c r="R14030" s="20"/>
      <c r="S14030" s="20"/>
      <c r="T14030" s="19">
        <v>650</v>
      </c>
      <c r="U14030" s="19"/>
      <c r="V14030" s="19"/>
      <c r="W14030" s="19"/>
      <c r="X14030" s="19">
        <v>4</v>
      </c>
      <c r="Y14030" s="19"/>
      <c r="Z14030" s="19"/>
      <c r="AA14030" s="19"/>
    </row>
    <row r="14031" spans="1:27" s="1" customFormat="1" ht="14.1" customHeight="1" outlineLevel="3" x14ac:dyDescent="0.2">
      <c r="A14031" s="17"/>
      <c r="B14031" s="17"/>
      <c r="C14031" s="17"/>
      <c r="D14031" s="18"/>
      <c r="E14031" s="18"/>
      <c r="F14031" s="18"/>
      <c r="G14031" s="18"/>
      <c r="H14031" s="18"/>
      <c r="I14031" s="18"/>
      <c r="J14031" s="18"/>
      <c r="K14031" s="18"/>
      <c r="L14031" s="18"/>
      <c r="M14031" s="18"/>
      <c r="N14031" s="18"/>
      <c r="O14031" s="18"/>
      <c r="P14031" s="20"/>
      <c r="Q14031" s="20"/>
      <c r="R14031" s="20"/>
      <c r="S14031" s="20"/>
      <c r="T14031" s="19"/>
      <c r="U14031" s="19"/>
      <c r="V14031" s="19"/>
      <c r="W14031" s="19"/>
      <c r="X14031" s="19"/>
      <c r="Y14031" s="19"/>
      <c r="Z14031" s="19"/>
      <c r="AA14031" s="19"/>
    </row>
    <row r="14032" spans="1:27" s="1" customFormat="1" ht="14.1" customHeight="1" outlineLevel="3" x14ac:dyDescent="0.2">
      <c r="A14032" s="17">
        <v>12413</v>
      </c>
      <c r="B14032" s="17"/>
      <c r="C14032" s="17"/>
      <c r="D14032" s="18" t="s">
        <v>6954</v>
      </c>
      <c r="E14032" s="18"/>
      <c r="F14032" s="18"/>
      <c r="G14032" s="18"/>
      <c r="H14032" s="18"/>
      <c r="I14032" s="18"/>
      <c r="J14032" s="18"/>
      <c r="K14032" s="18"/>
      <c r="L14032" s="18"/>
      <c r="M14032" s="18"/>
      <c r="N14032" s="18"/>
      <c r="O14032" s="18"/>
      <c r="P14032" s="19">
        <v>160</v>
      </c>
      <c r="Q14032" s="19"/>
      <c r="R14032" s="19"/>
      <c r="S14032" s="19"/>
      <c r="T14032" s="19">
        <v>120</v>
      </c>
      <c r="U14032" s="19"/>
      <c r="V14032" s="19"/>
      <c r="W14032" s="19"/>
      <c r="X14032" s="19">
        <v>3</v>
      </c>
      <c r="Y14032" s="19"/>
      <c r="Z14032" s="19"/>
      <c r="AA14032" s="19"/>
    </row>
    <row r="14033" spans="1:27" s="1" customFormat="1" ht="14.1" customHeight="1" outlineLevel="3" x14ac:dyDescent="0.2">
      <c r="A14033" s="17"/>
      <c r="B14033" s="17"/>
      <c r="C14033" s="17"/>
      <c r="D14033" s="18"/>
      <c r="E14033" s="18"/>
      <c r="F14033" s="18"/>
      <c r="G14033" s="18"/>
      <c r="H14033" s="18"/>
      <c r="I14033" s="18"/>
      <c r="J14033" s="18"/>
      <c r="K14033" s="18"/>
      <c r="L14033" s="18"/>
      <c r="M14033" s="18"/>
      <c r="N14033" s="18"/>
      <c r="O14033" s="18"/>
      <c r="P14033" s="19"/>
      <c r="Q14033" s="19"/>
      <c r="R14033" s="19"/>
      <c r="S14033" s="19"/>
      <c r="T14033" s="19"/>
      <c r="U14033" s="19"/>
      <c r="V14033" s="19"/>
      <c r="W14033" s="19"/>
      <c r="X14033" s="19"/>
      <c r="Y14033" s="19"/>
      <c r="Z14033" s="19"/>
      <c r="AA14033" s="19"/>
    </row>
    <row r="14034" spans="1:27" s="1" customFormat="1" ht="11.1" customHeight="1" outlineLevel="3" x14ac:dyDescent="0.2">
      <c r="A14034" s="17">
        <v>10828</v>
      </c>
      <c r="B14034" s="17"/>
      <c r="C14034" s="17"/>
      <c r="D14034" s="18" t="s">
        <v>6955</v>
      </c>
      <c r="E14034" s="18"/>
      <c r="F14034" s="18"/>
      <c r="G14034" s="18"/>
      <c r="H14034" s="18"/>
      <c r="I14034" s="18"/>
      <c r="J14034" s="18"/>
      <c r="K14034" s="18"/>
      <c r="L14034" s="18"/>
      <c r="M14034" s="18"/>
      <c r="N14034" s="18"/>
      <c r="O14034" s="18"/>
      <c r="P14034" s="19">
        <v>290</v>
      </c>
      <c r="Q14034" s="19"/>
      <c r="R14034" s="19"/>
      <c r="S14034" s="19"/>
      <c r="T14034" s="19">
        <v>190</v>
      </c>
      <c r="U14034" s="19"/>
      <c r="V14034" s="19"/>
      <c r="W14034" s="19"/>
      <c r="X14034" s="19">
        <v>33</v>
      </c>
      <c r="Y14034" s="19"/>
      <c r="Z14034" s="19"/>
      <c r="AA14034" s="19"/>
    </row>
    <row r="14035" spans="1:27" s="1" customFormat="1" ht="11.1" customHeight="1" outlineLevel="3" x14ac:dyDescent="0.2">
      <c r="A14035" s="17"/>
      <c r="B14035" s="17"/>
      <c r="C14035" s="17"/>
      <c r="D14035" s="18"/>
      <c r="E14035" s="18"/>
      <c r="F14035" s="18"/>
      <c r="G14035" s="18"/>
      <c r="H14035" s="18"/>
      <c r="I14035" s="18"/>
      <c r="J14035" s="18"/>
      <c r="K14035" s="18"/>
      <c r="L14035" s="18"/>
      <c r="M14035" s="18"/>
      <c r="N14035" s="18"/>
      <c r="O14035" s="18"/>
      <c r="P14035" s="19"/>
      <c r="Q14035" s="19"/>
      <c r="R14035" s="19"/>
      <c r="S14035" s="19"/>
      <c r="T14035" s="19"/>
      <c r="U14035" s="19"/>
      <c r="V14035" s="19"/>
      <c r="W14035" s="19"/>
      <c r="X14035" s="19"/>
      <c r="Y14035" s="19"/>
      <c r="Z14035" s="19"/>
      <c r="AA14035" s="19"/>
    </row>
    <row r="14036" spans="1:27" s="1" customFormat="1" ht="11.1" customHeight="1" outlineLevel="3" x14ac:dyDescent="0.2">
      <c r="A14036" s="17">
        <v>11520</v>
      </c>
      <c r="B14036" s="17"/>
      <c r="C14036" s="17"/>
      <c r="D14036" s="18" t="s">
        <v>6956</v>
      </c>
      <c r="E14036" s="18"/>
      <c r="F14036" s="18"/>
      <c r="G14036" s="18"/>
      <c r="H14036" s="18"/>
      <c r="I14036" s="18"/>
      <c r="J14036" s="18"/>
      <c r="K14036" s="18"/>
      <c r="L14036" s="18"/>
      <c r="M14036" s="18"/>
      <c r="N14036" s="18"/>
      <c r="O14036" s="18"/>
      <c r="P14036" s="19">
        <v>350</v>
      </c>
      <c r="Q14036" s="19"/>
      <c r="R14036" s="19"/>
      <c r="S14036" s="19"/>
      <c r="T14036" s="19">
        <v>240</v>
      </c>
      <c r="U14036" s="19"/>
      <c r="V14036" s="19"/>
      <c r="W14036" s="19"/>
      <c r="X14036" s="19">
        <v>12</v>
      </c>
      <c r="Y14036" s="19"/>
      <c r="Z14036" s="19"/>
      <c r="AA14036" s="19"/>
    </row>
    <row r="14037" spans="1:27" s="1" customFormat="1" ht="11.1" customHeight="1" outlineLevel="3" x14ac:dyDescent="0.2">
      <c r="A14037" s="17"/>
      <c r="B14037" s="17"/>
      <c r="C14037" s="17"/>
      <c r="D14037" s="18"/>
      <c r="E14037" s="18"/>
      <c r="F14037" s="18"/>
      <c r="G14037" s="18"/>
      <c r="H14037" s="18"/>
      <c r="I14037" s="18"/>
      <c r="J14037" s="18"/>
      <c r="K14037" s="18"/>
      <c r="L14037" s="18"/>
      <c r="M14037" s="18"/>
      <c r="N14037" s="18"/>
      <c r="O14037" s="18"/>
      <c r="P14037" s="19"/>
      <c r="Q14037" s="19"/>
      <c r="R14037" s="19"/>
      <c r="S14037" s="19"/>
      <c r="T14037" s="19"/>
      <c r="U14037" s="19"/>
      <c r="V14037" s="19"/>
      <c r="W14037" s="19"/>
      <c r="X14037" s="19"/>
      <c r="Y14037" s="19"/>
      <c r="Z14037" s="19"/>
      <c r="AA14037" s="19"/>
    </row>
    <row r="14038" spans="1:27" s="1" customFormat="1" ht="11.1" customHeight="1" outlineLevel="3" x14ac:dyDescent="0.2">
      <c r="A14038" s="17">
        <v>11521</v>
      </c>
      <c r="B14038" s="17"/>
      <c r="C14038" s="17"/>
      <c r="D14038" s="18" t="s">
        <v>6957</v>
      </c>
      <c r="E14038" s="18"/>
      <c r="F14038" s="18"/>
      <c r="G14038" s="18"/>
      <c r="H14038" s="18"/>
      <c r="I14038" s="18"/>
      <c r="J14038" s="18"/>
      <c r="K14038" s="18"/>
      <c r="L14038" s="18"/>
      <c r="M14038" s="18"/>
      <c r="N14038" s="18"/>
      <c r="O14038" s="18"/>
      <c r="P14038" s="19">
        <v>330</v>
      </c>
      <c r="Q14038" s="19"/>
      <c r="R14038" s="19"/>
      <c r="S14038" s="19"/>
      <c r="T14038" s="19">
        <v>220</v>
      </c>
      <c r="U14038" s="19"/>
      <c r="V14038" s="19"/>
      <c r="W14038" s="19"/>
      <c r="X14038" s="19">
        <v>36</v>
      </c>
      <c r="Y14038" s="19"/>
      <c r="Z14038" s="19"/>
      <c r="AA14038" s="19"/>
    </row>
    <row r="14039" spans="1:27" s="1" customFormat="1" ht="11.1" customHeight="1" outlineLevel="3" x14ac:dyDescent="0.2">
      <c r="A14039" s="17"/>
      <c r="B14039" s="17"/>
      <c r="C14039" s="17"/>
      <c r="D14039" s="18"/>
      <c r="E14039" s="18"/>
      <c r="F14039" s="18"/>
      <c r="G14039" s="18"/>
      <c r="H14039" s="18"/>
      <c r="I14039" s="18"/>
      <c r="J14039" s="18"/>
      <c r="K14039" s="18"/>
      <c r="L14039" s="18"/>
      <c r="M14039" s="18"/>
      <c r="N14039" s="18"/>
      <c r="O14039" s="18"/>
      <c r="P14039" s="19"/>
      <c r="Q14039" s="19"/>
      <c r="R14039" s="19"/>
      <c r="S14039" s="19"/>
      <c r="T14039" s="19"/>
      <c r="U14039" s="19"/>
      <c r="V14039" s="19"/>
      <c r="W14039" s="19"/>
      <c r="X14039" s="19"/>
      <c r="Y14039" s="19"/>
      <c r="Z14039" s="19"/>
      <c r="AA14039" s="19"/>
    </row>
    <row r="14040" spans="1:27" s="1" customFormat="1" ht="11.1" customHeight="1" outlineLevel="3" x14ac:dyDescent="0.2">
      <c r="A14040" s="17">
        <v>12983</v>
      </c>
      <c r="B14040" s="17"/>
      <c r="C14040" s="17"/>
      <c r="D14040" s="18" t="s">
        <v>6958</v>
      </c>
      <c r="E14040" s="18"/>
      <c r="F14040" s="18"/>
      <c r="G14040" s="18"/>
      <c r="H14040" s="18"/>
      <c r="I14040" s="18"/>
      <c r="J14040" s="18"/>
      <c r="K14040" s="18"/>
      <c r="L14040" s="18"/>
      <c r="M14040" s="18"/>
      <c r="N14040" s="18"/>
      <c r="O14040" s="18"/>
      <c r="P14040" s="19">
        <v>400</v>
      </c>
      <c r="Q14040" s="19"/>
      <c r="R14040" s="19"/>
      <c r="S14040" s="19"/>
      <c r="T14040" s="19">
        <v>290</v>
      </c>
      <c r="U14040" s="19"/>
      <c r="V14040" s="19"/>
      <c r="W14040" s="19"/>
      <c r="X14040" s="19">
        <v>7</v>
      </c>
      <c r="Y14040" s="19"/>
      <c r="Z14040" s="19"/>
      <c r="AA14040" s="19"/>
    </row>
    <row r="14041" spans="1:27" s="1" customFormat="1" ht="11.1" customHeight="1" outlineLevel="3" x14ac:dyDescent="0.2">
      <c r="A14041" s="17"/>
      <c r="B14041" s="17"/>
      <c r="C14041" s="17"/>
      <c r="D14041" s="18"/>
      <c r="E14041" s="18"/>
      <c r="F14041" s="18"/>
      <c r="G14041" s="18"/>
      <c r="H14041" s="18"/>
      <c r="I14041" s="18"/>
      <c r="J14041" s="18"/>
      <c r="K14041" s="18"/>
      <c r="L14041" s="18"/>
      <c r="M14041" s="18"/>
      <c r="N14041" s="18"/>
      <c r="O14041" s="18"/>
      <c r="P14041" s="19"/>
      <c r="Q14041" s="19"/>
      <c r="R14041" s="19"/>
      <c r="S14041" s="19"/>
      <c r="T14041" s="19"/>
      <c r="U14041" s="19"/>
      <c r="V14041" s="19"/>
      <c r="W14041" s="19"/>
      <c r="X14041" s="19"/>
      <c r="Y14041" s="19"/>
      <c r="Z14041" s="19"/>
      <c r="AA14041" s="19"/>
    </row>
    <row r="14042" spans="1:27" s="1" customFormat="1" ht="11.1" customHeight="1" outlineLevel="3" x14ac:dyDescent="0.2">
      <c r="A14042" s="17">
        <v>10771</v>
      </c>
      <c r="B14042" s="17"/>
      <c r="C14042" s="17"/>
      <c r="D14042" s="18" t="s">
        <v>6959</v>
      </c>
      <c r="E14042" s="18"/>
      <c r="F14042" s="18"/>
      <c r="G14042" s="18"/>
      <c r="H14042" s="18"/>
      <c r="I14042" s="18"/>
      <c r="J14042" s="18"/>
      <c r="K14042" s="18"/>
      <c r="L14042" s="18"/>
      <c r="M14042" s="18"/>
      <c r="N14042" s="18"/>
      <c r="O14042" s="18"/>
      <c r="P14042" s="19">
        <v>120</v>
      </c>
      <c r="Q14042" s="19"/>
      <c r="R14042" s="19"/>
      <c r="S14042" s="19"/>
      <c r="T14042" s="19">
        <v>77</v>
      </c>
      <c r="U14042" s="19"/>
      <c r="V14042" s="19"/>
      <c r="W14042" s="19"/>
      <c r="X14042" s="19">
        <v>6</v>
      </c>
      <c r="Y14042" s="19"/>
      <c r="Z14042" s="19"/>
      <c r="AA14042" s="19"/>
    </row>
    <row r="14043" spans="1:27" s="1" customFormat="1" ht="11.1" customHeight="1" outlineLevel="3" x14ac:dyDescent="0.2">
      <c r="A14043" s="17"/>
      <c r="B14043" s="17"/>
      <c r="C14043" s="17"/>
      <c r="D14043" s="18"/>
      <c r="E14043" s="18"/>
      <c r="F14043" s="18"/>
      <c r="G14043" s="18"/>
      <c r="H14043" s="18"/>
      <c r="I14043" s="18"/>
      <c r="J14043" s="18"/>
      <c r="K14043" s="18"/>
      <c r="L14043" s="18"/>
      <c r="M14043" s="18"/>
      <c r="N14043" s="18"/>
      <c r="O14043" s="18"/>
      <c r="P14043" s="19"/>
      <c r="Q14043" s="19"/>
      <c r="R14043" s="19"/>
      <c r="S14043" s="19"/>
      <c r="T14043" s="19"/>
      <c r="U14043" s="19"/>
      <c r="V14043" s="19"/>
      <c r="W14043" s="19"/>
      <c r="X14043" s="19"/>
      <c r="Y14043" s="19"/>
      <c r="Z14043" s="19"/>
      <c r="AA14043" s="19"/>
    </row>
    <row r="14044" spans="1:27" s="1" customFormat="1" ht="14.1" customHeight="1" outlineLevel="3" x14ac:dyDescent="0.2">
      <c r="A14044" s="17">
        <v>13801</v>
      </c>
      <c r="B14044" s="17"/>
      <c r="C14044" s="17"/>
      <c r="D14044" s="18" t="s">
        <v>6960</v>
      </c>
      <c r="E14044" s="18"/>
      <c r="F14044" s="18"/>
      <c r="G14044" s="18"/>
      <c r="H14044" s="18"/>
      <c r="I14044" s="18"/>
      <c r="J14044" s="18"/>
      <c r="K14044" s="18"/>
      <c r="L14044" s="18"/>
      <c r="M14044" s="18"/>
      <c r="N14044" s="18"/>
      <c r="O14044" s="18"/>
      <c r="P14044" s="19">
        <v>700</v>
      </c>
      <c r="Q14044" s="19"/>
      <c r="R14044" s="19"/>
      <c r="S14044" s="19"/>
      <c r="T14044" s="19">
        <v>610</v>
      </c>
      <c r="U14044" s="19"/>
      <c r="V14044" s="19"/>
      <c r="W14044" s="19"/>
      <c r="X14044" s="19">
        <v>10</v>
      </c>
      <c r="Y14044" s="19"/>
      <c r="Z14044" s="19"/>
      <c r="AA14044" s="19"/>
    </row>
    <row r="14045" spans="1:27" s="1" customFormat="1" ht="14.1" customHeight="1" outlineLevel="3" x14ac:dyDescent="0.2">
      <c r="A14045" s="17"/>
      <c r="B14045" s="17"/>
      <c r="C14045" s="17"/>
      <c r="D14045" s="18"/>
      <c r="E14045" s="18"/>
      <c r="F14045" s="18"/>
      <c r="G14045" s="18"/>
      <c r="H14045" s="18"/>
      <c r="I14045" s="18"/>
      <c r="J14045" s="18"/>
      <c r="K14045" s="18"/>
      <c r="L14045" s="18"/>
      <c r="M14045" s="18"/>
      <c r="N14045" s="18"/>
      <c r="O14045" s="18"/>
      <c r="P14045" s="19"/>
      <c r="Q14045" s="19"/>
      <c r="R14045" s="19"/>
      <c r="S14045" s="19"/>
      <c r="T14045" s="19"/>
      <c r="U14045" s="19"/>
      <c r="V14045" s="19"/>
      <c r="W14045" s="19"/>
      <c r="X14045" s="19"/>
      <c r="Y14045" s="19"/>
      <c r="Z14045" s="19"/>
      <c r="AA14045" s="19"/>
    </row>
    <row r="14046" spans="1:27" s="1" customFormat="1" ht="11.1" customHeight="1" outlineLevel="3" x14ac:dyDescent="0.2">
      <c r="A14046" s="17">
        <v>15940</v>
      </c>
      <c r="B14046" s="17"/>
      <c r="C14046" s="17"/>
      <c r="D14046" s="18" t="s">
        <v>6961</v>
      </c>
      <c r="E14046" s="18"/>
      <c r="F14046" s="18"/>
      <c r="G14046" s="18"/>
      <c r="H14046" s="18"/>
      <c r="I14046" s="18"/>
      <c r="J14046" s="18"/>
      <c r="K14046" s="18"/>
      <c r="L14046" s="18"/>
      <c r="M14046" s="18"/>
      <c r="N14046" s="18"/>
      <c r="O14046" s="18"/>
      <c r="P14046" s="19">
        <v>250</v>
      </c>
      <c r="Q14046" s="19"/>
      <c r="R14046" s="19"/>
      <c r="S14046" s="19"/>
      <c r="T14046" s="19">
        <v>140</v>
      </c>
      <c r="U14046" s="19"/>
      <c r="V14046" s="19"/>
      <c r="W14046" s="19"/>
      <c r="X14046" s="19">
        <v>1</v>
      </c>
      <c r="Y14046" s="19"/>
      <c r="Z14046" s="19"/>
      <c r="AA14046" s="19"/>
    </row>
    <row r="14047" spans="1:27" s="1" customFormat="1" ht="11.1" customHeight="1" outlineLevel="3" x14ac:dyDescent="0.2">
      <c r="A14047" s="17"/>
      <c r="B14047" s="17"/>
      <c r="C14047" s="17"/>
      <c r="D14047" s="18"/>
      <c r="E14047" s="18"/>
      <c r="F14047" s="18"/>
      <c r="G14047" s="18"/>
      <c r="H14047" s="18"/>
      <c r="I14047" s="18"/>
      <c r="J14047" s="18"/>
      <c r="K14047" s="18"/>
      <c r="L14047" s="18"/>
      <c r="M14047" s="18"/>
      <c r="N14047" s="18"/>
      <c r="O14047" s="18"/>
      <c r="P14047" s="19"/>
      <c r="Q14047" s="19"/>
      <c r="R14047" s="19"/>
      <c r="S14047" s="19"/>
      <c r="T14047" s="19"/>
      <c r="U14047" s="19"/>
      <c r="V14047" s="19"/>
      <c r="W14047" s="19"/>
      <c r="X14047" s="19"/>
      <c r="Y14047" s="19"/>
      <c r="Z14047" s="19"/>
      <c r="AA14047" s="19"/>
    </row>
    <row r="14048" spans="1:27" s="1" customFormat="1" ht="11.1" customHeight="1" outlineLevel="3" x14ac:dyDescent="0.2">
      <c r="A14048" s="17">
        <v>16484</v>
      </c>
      <c r="B14048" s="17"/>
      <c r="C14048" s="17"/>
      <c r="D14048" s="18" t="s">
        <v>6962</v>
      </c>
      <c r="E14048" s="18"/>
      <c r="F14048" s="18"/>
      <c r="G14048" s="18"/>
      <c r="H14048" s="18"/>
      <c r="I14048" s="18"/>
      <c r="J14048" s="18"/>
      <c r="K14048" s="18"/>
      <c r="L14048" s="18"/>
      <c r="M14048" s="18"/>
      <c r="N14048" s="18"/>
      <c r="O14048" s="18"/>
      <c r="P14048" s="19">
        <v>250</v>
      </c>
      <c r="Q14048" s="19"/>
      <c r="R14048" s="19"/>
      <c r="S14048" s="19"/>
      <c r="T14048" s="19">
        <v>150</v>
      </c>
      <c r="U14048" s="19"/>
      <c r="V14048" s="19"/>
      <c r="W14048" s="19"/>
      <c r="X14048" s="19">
        <v>5</v>
      </c>
      <c r="Y14048" s="19"/>
      <c r="Z14048" s="19"/>
      <c r="AA14048" s="19"/>
    </row>
    <row r="14049" spans="1:27" s="1" customFormat="1" ht="11.1" customHeight="1" outlineLevel="3" x14ac:dyDescent="0.2">
      <c r="A14049" s="17"/>
      <c r="B14049" s="17"/>
      <c r="C14049" s="17"/>
      <c r="D14049" s="18"/>
      <c r="E14049" s="18"/>
      <c r="F14049" s="18"/>
      <c r="G14049" s="18"/>
      <c r="H14049" s="18"/>
      <c r="I14049" s="18"/>
      <c r="J14049" s="18"/>
      <c r="K14049" s="18"/>
      <c r="L14049" s="18"/>
      <c r="M14049" s="18"/>
      <c r="N14049" s="18"/>
      <c r="O14049" s="18"/>
      <c r="P14049" s="19"/>
      <c r="Q14049" s="19"/>
      <c r="R14049" s="19"/>
      <c r="S14049" s="19"/>
      <c r="T14049" s="19"/>
      <c r="U14049" s="19"/>
      <c r="V14049" s="19"/>
      <c r="W14049" s="19"/>
      <c r="X14049" s="19"/>
      <c r="Y14049" s="19"/>
      <c r="Z14049" s="19"/>
      <c r="AA14049" s="19"/>
    </row>
    <row r="14050" spans="1:27" s="1" customFormat="1" ht="14.1" customHeight="1" outlineLevel="3" x14ac:dyDescent="0.2">
      <c r="A14050" s="17">
        <v>10770</v>
      </c>
      <c r="B14050" s="17"/>
      <c r="C14050" s="17"/>
      <c r="D14050" s="18" t="s">
        <v>6963</v>
      </c>
      <c r="E14050" s="18"/>
      <c r="F14050" s="18"/>
      <c r="G14050" s="18"/>
      <c r="H14050" s="18"/>
      <c r="I14050" s="18"/>
      <c r="J14050" s="18"/>
      <c r="K14050" s="18"/>
      <c r="L14050" s="18"/>
      <c r="M14050" s="18"/>
      <c r="N14050" s="18"/>
      <c r="O14050" s="18"/>
      <c r="P14050" s="19">
        <v>100</v>
      </c>
      <c r="Q14050" s="19"/>
      <c r="R14050" s="19"/>
      <c r="S14050" s="19"/>
      <c r="T14050" s="19">
        <v>59</v>
      </c>
      <c r="U14050" s="19"/>
      <c r="V14050" s="19"/>
      <c r="W14050" s="19"/>
      <c r="X14050" s="19">
        <v>9</v>
      </c>
      <c r="Y14050" s="19"/>
      <c r="Z14050" s="19"/>
      <c r="AA14050" s="19"/>
    </row>
    <row r="14051" spans="1:27" s="1" customFormat="1" ht="14.1" customHeight="1" outlineLevel="3" x14ac:dyDescent="0.2">
      <c r="A14051" s="17"/>
      <c r="B14051" s="17"/>
      <c r="C14051" s="17"/>
      <c r="D14051" s="18"/>
      <c r="E14051" s="18"/>
      <c r="F14051" s="18"/>
      <c r="G14051" s="18"/>
      <c r="H14051" s="18"/>
      <c r="I14051" s="18"/>
      <c r="J14051" s="18"/>
      <c r="K14051" s="18"/>
      <c r="L14051" s="18"/>
      <c r="M14051" s="18"/>
      <c r="N14051" s="18"/>
      <c r="O14051" s="18"/>
      <c r="P14051" s="19"/>
      <c r="Q14051" s="19"/>
      <c r="R14051" s="19"/>
      <c r="S14051" s="19"/>
      <c r="T14051" s="19"/>
      <c r="U14051" s="19"/>
      <c r="V14051" s="19"/>
      <c r="W14051" s="19"/>
      <c r="X14051" s="19"/>
      <c r="Y14051" s="19"/>
      <c r="Z14051" s="19"/>
      <c r="AA14051" s="19"/>
    </row>
    <row r="14052" spans="1:27" s="1" customFormat="1" ht="11.1" customHeight="1" outlineLevel="3" x14ac:dyDescent="0.2">
      <c r="A14052" s="17">
        <v>10850</v>
      </c>
      <c r="B14052" s="17"/>
      <c r="C14052" s="17"/>
      <c r="D14052" s="18" t="s">
        <v>6964</v>
      </c>
      <c r="E14052" s="18"/>
      <c r="F14052" s="18"/>
      <c r="G14052" s="18"/>
      <c r="H14052" s="18"/>
      <c r="I14052" s="18"/>
      <c r="J14052" s="18"/>
      <c r="K14052" s="18"/>
      <c r="L14052" s="18"/>
      <c r="M14052" s="18"/>
      <c r="N14052" s="18"/>
      <c r="O14052" s="18"/>
      <c r="P14052" s="19">
        <v>350</v>
      </c>
      <c r="Q14052" s="19"/>
      <c r="R14052" s="19"/>
      <c r="S14052" s="19"/>
      <c r="T14052" s="19">
        <v>200</v>
      </c>
      <c r="U14052" s="19"/>
      <c r="V14052" s="19"/>
      <c r="W14052" s="19"/>
      <c r="X14052" s="19">
        <v>11</v>
      </c>
      <c r="Y14052" s="19"/>
      <c r="Z14052" s="19"/>
      <c r="AA14052" s="19"/>
    </row>
    <row r="14053" spans="1:27" s="1" customFormat="1" ht="11.1" customHeight="1" outlineLevel="3" x14ac:dyDescent="0.2">
      <c r="A14053" s="17"/>
      <c r="B14053" s="17"/>
      <c r="C14053" s="17"/>
      <c r="D14053" s="18"/>
      <c r="E14053" s="18"/>
      <c r="F14053" s="18"/>
      <c r="G14053" s="18"/>
      <c r="H14053" s="18"/>
      <c r="I14053" s="18"/>
      <c r="J14053" s="18"/>
      <c r="K14053" s="18"/>
      <c r="L14053" s="18"/>
      <c r="M14053" s="18"/>
      <c r="N14053" s="18"/>
      <c r="O14053" s="18"/>
      <c r="P14053" s="19"/>
      <c r="Q14053" s="19"/>
      <c r="R14053" s="19"/>
      <c r="S14053" s="19"/>
      <c r="T14053" s="19"/>
      <c r="U14053" s="19"/>
      <c r="V14053" s="19"/>
      <c r="W14053" s="19"/>
      <c r="X14053" s="19"/>
      <c r="Y14053" s="19"/>
      <c r="Z14053" s="19"/>
      <c r="AA14053" s="19"/>
    </row>
    <row r="14054" spans="1:27" s="1" customFormat="1" ht="11.1" customHeight="1" outlineLevel="3" x14ac:dyDescent="0.2">
      <c r="A14054" s="17">
        <v>11488</v>
      </c>
      <c r="B14054" s="17"/>
      <c r="C14054" s="17"/>
      <c r="D14054" s="18" t="s">
        <v>6965</v>
      </c>
      <c r="E14054" s="18"/>
      <c r="F14054" s="18"/>
      <c r="G14054" s="18"/>
      <c r="H14054" s="18"/>
      <c r="I14054" s="18"/>
      <c r="J14054" s="18"/>
      <c r="K14054" s="18"/>
      <c r="L14054" s="18"/>
      <c r="M14054" s="18"/>
      <c r="N14054" s="18"/>
      <c r="O14054" s="18"/>
      <c r="P14054" s="19">
        <v>225</v>
      </c>
      <c r="Q14054" s="19"/>
      <c r="R14054" s="19"/>
      <c r="S14054" s="19"/>
      <c r="T14054" s="19">
        <v>110</v>
      </c>
      <c r="U14054" s="19"/>
      <c r="V14054" s="19"/>
      <c r="W14054" s="19"/>
      <c r="X14054" s="19">
        <v>2</v>
      </c>
      <c r="Y14054" s="19"/>
      <c r="Z14054" s="19"/>
      <c r="AA14054" s="19"/>
    </row>
    <row r="14055" spans="1:27" s="1" customFormat="1" ht="11.1" customHeight="1" outlineLevel="3" x14ac:dyDescent="0.2">
      <c r="A14055" s="17"/>
      <c r="B14055" s="17"/>
      <c r="C14055" s="17"/>
      <c r="D14055" s="18"/>
      <c r="E14055" s="18"/>
      <c r="F14055" s="18"/>
      <c r="G14055" s="18"/>
      <c r="H14055" s="18"/>
      <c r="I14055" s="18"/>
      <c r="J14055" s="18"/>
      <c r="K14055" s="18"/>
      <c r="L14055" s="18"/>
      <c r="M14055" s="18"/>
      <c r="N14055" s="18"/>
      <c r="O14055" s="18"/>
      <c r="P14055" s="19"/>
      <c r="Q14055" s="19"/>
      <c r="R14055" s="19"/>
      <c r="S14055" s="19"/>
      <c r="T14055" s="19"/>
      <c r="U14055" s="19"/>
      <c r="V14055" s="19"/>
      <c r="W14055" s="19"/>
      <c r="X14055" s="19"/>
      <c r="Y14055" s="19"/>
      <c r="Z14055" s="19"/>
      <c r="AA14055" s="19"/>
    </row>
    <row r="14056" spans="1:27" s="1" customFormat="1" ht="11.1" customHeight="1" outlineLevel="3" x14ac:dyDescent="0.2">
      <c r="A14056" s="17">
        <v>6406</v>
      </c>
      <c r="B14056" s="17"/>
      <c r="C14056" s="17"/>
      <c r="D14056" s="18" t="s">
        <v>6966</v>
      </c>
      <c r="E14056" s="18"/>
      <c r="F14056" s="18"/>
      <c r="G14056" s="18"/>
      <c r="H14056" s="18"/>
      <c r="I14056" s="18"/>
      <c r="J14056" s="18"/>
      <c r="K14056" s="18"/>
      <c r="L14056" s="18"/>
      <c r="M14056" s="18"/>
      <c r="N14056" s="18"/>
      <c r="O14056" s="18"/>
      <c r="P14056" s="19">
        <v>80</v>
      </c>
      <c r="Q14056" s="19"/>
      <c r="R14056" s="19"/>
      <c r="S14056" s="19"/>
      <c r="T14056" s="19">
        <v>30</v>
      </c>
      <c r="U14056" s="19"/>
      <c r="V14056" s="19"/>
      <c r="W14056" s="19"/>
      <c r="X14056" s="19">
        <v>50</v>
      </c>
      <c r="Y14056" s="19"/>
      <c r="Z14056" s="19"/>
      <c r="AA14056" s="19"/>
    </row>
    <row r="14057" spans="1:27" s="1" customFormat="1" ht="11.1" customHeight="1" outlineLevel="3" x14ac:dyDescent="0.2">
      <c r="A14057" s="17"/>
      <c r="B14057" s="17"/>
      <c r="C14057" s="17"/>
      <c r="D14057" s="18"/>
      <c r="E14057" s="18"/>
      <c r="F14057" s="18"/>
      <c r="G14057" s="18"/>
      <c r="H14057" s="18"/>
      <c r="I14057" s="18"/>
      <c r="J14057" s="18"/>
      <c r="K14057" s="18"/>
      <c r="L14057" s="18"/>
      <c r="M14057" s="18"/>
      <c r="N14057" s="18"/>
      <c r="O14057" s="18"/>
      <c r="P14057" s="19"/>
      <c r="Q14057" s="19"/>
      <c r="R14057" s="19"/>
      <c r="S14057" s="19"/>
      <c r="T14057" s="19"/>
      <c r="U14057" s="19"/>
      <c r="V14057" s="19"/>
      <c r="W14057" s="19"/>
      <c r="X14057" s="19"/>
      <c r="Y14057" s="19"/>
      <c r="Z14057" s="19"/>
      <c r="AA14057" s="19"/>
    </row>
    <row r="14058" spans="1:27" s="1" customFormat="1" ht="11.1" customHeight="1" outlineLevel="3" x14ac:dyDescent="0.2">
      <c r="A14058" s="17">
        <v>10085</v>
      </c>
      <c r="B14058" s="17"/>
      <c r="C14058" s="17"/>
      <c r="D14058" s="18" t="s">
        <v>6967</v>
      </c>
      <c r="E14058" s="18"/>
      <c r="F14058" s="18"/>
      <c r="G14058" s="18"/>
      <c r="H14058" s="18"/>
      <c r="I14058" s="18"/>
      <c r="J14058" s="18"/>
      <c r="K14058" s="18"/>
      <c r="L14058" s="18"/>
      <c r="M14058" s="18"/>
      <c r="N14058" s="18"/>
      <c r="O14058" s="18"/>
      <c r="P14058" s="19">
        <v>350</v>
      </c>
      <c r="Q14058" s="19"/>
      <c r="R14058" s="19"/>
      <c r="S14058" s="19"/>
      <c r="T14058" s="19">
        <v>240</v>
      </c>
      <c r="U14058" s="19"/>
      <c r="V14058" s="19"/>
      <c r="W14058" s="19"/>
      <c r="X14058" s="19">
        <v>20</v>
      </c>
      <c r="Y14058" s="19"/>
      <c r="Z14058" s="19"/>
      <c r="AA14058" s="19"/>
    </row>
    <row r="14059" spans="1:27" s="1" customFormat="1" ht="11.1" customHeight="1" outlineLevel="3" x14ac:dyDescent="0.2">
      <c r="A14059" s="17"/>
      <c r="B14059" s="17"/>
      <c r="C14059" s="17"/>
      <c r="D14059" s="18"/>
      <c r="E14059" s="18"/>
      <c r="F14059" s="18"/>
      <c r="G14059" s="18"/>
      <c r="H14059" s="18"/>
      <c r="I14059" s="18"/>
      <c r="J14059" s="18"/>
      <c r="K14059" s="18"/>
      <c r="L14059" s="18"/>
      <c r="M14059" s="18"/>
      <c r="N14059" s="18"/>
      <c r="O14059" s="18"/>
      <c r="P14059" s="19"/>
      <c r="Q14059" s="19"/>
      <c r="R14059" s="19"/>
      <c r="S14059" s="19"/>
      <c r="T14059" s="19"/>
      <c r="U14059" s="19"/>
      <c r="V14059" s="19"/>
      <c r="W14059" s="19"/>
      <c r="X14059" s="19"/>
      <c r="Y14059" s="19"/>
      <c r="Z14059" s="19"/>
      <c r="AA14059" s="19"/>
    </row>
    <row r="14060" spans="1:27" s="1" customFormat="1" ht="11.1" customHeight="1" outlineLevel="3" x14ac:dyDescent="0.2">
      <c r="A14060" s="17">
        <v>12993</v>
      </c>
      <c r="B14060" s="17"/>
      <c r="C14060" s="17"/>
      <c r="D14060" s="18" t="s">
        <v>6968</v>
      </c>
      <c r="E14060" s="18"/>
      <c r="F14060" s="18"/>
      <c r="G14060" s="18"/>
      <c r="H14060" s="18"/>
      <c r="I14060" s="18"/>
      <c r="J14060" s="18"/>
      <c r="K14060" s="18"/>
      <c r="L14060" s="18"/>
      <c r="M14060" s="18"/>
      <c r="N14060" s="18"/>
      <c r="O14060" s="18"/>
      <c r="P14060" s="19">
        <v>280</v>
      </c>
      <c r="Q14060" s="19"/>
      <c r="R14060" s="19"/>
      <c r="S14060" s="19"/>
      <c r="T14060" s="19">
        <v>190</v>
      </c>
      <c r="U14060" s="19"/>
      <c r="V14060" s="19"/>
      <c r="W14060" s="19"/>
      <c r="X14060" s="19">
        <v>2</v>
      </c>
      <c r="Y14060" s="19"/>
      <c r="Z14060" s="19"/>
      <c r="AA14060" s="19"/>
    </row>
    <row r="14061" spans="1:27" s="1" customFormat="1" ht="11.1" customHeight="1" outlineLevel="3" x14ac:dyDescent="0.2">
      <c r="A14061" s="17"/>
      <c r="B14061" s="17"/>
      <c r="C14061" s="17"/>
      <c r="D14061" s="18"/>
      <c r="E14061" s="18"/>
      <c r="F14061" s="18"/>
      <c r="G14061" s="18"/>
      <c r="H14061" s="18"/>
      <c r="I14061" s="18"/>
      <c r="J14061" s="18"/>
      <c r="K14061" s="18"/>
      <c r="L14061" s="18"/>
      <c r="M14061" s="18"/>
      <c r="N14061" s="18"/>
      <c r="O14061" s="18"/>
      <c r="P14061" s="19"/>
      <c r="Q14061" s="19"/>
      <c r="R14061" s="19"/>
      <c r="S14061" s="19"/>
      <c r="T14061" s="19"/>
      <c r="U14061" s="19"/>
      <c r="V14061" s="19"/>
      <c r="W14061" s="19"/>
      <c r="X14061" s="19"/>
      <c r="Y14061" s="19"/>
      <c r="Z14061" s="19"/>
      <c r="AA14061" s="19"/>
    </row>
    <row r="14062" spans="1:27" s="1" customFormat="1" ht="14.1" customHeight="1" outlineLevel="3" x14ac:dyDescent="0.2">
      <c r="A14062" s="17">
        <v>12988</v>
      </c>
      <c r="B14062" s="17"/>
      <c r="C14062" s="17"/>
      <c r="D14062" s="18" t="s">
        <v>6969</v>
      </c>
      <c r="E14062" s="18"/>
      <c r="F14062" s="18"/>
      <c r="G14062" s="18"/>
      <c r="H14062" s="18"/>
      <c r="I14062" s="18"/>
      <c r="J14062" s="18"/>
      <c r="K14062" s="18"/>
      <c r="L14062" s="18"/>
      <c r="M14062" s="18"/>
      <c r="N14062" s="18"/>
      <c r="O14062" s="18"/>
      <c r="P14062" s="19">
        <v>260</v>
      </c>
      <c r="Q14062" s="19"/>
      <c r="R14062" s="19"/>
      <c r="S14062" s="19"/>
      <c r="T14062" s="19">
        <v>180</v>
      </c>
      <c r="U14062" s="19"/>
      <c r="V14062" s="19"/>
      <c r="W14062" s="19"/>
      <c r="X14062" s="19">
        <v>14</v>
      </c>
      <c r="Y14062" s="19"/>
      <c r="Z14062" s="19"/>
      <c r="AA14062" s="19"/>
    </row>
    <row r="14063" spans="1:27" s="1" customFormat="1" ht="14.1" customHeight="1" outlineLevel="3" x14ac:dyDescent="0.2">
      <c r="A14063" s="17"/>
      <c r="B14063" s="17"/>
      <c r="C14063" s="17"/>
      <c r="D14063" s="18"/>
      <c r="E14063" s="18"/>
      <c r="F14063" s="18"/>
      <c r="G14063" s="18"/>
      <c r="H14063" s="18"/>
      <c r="I14063" s="18"/>
      <c r="J14063" s="18"/>
      <c r="K14063" s="18"/>
      <c r="L14063" s="18"/>
      <c r="M14063" s="18"/>
      <c r="N14063" s="18"/>
      <c r="O14063" s="18"/>
      <c r="P14063" s="19"/>
      <c r="Q14063" s="19"/>
      <c r="R14063" s="19"/>
      <c r="S14063" s="19"/>
      <c r="T14063" s="19"/>
      <c r="U14063" s="19"/>
      <c r="V14063" s="19"/>
      <c r="W14063" s="19"/>
      <c r="X14063" s="19"/>
      <c r="Y14063" s="19"/>
      <c r="Z14063" s="19"/>
      <c r="AA14063" s="19"/>
    </row>
    <row r="14064" spans="1:27" s="1" customFormat="1" ht="11.1" customHeight="1" outlineLevel="3" x14ac:dyDescent="0.2">
      <c r="A14064" s="17">
        <v>12990</v>
      </c>
      <c r="B14064" s="17"/>
      <c r="C14064" s="17"/>
      <c r="D14064" s="18" t="s">
        <v>6970</v>
      </c>
      <c r="E14064" s="18"/>
      <c r="F14064" s="18"/>
      <c r="G14064" s="18"/>
      <c r="H14064" s="18"/>
      <c r="I14064" s="18"/>
      <c r="J14064" s="18"/>
      <c r="K14064" s="18"/>
      <c r="L14064" s="18"/>
      <c r="M14064" s="18"/>
      <c r="N14064" s="18"/>
      <c r="O14064" s="18"/>
      <c r="P14064" s="19">
        <v>240</v>
      </c>
      <c r="Q14064" s="19"/>
      <c r="R14064" s="19"/>
      <c r="S14064" s="19"/>
      <c r="T14064" s="19">
        <v>165</v>
      </c>
      <c r="U14064" s="19"/>
      <c r="V14064" s="19"/>
      <c r="W14064" s="19"/>
      <c r="X14064" s="19">
        <v>1</v>
      </c>
      <c r="Y14064" s="19"/>
      <c r="Z14064" s="19"/>
      <c r="AA14064" s="19"/>
    </row>
    <row r="14065" spans="1:27" s="1" customFormat="1" ht="11.1" customHeight="1" outlineLevel="3" x14ac:dyDescent="0.2">
      <c r="A14065" s="17"/>
      <c r="B14065" s="17"/>
      <c r="C14065" s="17"/>
      <c r="D14065" s="18"/>
      <c r="E14065" s="18"/>
      <c r="F14065" s="18"/>
      <c r="G14065" s="18"/>
      <c r="H14065" s="18"/>
      <c r="I14065" s="18"/>
      <c r="J14065" s="18"/>
      <c r="K14065" s="18"/>
      <c r="L14065" s="18"/>
      <c r="M14065" s="18"/>
      <c r="N14065" s="18"/>
      <c r="O14065" s="18"/>
      <c r="P14065" s="19"/>
      <c r="Q14065" s="19"/>
      <c r="R14065" s="19"/>
      <c r="S14065" s="19"/>
      <c r="T14065" s="19"/>
      <c r="U14065" s="19"/>
      <c r="V14065" s="19"/>
      <c r="W14065" s="19"/>
      <c r="X14065" s="19"/>
      <c r="Y14065" s="19"/>
      <c r="Z14065" s="19"/>
      <c r="AA14065" s="19"/>
    </row>
    <row r="14066" spans="1:27" s="1" customFormat="1" ht="11.1" customHeight="1" outlineLevel="3" x14ac:dyDescent="0.2">
      <c r="A14066" s="17">
        <v>12777</v>
      </c>
      <c r="B14066" s="17"/>
      <c r="C14066" s="17"/>
      <c r="D14066" s="18" t="s">
        <v>6971</v>
      </c>
      <c r="E14066" s="18"/>
      <c r="F14066" s="18"/>
      <c r="G14066" s="18"/>
      <c r="H14066" s="18"/>
      <c r="I14066" s="18"/>
      <c r="J14066" s="18"/>
      <c r="K14066" s="18"/>
      <c r="L14066" s="18"/>
      <c r="M14066" s="18"/>
      <c r="N14066" s="18"/>
      <c r="O14066" s="18"/>
      <c r="P14066" s="19">
        <v>290</v>
      </c>
      <c r="Q14066" s="19"/>
      <c r="R14066" s="19"/>
      <c r="S14066" s="19"/>
      <c r="T14066" s="19">
        <v>190</v>
      </c>
      <c r="U14066" s="19"/>
      <c r="V14066" s="19"/>
      <c r="W14066" s="19"/>
      <c r="X14066" s="19">
        <v>6</v>
      </c>
      <c r="Y14066" s="19"/>
      <c r="Z14066" s="19"/>
      <c r="AA14066" s="19"/>
    </row>
    <row r="14067" spans="1:27" s="1" customFormat="1" ht="11.1" customHeight="1" outlineLevel="3" x14ac:dyDescent="0.2">
      <c r="A14067" s="17"/>
      <c r="B14067" s="17"/>
      <c r="C14067" s="17"/>
      <c r="D14067" s="18"/>
      <c r="E14067" s="18"/>
      <c r="F14067" s="18"/>
      <c r="G14067" s="18"/>
      <c r="H14067" s="18"/>
      <c r="I14067" s="18"/>
      <c r="J14067" s="18"/>
      <c r="K14067" s="18"/>
      <c r="L14067" s="18"/>
      <c r="M14067" s="18"/>
      <c r="N14067" s="18"/>
      <c r="O14067" s="18"/>
      <c r="P14067" s="19"/>
      <c r="Q14067" s="19"/>
      <c r="R14067" s="19"/>
      <c r="S14067" s="19"/>
      <c r="T14067" s="19"/>
      <c r="U14067" s="19"/>
      <c r="V14067" s="19"/>
      <c r="W14067" s="19"/>
      <c r="X14067" s="19"/>
      <c r="Y14067" s="19"/>
      <c r="Z14067" s="19"/>
      <c r="AA14067" s="19"/>
    </row>
    <row r="14068" spans="1:27" s="1" customFormat="1" ht="11.1" customHeight="1" outlineLevel="3" x14ac:dyDescent="0.2">
      <c r="A14068" s="17">
        <v>11487</v>
      </c>
      <c r="B14068" s="17"/>
      <c r="C14068" s="17"/>
      <c r="D14068" s="18" t="s">
        <v>6972</v>
      </c>
      <c r="E14068" s="18"/>
      <c r="F14068" s="18"/>
      <c r="G14068" s="18"/>
      <c r="H14068" s="18"/>
      <c r="I14068" s="18"/>
      <c r="J14068" s="18"/>
      <c r="K14068" s="18"/>
      <c r="L14068" s="18"/>
      <c r="M14068" s="18"/>
      <c r="N14068" s="18"/>
      <c r="O14068" s="18"/>
      <c r="P14068" s="19">
        <v>250</v>
      </c>
      <c r="Q14068" s="19"/>
      <c r="R14068" s="19"/>
      <c r="S14068" s="19"/>
      <c r="T14068" s="19">
        <v>160</v>
      </c>
      <c r="U14068" s="19"/>
      <c r="V14068" s="19"/>
      <c r="W14068" s="19"/>
      <c r="X14068" s="19">
        <v>2</v>
      </c>
      <c r="Y14068" s="19"/>
      <c r="Z14068" s="19"/>
      <c r="AA14068" s="19"/>
    </row>
    <row r="14069" spans="1:27" s="1" customFormat="1" ht="11.1" customHeight="1" outlineLevel="3" x14ac:dyDescent="0.2">
      <c r="A14069" s="17"/>
      <c r="B14069" s="17"/>
      <c r="C14069" s="17"/>
      <c r="D14069" s="18"/>
      <c r="E14069" s="18"/>
      <c r="F14069" s="18"/>
      <c r="G14069" s="18"/>
      <c r="H14069" s="18"/>
      <c r="I14069" s="18"/>
      <c r="J14069" s="18"/>
      <c r="K14069" s="18"/>
      <c r="L14069" s="18"/>
      <c r="M14069" s="18"/>
      <c r="N14069" s="18"/>
      <c r="O14069" s="18"/>
      <c r="P14069" s="19"/>
      <c r="Q14069" s="19"/>
      <c r="R14069" s="19"/>
      <c r="S14069" s="19"/>
      <c r="T14069" s="19"/>
      <c r="U14069" s="19"/>
      <c r="V14069" s="19"/>
      <c r="W14069" s="19"/>
      <c r="X14069" s="19"/>
      <c r="Y14069" s="19"/>
      <c r="Z14069" s="19"/>
      <c r="AA14069" s="19"/>
    </row>
    <row r="14070" spans="1:27" s="1" customFormat="1" ht="14.1" customHeight="1" outlineLevel="3" x14ac:dyDescent="0.2">
      <c r="A14070" s="17">
        <v>10768</v>
      </c>
      <c r="B14070" s="17"/>
      <c r="C14070" s="17"/>
      <c r="D14070" s="18" t="s">
        <v>6973</v>
      </c>
      <c r="E14070" s="18"/>
      <c r="F14070" s="18"/>
      <c r="G14070" s="18"/>
      <c r="H14070" s="18"/>
      <c r="I14070" s="18"/>
      <c r="J14070" s="18"/>
      <c r="K14070" s="18"/>
      <c r="L14070" s="18"/>
      <c r="M14070" s="18"/>
      <c r="N14070" s="18"/>
      <c r="O14070" s="18"/>
      <c r="P14070" s="19">
        <v>210</v>
      </c>
      <c r="Q14070" s="19"/>
      <c r="R14070" s="19"/>
      <c r="S14070" s="19"/>
      <c r="T14070" s="19">
        <v>130</v>
      </c>
      <c r="U14070" s="19"/>
      <c r="V14070" s="19"/>
      <c r="W14070" s="19"/>
      <c r="X14070" s="19">
        <v>18</v>
      </c>
      <c r="Y14070" s="19"/>
      <c r="Z14070" s="19"/>
      <c r="AA14070" s="19"/>
    </row>
    <row r="14071" spans="1:27" s="1" customFormat="1" ht="14.1" customHeight="1" outlineLevel="3" x14ac:dyDescent="0.2">
      <c r="A14071" s="17"/>
      <c r="B14071" s="17"/>
      <c r="C14071" s="17"/>
      <c r="D14071" s="18"/>
      <c r="E14071" s="18"/>
      <c r="F14071" s="18"/>
      <c r="G14071" s="18"/>
      <c r="H14071" s="18"/>
      <c r="I14071" s="18"/>
      <c r="J14071" s="18"/>
      <c r="K14071" s="18"/>
      <c r="L14071" s="18"/>
      <c r="M14071" s="18"/>
      <c r="N14071" s="18"/>
      <c r="O14071" s="18"/>
      <c r="P14071" s="19"/>
      <c r="Q14071" s="19"/>
      <c r="R14071" s="19"/>
      <c r="S14071" s="19"/>
      <c r="T14071" s="19"/>
      <c r="U14071" s="19"/>
      <c r="V14071" s="19"/>
      <c r="W14071" s="19"/>
      <c r="X14071" s="19"/>
      <c r="Y14071" s="19"/>
      <c r="Z14071" s="19"/>
      <c r="AA14071" s="19"/>
    </row>
    <row r="14072" spans="1:27" s="1" customFormat="1" ht="11.1" customHeight="1" outlineLevel="3" x14ac:dyDescent="0.2">
      <c r="A14072" s="17">
        <v>12434</v>
      </c>
      <c r="B14072" s="17"/>
      <c r="C14072" s="17"/>
      <c r="D14072" s="18" t="s">
        <v>6974</v>
      </c>
      <c r="E14072" s="18"/>
      <c r="F14072" s="18"/>
      <c r="G14072" s="18"/>
      <c r="H14072" s="18"/>
      <c r="I14072" s="18"/>
      <c r="J14072" s="18"/>
      <c r="K14072" s="18"/>
      <c r="L14072" s="18"/>
      <c r="M14072" s="18"/>
      <c r="N14072" s="18"/>
      <c r="O14072" s="18"/>
      <c r="P14072" s="19">
        <v>190</v>
      </c>
      <c r="Q14072" s="19"/>
      <c r="R14072" s="19"/>
      <c r="S14072" s="19"/>
      <c r="T14072" s="19">
        <v>110</v>
      </c>
      <c r="U14072" s="19"/>
      <c r="V14072" s="19"/>
      <c r="W14072" s="19"/>
      <c r="X14072" s="19">
        <v>6</v>
      </c>
      <c r="Y14072" s="19"/>
      <c r="Z14072" s="19"/>
      <c r="AA14072" s="19"/>
    </row>
    <row r="14073" spans="1:27" s="1" customFormat="1" ht="11.1" customHeight="1" outlineLevel="3" x14ac:dyDescent="0.2">
      <c r="A14073" s="17"/>
      <c r="B14073" s="17"/>
      <c r="C14073" s="17"/>
      <c r="D14073" s="18"/>
      <c r="E14073" s="18"/>
      <c r="F14073" s="18"/>
      <c r="G14073" s="18"/>
      <c r="H14073" s="18"/>
      <c r="I14073" s="18"/>
      <c r="J14073" s="18"/>
      <c r="K14073" s="18"/>
      <c r="L14073" s="18"/>
      <c r="M14073" s="18"/>
      <c r="N14073" s="18"/>
      <c r="O14073" s="18"/>
      <c r="P14073" s="19"/>
      <c r="Q14073" s="19"/>
      <c r="R14073" s="19"/>
      <c r="S14073" s="19"/>
      <c r="T14073" s="19"/>
      <c r="U14073" s="19"/>
      <c r="V14073" s="19"/>
      <c r="W14073" s="19"/>
      <c r="X14073" s="19"/>
      <c r="Y14073" s="19"/>
      <c r="Z14073" s="19"/>
      <c r="AA14073" s="19"/>
    </row>
    <row r="14074" spans="1:27" s="1" customFormat="1" ht="11.1" customHeight="1" outlineLevel="3" x14ac:dyDescent="0.2">
      <c r="A14074" s="17">
        <v>12989</v>
      </c>
      <c r="B14074" s="17"/>
      <c r="C14074" s="17"/>
      <c r="D14074" s="18" t="s">
        <v>6975</v>
      </c>
      <c r="E14074" s="18"/>
      <c r="F14074" s="18"/>
      <c r="G14074" s="18"/>
      <c r="H14074" s="18"/>
      <c r="I14074" s="18"/>
      <c r="J14074" s="18"/>
      <c r="K14074" s="18"/>
      <c r="L14074" s="18"/>
      <c r="M14074" s="18"/>
      <c r="N14074" s="18"/>
      <c r="O14074" s="18"/>
      <c r="P14074" s="19">
        <v>400</v>
      </c>
      <c r="Q14074" s="19"/>
      <c r="R14074" s="19"/>
      <c r="S14074" s="19"/>
      <c r="T14074" s="19">
        <v>250</v>
      </c>
      <c r="U14074" s="19"/>
      <c r="V14074" s="19"/>
      <c r="W14074" s="19"/>
      <c r="X14074" s="19">
        <v>4</v>
      </c>
      <c r="Y14074" s="19"/>
      <c r="Z14074" s="19"/>
      <c r="AA14074" s="19"/>
    </row>
    <row r="14075" spans="1:27" s="1" customFormat="1" ht="11.1" customHeight="1" outlineLevel="3" x14ac:dyDescent="0.2">
      <c r="A14075" s="17"/>
      <c r="B14075" s="17"/>
      <c r="C14075" s="17"/>
      <c r="D14075" s="18"/>
      <c r="E14075" s="18"/>
      <c r="F14075" s="18"/>
      <c r="G14075" s="18"/>
      <c r="H14075" s="18"/>
      <c r="I14075" s="18"/>
      <c r="J14075" s="18"/>
      <c r="K14075" s="18"/>
      <c r="L14075" s="18"/>
      <c r="M14075" s="18"/>
      <c r="N14075" s="18"/>
      <c r="O14075" s="18"/>
      <c r="P14075" s="19"/>
      <c r="Q14075" s="19"/>
      <c r="R14075" s="19"/>
      <c r="S14075" s="19"/>
      <c r="T14075" s="19"/>
      <c r="U14075" s="19"/>
      <c r="V14075" s="19"/>
      <c r="W14075" s="19"/>
      <c r="X14075" s="19"/>
      <c r="Y14075" s="19"/>
      <c r="Z14075" s="19"/>
      <c r="AA14075" s="19"/>
    </row>
    <row r="14076" spans="1:27" s="1" customFormat="1" ht="14.1" customHeight="1" outlineLevel="3" x14ac:dyDescent="0.2">
      <c r="A14076" s="17">
        <v>15886</v>
      </c>
      <c r="B14076" s="17"/>
      <c r="C14076" s="17"/>
      <c r="D14076" s="18" t="s">
        <v>6976</v>
      </c>
      <c r="E14076" s="18"/>
      <c r="F14076" s="18"/>
      <c r="G14076" s="18"/>
      <c r="H14076" s="18"/>
      <c r="I14076" s="18"/>
      <c r="J14076" s="18"/>
      <c r="K14076" s="18"/>
      <c r="L14076" s="18"/>
      <c r="M14076" s="18"/>
      <c r="N14076" s="18"/>
      <c r="O14076" s="18"/>
      <c r="P14076" s="19">
        <v>450</v>
      </c>
      <c r="Q14076" s="19"/>
      <c r="R14076" s="19"/>
      <c r="S14076" s="19"/>
      <c r="T14076" s="19">
        <v>260</v>
      </c>
      <c r="U14076" s="19"/>
      <c r="V14076" s="19"/>
      <c r="W14076" s="19"/>
      <c r="X14076" s="19">
        <v>1</v>
      </c>
      <c r="Y14076" s="19"/>
      <c r="Z14076" s="19"/>
      <c r="AA14076" s="19"/>
    </row>
    <row r="14077" spans="1:27" s="1" customFormat="1" ht="14.1" customHeight="1" outlineLevel="3" x14ac:dyDescent="0.2">
      <c r="A14077" s="17"/>
      <c r="B14077" s="17"/>
      <c r="C14077" s="17"/>
      <c r="D14077" s="18"/>
      <c r="E14077" s="18"/>
      <c r="F14077" s="18"/>
      <c r="G14077" s="18"/>
      <c r="H14077" s="18"/>
      <c r="I14077" s="18"/>
      <c r="J14077" s="18"/>
      <c r="K14077" s="18"/>
      <c r="L14077" s="18"/>
      <c r="M14077" s="18"/>
      <c r="N14077" s="18"/>
      <c r="O14077" s="18"/>
      <c r="P14077" s="19"/>
      <c r="Q14077" s="19"/>
      <c r="R14077" s="19"/>
      <c r="S14077" s="19"/>
      <c r="T14077" s="19"/>
      <c r="U14077" s="19"/>
      <c r="V14077" s="19"/>
      <c r="W14077" s="19"/>
      <c r="X14077" s="19"/>
      <c r="Y14077" s="19"/>
      <c r="Z14077" s="19"/>
      <c r="AA14077" s="19"/>
    </row>
    <row r="14078" spans="1:27" s="1" customFormat="1" ht="14.1" customHeight="1" outlineLevel="3" x14ac:dyDescent="0.2">
      <c r="A14078" s="17">
        <v>16483</v>
      </c>
      <c r="B14078" s="17"/>
      <c r="C14078" s="17"/>
      <c r="D14078" s="18" t="s">
        <v>6977</v>
      </c>
      <c r="E14078" s="18"/>
      <c r="F14078" s="18"/>
      <c r="G14078" s="18"/>
      <c r="H14078" s="18"/>
      <c r="I14078" s="18"/>
      <c r="J14078" s="18"/>
      <c r="K14078" s="18"/>
      <c r="L14078" s="18"/>
      <c r="M14078" s="18"/>
      <c r="N14078" s="18"/>
      <c r="O14078" s="18"/>
      <c r="P14078" s="19">
        <v>450</v>
      </c>
      <c r="Q14078" s="19"/>
      <c r="R14078" s="19"/>
      <c r="S14078" s="19"/>
      <c r="T14078" s="19">
        <v>240</v>
      </c>
      <c r="U14078" s="19"/>
      <c r="V14078" s="19"/>
      <c r="W14078" s="19"/>
      <c r="X14078" s="19">
        <v>3</v>
      </c>
      <c r="Y14078" s="19"/>
      <c r="Z14078" s="19"/>
      <c r="AA14078" s="19"/>
    </row>
    <row r="14079" spans="1:27" s="1" customFormat="1" ht="14.1" customHeight="1" outlineLevel="3" x14ac:dyDescent="0.2">
      <c r="A14079" s="17"/>
      <c r="B14079" s="17"/>
      <c r="C14079" s="17"/>
      <c r="D14079" s="18"/>
      <c r="E14079" s="18"/>
      <c r="F14079" s="18"/>
      <c r="G14079" s="18"/>
      <c r="H14079" s="18"/>
      <c r="I14079" s="18"/>
      <c r="J14079" s="18"/>
      <c r="K14079" s="18"/>
      <c r="L14079" s="18"/>
      <c r="M14079" s="18"/>
      <c r="N14079" s="18"/>
      <c r="O14079" s="18"/>
      <c r="P14079" s="19"/>
      <c r="Q14079" s="19"/>
      <c r="R14079" s="19"/>
      <c r="S14079" s="19"/>
      <c r="T14079" s="19"/>
      <c r="U14079" s="19"/>
      <c r="V14079" s="19"/>
      <c r="W14079" s="19"/>
      <c r="X14079" s="19"/>
      <c r="Y14079" s="19"/>
      <c r="Z14079" s="19"/>
      <c r="AA14079" s="19"/>
    </row>
    <row r="14080" spans="1:27" s="1" customFormat="1" ht="14.1" customHeight="1" outlineLevel="3" x14ac:dyDescent="0.2">
      <c r="A14080" s="17">
        <v>6469</v>
      </c>
      <c r="B14080" s="17"/>
      <c r="C14080" s="17"/>
      <c r="D14080" s="18" t="s">
        <v>6978</v>
      </c>
      <c r="E14080" s="18"/>
      <c r="F14080" s="18"/>
      <c r="G14080" s="18"/>
      <c r="H14080" s="18"/>
      <c r="I14080" s="18"/>
      <c r="J14080" s="18"/>
      <c r="K14080" s="18"/>
      <c r="L14080" s="18"/>
      <c r="M14080" s="18"/>
      <c r="N14080" s="18"/>
      <c r="O14080" s="18"/>
      <c r="P14080" s="19">
        <v>110</v>
      </c>
      <c r="Q14080" s="19"/>
      <c r="R14080" s="19"/>
      <c r="S14080" s="19"/>
      <c r="T14080" s="19">
        <v>50</v>
      </c>
      <c r="U14080" s="19"/>
      <c r="V14080" s="19"/>
      <c r="W14080" s="19"/>
      <c r="X14080" s="19">
        <v>1</v>
      </c>
      <c r="Y14080" s="19"/>
      <c r="Z14080" s="19"/>
      <c r="AA14080" s="19"/>
    </row>
    <row r="14081" spans="1:27" s="1" customFormat="1" ht="14.1" customHeight="1" outlineLevel="3" x14ac:dyDescent="0.2">
      <c r="A14081" s="17"/>
      <c r="B14081" s="17"/>
      <c r="C14081" s="17"/>
      <c r="D14081" s="18"/>
      <c r="E14081" s="18"/>
      <c r="F14081" s="18"/>
      <c r="G14081" s="18"/>
      <c r="H14081" s="18"/>
      <c r="I14081" s="18"/>
      <c r="J14081" s="18"/>
      <c r="K14081" s="18"/>
      <c r="L14081" s="18"/>
      <c r="M14081" s="18"/>
      <c r="N14081" s="18"/>
      <c r="O14081" s="18"/>
      <c r="P14081" s="19"/>
      <c r="Q14081" s="19"/>
      <c r="R14081" s="19"/>
      <c r="S14081" s="19"/>
      <c r="T14081" s="19"/>
      <c r="U14081" s="19"/>
      <c r="V14081" s="19"/>
      <c r="W14081" s="19"/>
      <c r="X14081" s="19"/>
      <c r="Y14081" s="19"/>
      <c r="Z14081" s="19"/>
      <c r="AA14081" s="19"/>
    </row>
    <row r="14082" spans="1:27" s="1" customFormat="1" ht="11.1" customHeight="1" outlineLevel="3" x14ac:dyDescent="0.2">
      <c r="A14082" s="17">
        <v>7224</v>
      </c>
      <c r="B14082" s="17"/>
      <c r="C14082" s="17"/>
      <c r="D14082" s="18" t="s">
        <v>6979</v>
      </c>
      <c r="E14082" s="18"/>
      <c r="F14082" s="18"/>
      <c r="G14082" s="18"/>
      <c r="H14082" s="18"/>
      <c r="I14082" s="18"/>
      <c r="J14082" s="18"/>
      <c r="K14082" s="18"/>
      <c r="L14082" s="18"/>
      <c r="M14082" s="18"/>
      <c r="N14082" s="18"/>
      <c r="O14082" s="18"/>
      <c r="P14082" s="19">
        <v>140</v>
      </c>
      <c r="Q14082" s="19"/>
      <c r="R14082" s="19"/>
      <c r="S14082" s="19"/>
      <c r="T14082" s="19">
        <v>55</v>
      </c>
      <c r="U14082" s="19"/>
      <c r="V14082" s="19"/>
      <c r="W14082" s="19"/>
      <c r="X14082" s="19">
        <v>8</v>
      </c>
      <c r="Y14082" s="19"/>
      <c r="Z14082" s="19"/>
      <c r="AA14082" s="19"/>
    </row>
    <row r="14083" spans="1:27" s="1" customFormat="1" ht="11.1" customHeight="1" outlineLevel="3" x14ac:dyDescent="0.2">
      <c r="A14083" s="17"/>
      <c r="B14083" s="17"/>
      <c r="C14083" s="17"/>
      <c r="D14083" s="18"/>
      <c r="E14083" s="18"/>
      <c r="F14083" s="18"/>
      <c r="G14083" s="18"/>
      <c r="H14083" s="18"/>
      <c r="I14083" s="18"/>
      <c r="J14083" s="18"/>
      <c r="K14083" s="18"/>
      <c r="L14083" s="18"/>
      <c r="M14083" s="18"/>
      <c r="N14083" s="18"/>
      <c r="O14083" s="18"/>
      <c r="P14083" s="19"/>
      <c r="Q14083" s="19"/>
      <c r="R14083" s="19"/>
      <c r="S14083" s="19"/>
      <c r="T14083" s="19"/>
      <c r="U14083" s="19"/>
      <c r="V14083" s="19"/>
      <c r="W14083" s="19"/>
      <c r="X14083" s="19"/>
      <c r="Y14083" s="19"/>
      <c r="Z14083" s="19"/>
      <c r="AA14083" s="19"/>
    </row>
    <row r="14084" spans="1:27" s="1" customFormat="1" ht="14.1" customHeight="1" outlineLevel="3" x14ac:dyDescent="0.2">
      <c r="A14084" s="17">
        <v>5530</v>
      </c>
      <c r="B14084" s="17"/>
      <c r="C14084" s="17"/>
      <c r="D14084" s="18" t="s">
        <v>6980</v>
      </c>
      <c r="E14084" s="18"/>
      <c r="F14084" s="18"/>
      <c r="G14084" s="18"/>
      <c r="H14084" s="18"/>
      <c r="I14084" s="18"/>
      <c r="J14084" s="18"/>
      <c r="K14084" s="18"/>
      <c r="L14084" s="18"/>
      <c r="M14084" s="18"/>
      <c r="N14084" s="18"/>
      <c r="O14084" s="18"/>
      <c r="P14084" s="19">
        <v>100</v>
      </c>
      <c r="Q14084" s="19"/>
      <c r="R14084" s="19"/>
      <c r="S14084" s="19"/>
      <c r="T14084" s="19">
        <v>45</v>
      </c>
      <c r="U14084" s="19"/>
      <c r="V14084" s="19"/>
      <c r="W14084" s="19"/>
      <c r="X14084" s="19">
        <v>8</v>
      </c>
      <c r="Y14084" s="19"/>
      <c r="Z14084" s="19"/>
      <c r="AA14084" s="19"/>
    </row>
    <row r="14085" spans="1:27" s="1" customFormat="1" ht="14.1" customHeight="1" outlineLevel="3" x14ac:dyDescent="0.2">
      <c r="A14085" s="17"/>
      <c r="B14085" s="17"/>
      <c r="C14085" s="17"/>
      <c r="D14085" s="18"/>
      <c r="E14085" s="18"/>
      <c r="F14085" s="18"/>
      <c r="G14085" s="18"/>
      <c r="H14085" s="18"/>
      <c r="I14085" s="18"/>
      <c r="J14085" s="18"/>
      <c r="K14085" s="18"/>
      <c r="L14085" s="18"/>
      <c r="M14085" s="18"/>
      <c r="N14085" s="18"/>
      <c r="O14085" s="18"/>
      <c r="P14085" s="19"/>
      <c r="Q14085" s="19"/>
      <c r="R14085" s="19"/>
      <c r="S14085" s="19"/>
      <c r="T14085" s="19"/>
      <c r="U14085" s="19"/>
      <c r="V14085" s="19"/>
      <c r="W14085" s="19"/>
      <c r="X14085" s="19"/>
      <c r="Y14085" s="19"/>
      <c r="Z14085" s="19"/>
      <c r="AA14085" s="19"/>
    </row>
    <row r="14086" spans="1:27" s="1" customFormat="1" ht="14.1" customHeight="1" outlineLevel="3" x14ac:dyDescent="0.2">
      <c r="A14086" s="17">
        <v>16205</v>
      </c>
      <c r="B14086" s="17"/>
      <c r="C14086" s="17"/>
      <c r="D14086" s="18" t="s">
        <v>6981</v>
      </c>
      <c r="E14086" s="18"/>
      <c r="F14086" s="18"/>
      <c r="G14086" s="18"/>
      <c r="H14086" s="18"/>
      <c r="I14086" s="18"/>
      <c r="J14086" s="18"/>
      <c r="K14086" s="18"/>
      <c r="L14086" s="18"/>
      <c r="M14086" s="18"/>
      <c r="N14086" s="18"/>
      <c r="O14086" s="18"/>
      <c r="P14086" s="19">
        <v>150</v>
      </c>
      <c r="Q14086" s="19"/>
      <c r="R14086" s="19"/>
      <c r="S14086" s="19"/>
      <c r="T14086" s="19">
        <v>90</v>
      </c>
      <c r="U14086" s="19"/>
      <c r="V14086" s="19"/>
      <c r="W14086" s="19"/>
      <c r="X14086" s="19">
        <v>6</v>
      </c>
      <c r="Y14086" s="19"/>
      <c r="Z14086" s="19"/>
      <c r="AA14086" s="19"/>
    </row>
    <row r="14087" spans="1:27" s="1" customFormat="1" ht="14.1" customHeight="1" outlineLevel="3" x14ac:dyDescent="0.2">
      <c r="A14087" s="17"/>
      <c r="B14087" s="17"/>
      <c r="C14087" s="17"/>
      <c r="D14087" s="18"/>
      <c r="E14087" s="18"/>
      <c r="F14087" s="18"/>
      <c r="G14087" s="18"/>
      <c r="H14087" s="18"/>
      <c r="I14087" s="18"/>
      <c r="J14087" s="18"/>
      <c r="K14087" s="18"/>
      <c r="L14087" s="18"/>
      <c r="M14087" s="18"/>
      <c r="N14087" s="18"/>
      <c r="O14087" s="18"/>
      <c r="P14087" s="19"/>
      <c r="Q14087" s="19"/>
      <c r="R14087" s="19"/>
      <c r="S14087" s="19"/>
      <c r="T14087" s="19"/>
      <c r="U14087" s="19"/>
      <c r="V14087" s="19"/>
      <c r="W14087" s="19"/>
      <c r="X14087" s="19"/>
      <c r="Y14087" s="19"/>
      <c r="Z14087" s="19"/>
      <c r="AA14087" s="19"/>
    </row>
    <row r="14088" spans="1:27" s="1" customFormat="1" ht="11.1" customHeight="1" outlineLevel="3" x14ac:dyDescent="0.2">
      <c r="A14088" s="17">
        <v>13045</v>
      </c>
      <c r="B14088" s="17"/>
      <c r="C14088" s="17"/>
      <c r="D14088" s="18" t="s">
        <v>6982</v>
      </c>
      <c r="E14088" s="18"/>
      <c r="F14088" s="18"/>
      <c r="G14088" s="18"/>
      <c r="H14088" s="18"/>
      <c r="I14088" s="18"/>
      <c r="J14088" s="18"/>
      <c r="K14088" s="18"/>
      <c r="L14088" s="18"/>
      <c r="M14088" s="18"/>
      <c r="N14088" s="18"/>
      <c r="O14088" s="18"/>
      <c r="P14088" s="19">
        <v>80</v>
      </c>
      <c r="Q14088" s="19"/>
      <c r="R14088" s="19"/>
      <c r="S14088" s="19"/>
      <c r="T14088" s="19">
        <v>37</v>
      </c>
      <c r="U14088" s="19"/>
      <c r="V14088" s="19"/>
      <c r="W14088" s="19"/>
      <c r="X14088" s="19">
        <v>4</v>
      </c>
      <c r="Y14088" s="19"/>
      <c r="Z14088" s="19"/>
      <c r="AA14088" s="19"/>
    </row>
    <row r="14089" spans="1:27" s="1" customFormat="1" ht="11.1" customHeight="1" outlineLevel="3" x14ac:dyDescent="0.2">
      <c r="A14089" s="17"/>
      <c r="B14089" s="17"/>
      <c r="C14089" s="17"/>
      <c r="D14089" s="18"/>
      <c r="E14089" s="18"/>
      <c r="F14089" s="18"/>
      <c r="G14089" s="18"/>
      <c r="H14089" s="18"/>
      <c r="I14089" s="18"/>
      <c r="J14089" s="18"/>
      <c r="K14089" s="18"/>
      <c r="L14089" s="18"/>
      <c r="M14089" s="18"/>
      <c r="N14089" s="18"/>
      <c r="O14089" s="18"/>
      <c r="P14089" s="19"/>
      <c r="Q14089" s="19"/>
      <c r="R14089" s="19"/>
      <c r="S14089" s="19"/>
      <c r="T14089" s="19"/>
      <c r="U14089" s="19"/>
      <c r="V14089" s="19"/>
      <c r="W14089" s="19"/>
      <c r="X14089" s="19"/>
      <c r="Y14089" s="19"/>
      <c r="Z14089" s="19"/>
      <c r="AA14089" s="19"/>
    </row>
    <row r="14090" spans="1:27" s="1" customFormat="1" ht="11.1" customHeight="1" outlineLevel="3" x14ac:dyDescent="0.2">
      <c r="A14090" s="17">
        <v>9348</v>
      </c>
      <c r="B14090" s="17"/>
      <c r="C14090" s="17"/>
      <c r="D14090" s="18" t="s">
        <v>6983</v>
      </c>
      <c r="E14090" s="18"/>
      <c r="F14090" s="18"/>
      <c r="G14090" s="18"/>
      <c r="H14090" s="18"/>
      <c r="I14090" s="18"/>
      <c r="J14090" s="18"/>
      <c r="K14090" s="18"/>
      <c r="L14090" s="18"/>
      <c r="M14090" s="18"/>
      <c r="N14090" s="18"/>
      <c r="O14090" s="18"/>
      <c r="P14090" s="19">
        <v>150</v>
      </c>
      <c r="Q14090" s="19"/>
      <c r="R14090" s="19"/>
      <c r="S14090" s="19"/>
      <c r="T14090" s="19">
        <v>80</v>
      </c>
      <c r="U14090" s="19"/>
      <c r="V14090" s="19"/>
      <c r="W14090" s="19"/>
      <c r="X14090" s="19">
        <v>1</v>
      </c>
      <c r="Y14090" s="19"/>
      <c r="Z14090" s="19"/>
      <c r="AA14090" s="19"/>
    </row>
    <row r="14091" spans="1:27" s="1" customFormat="1" ht="11.1" customHeight="1" outlineLevel="3" x14ac:dyDescent="0.2">
      <c r="A14091" s="17"/>
      <c r="B14091" s="17"/>
      <c r="C14091" s="17"/>
      <c r="D14091" s="18"/>
      <c r="E14091" s="18"/>
      <c r="F14091" s="18"/>
      <c r="G14091" s="18"/>
      <c r="H14091" s="18"/>
      <c r="I14091" s="18"/>
      <c r="J14091" s="18"/>
      <c r="K14091" s="18"/>
      <c r="L14091" s="18"/>
      <c r="M14091" s="18"/>
      <c r="N14091" s="18"/>
      <c r="O14091" s="18"/>
      <c r="P14091" s="19"/>
      <c r="Q14091" s="19"/>
      <c r="R14091" s="19"/>
      <c r="S14091" s="19"/>
      <c r="T14091" s="19"/>
      <c r="U14091" s="19"/>
      <c r="V14091" s="19"/>
      <c r="W14091" s="19"/>
      <c r="X14091" s="19"/>
      <c r="Y14091" s="19"/>
      <c r="Z14091" s="19"/>
      <c r="AA14091" s="19"/>
    </row>
    <row r="14092" spans="1:27" s="1" customFormat="1" ht="11.1" customHeight="1" outlineLevel="3" x14ac:dyDescent="0.2">
      <c r="A14092" s="17">
        <v>9186</v>
      </c>
      <c r="B14092" s="17"/>
      <c r="C14092" s="17"/>
      <c r="D14092" s="18" t="s">
        <v>6984</v>
      </c>
      <c r="E14092" s="18"/>
      <c r="F14092" s="18"/>
      <c r="G14092" s="18"/>
      <c r="H14092" s="18"/>
      <c r="I14092" s="18"/>
      <c r="J14092" s="18"/>
      <c r="K14092" s="18"/>
      <c r="L14092" s="18"/>
      <c r="M14092" s="18"/>
      <c r="N14092" s="18"/>
      <c r="O14092" s="18"/>
      <c r="P14092" s="19">
        <v>120</v>
      </c>
      <c r="Q14092" s="19"/>
      <c r="R14092" s="19"/>
      <c r="S14092" s="19"/>
      <c r="T14092" s="19">
        <v>56</v>
      </c>
      <c r="U14092" s="19"/>
      <c r="V14092" s="19"/>
      <c r="W14092" s="19"/>
      <c r="X14092" s="19">
        <v>1</v>
      </c>
      <c r="Y14092" s="19"/>
      <c r="Z14092" s="19"/>
      <c r="AA14092" s="19"/>
    </row>
    <row r="14093" spans="1:27" s="1" customFormat="1" ht="11.1" customHeight="1" outlineLevel="3" x14ac:dyDescent="0.2">
      <c r="A14093" s="17"/>
      <c r="B14093" s="17"/>
      <c r="C14093" s="17"/>
      <c r="D14093" s="18"/>
      <c r="E14093" s="18"/>
      <c r="F14093" s="18"/>
      <c r="G14093" s="18"/>
      <c r="H14093" s="18"/>
      <c r="I14093" s="18"/>
      <c r="J14093" s="18"/>
      <c r="K14093" s="18"/>
      <c r="L14093" s="18"/>
      <c r="M14093" s="18"/>
      <c r="N14093" s="18"/>
      <c r="O14093" s="18"/>
      <c r="P14093" s="19"/>
      <c r="Q14093" s="19"/>
      <c r="R14093" s="19"/>
      <c r="S14093" s="19"/>
      <c r="T14093" s="19"/>
      <c r="U14093" s="19"/>
      <c r="V14093" s="19"/>
      <c r="W14093" s="19"/>
      <c r="X14093" s="19"/>
      <c r="Y14093" s="19"/>
      <c r="Z14093" s="19"/>
      <c r="AA14093" s="19"/>
    </row>
    <row r="14094" spans="1:27" s="1" customFormat="1" ht="14.1" customHeight="1" outlineLevel="3" x14ac:dyDescent="0.2">
      <c r="A14094" s="17">
        <v>5173</v>
      </c>
      <c r="B14094" s="17"/>
      <c r="C14094" s="17"/>
      <c r="D14094" s="18" t="s">
        <v>6985</v>
      </c>
      <c r="E14094" s="18"/>
      <c r="F14094" s="18"/>
      <c r="G14094" s="18"/>
      <c r="H14094" s="18"/>
      <c r="I14094" s="18"/>
      <c r="J14094" s="18"/>
      <c r="K14094" s="18"/>
      <c r="L14094" s="18"/>
      <c r="M14094" s="18"/>
      <c r="N14094" s="18"/>
      <c r="O14094" s="18"/>
      <c r="P14094" s="19">
        <v>105</v>
      </c>
      <c r="Q14094" s="19"/>
      <c r="R14094" s="19"/>
      <c r="S14094" s="19"/>
      <c r="T14094" s="19">
        <v>46</v>
      </c>
      <c r="U14094" s="19"/>
      <c r="V14094" s="19"/>
      <c r="W14094" s="19"/>
      <c r="X14094" s="19">
        <v>4</v>
      </c>
      <c r="Y14094" s="19"/>
      <c r="Z14094" s="19"/>
      <c r="AA14094" s="19"/>
    </row>
    <row r="14095" spans="1:27" s="1" customFormat="1" ht="14.1" customHeight="1" outlineLevel="3" x14ac:dyDescent="0.2">
      <c r="A14095" s="17"/>
      <c r="B14095" s="17"/>
      <c r="C14095" s="17"/>
      <c r="D14095" s="18"/>
      <c r="E14095" s="18"/>
      <c r="F14095" s="18"/>
      <c r="G14095" s="18"/>
      <c r="H14095" s="18"/>
      <c r="I14095" s="18"/>
      <c r="J14095" s="18"/>
      <c r="K14095" s="18"/>
      <c r="L14095" s="18"/>
      <c r="M14095" s="18"/>
      <c r="N14095" s="18"/>
      <c r="O14095" s="18"/>
      <c r="P14095" s="19"/>
      <c r="Q14095" s="19"/>
      <c r="R14095" s="19"/>
      <c r="S14095" s="19"/>
      <c r="T14095" s="19"/>
      <c r="U14095" s="19"/>
      <c r="V14095" s="19"/>
      <c r="W14095" s="19"/>
      <c r="X14095" s="19"/>
      <c r="Y14095" s="19"/>
      <c r="Z14095" s="19"/>
      <c r="AA14095" s="19"/>
    </row>
    <row r="14096" spans="1:27" s="1" customFormat="1" ht="14.1" customHeight="1" outlineLevel="3" x14ac:dyDescent="0.2">
      <c r="A14096" s="17">
        <v>8671</v>
      </c>
      <c r="B14096" s="17"/>
      <c r="C14096" s="17"/>
      <c r="D14096" s="18" t="s">
        <v>6986</v>
      </c>
      <c r="E14096" s="18"/>
      <c r="F14096" s="18"/>
      <c r="G14096" s="18"/>
      <c r="H14096" s="18"/>
      <c r="I14096" s="18"/>
      <c r="J14096" s="18"/>
      <c r="K14096" s="18"/>
      <c r="L14096" s="18"/>
      <c r="M14096" s="18"/>
      <c r="N14096" s="18"/>
      <c r="O14096" s="18"/>
      <c r="P14096" s="19">
        <v>60</v>
      </c>
      <c r="Q14096" s="19"/>
      <c r="R14096" s="19"/>
      <c r="S14096" s="19"/>
      <c r="T14096" s="19">
        <v>40</v>
      </c>
      <c r="U14096" s="19"/>
      <c r="V14096" s="19"/>
      <c r="W14096" s="19"/>
      <c r="X14096" s="19">
        <v>8</v>
      </c>
      <c r="Y14096" s="19"/>
      <c r="Z14096" s="19"/>
      <c r="AA14096" s="19"/>
    </row>
    <row r="14097" spans="1:27" s="1" customFormat="1" ht="14.1" customHeight="1" outlineLevel="3" x14ac:dyDescent="0.2">
      <c r="A14097" s="17"/>
      <c r="B14097" s="17"/>
      <c r="C14097" s="17"/>
      <c r="D14097" s="18"/>
      <c r="E14097" s="18"/>
      <c r="F14097" s="18"/>
      <c r="G14097" s="18"/>
      <c r="H14097" s="18"/>
      <c r="I14097" s="18"/>
      <c r="J14097" s="18"/>
      <c r="K14097" s="18"/>
      <c r="L14097" s="18"/>
      <c r="M14097" s="18"/>
      <c r="N14097" s="18"/>
      <c r="O14097" s="18"/>
      <c r="P14097" s="19"/>
      <c r="Q14097" s="19"/>
      <c r="R14097" s="19"/>
      <c r="S14097" s="19"/>
      <c r="T14097" s="19"/>
      <c r="U14097" s="19"/>
      <c r="V14097" s="19"/>
      <c r="W14097" s="19"/>
      <c r="X14097" s="19"/>
      <c r="Y14097" s="19"/>
      <c r="Z14097" s="19"/>
      <c r="AA14097" s="19"/>
    </row>
    <row r="14098" spans="1:27" s="1" customFormat="1" ht="14.1" customHeight="1" outlineLevel="3" x14ac:dyDescent="0.2">
      <c r="A14098" s="17">
        <v>12733</v>
      </c>
      <c r="B14098" s="17"/>
      <c r="C14098" s="17"/>
      <c r="D14098" s="18" t="s">
        <v>6987</v>
      </c>
      <c r="E14098" s="18"/>
      <c r="F14098" s="18"/>
      <c r="G14098" s="18"/>
      <c r="H14098" s="18"/>
      <c r="I14098" s="18"/>
      <c r="J14098" s="18"/>
      <c r="K14098" s="18"/>
      <c r="L14098" s="18"/>
      <c r="M14098" s="18"/>
      <c r="N14098" s="18"/>
      <c r="O14098" s="18"/>
      <c r="P14098" s="19">
        <v>60</v>
      </c>
      <c r="Q14098" s="19"/>
      <c r="R14098" s="19"/>
      <c r="S14098" s="19"/>
      <c r="T14098" s="19">
        <v>40</v>
      </c>
      <c r="U14098" s="19"/>
      <c r="V14098" s="19"/>
      <c r="W14098" s="19"/>
      <c r="X14098" s="19">
        <v>14</v>
      </c>
      <c r="Y14098" s="19"/>
      <c r="Z14098" s="19"/>
      <c r="AA14098" s="19"/>
    </row>
    <row r="14099" spans="1:27" s="1" customFormat="1" ht="14.1" customHeight="1" outlineLevel="3" x14ac:dyDescent="0.2">
      <c r="A14099" s="17"/>
      <c r="B14099" s="17"/>
      <c r="C14099" s="17"/>
      <c r="D14099" s="18"/>
      <c r="E14099" s="18"/>
      <c r="F14099" s="18"/>
      <c r="G14099" s="18"/>
      <c r="H14099" s="18"/>
      <c r="I14099" s="18"/>
      <c r="J14099" s="18"/>
      <c r="K14099" s="18"/>
      <c r="L14099" s="18"/>
      <c r="M14099" s="18"/>
      <c r="N14099" s="18"/>
      <c r="O14099" s="18"/>
      <c r="P14099" s="19"/>
      <c r="Q14099" s="19"/>
      <c r="R14099" s="19"/>
      <c r="S14099" s="19"/>
      <c r="T14099" s="19"/>
      <c r="U14099" s="19"/>
      <c r="V14099" s="19"/>
      <c r="W14099" s="19"/>
      <c r="X14099" s="19"/>
      <c r="Y14099" s="19"/>
      <c r="Z14099" s="19"/>
      <c r="AA14099" s="19"/>
    </row>
    <row r="14100" spans="1:27" s="1" customFormat="1" ht="14.1" customHeight="1" outlineLevel="3" x14ac:dyDescent="0.2">
      <c r="A14100" s="17">
        <v>12622</v>
      </c>
      <c r="B14100" s="17"/>
      <c r="C14100" s="17"/>
      <c r="D14100" s="18" t="s">
        <v>6988</v>
      </c>
      <c r="E14100" s="18"/>
      <c r="F14100" s="18"/>
      <c r="G14100" s="18"/>
      <c r="H14100" s="18"/>
      <c r="I14100" s="18"/>
      <c r="J14100" s="18"/>
      <c r="K14100" s="18"/>
      <c r="L14100" s="18"/>
      <c r="M14100" s="18"/>
      <c r="N14100" s="18"/>
      <c r="O14100" s="18"/>
      <c r="P14100" s="19">
        <v>70</v>
      </c>
      <c r="Q14100" s="19"/>
      <c r="R14100" s="19"/>
      <c r="S14100" s="19"/>
      <c r="T14100" s="19">
        <v>45</v>
      </c>
      <c r="U14100" s="19"/>
      <c r="V14100" s="19"/>
      <c r="W14100" s="19"/>
      <c r="X14100" s="19">
        <v>8</v>
      </c>
      <c r="Y14100" s="19"/>
      <c r="Z14100" s="19"/>
      <c r="AA14100" s="19"/>
    </row>
    <row r="14101" spans="1:27" s="1" customFormat="1" ht="14.1" customHeight="1" outlineLevel="3" x14ac:dyDescent="0.2">
      <c r="A14101" s="17"/>
      <c r="B14101" s="17"/>
      <c r="C14101" s="17"/>
      <c r="D14101" s="18"/>
      <c r="E14101" s="18"/>
      <c r="F14101" s="18"/>
      <c r="G14101" s="18"/>
      <c r="H14101" s="18"/>
      <c r="I14101" s="18"/>
      <c r="J14101" s="18"/>
      <c r="K14101" s="18"/>
      <c r="L14101" s="18"/>
      <c r="M14101" s="18"/>
      <c r="N14101" s="18"/>
      <c r="O14101" s="18"/>
      <c r="P14101" s="19"/>
      <c r="Q14101" s="19"/>
      <c r="R14101" s="19"/>
      <c r="S14101" s="19"/>
      <c r="T14101" s="19"/>
      <c r="U14101" s="19"/>
      <c r="V14101" s="19"/>
      <c r="W14101" s="19"/>
      <c r="X14101" s="19"/>
      <c r="Y14101" s="19"/>
      <c r="Z14101" s="19"/>
      <c r="AA14101" s="19"/>
    </row>
    <row r="14102" spans="1:27" s="1" customFormat="1" ht="11.1" customHeight="1" outlineLevel="2" x14ac:dyDescent="0.2">
      <c r="A14102" s="16" t="s">
        <v>6989</v>
      </c>
      <c r="B14102" s="16"/>
      <c r="C14102" s="16"/>
      <c r="D14102" s="16"/>
      <c r="E14102" s="16"/>
      <c r="F14102" s="16"/>
      <c r="G14102" s="16"/>
      <c r="H14102" s="16"/>
      <c r="I14102" s="16"/>
      <c r="J14102" s="16"/>
      <c r="K14102" s="16"/>
      <c r="L14102" s="16"/>
      <c r="M14102" s="16"/>
      <c r="N14102" s="16"/>
      <c r="O14102" s="16"/>
      <c r="P14102" s="16"/>
      <c r="Q14102" s="16"/>
      <c r="R14102" s="16"/>
      <c r="S14102" s="16"/>
      <c r="T14102" s="16"/>
      <c r="U14102" s="16"/>
      <c r="V14102" s="16"/>
      <c r="W14102" s="16"/>
      <c r="X14102" s="16"/>
      <c r="Y14102" s="16"/>
      <c r="Z14102" s="16"/>
      <c r="AA14102" s="16"/>
    </row>
    <row r="14103" spans="1:27" s="1" customFormat="1" ht="11.1" customHeight="1" outlineLevel="2" x14ac:dyDescent="0.2">
      <c r="A14103" s="16"/>
      <c r="B14103" s="16"/>
      <c r="C14103" s="16"/>
      <c r="D14103" s="16"/>
      <c r="E14103" s="16"/>
      <c r="F14103" s="16"/>
      <c r="G14103" s="16"/>
      <c r="H14103" s="16"/>
      <c r="I14103" s="16"/>
      <c r="J14103" s="16"/>
      <c r="K14103" s="16"/>
      <c r="L14103" s="16"/>
      <c r="M14103" s="16"/>
      <c r="N14103" s="16"/>
      <c r="O14103" s="16"/>
      <c r="P14103" s="16"/>
      <c r="Q14103" s="16"/>
      <c r="R14103" s="16"/>
      <c r="S14103" s="16"/>
      <c r="T14103" s="16"/>
      <c r="U14103" s="16"/>
      <c r="V14103" s="16"/>
      <c r="W14103" s="16"/>
      <c r="X14103" s="16"/>
      <c r="Y14103" s="16"/>
      <c r="Z14103" s="16"/>
      <c r="AA14103" s="16"/>
    </row>
    <row r="14104" spans="1:27" s="1" customFormat="1" ht="11.1" customHeight="1" outlineLevel="3" x14ac:dyDescent="0.2">
      <c r="A14104" s="17">
        <v>15004</v>
      </c>
      <c r="B14104" s="17"/>
      <c r="C14104" s="17"/>
      <c r="D14104" s="18" t="s">
        <v>6990</v>
      </c>
      <c r="E14104" s="18"/>
      <c r="F14104" s="18"/>
      <c r="G14104" s="18"/>
      <c r="H14104" s="18"/>
      <c r="I14104" s="18"/>
      <c r="J14104" s="18"/>
      <c r="K14104" s="18"/>
      <c r="L14104" s="18"/>
      <c r="M14104" s="18"/>
      <c r="N14104" s="18"/>
      <c r="O14104" s="18"/>
      <c r="P14104" s="20">
        <v>1150</v>
      </c>
      <c r="Q14104" s="20"/>
      <c r="R14104" s="20"/>
      <c r="S14104" s="20"/>
      <c r="T14104" s="19">
        <v>800</v>
      </c>
      <c r="U14104" s="19"/>
      <c r="V14104" s="19"/>
      <c r="W14104" s="19"/>
      <c r="X14104" s="19">
        <v>1</v>
      </c>
      <c r="Y14104" s="19"/>
      <c r="Z14104" s="19"/>
      <c r="AA14104" s="19"/>
    </row>
    <row r="14105" spans="1:27" s="1" customFormat="1" ht="11.1" customHeight="1" outlineLevel="3" x14ac:dyDescent="0.2">
      <c r="A14105" s="17"/>
      <c r="B14105" s="17"/>
      <c r="C14105" s="17"/>
      <c r="D14105" s="18"/>
      <c r="E14105" s="18"/>
      <c r="F14105" s="18"/>
      <c r="G14105" s="18"/>
      <c r="H14105" s="18"/>
      <c r="I14105" s="18"/>
      <c r="J14105" s="18"/>
      <c r="K14105" s="18"/>
      <c r="L14105" s="18"/>
      <c r="M14105" s="18"/>
      <c r="N14105" s="18"/>
      <c r="O14105" s="18"/>
      <c r="P14105" s="20"/>
      <c r="Q14105" s="20"/>
      <c r="R14105" s="20"/>
      <c r="S14105" s="20"/>
      <c r="T14105" s="19"/>
      <c r="U14105" s="19"/>
      <c r="V14105" s="19"/>
      <c r="W14105" s="19"/>
      <c r="X14105" s="19"/>
      <c r="Y14105" s="19"/>
      <c r="Z14105" s="19"/>
      <c r="AA14105" s="19"/>
    </row>
    <row r="14106" spans="1:27" s="1" customFormat="1" ht="11.1" customHeight="1" outlineLevel="3" x14ac:dyDescent="0.2">
      <c r="A14106" s="17">
        <v>7917</v>
      </c>
      <c r="B14106" s="17"/>
      <c r="C14106" s="17"/>
      <c r="D14106" s="18" t="s">
        <v>6991</v>
      </c>
      <c r="E14106" s="18"/>
      <c r="F14106" s="18"/>
      <c r="G14106" s="18"/>
      <c r="H14106" s="18"/>
      <c r="I14106" s="18"/>
      <c r="J14106" s="18"/>
      <c r="K14106" s="18"/>
      <c r="L14106" s="18"/>
      <c r="M14106" s="18"/>
      <c r="N14106" s="18"/>
      <c r="O14106" s="18"/>
      <c r="P14106" s="19">
        <v>620</v>
      </c>
      <c r="Q14106" s="19"/>
      <c r="R14106" s="19"/>
      <c r="S14106" s="19"/>
      <c r="T14106" s="19">
        <v>470</v>
      </c>
      <c r="U14106" s="19"/>
      <c r="V14106" s="19"/>
      <c r="W14106" s="19"/>
      <c r="X14106" s="19">
        <v>1</v>
      </c>
      <c r="Y14106" s="19"/>
      <c r="Z14106" s="19"/>
      <c r="AA14106" s="19"/>
    </row>
    <row r="14107" spans="1:27" s="1" customFormat="1" ht="11.1" customHeight="1" outlineLevel="3" x14ac:dyDescent="0.2">
      <c r="A14107" s="17"/>
      <c r="B14107" s="17"/>
      <c r="C14107" s="17"/>
      <c r="D14107" s="18"/>
      <c r="E14107" s="18"/>
      <c r="F14107" s="18"/>
      <c r="G14107" s="18"/>
      <c r="H14107" s="18"/>
      <c r="I14107" s="18"/>
      <c r="J14107" s="18"/>
      <c r="K14107" s="18"/>
      <c r="L14107" s="18"/>
      <c r="M14107" s="18"/>
      <c r="N14107" s="18"/>
      <c r="O14107" s="18"/>
      <c r="P14107" s="19"/>
      <c r="Q14107" s="19"/>
      <c r="R14107" s="19"/>
      <c r="S14107" s="19"/>
      <c r="T14107" s="19"/>
      <c r="U14107" s="19"/>
      <c r="V14107" s="19"/>
      <c r="W14107" s="19"/>
      <c r="X14107" s="19"/>
      <c r="Y14107" s="19"/>
      <c r="Z14107" s="19"/>
      <c r="AA14107" s="19"/>
    </row>
    <row r="14108" spans="1:27" s="1" customFormat="1" ht="11.1" customHeight="1" outlineLevel="3" x14ac:dyDescent="0.2">
      <c r="A14108" s="17">
        <v>18003</v>
      </c>
      <c r="B14108" s="17"/>
      <c r="C14108" s="17"/>
      <c r="D14108" s="18" t="s">
        <v>6992</v>
      </c>
      <c r="E14108" s="18"/>
      <c r="F14108" s="18"/>
      <c r="G14108" s="18"/>
      <c r="H14108" s="18"/>
      <c r="I14108" s="18"/>
      <c r="J14108" s="18"/>
      <c r="K14108" s="18"/>
      <c r="L14108" s="18"/>
      <c r="M14108" s="18"/>
      <c r="N14108" s="18"/>
      <c r="O14108" s="18"/>
      <c r="P14108" s="20">
        <v>1490</v>
      </c>
      <c r="Q14108" s="20"/>
      <c r="R14108" s="20"/>
      <c r="S14108" s="20"/>
      <c r="T14108" s="20">
        <v>1100</v>
      </c>
      <c r="U14108" s="20"/>
      <c r="V14108" s="20"/>
      <c r="W14108" s="20"/>
      <c r="X14108" s="19">
        <v>1</v>
      </c>
      <c r="Y14108" s="19"/>
      <c r="Z14108" s="19"/>
      <c r="AA14108" s="19"/>
    </row>
    <row r="14109" spans="1:27" s="1" customFormat="1" ht="11.1" customHeight="1" outlineLevel="3" x14ac:dyDescent="0.2">
      <c r="A14109" s="17"/>
      <c r="B14109" s="17"/>
      <c r="C14109" s="17"/>
      <c r="D14109" s="18"/>
      <c r="E14109" s="18"/>
      <c r="F14109" s="18"/>
      <c r="G14109" s="18"/>
      <c r="H14109" s="18"/>
      <c r="I14109" s="18"/>
      <c r="J14109" s="18"/>
      <c r="K14109" s="18"/>
      <c r="L14109" s="18"/>
      <c r="M14109" s="18"/>
      <c r="N14109" s="18"/>
      <c r="O14109" s="18"/>
      <c r="P14109" s="20"/>
      <c r="Q14109" s="20"/>
      <c r="R14109" s="20"/>
      <c r="S14109" s="20"/>
      <c r="T14109" s="20"/>
      <c r="U14109" s="20"/>
      <c r="V14109" s="20"/>
      <c r="W14109" s="20"/>
      <c r="X14109" s="19"/>
      <c r="Y14109" s="19"/>
      <c r="Z14109" s="19"/>
      <c r="AA14109" s="19"/>
    </row>
    <row r="14110" spans="1:27" s="1" customFormat="1" ht="11.1" customHeight="1" outlineLevel="3" x14ac:dyDescent="0.2">
      <c r="A14110" s="17">
        <v>18004</v>
      </c>
      <c r="B14110" s="17"/>
      <c r="C14110" s="17"/>
      <c r="D14110" s="18" t="s">
        <v>6993</v>
      </c>
      <c r="E14110" s="18"/>
      <c r="F14110" s="18"/>
      <c r="G14110" s="18"/>
      <c r="H14110" s="18"/>
      <c r="I14110" s="18"/>
      <c r="J14110" s="18"/>
      <c r="K14110" s="18"/>
      <c r="L14110" s="18"/>
      <c r="M14110" s="18"/>
      <c r="N14110" s="18"/>
      <c r="O14110" s="18"/>
      <c r="P14110" s="20">
        <v>1490</v>
      </c>
      <c r="Q14110" s="20"/>
      <c r="R14110" s="20"/>
      <c r="S14110" s="20"/>
      <c r="T14110" s="20">
        <v>1100</v>
      </c>
      <c r="U14110" s="20"/>
      <c r="V14110" s="20"/>
      <c r="W14110" s="20"/>
      <c r="X14110" s="19">
        <v>1</v>
      </c>
      <c r="Y14110" s="19"/>
      <c r="Z14110" s="19"/>
      <c r="AA14110" s="19"/>
    </row>
    <row r="14111" spans="1:27" s="1" customFormat="1" ht="11.1" customHeight="1" outlineLevel="3" x14ac:dyDescent="0.2">
      <c r="A14111" s="17"/>
      <c r="B14111" s="17"/>
      <c r="C14111" s="17"/>
      <c r="D14111" s="18"/>
      <c r="E14111" s="18"/>
      <c r="F14111" s="18"/>
      <c r="G14111" s="18"/>
      <c r="H14111" s="18"/>
      <c r="I14111" s="18"/>
      <c r="J14111" s="18"/>
      <c r="K14111" s="18"/>
      <c r="L14111" s="18"/>
      <c r="M14111" s="18"/>
      <c r="N14111" s="18"/>
      <c r="O14111" s="18"/>
      <c r="P14111" s="20"/>
      <c r="Q14111" s="20"/>
      <c r="R14111" s="20"/>
      <c r="S14111" s="20"/>
      <c r="T14111" s="20"/>
      <c r="U14111" s="20"/>
      <c r="V14111" s="20"/>
      <c r="W14111" s="20"/>
      <c r="X14111" s="19"/>
      <c r="Y14111" s="19"/>
      <c r="Z14111" s="19"/>
      <c r="AA14111" s="19"/>
    </row>
    <row r="14112" spans="1:27" s="1" customFormat="1" ht="11.1" customHeight="1" outlineLevel="3" x14ac:dyDescent="0.2">
      <c r="A14112" s="17">
        <v>18005</v>
      </c>
      <c r="B14112" s="17"/>
      <c r="C14112" s="17"/>
      <c r="D14112" s="18" t="s">
        <v>6994</v>
      </c>
      <c r="E14112" s="18"/>
      <c r="F14112" s="18"/>
      <c r="G14112" s="18"/>
      <c r="H14112" s="18"/>
      <c r="I14112" s="18"/>
      <c r="J14112" s="18"/>
      <c r="K14112" s="18"/>
      <c r="L14112" s="18"/>
      <c r="M14112" s="18"/>
      <c r="N14112" s="18"/>
      <c r="O14112" s="18"/>
      <c r="P14112" s="20">
        <v>1490</v>
      </c>
      <c r="Q14112" s="20"/>
      <c r="R14112" s="20"/>
      <c r="S14112" s="20"/>
      <c r="T14112" s="20">
        <v>1100</v>
      </c>
      <c r="U14112" s="20"/>
      <c r="V14112" s="20"/>
      <c r="W14112" s="20"/>
      <c r="X14112" s="19">
        <v>1</v>
      </c>
      <c r="Y14112" s="19"/>
      <c r="Z14112" s="19"/>
      <c r="AA14112" s="19"/>
    </row>
    <row r="14113" spans="1:27" s="1" customFormat="1" ht="11.1" customHeight="1" outlineLevel="3" x14ac:dyDescent="0.2">
      <c r="A14113" s="17"/>
      <c r="B14113" s="17"/>
      <c r="C14113" s="17"/>
      <c r="D14113" s="18"/>
      <c r="E14113" s="18"/>
      <c r="F14113" s="18"/>
      <c r="G14113" s="18"/>
      <c r="H14113" s="18"/>
      <c r="I14113" s="18"/>
      <c r="J14113" s="18"/>
      <c r="K14113" s="18"/>
      <c r="L14113" s="18"/>
      <c r="M14113" s="18"/>
      <c r="N14113" s="18"/>
      <c r="O14113" s="18"/>
      <c r="P14113" s="20"/>
      <c r="Q14113" s="20"/>
      <c r="R14113" s="20"/>
      <c r="S14113" s="20"/>
      <c r="T14113" s="20"/>
      <c r="U14113" s="20"/>
      <c r="V14113" s="20"/>
      <c r="W14113" s="20"/>
      <c r="X14113" s="19"/>
      <c r="Y14113" s="19"/>
      <c r="Z14113" s="19"/>
      <c r="AA14113" s="19"/>
    </row>
    <row r="14114" spans="1:27" s="1" customFormat="1" ht="14.1" customHeight="1" outlineLevel="3" x14ac:dyDescent="0.2">
      <c r="A14114" s="17">
        <v>11894</v>
      </c>
      <c r="B14114" s="17"/>
      <c r="C14114" s="17"/>
      <c r="D14114" s="18" t="s">
        <v>6995</v>
      </c>
      <c r="E14114" s="18"/>
      <c r="F14114" s="18"/>
      <c r="G14114" s="18"/>
      <c r="H14114" s="18"/>
      <c r="I14114" s="18"/>
      <c r="J14114" s="18"/>
      <c r="K14114" s="18"/>
      <c r="L14114" s="18"/>
      <c r="M14114" s="18"/>
      <c r="N14114" s="18"/>
      <c r="O14114" s="18"/>
      <c r="P14114" s="19">
        <v>990</v>
      </c>
      <c r="Q14114" s="19"/>
      <c r="R14114" s="19"/>
      <c r="S14114" s="19"/>
      <c r="T14114" s="19">
        <v>750</v>
      </c>
      <c r="U14114" s="19"/>
      <c r="V14114" s="19"/>
      <c r="W14114" s="19"/>
      <c r="X14114" s="19">
        <v>1</v>
      </c>
      <c r="Y14114" s="19"/>
      <c r="Z14114" s="19"/>
      <c r="AA14114" s="19"/>
    </row>
    <row r="14115" spans="1:27" s="1" customFormat="1" ht="14.1" customHeight="1" outlineLevel="3" x14ac:dyDescent="0.2">
      <c r="A14115" s="17"/>
      <c r="B14115" s="17"/>
      <c r="C14115" s="17"/>
      <c r="D14115" s="18"/>
      <c r="E14115" s="18"/>
      <c r="F14115" s="18"/>
      <c r="G14115" s="18"/>
      <c r="H14115" s="18"/>
      <c r="I14115" s="18"/>
      <c r="J14115" s="18"/>
      <c r="K14115" s="18"/>
      <c r="L14115" s="18"/>
      <c r="M14115" s="18"/>
      <c r="N14115" s="18"/>
      <c r="O14115" s="18"/>
      <c r="P14115" s="19"/>
      <c r="Q14115" s="19"/>
      <c r="R14115" s="19"/>
      <c r="S14115" s="19"/>
      <c r="T14115" s="19"/>
      <c r="U14115" s="19"/>
      <c r="V14115" s="19"/>
      <c r="W14115" s="19"/>
      <c r="X14115" s="19"/>
      <c r="Y14115" s="19"/>
      <c r="Z14115" s="19"/>
      <c r="AA14115" s="19"/>
    </row>
    <row r="14116" spans="1:27" s="1" customFormat="1" ht="14.1" customHeight="1" outlineLevel="3" x14ac:dyDescent="0.2">
      <c r="A14116" s="17">
        <v>11525</v>
      </c>
      <c r="B14116" s="17"/>
      <c r="C14116" s="17"/>
      <c r="D14116" s="18" t="s">
        <v>6996</v>
      </c>
      <c r="E14116" s="18"/>
      <c r="F14116" s="18"/>
      <c r="G14116" s="18"/>
      <c r="H14116" s="18"/>
      <c r="I14116" s="18"/>
      <c r="J14116" s="18"/>
      <c r="K14116" s="18"/>
      <c r="L14116" s="18"/>
      <c r="M14116" s="18"/>
      <c r="N14116" s="18"/>
      <c r="O14116" s="18"/>
      <c r="P14116" s="19">
        <v>780</v>
      </c>
      <c r="Q14116" s="19"/>
      <c r="R14116" s="19"/>
      <c r="S14116" s="19"/>
      <c r="T14116" s="19">
        <v>550</v>
      </c>
      <c r="U14116" s="19"/>
      <c r="V14116" s="19"/>
      <c r="W14116" s="19"/>
      <c r="X14116" s="19">
        <v>2</v>
      </c>
      <c r="Y14116" s="19"/>
      <c r="Z14116" s="19"/>
      <c r="AA14116" s="19"/>
    </row>
    <row r="14117" spans="1:27" s="1" customFormat="1" ht="14.1" customHeight="1" outlineLevel="3" x14ac:dyDescent="0.2">
      <c r="A14117" s="17"/>
      <c r="B14117" s="17"/>
      <c r="C14117" s="17"/>
      <c r="D14117" s="18"/>
      <c r="E14117" s="18"/>
      <c r="F14117" s="18"/>
      <c r="G14117" s="18"/>
      <c r="H14117" s="18"/>
      <c r="I14117" s="18"/>
      <c r="J14117" s="18"/>
      <c r="K14117" s="18"/>
      <c r="L14117" s="18"/>
      <c r="M14117" s="18"/>
      <c r="N14117" s="18"/>
      <c r="O14117" s="18"/>
      <c r="P14117" s="19"/>
      <c r="Q14117" s="19"/>
      <c r="R14117" s="19"/>
      <c r="S14117" s="19"/>
      <c r="T14117" s="19"/>
      <c r="U14117" s="19"/>
      <c r="V14117" s="19"/>
      <c r="W14117" s="19"/>
      <c r="X14117" s="19"/>
      <c r="Y14117" s="19"/>
      <c r="Z14117" s="19"/>
      <c r="AA14117" s="19"/>
    </row>
    <row r="14118" spans="1:27" s="1" customFormat="1" ht="14.1" customHeight="1" outlineLevel="3" x14ac:dyDescent="0.2">
      <c r="A14118" s="17">
        <v>9093</v>
      </c>
      <c r="B14118" s="17"/>
      <c r="C14118" s="17"/>
      <c r="D14118" s="18" t="s">
        <v>6997</v>
      </c>
      <c r="E14118" s="18"/>
      <c r="F14118" s="18"/>
      <c r="G14118" s="18"/>
      <c r="H14118" s="18"/>
      <c r="I14118" s="18"/>
      <c r="J14118" s="18"/>
      <c r="K14118" s="18"/>
      <c r="L14118" s="18"/>
      <c r="M14118" s="18"/>
      <c r="N14118" s="18"/>
      <c r="O14118" s="18"/>
      <c r="P14118" s="19">
        <v>750</v>
      </c>
      <c r="Q14118" s="19"/>
      <c r="R14118" s="19"/>
      <c r="S14118" s="19"/>
      <c r="T14118" s="19">
        <v>540</v>
      </c>
      <c r="U14118" s="19"/>
      <c r="V14118" s="19"/>
      <c r="W14118" s="19"/>
      <c r="X14118" s="19">
        <v>12</v>
      </c>
      <c r="Y14118" s="19"/>
      <c r="Z14118" s="19"/>
      <c r="AA14118" s="19"/>
    </row>
    <row r="14119" spans="1:27" s="1" customFormat="1" ht="14.1" customHeight="1" outlineLevel="3" x14ac:dyDescent="0.2">
      <c r="A14119" s="17"/>
      <c r="B14119" s="17"/>
      <c r="C14119" s="17"/>
      <c r="D14119" s="18"/>
      <c r="E14119" s="18"/>
      <c r="F14119" s="18"/>
      <c r="G14119" s="18"/>
      <c r="H14119" s="18"/>
      <c r="I14119" s="18"/>
      <c r="J14119" s="18"/>
      <c r="K14119" s="18"/>
      <c r="L14119" s="18"/>
      <c r="M14119" s="18"/>
      <c r="N14119" s="18"/>
      <c r="O14119" s="18"/>
      <c r="P14119" s="19"/>
      <c r="Q14119" s="19"/>
      <c r="R14119" s="19"/>
      <c r="S14119" s="19"/>
      <c r="T14119" s="19"/>
      <c r="U14119" s="19"/>
      <c r="V14119" s="19"/>
      <c r="W14119" s="19"/>
      <c r="X14119" s="19"/>
      <c r="Y14119" s="19"/>
      <c r="Z14119" s="19"/>
      <c r="AA14119" s="19"/>
    </row>
    <row r="14120" spans="1:27" s="1" customFormat="1" ht="14.1" customHeight="1" outlineLevel="3" x14ac:dyDescent="0.2">
      <c r="A14120" s="17">
        <v>15006</v>
      </c>
      <c r="B14120" s="17"/>
      <c r="C14120" s="17"/>
      <c r="D14120" s="18" t="s">
        <v>6998</v>
      </c>
      <c r="E14120" s="18"/>
      <c r="F14120" s="18"/>
      <c r="G14120" s="18"/>
      <c r="H14120" s="18"/>
      <c r="I14120" s="18"/>
      <c r="J14120" s="18"/>
      <c r="K14120" s="18"/>
      <c r="L14120" s="18"/>
      <c r="M14120" s="18"/>
      <c r="N14120" s="18"/>
      <c r="O14120" s="18"/>
      <c r="P14120" s="19">
        <v>850</v>
      </c>
      <c r="Q14120" s="19"/>
      <c r="R14120" s="19"/>
      <c r="S14120" s="19"/>
      <c r="T14120" s="19">
        <v>660</v>
      </c>
      <c r="U14120" s="19"/>
      <c r="V14120" s="19"/>
      <c r="W14120" s="19"/>
      <c r="X14120" s="19">
        <v>1</v>
      </c>
      <c r="Y14120" s="19"/>
      <c r="Z14120" s="19"/>
      <c r="AA14120" s="19"/>
    </row>
    <row r="14121" spans="1:27" s="1" customFormat="1" ht="14.1" customHeight="1" outlineLevel="3" x14ac:dyDescent="0.2">
      <c r="A14121" s="17"/>
      <c r="B14121" s="17"/>
      <c r="C14121" s="17"/>
      <c r="D14121" s="18"/>
      <c r="E14121" s="18"/>
      <c r="F14121" s="18"/>
      <c r="G14121" s="18"/>
      <c r="H14121" s="18"/>
      <c r="I14121" s="18"/>
      <c r="J14121" s="18"/>
      <c r="K14121" s="18"/>
      <c r="L14121" s="18"/>
      <c r="M14121" s="18"/>
      <c r="N14121" s="18"/>
      <c r="O14121" s="18"/>
      <c r="P14121" s="19"/>
      <c r="Q14121" s="19"/>
      <c r="R14121" s="19"/>
      <c r="S14121" s="19"/>
      <c r="T14121" s="19"/>
      <c r="U14121" s="19"/>
      <c r="V14121" s="19"/>
      <c r="W14121" s="19"/>
      <c r="X14121" s="19"/>
      <c r="Y14121" s="19"/>
      <c r="Z14121" s="19"/>
      <c r="AA14121" s="19"/>
    </row>
    <row r="14122" spans="1:27" s="1" customFormat="1" ht="14.1" customHeight="1" outlineLevel="3" x14ac:dyDescent="0.2">
      <c r="A14122" s="17">
        <v>6744</v>
      </c>
      <c r="B14122" s="17"/>
      <c r="C14122" s="17"/>
      <c r="D14122" s="18" t="s">
        <v>6999</v>
      </c>
      <c r="E14122" s="18"/>
      <c r="F14122" s="18"/>
      <c r="G14122" s="18"/>
      <c r="H14122" s="18"/>
      <c r="I14122" s="18"/>
      <c r="J14122" s="18"/>
      <c r="K14122" s="18"/>
      <c r="L14122" s="18"/>
      <c r="M14122" s="18"/>
      <c r="N14122" s="18"/>
      <c r="O14122" s="18"/>
      <c r="P14122" s="19">
        <v>650</v>
      </c>
      <c r="Q14122" s="19"/>
      <c r="R14122" s="19"/>
      <c r="S14122" s="19"/>
      <c r="T14122" s="19">
        <v>450</v>
      </c>
      <c r="U14122" s="19"/>
      <c r="V14122" s="19"/>
      <c r="W14122" s="19"/>
      <c r="X14122" s="19">
        <v>1</v>
      </c>
      <c r="Y14122" s="19"/>
      <c r="Z14122" s="19"/>
      <c r="AA14122" s="19"/>
    </row>
    <row r="14123" spans="1:27" s="1" customFormat="1" ht="14.1" customHeight="1" outlineLevel="3" x14ac:dyDescent="0.2">
      <c r="A14123" s="17"/>
      <c r="B14123" s="17"/>
      <c r="C14123" s="17"/>
      <c r="D14123" s="18"/>
      <c r="E14123" s="18"/>
      <c r="F14123" s="18"/>
      <c r="G14123" s="18"/>
      <c r="H14123" s="18"/>
      <c r="I14123" s="18"/>
      <c r="J14123" s="18"/>
      <c r="K14123" s="18"/>
      <c r="L14123" s="18"/>
      <c r="M14123" s="18"/>
      <c r="N14123" s="18"/>
      <c r="O14123" s="18"/>
      <c r="P14123" s="19"/>
      <c r="Q14123" s="19"/>
      <c r="R14123" s="19"/>
      <c r="S14123" s="19"/>
      <c r="T14123" s="19"/>
      <c r="U14123" s="19"/>
      <c r="V14123" s="19"/>
      <c r="W14123" s="19"/>
      <c r="X14123" s="19"/>
      <c r="Y14123" s="19"/>
      <c r="Z14123" s="19"/>
      <c r="AA14123" s="19"/>
    </row>
    <row r="14124" spans="1:27" s="1" customFormat="1" ht="14.1" customHeight="1" outlineLevel="3" x14ac:dyDescent="0.2">
      <c r="A14124" s="17">
        <v>12427</v>
      </c>
      <c r="B14124" s="17"/>
      <c r="C14124" s="17"/>
      <c r="D14124" s="18" t="s">
        <v>7000</v>
      </c>
      <c r="E14124" s="18"/>
      <c r="F14124" s="18"/>
      <c r="G14124" s="18"/>
      <c r="H14124" s="18"/>
      <c r="I14124" s="18"/>
      <c r="J14124" s="18"/>
      <c r="K14124" s="18"/>
      <c r="L14124" s="18"/>
      <c r="M14124" s="18"/>
      <c r="N14124" s="18"/>
      <c r="O14124" s="18"/>
      <c r="P14124" s="19">
        <v>650</v>
      </c>
      <c r="Q14124" s="19"/>
      <c r="R14124" s="19"/>
      <c r="S14124" s="19"/>
      <c r="T14124" s="19">
        <v>450</v>
      </c>
      <c r="U14124" s="19"/>
      <c r="V14124" s="19"/>
      <c r="W14124" s="19"/>
      <c r="X14124" s="19">
        <v>1</v>
      </c>
      <c r="Y14124" s="19"/>
      <c r="Z14124" s="19"/>
      <c r="AA14124" s="19"/>
    </row>
    <row r="14125" spans="1:27" s="1" customFormat="1" ht="14.1" customHeight="1" outlineLevel="3" x14ac:dyDescent="0.2">
      <c r="A14125" s="17"/>
      <c r="B14125" s="17"/>
      <c r="C14125" s="17"/>
      <c r="D14125" s="18"/>
      <c r="E14125" s="18"/>
      <c r="F14125" s="18"/>
      <c r="G14125" s="18"/>
      <c r="H14125" s="18"/>
      <c r="I14125" s="18"/>
      <c r="J14125" s="18"/>
      <c r="K14125" s="18"/>
      <c r="L14125" s="18"/>
      <c r="M14125" s="18"/>
      <c r="N14125" s="18"/>
      <c r="O14125" s="18"/>
      <c r="P14125" s="19"/>
      <c r="Q14125" s="19"/>
      <c r="R14125" s="19"/>
      <c r="S14125" s="19"/>
      <c r="T14125" s="19"/>
      <c r="U14125" s="19"/>
      <c r="V14125" s="19"/>
      <c r="W14125" s="19"/>
      <c r="X14125" s="19"/>
      <c r="Y14125" s="19"/>
      <c r="Z14125" s="19"/>
      <c r="AA14125" s="19"/>
    </row>
    <row r="14126" spans="1:27" s="1" customFormat="1" ht="14.1" customHeight="1" outlineLevel="3" x14ac:dyDescent="0.2">
      <c r="A14126" s="17">
        <v>11891</v>
      </c>
      <c r="B14126" s="17"/>
      <c r="C14126" s="17"/>
      <c r="D14126" s="18" t="s">
        <v>7001</v>
      </c>
      <c r="E14126" s="18"/>
      <c r="F14126" s="18"/>
      <c r="G14126" s="18"/>
      <c r="H14126" s="18"/>
      <c r="I14126" s="18"/>
      <c r="J14126" s="18"/>
      <c r="K14126" s="18"/>
      <c r="L14126" s="18"/>
      <c r="M14126" s="18"/>
      <c r="N14126" s="18"/>
      <c r="O14126" s="18"/>
      <c r="P14126" s="19">
        <v>880</v>
      </c>
      <c r="Q14126" s="19"/>
      <c r="R14126" s="19"/>
      <c r="S14126" s="19"/>
      <c r="T14126" s="19">
        <v>690</v>
      </c>
      <c r="U14126" s="19"/>
      <c r="V14126" s="19"/>
      <c r="W14126" s="19"/>
      <c r="X14126" s="19">
        <v>1</v>
      </c>
      <c r="Y14126" s="19"/>
      <c r="Z14126" s="19"/>
      <c r="AA14126" s="19"/>
    </row>
    <row r="14127" spans="1:27" s="1" customFormat="1" ht="14.1" customHeight="1" outlineLevel="3" x14ac:dyDescent="0.2">
      <c r="A14127" s="17"/>
      <c r="B14127" s="17"/>
      <c r="C14127" s="17"/>
      <c r="D14127" s="18"/>
      <c r="E14127" s="18"/>
      <c r="F14127" s="18"/>
      <c r="G14127" s="18"/>
      <c r="H14127" s="18"/>
      <c r="I14127" s="18"/>
      <c r="J14127" s="18"/>
      <c r="K14127" s="18"/>
      <c r="L14127" s="18"/>
      <c r="M14127" s="18"/>
      <c r="N14127" s="18"/>
      <c r="O14127" s="18"/>
      <c r="P14127" s="19"/>
      <c r="Q14127" s="19"/>
      <c r="R14127" s="19"/>
      <c r="S14127" s="19"/>
      <c r="T14127" s="19"/>
      <c r="U14127" s="19"/>
      <c r="V14127" s="19"/>
      <c r="W14127" s="19"/>
      <c r="X14127" s="19"/>
      <c r="Y14127" s="19"/>
      <c r="Z14127" s="19"/>
      <c r="AA14127" s="19"/>
    </row>
    <row r="14128" spans="1:27" s="1" customFormat="1" ht="11.1" customHeight="1" outlineLevel="2" x14ac:dyDescent="0.2">
      <c r="A14128" s="16" t="s">
        <v>7002</v>
      </c>
      <c r="B14128" s="16"/>
      <c r="C14128" s="16"/>
      <c r="D14128" s="16"/>
      <c r="E14128" s="16"/>
      <c r="F14128" s="16"/>
      <c r="G14128" s="16"/>
      <c r="H14128" s="16"/>
      <c r="I14128" s="16"/>
      <c r="J14128" s="16"/>
      <c r="K14128" s="16"/>
      <c r="L14128" s="16"/>
      <c r="M14128" s="16"/>
      <c r="N14128" s="16"/>
      <c r="O14128" s="16"/>
      <c r="P14128" s="16"/>
      <c r="Q14128" s="16"/>
      <c r="R14128" s="16"/>
      <c r="S14128" s="16"/>
      <c r="T14128" s="16"/>
      <c r="U14128" s="16"/>
      <c r="V14128" s="16"/>
      <c r="W14128" s="16"/>
      <c r="X14128" s="16"/>
      <c r="Y14128" s="16"/>
      <c r="Z14128" s="16"/>
      <c r="AA14128" s="16"/>
    </row>
    <row r="14129" spans="1:27" s="1" customFormat="1" ht="11.1" customHeight="1" outlineLevel="2" x14ac:dyDescent="0.2">
      <c r="A14129" s="16"/>
      <c r="B14129" s="16"/>
      <c r="C14129" s="16"/>
      <c r="D14129" s="16"/>
      <c r="E14129" s="16"/>
      <c r="F14129" s="16"/>
      <c r="G14129" s="16"/>
      <c r="H14129" s="16"/>
      <c r="I14129" s="16"/>
      <c r="J14129" s="16"/>
      <c r="K14129" s="16"/>
      <c r="L14129" s="16"/>
      <c r="M14129" s="16"/>
      <c r="N14129" s="16"/>
      <c r="O14129" s="16"/>
      <c r="P14129" s="16"/>
      <c r="Q14129" s="16"/>
      <c r="R14129" s="16"/>
      <c r="S14129" s="16"/>
      <c r="T14129" s="16"/>
      <c r="U14129" s="16"/>
      <c r="V14129" s="16"/>
      <c r="W14129" s="16"/>
      <c r="X14129" s="16"/>
      <c r="Y14129" s="16"/>
      <c r="Z14129" s="16"/>
      <c r="AA14129" s="16"/>
    </row>
    <row r="14130" spans="1:27" s="1" customFormat="1" ht="14.1" customHeight="1" outlineLevel="3" x14ac:dyDescent="0.2">
      <c r="A14130" s="17">
        <v>13550</v>
      </c>
      <c r="B14130" s="17"/>
      <c r="C14130" s="17"/>
      <c r="D14130" s="18" t="s">
        <v>7003</v>
      </c>
      <c r="E14130" s="18"/>
      <c r="F14130" s="18"/>
      <c r="G14130" s="18"/>
      <c r="H14130" s="18"/>
      <c r="I14130" s="18"/>
      <c r="J14130" s="18"/>
      <c r="K14130" s="18"/>
      <c r="L14130" s="18"/>
      <c r="M14130" s="18"/>
      <c r="N14130" s="18"/>
      <c r="O14130" s="18"/>
      <c r="P14130" s="20">
        <v>4200</v>
      </c>
      <c r="Q14130" s="20"/>
      <c r="R14130" s="20"/>
      <c r="S14130" s="20"/>
      <c r="T14130" s="20">
        <v>3550</v>
      </c>
      <c r="U14130" s="20"/>
      <c r="V14130" s="20"/>
      <c r="W14130" s="20"/>
      <c r="X14130" s="19">
        <v>1</v>
      </c>
      <c r="Y14130" s="19"/>
      <c r="Z14130" s="19"/>
      <c r="AA14130" s="19"/>
    </row>
    <row r="14131" spans="1:27" s="1" customFormat="1" ht="14.1" customHeight="1" outlineLevel="3" x14ac:dyDescent="0.2">
      <c r="A14131" s="17"/>
      <c r="B14131" s="17"/>
      <c r="C14131" s="17"/>
      <c r="D14131" s="18"/>
      <c r="E14131" s="18"/>
      <c r="F14131" s="18"/>
      <c r="G14131" s="18"/>
      <c r="H14131" s="18"/>
      <c r="I14131" s="18"/>
      <c r="J14131" s="18"/>
      <c r="K14131" s="18"/>
      <c r="L14131" s="18"/>
      <c r="M14131" s="18"/>
      <c r="N14131" s="18"/>
      <c r="O14131" s="18"/>
      <c r="P14131" s="20"/>
      <c r="Q14131" s="20"/>
      <c r="R14131" s="20"/>
      <c r="S14131" s="20"/>
      <c r="T14131" s="20"/>
      <c r="U14131" s="20"/>
      <c r="V14131" s="20"/>
      <c r="W14131" s="20"/>
      <c r="X14131" s="19"/>
      <c r="Y14131" s="19"/>
      <c r="Z14131" s="19"/>
      <c r="AA14131" s="19"/>
    </row>
    <row r="14132" spans="1:27" s="1" customFormat="1" ht="14.1" customHeight="1" outlineLevel="3" x14ac:dyDescent="0.2">
      <c r="A14132" s="17">
        <v>13551</v>
      </c>
      <c r="B14132" s="17"/>
      <c r="C14132" s="17"/>
      <c r="D14132" s="18" t="s">
        <v>7004</v>
      </c>
      <c r="E14132" s="18"/>
      <c r="F14132" s="18"/>
      <c r="G14132" s="18"/>
      <c r="H14132" s="18"/>
      <c r="I14132" s="18"/>
      <c r="J14132" s="18"/>
      <c r="K14132" s="18"/>
      <c r="L14132" s="18"/>
      <c r="M14132" s="18"/>
      <c r="N14132" s="18"/>
      <c r="O14132" s="18"/>
      <c r="P14132" s="20">
        <v>3400</v>
      </c>
      <c r="Q14132" s="20"/>
      <c r="R14132" s="20"/>
      <c r="S14132" s="20"/>
      <c r="T14132" s="20">
        <v>3050</v>
      </c>
      <c r="U14132" s="20"/>
      <c r="V14132" s="20"/>
      <c r="W14132" s="20"/>
      <c r="X14132" s="19">
        <v>1</v>
      </c>
      <c r="Y14132" s="19"/>
      <c r="Z14132" s="19"/>
      <c r="AA14132" s="19"/>
    </row>
    <row r="14133" spans="1:27" s="1" customFormat="1" ht="14.1" customHeight="1" outlineLevel="3" x14ac:dyDescent="0.2">
      <c r="A14133" s="17"/>
      <c r="B14133" s="17"/>
      <c r="C14133" s="17"/>
      <c r="D14133" s="18"/>
      <c r="E14133" s="18"/>
      <c r="F14133" s="18"/>
      <c r="G14133" s="18"/>
      <c r="H14133" s="18"/>
      <c r="I14133" s="18"/>
      <c r="J14133" s="18"/>
      <c r="K14133" s="18"/>
      <c r="L14133" s="18"/>
      <c r="M14133" s="18"/>
      <c r="N14133" s="18"/>
      <c r="O14133" s="18"/>
      <c r="P14133" s="20"/>
      <c r="Q14133" s="20"/>
      <c r="R14133" s="20"/>
      <c r="S14133" s="20"/>
      <c r="T14133" s="20"/>
      <c r="U14133" s="20"/>
      <c r="V14133" s="20"/>
      <c r="W14133" s="20"/>
      <c r="X14133" s="19"/>
      <c r="Y14133" s="19"/>
      <c r="Z14133" s="19"/>
      <c r="AA14133" s="19"/>
    </row>
    <row r="14134" spans="1:27" s="1" customFormat="1" ht="14.1" customHeight="1" outlineLevel="3" x14ac:dyDescent="0.2">
      <c r="A14134" s="17">
        <v>13549</v>
      </c>
      <c r="B14134" s="17"/>
      <c r="C14134" s="17"/>
      <c r="D14134" s="18" t="s">
        <v>7005</v>
      </c>
      <c r="E14134" s="18"/>
      <c r="F14134" s="18"/>
      <c r="G14134" s="18"/>
      <c r="H14134" s="18"/>
      <c r="I14134" s="18"/>
      <c r="J14134" s="18"/>
      <c r="K14134" s="18"/>
      <c r="L14134" s="18"/>
      <c r="M14134" s="18"/>
      <c r="N14134" s="18"/>
      <c r="O14134" s="18"/>
      <c r="P14134" s="20">
        <v>3500</v>
      </c>
      <c r="Q14134" s="20"/>
      <c r="R14134" s="20"/>
      <c r="S14134" s="20"/>
      <c r="T14134" s="20">
        <v>3050</v>
      </c>
      <c r="U14134" s="20"/>
      <c r="V14134" s="20"/>
      <c r="W14134" s="20"/>
      <c r="X14134" s="19">
        <v>2</v>
      </c>
      <c r="Y14134" s="19"/>
      <c r="Z14134" s="19"/>
      <c r="AA14134" s="19"/>
    </row>
    <row r="14135" spans="1:27" s="1" customFormat="1" ht="14.1" customHeight="1" outlineLevel="3" x14ac:dyDescent="0.2">
      <c r="A14135" s="17"/>
      <c r="B14135" s="17"/>
      <c r="C14135" s="17"/>
      <c r="D14135" s="18"/>
      <c r="E14135" s="18"/>
      <c r="F14135" s="18"/>
      <c r="G14135" s="18"/>
      <c r="H14135" s="18"/>
      <c r="I14135" s="18"/>
      <c r="J14135" s="18"/>
      <c r="K14135" s="18"/>
      <c r="L14135" s="18"/>
      <c r="M14135" s="18"/>
      <c r="N14135" s="18"/>
      <c r="O14135" s="18"/>
      <c r="P14135" s="20"/>
      <c r="Q14135" s="20"/>
      <c r="R14135" s="20"/>
      <c r="S14135" s="20"/>
      <c r="T14135" s="20"/>
      <c r="U14135" s="20"/>
      <c r="V14135" s="20"/>
      <c r="W14135" s="20"/>
      <c r="X14135" s="19"/>
      <c r="Y14135" s="19"/>
      <c r="Z14135" s="19"/>
      <c r="AA14135" s="19"/>
    </row>
    <row r="14136" spans="1:27" s="1" customFormat="1" ht="11.1" customHeight="1" outlineLevel="3" x14ac:dyDescent="0.2">
      <c r="A14136" s="17">
        <v>7754</v>
      </c>
      <c r="B14136" s="17"/>
      <c r="C14136" s="17"/>
      <c r="D14136" s="18" t="s">
        <v>7006</v>
      </c>
      <c r="E14136" s="18"/>
      <c r="F14136" s="18"/>
      <c r="G14136" s="18"/>
      <c r="H14136" s="18"/>
      <c r="I14136" s="18"/>
      <c r="J14136" s="18"/>
      <c r="K14136" s="18"/>
      <c r="L14136" s="18"/>
      <c r="M14136" s="18"/>
      <c r="N14136" s="18"/>
      <c r="O14136" s="18"/>
      <c r="P14136" s="19">
        <v>680</v>
      </c>
      <c r="Q14136" s="19"/>
      <c r="R14136" s="19"/>
      <c r="S14136" s="19"/>
      <c r="T14136" s="19">
        <v>490</v>
      </c>
      <c r="U14136" s="19"/>
      <c r="V14136" s="19"/>
      <c r="W14136" s="19"/>
      <c r="X14136" s="19">
        <v>5</v>
      </c>
      <c r="Y14136" s="19"/>
      <c r="Z14136" s="19"/>
      <c r="AA14136" s="19"/>
    </row>
    <row r="14137" spans="1:27" s="1" customFormat="1" ht="11.1" customHeight="1" outlineLevel="3" x14ac:dyDescent="0.2">
      <c r="A14137" s="17"/>
      <c r="B14137" s="17"/>
      <c r="C14137" s="17"/>
      <c r="D14137" s="18"/>
      <c r="E14137" s="18"/>
      <c r="F14137" s="18"/>
      <c r="G14137" s="18"/>
      <c r="H14137" s="18"/>
      <c r="I14137" s="18"/>
      <c r="J14137" s="18"/>
      <c r="K14137" s="18"/>
      <c r="L14137" s="18"/>
      <c r="M14137" s="18"/>
      <c r="N14137" s="18"/>
      <c r="O14137" s="18"/>
      <c r="P14137" s="19"/>
      <c r="Q14137" s="19"/>
      <c r="R14137" s="19"/>
      <c r="S14137" s="19"/>
      <c r="T14137" s="19"/>
      <c r="U14137" s="19"/>
      <c r="V14137" s="19"/>
      <c r="W14137" s="19"/>
      <c r="X14137" s="19"/>
      <c r="Y14137" s="19"/>
      <c r="Z14137" s="19"/>
      <c r="AA14137" s="19"/>
    </row>
    <row r="14138" spans="1:27" s="1" customFormat="1" ht="11.1" customHeight="1" outlineLevel="3" x14ac:dyDescent="0.2">
      <c r="A14138" s="17">
        <v>7541</v>
      </c>
      <c r="B14138" s="17"/>
      <c r="C14138" s="17"/>
      <c r="D14138" s="18" t="s">
        <v>7007</v>
      </c>
      <c r="E14138" s="18"/>
      <c r="F14138" s="18"/>
      <c r="G14138" s="18"/>
      <c r="H14138" s="18"/>
      <c r="I14138" s="18"/>
      <c r="J14138" s="18"/>
      <c r="K14138" s="18"/>
      <c r="L14138" s="18"/>
      <c r="M14138" s="18"/>
      <c r="N14138" s="18"/>
      <c r="O14138" s="18"/>
      <c r="P14138" s="19">
        <v>650</v>
      </c>
      <c r="Q14138" s="19"/>
      <c r="R14138" s="19"/>
      <c r="S14138" s="19"/>
      <c r="T14138" s="19">
        <v>500</v>
      </c>
      <c r="U14138" s="19"/>
      <c r="V14138" s="19"/>
      <c r="W14138" s="19"/>
      <c r="X14138" s="19">
        <v>1</v>
      </c>
      <c r="Y14138" s="19"/>
      <c r="Z14138" s="19"/>
      <c r="AA14138" s="19"/>
    </row>
    <row r="14139" spans="1:27" s="1" customFormat="1" ht="11.1" customHeight="1" outlineLevel="3" x14ac:dyDescent="0.2">
      <c r="A14139" s="17"/>
      <c r="B14139" s="17"/>
      <c r="C14139" s="17"/>
      <c r="D14139" s="18"/>
      <c r="E14139" s="18"/>
      <c r="F14139" s="18"/>
      <c r="G14139" s="18"/>
      <c r="H14139" s="18"/>
      <c r="I14139" s="18"/>
      <c r="J14139" s="18"/>
      <c r="K14139" s="18"/>
      <c r="L14139" s="18"/>
      <c r="M14139" s="18"/>
      <c r="N14139" s="18"/>
      <c r="O14139" s="18"/>
      <c r="P14139" s="19"/>
      <c r="Q14139" s="19"/>
      <c r="R14139" s="19"/>
      <c r="S14139" s="19"/>
      <c r="T14139" s="19"/>
      <c r="U14139" s="19"/>
      <c r="V14139" s="19"/>
      <c r="W14139" s="19"/>
      <c r="X14139" s="19"/>
      <c r="Y14139" s="19"/>
      <c r="Z14139" s="19"/>
      <c r="AA14139" s="19"/>
    </row>
    <row r="14140" spans="1:27" s="1" customFormat="1" ht="11.1" customHeight="1" outlineLevel="3" x14ac:dyDescent="0.2">
      <c r="A14140" s="17">
        <v>16318</v>
      </c>
      <c r="B14140" s="17"/>
      <c r="C14140" s="17"/>
      <c r="D14140" s="18" t="s">
        <v>7008</v>
      </c>
      <c r="E14140" s="18"/>
      <c r="F14140" s="18"/>
      <c r="G14140" s="18"/>
      <c r="H14140" s="18"/>
      <c r="I14140" s="18"/>
      <c r="J14140" s="18"/>
      <c r="K14140" s="18"/>
      <c r="L14140" s="18"/>
      <c r="M14140" s="18"/>
      <c r="N14140" s="18"/>
      <c r="O14140" s="18"/>
      <c r="P14140" s="20">
        <v>1600</v>
      </c>
      <c r="Q14140" s="20"/>
      <c r="R14140" s="20"/>
      <c r="S14140" s="20"/>
      <c r="T14140" s="20">
        <v>1300</v>
      </c>
      <c r="U14140" s="20"/>
      <c r="V14140" s="20"/>
      <c r="W14140" s="20"/>
      <c r="X14140" s="19">
        <v>1</v>
      </c>
      <c r="Y14140" s="19"/>
      <c r="Z14140" s="19"/>
      <c r="AA14140" s="19"/>
    </row>
    <row r="14141" spans="1:27" s="1" customFormat="1" ht="11.1" customHeight="1" outlineLevel="3" x14ac:dyDescent="0.2">
      <c r="A14141" s="17"/>
      <c r="B14141" s="17"/>
      <c r="C14141" s="17"/>
      <c r="D14141" s="18"/>
      <c r="E14141" s="18"/>
      <c r="F14141" s="18"/>
      <c r="G14141" s="18"/>
      <c r="H14141" s="18"/>
      <c r="I14141" s="18"/>
      <c r="J14141" s="18"/>
      <c r="K14141" s="18"/>
      <c r="L14141" s="18"/>
      <c r="M14141" s="18"/>
      <c r="N14141" s="18"/>
      <c r="O14141" s="18"/>
      <c r="P14141" s="20"/>
      <c r="Q14141" s="20"/>
      <c r="R14141" s="20"/>
      <c r="S14141" s="20"/>
      <c r="T14141" s="20"/>
      <c r="U14141" s="20"/>
      <c r="V14141" s="20"/>
      <c r="W14141" s="20"/>
      <c r="X14141" s="19"/>
      <c r="Y14141" s="19"/>
      <c r="Z14141" s="19"/>
      <c r="AA14141" s="19"/>
    </row>
    <row r="14142" spans="1:27" s="1" customFormat="1" ht="11.1" customHeight="1" outlineLevel="3" x14ac:dyDescent="0.2">
      <c r="A14142" s="17">
        <v>13770</v>
      </c>
      <c r="B14142" s="17"/>
      <c r="C14142" s="17"/>
      <c r="D14142" s="18" t="s">
        <v>7009</v>
      </c>
      <c r="E14142" s="18"/>
      <c r="F14142" s="18"/>
      <c r="G14142" s="18"/>
      <c r="H14142" s="18"/>
      <c r="I14142" s="18"/>
      <c r="J14142" s="18"/>
      <c r="K14142" s="18"/>
      <c r="L14142" s="18"/>
      <c r="M14142" s="18"/>
      <c r="N14142" s="18"/>
      <c r="O14142" s="18"/>
      <c r="P14142" s="19">
        <v>700</v>
      </c>
      <c r="Q14142" s="19"/>
      <c r="R14142" s="19"/>
      <c r="S14142" s="19"/>
      <c r="T14142" s="19">
        <v>565</v>
      </c>
      <c r="U14142" s="19"/>
      <c r="V14142" s="19"/>
      <c r="W14142" s="19"/>
      <c r="X14142" s="19">
        <v>1</v>
      </c>
      <c r="Y14142" s="19"/>
      <c r="Z14142" s="19"/>
      <c r="AA14142" s="19"/>
    </row>
    <row r="14143" spans="1:27" s="1" customFormat="1" ht="11.1" customHeight="1" outlineLevel="3" x14ac:dyDescent="0.2">
      <c r="A14143" s="17"/>
      <c r="B14143" s="17"/>
      <c r="C14143" s="17"/>
      <c r="D14143" s="18"/>
      <c r="E14143" s="18"/>
      <c r="F14143" s="18"/>
      <c r="G14143" s="18"/>
      <c r="H14143" s="18"/>
      <c r="I14143" s="18"/>
      <c r="J14143" s="18"/>
      <c r="K14143" s="18"/>
      <c r="L14143" s="18"/>
      <c r="M14143" s="18"/>
      <c r="N14143" s="18"/>
      <c r="O14143" s="18"/>
      <c r="P14143" s="19"/>
      <c r="Q14143" s="19"/>
      <c r="R14143" s="19"/>
      <c r="S14143" s="19"/>
      <c r="T14143" s="19"/>
      <c r="U14143" s="19"/>
      <c r="V14143" s="19"/>
      <c r="W14143" s="19"/>
      <c r="X14143" s="19"/>
      <c r="Y14143" s="19"/>
      <c r="Z14143" s="19"/>
      <c r="AA14143" s="19"/>
    </row>
    <row r="14144" spans="1:27" s="1" customFormat="1" ht="11.1" customHeight="1" outlineLevel="3" x14ac:dyDescent="0.2">
      <c r="A14144" s="17">
        <v>10410</v>
      </c>
      <c r="B14144" s="17"/>
      <c r="C14144" s="17"/>
      <c r="D14144" s="18" t="s">
        <v>7010</v>
      </c>
      <c r="E14144" s="18"/>
      <c r="F14144" s="18"/>
      <c r="G14144" s="18"/>
      <c r="H14144" s="18"/>
      <c r="I14144" s="18"/>
      <c r="J14144" s="18"/>
      <c r="K14144" s="18"/>
      <c r="L14144" s="18"/>
      <c r="M14144" s="18"/>
      <c r="N14144" s="18"/>
      <c r="O14144" s="18"/>
      <c r="P14144" s="19">
        <v>790</v>
      </c>
      <c r="Q14144" s="19"/>
      <c r="R14144" s="19"/>
      <c r="S14144" s="19"/>
      <c r="T14144" s="19">
        <v>565</v>
      </c>
      <c r="U14144" s="19"/>
      <c r="V14144" s="19"/>
      <c r="W14144" s="19"/>
      <c r="X14144" s="19">
        <v>1</v>
      </c>
      <c r="Y14144" s="19"/>
      <c r="Z14144" s="19"/>
      <c r="AA14144" s="19"/>
    </row>
    <row r="14145" spans="1:27" s="1" customFormat="1" ht="11.1" customHeight="1" outlineLevel="3" x14ac:dyDescent="0.2">
      <c r="A14145" s="17"/>
      <c r="B14145" s="17"/>
      <c r="C14145" s="17"/>
      <c r="D14145" s="18"/>
      <c r="E14145" s="18"/>
      <c r="F14145" s="18"/>
      <c r="G14145" s="18"/>
      <c r="H14145" s="18"/>
      <c r="I14145" s="18"/>
      <c r="J14145" s="18"/>
      <c r="K14145" s="18"/>
      <c r="L14145" s="18"/>
      <c r="M14145" s="18"/>
      <c r="N14145" s="18"/>
      <c r="O14145" s="18"/>
      <c r="P14145" s="19"/>
      <c r="Q14145" s="19"/>
      <c r="R14145" s="19"/>
      <c r="S14145" s="19"/>
      <c r="T14145" s="19"/>
      <c r="U14145" s="19"/>
      <c r="V14145" s="19"/>
      <c r="W14145" s="19"/>
      <c r="X14145" s="19"/>
      <c r="Y14145" s="19"/>
      <c r="Z14145" s="19"/>
      <c r="AA14145" s="19"/>
    </row>
    <row r="14146" spans="1:27" s="1" customFormat="1" ht="11.1" customHeight="1" outlineLevel="3" x14ac:dyDescent="0.2">
      <c r="A14146" s="17">
        <v>6688</v>
      </c>
      <c r="B14146" s="17"/>
      <c r="C14146" s="17"/>
      <c r="D14146" s="18" t="s">
        <v>7011</v>
      </c>
      <c r="E14146" s="18"/>
      <c r="F14146" s="18"/>
      <c r="G14146" s="18"/>
      <c r="H14146" s="18"/>
      <c r="I14146" s="18"/>
      <c r="J14146" s="18"/>
      <c r="K14146" s="18"/>
      <c r="L14146" s="18"/>
      <c r="M14146" s="18"/>
      <c r="N14146" s="18"/>
      <c r="O14146" s="18"/>
      <c r="P14146" s="20">
        <v>1200</v>
      </c>
      <c r="Q14146" s="20"/>
      <c r="R14146" s="20"/>
      <c r="S14146" s="20"/>
      <c r="T14146" s="19">
        <v>800</v>
      </c>
      <c r="U14146" s="19"/>
      <c r="V14146" s="19"/>
      <c r="W14146" s="19"/>
      <c r="X14146" s="19">
        <v>1</v>
      </c>
      <c r="Y14146" s="19"/>
      <c r="Z14146" s="19"/>
      <c r="AA14146" s="19"/>
    </row>
    <row r="14147" spans="1:27" s="1" customFormat="1" ht="11.1" customHeight="1" outlineLevel="3" x14ac:dyDescent="0.2">
      <c r="A14147" s="17"/>
      <c r="B14147" s="17"/>
      <c r="C14147" s="17"/>
      <c r="D14147" s="18"/>
      <c r="E14147" s="18"/>
      <c r="F14147" s="18"/>
      <c r="G14147" s="18"/>
      <c r="H14147" s="18"/>
      <c r="I14147" s="18"/>
      <c r="J14147" s="18"/>
      <c r="K14147" s="18"/>
      <c r="L14147" s="18"/>
      <c r="M14147" s="18"/>
      <c r="N14147" s="18"/>
      <c r="O14147" s="18"/>
      <c r="P14147" s="20"/>
      <c r="Q14147" s="20"/>
      <c r="R14147" s="20"/>
      <c r="S14147" s="20"/>
      <c r="T14147" s="19"/>
      <c r="U14147" s="19"/>
      <c r="V14147" s="19"/>
      <c r="W14147" s="19"/>
      <c r="X14147" s="19"/>
      <c r="Y14147" s="19"/>
      <c r="Z14147" s="19"/>
      <c r="AA14147" s="19"/>
    </row>
    <row r="14148" spans="1:27" s="1" customFormat="1" ht="11.1" customHeight="1" outlineLevel="3" x14ac:dyDescent="0.2">
      <c r="A14148" s="17">
        <v>8494</v>
      </c>
      <c r="B14148" s="17"/>
      <c r="C14148" s="17"/>
      <c r="D14148" s="18" t="s">
        <v>7012</v>
      </c>
      <c r="E14148" s="18"/>
      <c r="F14148" s="18"/>
      <c r="G14148" s="18"/>
      <c r="H14148" s="18"/>
      <c r="I14148" s="18"/>
      <c r="J14148" s="18"/>
      <c r="K14148" s="18"/>
      <c r="L14148" s="18"/>
      <c r="M14148" s="18"/>
      <c r="N14148" s="18"/>
      <c r="O14148" s="18"/>
      <c r="P14148" s="19">
        <v>390</v>
      </c>
      <c r="Q14148" s="19"/>
      <c r="R14148" s="19"/>
      <c r="S14148" s="19"/>
      <c r="T14148" s="19">
        <v>230</v>
      </c>
      <c r="U14148" s="19"/>
      <c r="V14148" s="19"/>
      <c r="W14148" s="19"/>
      <c r="X14148" s="19">
        <v>4</v>
      </c>
      <c r="Y14148" s="19"/>
      <c r="Z14148" s="19"/>
      <c r="AA14148" s="19"/>
    </row>
    <row r="14149" spans="1:27" s="1" customFormat="1" ht="11.1" customHeight="1" outlineLevel="3" x14ac:dyDescent="0.2">
      <c r="A14149" s="17"/>
      <c r="B14149" s="17"/>
      <c r="C14149" s="17"/>
      <c r="D14149" s="18"/>
      <c r="E14149" s="18"/>
      <c r="F14149" s="18"/>
      <c r="G14149" s="18"/>
      <c r="H14149" s="18"/>
      <c r="I14149" s="18"/>
      <c r="J14149" s="18"/>
      <c r="K14149" s="18"/>
      <c r="L14149" s="18"/>
      <c r="M14149" s="18"/>
      <c r="N14149" s="18"/>
      <c r="O14149" s="18"/>
      <c r="P14149" s="19"/>
      <c r="Q14149" s="19"/>
      <c r="R14149" s="19"/>
      <c r="S14149" s="19"/>
      <c r="T14149" s="19"/>
      <c r="U14149" s="19"/>
      <c r="V14149" s="19"/>
      <c r="W14149" s="19"/>
      <c r="X14149" s="19"/>
      <c r="Y14149" s="19"/>
      <c r="Z14149" s="19"/>
      <c r="AA14149" s="19"/>
    </row>
    <row r="14150" spans="1:27" s="1" customFormat="1" ht="11.1" customHeight="1" outlineLevel="3" x14ac:dyDescent="0.2">
      <c r="A14150" s="17">
        <v>8495</v>
      </c>
      <c r="B14150" s="17"/>
      <c r="C14150" s="17"/>
      <c r="D14150" s="18" t="s">
        <v>7013</v>
      </c>
      <c r="E14150" s="18"/>
      <c r="F14150" s="18"/>
      <c r="G14150" s="18"/>
      <c r="H14150" s="18"/>
      <c r="I14150" s="18"/>
      <c r="J14150" s="18"/>
      <c r="K14150" s="18"/>
      <c r="L14150" s="18"/>
      <c r="M14150" s="18"/>
      <c r="N14150" s="18"/>
      <c r="O14150" s="18"/>
      <c r="P14150" s="19">
        <v>390</v>
      </c>
      <c r="Q14150" s="19"/>
      <c r="R14150" s="19"/>
      <c r="S14150" s="19"/>
      <c r="T14150" s="19">
        <v>230</v>
      </c>
      <c r="U14150" s="19"/>
      <c r="V14150" s="19"/>
      <c r="W14150" s="19"/>
      <c r="X14150" s="19">
        <v>10</v>
      </c>
      <c r="Y14150" s="19"/>
      <c r="Z14150" s="19"/>
      <c r="AA14150" s="19"/>
    </row>
    <row r="14151" spans="1:27" s="1" customFormat="1" ht="11.1" customHeight="1" outlineLevel="3" x14ac:dyDescent="0.2">
      <c r="A14151" s="17"/>
      <c r="B14151" s="17"/>
      <c r="C14151" s="17"/>
      <c r="D14151" s="18"/>
      <c r="E14151" s="18"/>
      <c r="F14151" s="18"/>
      <c r="G14151" s="18"/>
      <c r="H14151" s="18"/>
      <c r="I14151" s="18"/>
      <c r="J14151" s="18"/>
      <c r="K14151" s="18"/>
      <c r="L14151" s="18"/>
      <c r="M14151" s="18"/>
      <c r="N14151" s="18"/>
      <c r="O14151" s="18"/>
      <c r="P14151" s="19"/>
      <c r="Q14151" s="19"/>
      <c r="R14151" s="19"/>
      <c r="S14151" s="19"/>
      <c r="T14151" s="19"/>
      <c r="U14151" s="19"/>
      <c r="V14151" s="19"/>
      <c r="W14151" s="19"/>
      <c r="X14151" s="19"/>
      <c r="Y14151" s="19"/>
      <c r="Z14151" s="19"/>
      <c r="AA14151" s="19"/>
    </row>
    <row r="14152" spans="1:27" s="1" customFormat="1" ht="11.1" customHeight="1" outlineLevel="3" x14ac:dyDescent="0.2">
      <c r="A14152" s="17">
        <v>8493</v>
      </c>
      <c r="B14152" s="17"/>
      <c r="C14152" s="17"/>
      <c r="D14152" s="18" t="s">
        <v>7014</v>
      </c>
      <c r="E14152" s="18"/>
      <c r="F14152" s="18"/>
      <c r="G14152" s="18"/>
      <c r="H14152" s="18"/>
      <c r="I14152" s="18"/>
      <c r="J14152" s="18"/>
      <c r="K14152" s="18"/>
      <c r="L14152" s="18"/>
      <c r="M14152" s="18"/>
      <c r="N14152" s="18"/>
      <c r="O14152" s="18"/>
      <c r="P14152" s="19">
        <v>390</v>
      </c>
      <c r="Q14152" s="19"/>
      <c r="R14152" s="19"/>
      <c r="S14152" s="19"/>
      <c r="T14152" s="19">
        <v>230</v>
      </c>
      <c r="U14152" s="19"/>
      <c r="V14152" s="19"/>
      <c r="W14152" s="19"/>
      <c r="X14152" s="19">
        <v>1</v>
      </c>
      <c r="Y14152" s="19"/>
      <c r="Z14152" s="19"/>
      <c r="AA14152" s="19"/>
    </row>
    <row r="14153" spans="1:27" s="1" customFormat="1" ht="11.1" customHeight="1" outlineLevel="3" x14ac:dyDescent="0.2">
      <c r="A14153" s="17"/>
      <c r="B14153" s="17"/>
      <c r="C14153" s="17"/>
      <c r="D14153" s="18"/>
      <c r="E14153" s="18"/>
      <c r="F14153" s="18"/>
      <c r="G14153" s="18"/>
      <c r="H14153" s="18"/>
      <c r="I14153" s="18"/>
      <c r="J14153" s="18"/>
      <c r="K14153" s="18"/>
      <c r="L14153" s="18"/>
      <c r="M14153" s="18"/>
      <c r="N14153" s="18"/>
      <c r="O14153" s="18"/>
      <c r="P14153" s="19"/>
      <c r="Q14153" s="19"/>
      <c r="R14153" s="19"/>
      <c r="S14153" s="19"/>
      <c r="T14153" s="19"/>
      <c r="U14153" s="19"/>
      <c r="V14153" s="19"/>
      <c r="W14153" s="19"/>
      <c r="X14153" s="19"/>
      <c r="Y14153" s="19"/>
      <c r="Z14153" s="19"/>
      <c r="AA14153" s="19"/>
    </row>
    <row r="14154" spans="1:27" s="1" customFormat="1" ht="11.1" customHeight="1" outlineLevel="3" x14ac:dyDescent="0.2">
      <c r="A14154" s="17">
        <v>8558</v>
      </c>
      <c r="B14154" s="17"/>
      <c r="C14154" s="17"/>
      <c r="D14154" s="18" t="s">
        <v>7015</v>
      </c>
      <c r="E14154" s="18"/>
      <c r="F14154" s="18"/>
      <c r="G14154" s="18"/>
      <c r="H14154" s="18"/>
      <c r="I14154" s="18"/>
      <c r="J14154" s="18"/>
      <c r="K14154" s="18"/>
      <c r="L14154" s="18"/>
      <c r="M14154" s="18"/>
      <c r="N14154" s="18"/>
      <c r="O14154" s="18"/>
      <c r="P14154" s="19">
        <v>390</v>
      </c>
      <c r="Q14154" s="19"/>
      <c r="R14154" s="19"/>
      <c r="S14154" s="19"/>
      <c r="T14154" s="19">
        <v>268</v>
      </c>
      <c r="U14154" s="19"/>
      <c r="V14154" s="19"/>
      <c r="W14154" s="19"/>
      <c r="X14154" s="19">
        <v>1</v>
      </c>
      <c r="Y14154" s="19"/>
      <c r="Z14154" s="19"/>
      <c r="AA14154" s="19"/>
    </row>
    <row r="14155" spans="1:27" s="1" customFormat="1" ht="11.1" customHeight="1" outlineLevel="3" x14ac:dyDescent="0.2">
      <c r="A14155" s="17"/>
      <c r="B14155" s="17"/>
      <c r="C14155" s="17"/>
      <c r="D14155" s="18"/>
      <c r="E14155" s="18"/>
      <c r="F14155" s="18"/>
      <c r="G14155" s="18"/>
      <c r="H14155" s="18"/>
      <c r="I14155" s="18"/>
      <c r="J14155" s="18"/>
      <c r="K14155" s="18"/>
      <c r="L14155" s="18"/>
      <c r="M14155" s="18"/>
      <c r="N14155" s="18"/>
      <c r="O14155" s="18"/>
      <c r="P14155" s="19"/>
      <c r="Q14155" s="19"/>
      <c r="R14155" s="19"/>
      <c r="S14155" s="19"/>
      <c r="T14155" s="19"/>
      <c r="U14155" s="19"/>
      <c r="V14155" s="19"/>
      <c r="W14155" s="19"/>
      <c r="X14155" s="19"/>
      <c r="Y14155" s="19"/>
      <c r="Z14155" s="19"/>
      <c r="AA14155" s="19"/>
    </row>
    <row r="14156" spans="1:27" s="1" customFormat="1" ht="14.1" customHeight="1" outlineLevel="3" x14ac:dyDescent="0.2">
      <c r="A14156" s="17">
        <v>5486</v>
      </c>
      <c r="B14156" s="17"/>
      <c r="C14156" s="17"/>
      <c r="D14156" s="18" t="s">
        <v>7016</v>
      </c>
      <c r="E14156" s="18"/>
      <c r="F14156" s="18"/>
      <c r="G14156" s="18"/>
      <c r="H14156" s="18"/>
      <c r="I14156" s="18"/>
      <c r="J14156" s="18"/>
      <c r="K14156" s="18"/>
      <c r="L14156" s="18"/>
      <c r="M14156" s="18"/>
      <c r="N14156" s="18"/>
      <c r="O14156" s="18"/>
      <c r="P14156" s="19">
        <v>610</v>
      </c>
      <c r="Q14156" s="19"/>
      <c r="R14156" s="19"/>
      <c r="S14156" s="19"/>
      <c r="T14156" s="19">
        <v>450</v>
      </c>
      <c r="U14156" s="19"/>
      <c r="V14156" s="19"/>
      <c r="W14156" s="19"/>
      <c r="X14156" s="19">
        <v>3</v>
      </c>
      <c r="Y14156" s="19"/>
      <c r="Z14156" s="19"/>
      <c r="AA14156" s="19"/>
    </row>
    <row r="14157" spans="1:27" s="1" customFormat="1" ht="14.1" customHeight="1" outlineLevel="3" x14ac:dyDescent="0.2">
      <c r="A14157" s="17"/>
      <c r="B14157" s="17"/>
      <c r="C14157" s="17"/>
      <c r="D14157" s="18"/>
      <c r="E14157" s="18"/>
      <c r="F14157" s="18"/>
      <c r="G14157" s="18"/>
      <c r="H14157" s="18"/>
      <c r="I14157" s="18"/>
      <c r="J14157" s="18"/>
      <c r="K14157" s="18"/>
      <c r="L14157" s="18"/>
      <c r="M14157" s="18"/>
      <c r="N14157" s="18"/>
      <c r="O14157" s="18"/>
      <c r="P14157" s="19"/>
      <c r="Q14157" s="19"/>
      <c r="R14157" s="19"/>
      <c r="S14157" s="19"/>
      <c r="T14157" s="19"/>
      <c r="U14157" s="19"/>
      <c r="V14157" s="19"/>
      <c r="W14157" s="19"/>
      <c r="X14157" s="19"/>
      <c r="Y14157" s="19"/>
      <c r="Z14157" s="19"/>
      <c r="AA14157" s="19"/>
    </row>
    <row r="14158" spans="1:27" s="1" customFormat="1" ht="11.1" customHeight="1" outlineLevel="3" x14ac:dyDescent="0.2">
      <c r="A14158" s="17">
        <v>16317</v>
      </c>
      <c r="B14158" s="17"/>
      <c r="C14158" s="17"/>
      <c r="D14158" s="18" t="s">
        <v>7017</v>
      </c>
      <c r="E14158" s="18"/>
      <c r="F14158" s="18"/>
      <c r="G14158" s="18"/>
      <c r="H14158" s="18"/>
      <c r="I14158" s="18"/>
      <c r="J14158" s="18"/>
      <c r="K14158" s="18"/>
      <c r="L14158" s="18"/>
      <c r="M14158" s="18"/>
      <c r="N14158" s="18"/>
      <c r="O14158" s="18"/>
      <c r="P14158" s="20">
        <v>2900</v>
      </c>
      <c r="Q14158" s="20"/>
      <c r="R14158" s="20"/>
      <c r="S14158" s="20"/>
      <c r="T14158" s="20">
        <v>1950</v>
      </c>
      <c r="U14158" s="20"/>
      <c r="V14158" s="20"/>
      <c r="W14158" s="20"/>
      <c r="X14158" s="19">
        <v>1</v>
      </c>
      <c r="Y14158" s="19"/>
      <c r="Z14158" s="19"/>
      <c r="AA14158" s="19"/>
    </row>
    <row r="14159" spans="1:27" s="1" customFormat="1" ht="11.1" customHeight="1" outlineLevel="3" x14ac:dyDescent="0.2">
      <c r="A14159" s="17"/>
      <c r="B14159" s="17"/>
      <c r="C14159" s="17"/>
      <c r="D14159" s="18"/>
      <c r="E14159" s="18"/>
      <c r="F14159" s="18"/>
      <c r="G14159" s="18"/>
      <c r="H14159" s="18"/>
      <c r="I14159" s="18"/>
      <c r="J14159" s="18"/>
      <c r="K14159" s="18"/>
      <c r="L14159" s="18"/>
      <c r="M14159" s="18"/>
      <c r="N14159" s="18"/>
      <c r="O14159" s="18"/>
      <c r="P14159" s="20"/>
      <c r="Q14159" s="20"/>
      <c r="R14159" s="20"/>
      <c r="S14159" s="20"/>
      <c r="T14159" s="20"/>
      <c r="U14159" s="20"/>
      <c r="V14159" s="20"/>
      <c r="W14159" s="20"/>
      <c r="X14159" s="19"/>
      <c r="Y14159" s="19"/>
      <c r="Z14159" s="19"/>
      <c r="AA14159" s="19"/>
    </row>
    <row r="14160" spans="1:27" s="1" customFormat="1" ht="11.1" customHeight="1" outlineLevel="3" x14ac:dyDescent="0.2">
      <c r="A14160" s="17">
        <v>16319</v>
      </c>
      <c r="B14160" s="17"/>
      <c r="C14160" s="17"/>
      <c r="D14160" s="18" t="s">
        <v>7018</v>
      </c>
      <c r="E14160" s="18"/>
      <c r="F14160" s="18"/>
      <c r="G14160" s="18"/>
      <c r="H14160" s="18"/>
      <c r="I14160" s="18"/>
      <c r="J14160" s="18"/>
      <c r="K14160" s="18"/>
      <c r="L14160" s="18"/>
      <c r="M14160" s="18"/>
      <c r="N14160" s="18"/>
      <c r="O14160" s="18"/>
      <c r="P14160" s="20">
        <v>3900</v>
      </c>
      <c r="Q14160" s="20"/>
      <c r="R14160" s="20"/>
      <c r="S14160" s="20"/>
      <c r="T14160" s="20">
        <v>2900</v>
      </c>
      <c r="U14160" s="20"/>
      <c r="V14160" s="20"/>
      <c r="W14160" s="20"/>
      <c r="X14160" s="19">
        <v>1</v>
      </c>
      <c r="Y14160" s="19"/>
      <c r="Z14160" s="19"/>
      <c r="AA14160" s="19"/>
    </row>
    <row r="14161" spans="1:27" s="1" customFormat="1" ht="11.1" customHeight="1" outlineLevel="3" x14ac:dyDescent="0.2">
      <c r="A14161" s="17"/>
      <c r="B14161" s="17"/>
      <c r="C14161" s="17"/>
      <c r="D14161" s="18"/>
      <c r="E14161" s="18"/>
      <c r="F14161" s="18"/>
      <c r="G14161" s="18"/>
      <c r="H14161" s="18"/>
      <c r="I14161" s="18"/>
      <c r="J14161" s="18"/>
      <c r="K14161" s="18"/>
      <c r="L14161" s="18"/>
      <c r="M14161" s="18"/>
      <c r="N14161" s="18"/>
      <c r="O14161" s="18"/>
      <c r="P14161" s="20"/>
      <c r="Q14161" s="20"/>
      <c r="R14161" s="20"/>
      <c r="S14161" s="20"/>
      <c r="T14161" s="20"/>
      <c r="U14161" s="20"/>
      <c r="V14161" s="20"/>
      <c r="W14161" s="20"/>
      <c r="X14161" s="19"/>
      <c r="Y14161" s="19"/>
      <c r="Z14161" s="19"/>
      <c r="AA14161" s="19"/>
    </row>
    <row r="14162" spans="1:27" s="1" customFormat="1" ht="11.1" customHeight="1" outlineLevel="3" x14ac:dyDescent="0.2">
      <c r="A14162" s="17">
        <v>16316</v>
      </c>
      <c r="B14162" s="17"/>
      <c r="C14162" s="17"/>
      <c r="D14162" s="18" t="s">
        <v>7019</v>
      </c>
      <c r="E14162" s="18"/>
      <c r="F14162" s="18"/>
      <c r="G14162" s="18"/>
      <c r="H14162" s="18"/>
      <c r="I14162" s="18"/>
      <c r="J14162" s="18"/>
      <c r="K14162" s="18"/>
      <c r="L14162" s="18"/>
      <c r="M14162" s="18"/>
      <c r="N14162" s="18"/>
      <c r="O14162" s="18"/>
      <c r="P14162" s="20">
        <v>2500</v>
      </c>
      <c r="Q14162" s="20"/>
      <c r="R14162" s="20"/>
      <c r="S14162" s="20"/>
      <c r="T14162" s="20">
        <v>1900</v>
      </c>
      <c r="U14162" s="20"/>
      <c r="V14162" s="20"/>
      <c r="W14162" s="20"/>
      <c r="X14162" s="19">
        <v>2</v>
      </c>
      <c r="Y14162" s="19"/>
      <c r="Z14162" s="19"/>
      <c r="AA14162" s="19"/>
    </row>
    <row r="14163" spans="1:27" s="1" customFormat="1" ht="11.1" customHeight="1" outlineLevel="3" x14ac:dyDescent="0.2">
      <c r="A14163" s="17"/>
      <c r="B14163" s="17"/>
      <c r="C14163" s="17"/>
      <c r="D14163" s="18"/>
      <c r="E14163" s="18"/>
      <c r="F14163" s="18"/>
      <c r="G14163" s="18"/>
      <c r="H14163" s="18"/>
      <c r="I14163" s="18"/>
      <c r="J14163" s="18"/>
      <c r="K14163" s="18"/>
      <c r="L14163" s="18"/>
      <c r="M14163" s="18"/>
      <c r="N14163" s="18"/>
      <c r="O14163" s="18"/>
      <c r="P14163" s="20"/>
      <c r="Q14163" s="20"/>
      <c r="R14163" s="20"/>
      <c r="S14163" s="20"/>
      <c r="T14163" s="20"/>
      <c r="U14163" s="20"/>
      <c r="V14163" s="20"/>
      <c r="W14163" s="20"/>
      <c r="X14163" s="19"/>
      <c r="Y14163" s="19"/>
      <c r="Z14163" s="19"/>
      <c r="AA14163" s="19"/>
    </row>
    <row r="14164" spans="1:27" s="1" customFormat="1" ht="11.1" customHeight="1" outlineLevel="3" x14ac:dyDescent="0.2">
      <c r="A14164" s="17">
        <v>16315</v>
      </c>
      <c r="B14164" s="17"/>
      <c r="C14164" s="17"/>
      <c r="D14164" s="18" t="s">
        <v>7020</v>
      </c>
      <c r="E14164" s="18"/>
      <c r="F14164" s="18"/>
      <c r="G14164" s="18"/>
      <c r="H14164" s="18"/>
      <c r="I14164" s="18"/>
      <c r="J14164" s="18"/>
      <c r="K14164" s="18"/>
      <c r="L14164" s="18"/>
      <c r="M14164" s="18"/>
      <c r="N14164" s="18"/>
      <c r="O14164" s="18"/>
      <c r="P14164" s="20">
        <v>3900</v>
      </c>
      <c r="Q14164" s="20"/>
      <c r="R14164" s="20"/>
      <c r="S14164" s="20"/>
      <c r="T14164" s="20">
        <v>2900</v>
      </c>
      <c r="U14164" s="20"/>
      <c r="V14164" s="20"/>
      <c r="W14164" s="20"/>
      <c r="X14164" s="19">
        <v>2</v>
      </c>
      <c r="Y14164" s="19"/>
      <c r="Z14164" s="19"/>
      <c r="AA14164" s="19"/>
    </row>
    <row r="14165" spans="1:27" s="1" customFormat="1" ht="11.1" customHeight="1" outlineLevel="3" x14ac:dyDescent="0.2">
      <c r="A14165" s="17"/>
      <c r="B14165" s="17"/>
      <c r="C14165" s="17"/>
      <c r="D14165" s="18"/>
      <c r="E14165" s="18"/>
      <c r="F14165" s="18"/>
      <c r="G14165" s="18"/>
      <c r="H14165" s="18"/>
      <c r="I14165" s="18"/>
      <c r="J14165" s="18"/>
      <c r="K14165" s="18"/>
      <c r="L14165" s="18"/>
      <c r="M14165" s="18"/>
      <c r="N14165" s="18"/>
      <c r="O14165" s="18"/>
      <c r="P14165" s="20"/>
      <c r="Q14165" s="20"/>
      <c r="R14165" s="20"/>
      <c r="S14165" s="20"/>
      <c r="T14165" s="20"/>
      <c r="U14165" s="20"/>
      <c r="V14165" s="20"/>
      <c r="W14165" s="20"/>
      <c r="X14165" s="19"/>
      <c r="Y14165" s="19"/>
      <c r="Z14165" s="19"/>
      <c r="AA14165" s="19"/>
    </row>
    <row r="14166" spans="1:27" s="1" customFormat="1" ht="11.1" customHeight="1" outlineLevel="3" x14ac:dyDescent="0.2">
      <c r="A14166" s="17">
        <v>12472</v>
      </c>
      <c r="B14166" s="17"/>
      <c r="C14166" s="17"/>
      <c r="D14166" s="18" t="s">
        <v>7021</v>
      </c>
      <c r="E14166" s="18"/>
      <c r="F14166" s="18"/>
      <c r="G14166" s="18"/>
      <c r="H14166" s="18"/>
      <c r="I14166" s="18"/>
      <c r="J14166" s="18"/>
      <c r="K14166" s="18"/>
      <c r="L14166" s="18"/>
      <c r="M14166" s="18"/>
      <c r="N14166" s="18"/>
      <c r="O14166" s="18"/>
      <c r="P14166" s="20">
        <v>3600</v>
      </c>
      <c r="Q14166" s="20"/>
      <c r="R14166" s="20"/>
      <c r="S14166" s="20"/>
      <c r="T14166" s="20">
        <v>2700</v>
      </c>
      <c r="U14166" s="20"/>
      <c r="V14166" s="20"/>
      <c r="W14166" s="20"/>
      <c r="X14166" s="19">
        <v>1</v>
      </c>
      <c r="Y14166" s="19"/>
      <c r="Z14166" s="19"/>
      <c r="AA14166" s="19"/>
    </row>
    <row r="14167" spans="1:27" s="1" customFormat="1" ht="11.1" customHeight="1" outlineLevel="3" x14ac:dyDescent="0.2">
      <c r="A14167" s="17"/>
      <c r="B14167" s="17"/>
      <c r="C14167" s="17"/>
      <c r="D14167" s="18"/>
      <c r="E14167" s="18"/>
      <c r="F14167" s="18"/>
      <c r="G14167" s="18"/>
      <c r="H14167" s="18"/>
      <c r="I14167" s="18"/>
      <c r="J14167" s="18"/>
      <c r="K14167" s="18"/>
      <c r="L14167" s="18"/>
      <c r="M14167" s="18"/>
      <c r="N14167" s="18"/>
      <c r="O14167" s="18"/>
      <c r="P14167" s="20"/>
      <c r="Q14167" s="20"/>
      <c r="R14167" s="20"/>
      <c r="S14167" s="20"/>
      <c r="T14167" s="20"/>
      <c r="U14167" s="20"/>
      <c r="V14167" s="20"/>
      <c r="W14167" s="20"/>
      <c r="X14167" s="19"/>
      <c r="Y14167" s="19"/>
      <c r="Z14167" s="19"/>
      <c r="AA14167" s="19"/>
    </row>
    <row r="14168" spans="1:27" s="1" customFormat="1" ht="11.1" customHeight="1" outlineLevel="3" x14ac:dyDescent="0.2">
      <c r="A14168" s="17">
        <v>10824</v>
      </c>
      <c r="B14168" s="17"/>
      <c r="C14168" s="17"/>
      <c r="D14168" s="18" t="s">
        <v>7022</v>
      </c>
      <c r="E14168" s="18"/>
      <c r="F14168" s="18"/>
      <c r="G14168" s="18"/>
      <c r="H14168" s="18"/>
      <c r="I14168" s="18"/>
      <c r="J14168" s="18"/>
      <c r="K14168" s="18"/>
      <c r="L14168" s="18"/>
      <c r="M14168" s="18"/>
      <c r="N14168" s="18"/>
      <c r="O14168" s="18"/>
      <c r="P14168" s="19">
        <v>950</v>
      </c>
      <c r="Q14168" s="19"/>
      <c r="R14168" s="19"/>
      <c r="S14168" s="19"/>
      <c r="T14168" s="19">
        <v>790</v>
      </c>
      <c r="U14168" s="19"/>
      <c r="V14168" s="19"/>
      <c r="W14168" s="19"/>
      <c r="X14168" s="19">
        <v>3</v>
      </c>
      <c r="Y14168" s="19"/>
      <c r="Z14168" s="19"/>
      <c r="AA14168" s="19"/>
    </row>
    <row r="14169" spans="1:27" s="1" customFormat="1" ht="11.1" customHeight="1" outlineLevel="3" x14ac:dyDescent="0.2">
      <c r="A14169" s="17"/>
      <c r="B14169" s="17"/>
      <c r="C14169" s="17"/>
      <c r="D14169" s="18"/>
      <c r="E14169" s="18"/>
      <c r="F14169" s="18"/>
      <c r="G14169" s="18"/>
      <c r="H14169" s="18"/>
      <c r="I14169" s="18"/>
      <c r="J14169" s="18"/>
      <c r="K14169" s="18"/>
      <c r="L14169" s="18"/>
      <c r="M14169" s="18"/>
      <c r="N14169" s="18"/>
      <c r="O14169" s="18"/>
      <c r="P14169" s="19"/>
      <c r="Q14169" s="19"/>
      <c r="R14169" s="19"/>
      <c r="S14169" s="19"/>
      <c r="T14169" s="19"/>
      <c r="U14169" s="19"/>
      <c r="V14169" s="19"/>
      <c r="W14169" s="19"/>
      <c r="X14169" s="19"/>
      <c r="Y14169" s="19"/>
      <c r="Z14169" s="19"/>
      <c r="AA14169" s="19"/>
    </row>
    <row r="14170" spans="1:27" s="1" customFormat="1" ht="11.1" customHeight="1" outlineLevel="3" x14ac:dyDescent="0.2">
      <c r="A14170" s="17">
        <v>11251</v>
      </c>
      <c r="B14170" s="17"/>
      <c r="C14170" s="17"/>
      <c r="D14170" s="18" t="s">
        <v>7023</v>
      </c>
      <c r="E14170" s="18"/>
      <c r="F14170" s="18"/>
      <c r="G14170" s="18"/>
      <c r="H14170" s="18"/>
      <c r="I14170" s="18"/>
      <c r="J14170" s="18"/>
      <c r="K14170" s="18"/>
      <c r="L14170" s="18"/>
      <c r="M14170" s="18"/>
      <c r="N14170" s="18"/>
      <c r="O14170" s="18"/>
      <c r="P14170" s="20">
        <v>2100</v>
      </c>
      <c r="Q14170" s="20"/>
      <c r="R14170" s="20"/>
      <c r="S14170" s="20"/>
      <c r="T14170" s="20">
        <v>1600</v>
      </c>
      <c r="U14170" s="20"/>
      <c r="V14170" s="20"/>
      <c r="W14170" s="20"/>
      <c r="X14170" s="19">
        <v>3</v>
      </c>
      <c r="Y14170" s="19"/>
      <c r="Z14170" s="19"/>
      <c r="AA14170" s="19"/>
    </row>
    <row r="14171" spans="1:27" s="1" customFormat="1" ht="11.1" customHeight="1" outlineLevel="3" x14ac:dyDescent="0.2">
      <c r="A14171" s="17"/>
      <c r="B14171" s="17"/>
      <c r="C14171" s="17"/>
      <c r="D14171" s="18"/>
      <c r="E14171" s="18"/>
      <c r="F14171" s="18"/>
      <c r="G14171" s="18"/>
      <c r="H14171" s="18"/>
      <c r="I14171" s="18"/>
      <c r="J14171" s="18"/>
      <c r="K14171" s="18"/>
      <c r="L14171" s="18"/>
      <c r="M14171" s="18"/>
      <c r="N14171" s="18"/>
      <c r="O14171" s="18"/>
      <c r="P14171" s="20"/>
      <c r="Q14171" s="20"/>
      <c r="R14171" s="20"/>
      <c r="S14171" s="20"/>
      <c r="T14171" s="20"/>
      <c r="U14171" s="20"/>
      <c r="V14171" s="20"/>
      <c r="W14171" s="20"/>
      <c r="X14171" s="19"/>
      <c r="Y14171" s="19"/>
      <c r="Z14171" s="19"/>
      <c r="AA14171" s="19"/>
    </row>
    <row r="14172" spans="1:27" s="1" customFormat="1" ht="11.1" customHeight="1" outlineLevel="3" x14ac:dyDescent="0.2">
      <c r="A14172" s="17">
        <v>15704</v>
      </c>
      <c r="B14172" s="17"/>
      <c r="C14172" s="17"/>
      <c r="D14172" s="18" t="s">
        <v>7024</v>
      </c>
      <c r="E14172" s="18"/>
      <c r="F14172" s="18"/>
      <c r="G14172" s="18"/>
      <c r="H14172" s="18"/>
      <c r="I14172" s="18"/>
      <c r="J14172" s="18"/>
      <c r="K14172" s="18"/>
      <c r="L14172" s="18"/>
      <c r="M14172" s="18"/>
      <c r="N14172" s="18"/>
      <c r="O14172" s="18"/>
      <c r="P14172" s="20">
        <v>3200</v>
      </c>
      <c r="Q14172" s="20"/>
      <c r="R14172" s="20"/>
      <c r="S14172" s="20"/>
      <c r="T14172" s="20">
        <v>2300</v>
      </c>
      <c r="U14172" s="20"/>
      <c r="V14172" s="20"/>
      <c r="W14172" s="20"/>
      <c r="X14172" s="19">
        <v>4</v>
      </c>
      <c r="Y14172" s="19"/>
      <c r="Z14172" s="19"/>
      <c r="AA14172" s="19"/>
    </row>
    <row r="14173" spans="1:27" s="1" customFormat="1" ht="11.1" customHeight="1" outlineLevel="3" x14ac:dyDescent="0.2">
      <c r="A14173" s="17"/>
      <c r="B14173" s="17"/>
      <c r="C14173" s="17"/>
      <c r="D14173" s="18"/>
      <c r="E14173" s="18"/>
      <c r="F14173" s="18"/>
      <c r="G14173" s="18"/>
      <c r="H14173" s="18"/>
      <c r="I14173" s="18"/>
      <c r="J14173" s="18"/>
      <c r="K14173" s="18"/>
      <c r="L14173" s="18"/>
      <c r="M14173" s="18"/>
      <c r="N14173" s="18"/>
      <c r="O14173" s="18"/>
      <c r="P14173" s="20"/>
      <c r="Q14173" s="20"/>
      <c r="R14173" s="20"/>
      <c r="S14173" s="20"/>
      <c r="T14173" s="20"/>
      <c r="U14173" s="20"/>
      <c r="V14173" s="20"/>
      <c r="W14173" s="20"/>
      <c r="X14173" s="19"/>
      <c r="Y14173" s="19"/>
      <c r="Z14173" s="19"/>
      <c r="AA14173" s="19"/>
    </row>
    <row r="14174" spans="1:27" s="1" customFormat="1" ht="11.1" customHeight="1" outlineLevel="3" x14ac:dyDescent="0.2">
      <c r="A14174" s="17">
        <v>10254</v>
      </c>
      <c r="B14174" s="17"/>
      <c r="C14174" s="17"/>
      <c r="D14174" s="18" t="s">
        <v>7025</v>
      </c>
      <c r="E14174" s="18"/>
      <c r="F14174" s="18"/>
      <c r="G14174" s="18"/>
      <c r="H14174" s="18"/>
      <c r="I14174" s="18"/>
      <c r="J14174" s="18"/>
      <c r="K14174" s="18"/>
      <c r="L14174" s="18"/>
      <c r="M14174" s="18"/>
      <c r="N14174" s="18"/>
      <c r="O14174" s="18"/>
      <c r="P14174" s="19">
        <v>610</v>
      </c>
      <c r="Q14174" s="19"/>
      <c r="R14174" s="19"/>
      <c r="S14174" s="19"/>
      <c r="T14174" s="19">
        <v>450</v>
      </c>
      <c r="U14174" s="19"/>
      <c r="V14174" s="19"/>
      <c r="W14174" s="19"/>
      <c r="X14174" s="19">
        <v>12</v>
      </c>
      <c r="Y14174" s="19"/>
      <c r="Z14174" s="19"/>
      <c r="AA14174" s="19"/>
    </row>
    <row r="14175" spans="1:27" s="1" customFormat="1" ht="11.1" customHeight="1" outlineLevel="3" x14ac:dyDescent="0.2">
      <c r="A14175" s="17"/>
      <c r="B14175" s="17"/>
      <c r="C14175" s="17"/>
      <c r="D14175" s="18"/>
      <c r="E14175" s="18"/>
      <c r="F14175" s="18"/>
      <c r="G14175" s="18"/>
      <c r="H14175" s="18"/>
      <c r="I14175" s="18"/>
      <c r="J14175" s="18"/>
      <c r="K14175" s="18"/>
      <c r="L14175" s="18"/>
      <c r="M14175" s="18"/>
      <c r="N14175" s="18"/>
      <c r="O14175" s="18"/>
      <c r="P14175" s="19"/>
      <c r="Q14175" s="19"/>
      <c r="R14175" s="19"/>
      <c r="S14175" s="19"/>
      <c r="T14175" s="19"/>
      <c r="U14175" s="19"/>
      <c r="V14175" s="19"/>
      <c r="W14175" s="19"/>
      <c r="X14175" s="19"/>
      <c r="Y14175" s="19"/>
      <c r="Z14175" s="19"/>
      <c r="AA14175" s="19"/>
    </row>
    <row r="14176" spans="1:27" s="1" customFormat="1" ht="11.1" customHeight="1" outlineLevel="3" x14ac:dyDescent="0.2">
      <c r="A14176" s="17">
        <v>10255</v>
      </c>
      <c r="B14176" s="17"/>
      <c r="C14176" s="17"/>
      <c r="D14176" s="18" t="s">
        <v>7026</v>
      </c>
      <c r="E14176" s="18"/>
      <c r="F14176" s="18"/>
      <c r="G14176" s="18"/>
      <c r="H14176" s="18"/>
      <c r="I14176" s="18"/>
      <c r="J14176" s="18"/>
      <c r="K14176" s="18"/>
      <c r="L14176" s="18"/>
      <c r="M14176" s="18"/>
      <c r="N14176" s="18"/>
      <c r="O14176" s="18"/>
      <c r="P14176" s="19">
        <v>800</v>
      </c>
      <c r="Q14176" s="19"/>
      <c r="R14176" s="19"/>
      <c r="S14176" s="19"/>
      <c r="T14176" s="19">
        <v>560</v>
      </c>
      <c r="U14176" s="19"/>
      <c r="V14176" s="19"/>
      <c r="W14176" s="19"/>
      <c r="X14176" s="19">
        <v>3</v>
      </c>
      <c r="Y14176" s="19"/>
      <c r="Z14176" s="19"/>
      <c r="AA14176" s="19"/>
    </row>
    <row r="14177" spans="1:27" s="1" customFormat="1" ht="11.1" customHeight="1" outlineLevel="3" x14ac:dyDescent="0.2">
      <c r="A14177" s="17"/>
      <c r="B14177" s="17"/>
      <c r="C14177" s="17"/>
      <c r="D14177" s="18"/>
      <c r="E14177" s="18"/>
      <c r="F14177" s="18"/>
      <c r="G14177" s="18"/>
      <c r="H14177" s="18"/>
      <c r="I14177" s="18"/>
      <c r="J14177" s="18"/>
      <c r="K14177" s="18"/>
      <c r="L14177" s="18"/>
      <c r="M14177" s="18"/>
      <c r="N14177" s="18"/>
      <c r="O14177" s="18"/>
      <c r="P14177" s="19"/>
      <c r="Q14177" s="19"/>
      <c r="R14177" s="19"/>
      <c r="S14177" s="19"/>
      <c r="T14177" s="19"/>
      <c r="U14177" s="19"/>
      <c r="V14177" s="19"/>
      <c r="W14177" s="19"/>
      <c r="X14177" s="19"/>
      <c r="Y14177" s="19"/>
      <c r="Z14177" s="19"/>
      <c r="AA14177" s="19"/>
    </row>
    <row r="14178" spans="1:27" s="1" customFormat="1" ht="11.1" customHeight="1" outlineLevel="3" x14ac:dyDescent="0.2">
      <c r="A14178" s="17">
        <v>10253</v>
      </c>
      <c r="B14178" s="17"/>
      <c r="C14178" s="17"/>
      <c r="D14178" s="18" t="s">
        <v>7027</v>
      </c>
      <c r="E14178" s="18"/>
      <c r="F14178" s="18"/>
      <c r="G14178" s="18"/>
      <c r="H14178" s="18"/>
      <c r="I14178" s="18"/>
      <c r="J14178" s="18"/>
      <c r="K14178" s="18"/>
      <c r="L14178" s="18"/>
      <c r="M14178" s="18"/>
      <c r="N14178" s="18"/>
      <c r="O14178" s="18"/>
      <c r="P14178" s="19">
        <v>550</v>
      </c>
      <c r="Q14178" s="19"/>
      <c r="R14178" s="19"/>
      <c r="S14178" s="19"/>
      <c r="T14178" s="19">
        <v>450</v>
      </c>
      <c r="U14178" s="19"/>
      <c r="V14178" s="19"/>
      <c r="W14178" s="19"/>
      <c r="X14178" s="19">
        <v>11</v>
      </c>
      <c r="Y14178" s="19"/>
      <c r="Z14178" s="19"/>
      <c r="AA14178" s="19"/>
    </row>
    <row r="14179" spans="1:27" s="1" customFormat="1" ht="11.1" customHeight="1" outlineLevel="3" x14ac:dyDescent="0.2">
      <c r="A14179" s="17"/>
      <c r="B14179" s="17"/>
      <c r="C14179" s="17"/>
      <c r="D14179" s="18"/>
      <c r="E14179" s="18"/>
      <c r="F14179" s="18"/>
      <c r="G14179" s="18"/>
      <c r="H14179" s="18"/>
      <c r="I14179" s="18"/>
      <c r="J14179" s="18"/>
      <c r="K14179" s="18"/>
      <c r="L14179" s="18"/>
      <c r="M14179" s="18"/>
      <c r="N14179" s="18"/>
      <c r="O14179" s="18"/>
      <c r="P14179" s="19"/>
      <c r="Q14179" s="19"/>
      <c r="R14179" s="19"/>
      <c r="S14179" s="19"/>
      <c r="T14179" s="19"/>
      <c r="U14179" s="19"/>
      <c r="V14179" s="19"/>
      <c r="W14179" s="19"/>
      <c r="X14179" s="19"/>
      <c r="Y14179" s="19"/>
      <c r="Z14179" s="19"/>
      <c r="AA14179" s="19"/>
    </row>
    <row r="14180" spans="1:27" s="1" customFormat="1" ht="11.1" customHeight="1" outlineLevel="3" x14ac:dyDescent="0.2">
      <c r="A14180" s="17">
        <v>7070</v>
      </c>
      <c r="B14180" s="17"/>
      <c r="C14180" s="17"/>
      <c r="D14180" s="18" t="s">
        <v>7028</v>
      </c>
      <c r="E14180" s="18"/>
      <c r="F14180" s="18"/>
      <c r="G14180" s="18"/>
      <c r="H14180" s="18"/>
      <c r="I14180" s="18"/>
      <c r="J14180" s="18"/>
      <c r="K14180" s="18"/>
      <c r="L14180" s="18"/>
      <c r="M14180" s="18"/>
      <c r="N14180" s="18"/>
      <c r="O14180" s="18"/>
      <c r="P14180" s="20">
        <v>1040</v>
      </c>
      <c r="Q14180" s="20"/>
      <c r="R14180" s="20"/>
      <c r="S14180" s="20"/>
      <c r="T14180" s="19">
        <v>840</v>
      </c>
      <c r="U14180" s="19"/>
      <c r="V14180" s="19"/>
      <c r="W14180" s="19"/>
      <c r="X14180" s="19">
        <v>2</v>
      </c>
      <c r="Y14180" s="19"/>
      <c r="Z14180" s="19"/>
      <c r="AA14180" s="19"/>
    </row>
    <row r="14181" spans="1:27" s="1" customFormat="1" ht="11.1" customHeight="1" outlineLevel="3" x14ac:dyDescent="0.2">
      <c r="A14181" s="17"/>
      <c r="B14181" s="17"/>
      <c r="C14181" s="17"/>
      <c r="D14181" s="18"/>
      <c r="E14181" s="18"/>
      <c r="F14181" s="18"/>
      <c r="G14181" s="18"/>
      <c r="H14181" s="18"/>
      <c r="I14181" s="18"/>
      <c r="J14181" s="18"/>
      <c r="K14181" s="18"/>
      <c r="L14181" s="18"/>
      <c r="M14181" s="18"/>
      <c r="N14181" s="18"/>
      <c r="O14181" s="18"/>
      <c r="P14181" s="20"/>
      <c r="Q14181" s="20"/>
      <c r="R14181" s="20"/>
      <c r="S14181" s="20"/>
      <c r="T14181" s="19"/>
      <c r="U14181" s="19"/>
      <c r="V14181" s="19"/>
      <c r="W14181" s="19"/>
      <c r="X14181" s="19"/>
      <c r="Y14181" s="19"/>
      <c r="Z14181" s="19"/>
      <c r="AA14181" s="19"/>
    </row>
    <row r="14182" spans="1:27" s="1" customFormat="1" ht="11.1" customHeight="1" outlineLevel="3" x14ac:dyDescent="0.2">
      <c r="A14182" s="17">
        <v>12474</v>
      </c>
      <c r="B14182" s="17"/>
      <c r="C14182" s="17"/>
      <c r="D14182" s="18" t="s">
        <v>7029</v>
      </c>
      <c r="E14182" s="18"/>
      <c r="F14182" s="18"/>
      <c r="G14182" s="18"/>
      <c r="H14182" s="18"/>
      <c r="I14182" s="18"/>
      <c r="J14182" s="18"/>
      <c r="K14182" s="18"/>
      <c r="L14182" s="18"/>
      <c r="M14182" s="18"/>
      <c r="N14182" s="18"/>
      <c r="O14182" s="18"/>
      <c r="P14182" s="20">
        <v>1490</v>
      </c>
      <c r="Q14182" s="20"/>
      <c r="R14182" s="20"/>
      <c r="S14182" s="20"/>
      <c r="T14182" s="20">
        <v>1100</v>
      </c>
      <c r="U14182" s="20"/>
      <c r="V14182" s="20"/>
      <c r="W14182" s="20"/>
      <c r="X14182" s="19">
        <v>5</v>
      </c>
      <c r="Y14182" s="19"/>
      <c r="Z14182" s="19"/>
      <c r="AA14182" s="19"/>
    </row>
    <row r="14183" spans="1:27" s="1" customFormat="1" ht="11.1" customHeight="1" outlineLevel="3" x14ac:dyDescent="0.2">
      <c r="A14183" s="17"/>
      <c r="B14183" s="17"/>
      <c r="C14183" s="17"/>
      <c r="D14183" s="18"/>
      <c r="E14183" s="18"/>
      <c r="F14183" s="18"/>
      <c r="G14183" s="18"/>
      <c r="H14183" s="18"/>
      <c r="I14183" s="18"/>
      <c r="J14183" s="18"/>
      <c r="K14183" s="18"/>
      <c r="L14183" s="18"/>
      <c r="M14183" s="18"/>
      <c r="N14183" s="18"/>
      <c r="O14183" s="18"/>
      <c r="P14183" s="20"/>
      <c r="Q14183" s="20"/>
      <c r="R14183" s="20"/>
      <c r="S14183" s="20"/>
      <c r="T14183" s="20"/>
      <c r="U14183" s="20"/>
      <c r="V14183" s="20"/>
      <c r="W14183" s="20"/>
      <c r="X14183" s="19"/>
      <c r="Y14183" s="19"/>
      <c r="Z14183" s="19"/>
      <c r="AA14183" s="19"/>
    </row>
    <row r="14184" spans="1:27" s="1" customFormat="1" ht="11.1" customHeight="1" outlineLevel="3" x14ac:dyDescent="0.2">
      <c r="A14184" s="17">
        <v>7752</v>
      </c>
      <c r="B14184" s="17"/>
      <c r="C14184" s="17"/>
      <c r="D14184" s="18" t="s">
        <v>7030</v>
      </c>
      <c r="E14184" s="18"/>
      <c r="F14184" s="18"/>
      <c r="G14184" s="18"/>
      <c r="H14184" s="18"/>
      <c r="I14184" s="18"/>
      <c r="J14184" s="18"/>
      <c r="K14184" s="18"/>
      <c r="L14184" s="18"/>
      <c r="M14184" s="18"/>
      <c r="N14184" s="18"/>
      <c r="O14184" s="18"/>
      <c r="P14184" s="19">
        <v>500</v>
      </c>
      <c r="Q14184" s="19"/>
      <c r="R14184" s="19"/>
      <c r="S14184" s="19"/>
      <c r="T14184" s="19">
        <v>350</v>
      </c>
      <c r="U14184" s="19"/>
      <c r="V14184" s="19"/>
      <c r="W14184" s="19"/>
      <c r="X14184" s="19">
        <v>1</v>
      </c>
      <c r="Y14184" s="19"/>
      <c r="Z14184" s="19"/>
      <c r="AA14184" s="19"/>
    </row>
    <row r="14185" spans="1:27" s="1" customFormat="1" ht="11.1" customHeight="1" outlineLevel="3" x14ac:dyDescent="0.2">
      <c r="A14185" s="17"/>
      <c r="B14185" s="17"/>
      <c r="C14185" s="17"/>
      <c r="D14185" s="18"/>
      <c r="E14185" s="18"/>
      <c r="F14185" s="18"/>
      <c r="G14185" s="18"/>
      <c r="H14185" s="18"/>
      <c r="I14185" s="18"/>
      <c r="J14185" s="18"/>
      <c r="K14185" s="18"/>
      <c r="L14185" s="18"/>
      <c r="M14185" s="18"/>
      <c r="N14185" s="18"/>
      <c r="O14185" s="18"/>
      <c r="P14185" s="19"/>
      <c r="Q14185" s="19"/>
      <c r="R14185" s="19"/>
      <c r="S14185" s="19"/>
      <c r="T14185" s="19"/>
      <c r="U14185" s="19"/>
      <c r="V14185" s="19"/>
      <c r="W14185" s="19"/>
      <c r="X14185" s="19"/>
      <c r="Y14185" s="19"/>
      <c r="Z14185" s="19"/>
      <c r="AA14185" s="19"/>
    </row>
    <row r="14186" spans="1:27" s="1" customFormat="1" ht="11.1" customHeight="1" outlineLevel="3" x14ac:dyDescent="0.2">
      <c r="A14186" s="17">
        <v>12476</v>
      </c>
      <c r="B14186" s="17"/>
      <c r="C14186" s="17"/>
      <c r="D14186" s="18" t="s">
        <v>7031</v>
      </c>
      <c r="E14186" s="18"/>
      <c r="F14186" s="18"/>
      <c r="G14186" s="18"/>
      <c r="H14186" s="18"/>
      <c r="I14186" s="18"/>
      <c r="J14186" s="18"/>
      <c r="K14186" s="18"/>
      <c r="L14186" s="18"/>
      <c r="M14186" s="18"/>
      <c r="N14186" s="18"/>
      <c r="O14186" s="18"/>
      <c r="P14186" s="19">
        <v>990</v>
      </c>
      <c r="Q14186" s="19"/>
      <c r="R14186" s="19"/>
      <c r="S14186" s="19"/>
      <c r="T14186" s="19">
        <v>820</v>
      </c>
      <c r="U14186" s="19"/>
      <c r="V14186" s="19"/>
      <c r="W14186" s="19"/>
      <c r="X14186" s="19">
        <v>8</v>
      </c>
      <c r="Y14186" s="19"/>
      <c r="Z14186" s="19"/>
      <c r="AA14186" s="19"/>
    </row>
    <row r="14187" spans="1:27" s="1" customFormat="1" ht="11.1" customHeight="1" outlineLevel="3" x14ac:dyDescent="0.2">
      <c r="A14187" s="17"/>
      <c r="B14187" s="17"/>
      <c r="C14187" s="17"/>
      <c r="D14187" s="18"/>
      <c r="E14187" s="18"/>
      <c r="F14187" s="18"/>
      <c r="G14187" s="18"/>
      <c r="H14187" s="18"/>
      <c r="I14187" s="18"/>
      <c r="J14187" s="18"/>
      <c r="K14187" s="18"/>
      <c r="L14187" s="18"/>
      <c r="M14187" s="18"/>
      <c r="N14187" s="18"/>
      <c r="O14187" s="18"/>
      <c r="P14187" s="19"/>
      <c r="Q14187" s="19"/>
      <c r="R14187" s="19"/>
      <c r="S14187" s="19"/>
      <c r="T14187" s="19"/>
      <c r="U14187" s="19"/>
      <c r="V14187" s="19"/>
      <c r="W14187" s="19"/>
      <c r="X14187" s="19"/>
      <c r="Y14187" s="19"/>
      <c r="Z14187" s="19"/>
      <c r="AA14187" s="19"/>
    </row>
    <row r="14188" spans="1:27" s="1" customFormat="1" ht="11.1" customHeight="1" outlineLevel="3" x14ac:dyDescent="0.2">
      <c r="A14188" s="17">
        <v>10359</v>
      </c>
      <c r="B14188" s="17"/>
      <c r="C14188" s="17"/>
      <c r="D14188" s="18" t="s">
        <v>7032</v>
      </c>
      <c r="E14188" s="18"/>
      <c r="F14188" s="18"/>
      <c r="G14188" s="18"/>
      <c r="H14188" s="18"/>
      <c r="I14188" s="18"/>
      <c r="J14188" s="18"/>
      <c r="K14188" s="18"/>
      <c r="L14188" s="18"/>
      <c r="M14188" s="18"/>
      <c r="N14188" s="18"/>
      <c r="O14188" s="18"/>
      <c r="P14188" s="20">
        <v>1100</v>
      </c>
      <c r="Q14188" s="20"/>
      <c r="R14188" s="20"/>
      <c r="S14188" s="20"/>
      <c r="T14188" s="19">
        <v>850</v>
      </c>
      <c r="U14188" s="19"/>
      <c r="V14188" s="19"/>
      <c r="W14188" s="19"/>
      <c r="X14188" s="19">
        <v>2</v>
      </c>
      <c r="Y14188" s="19"/>
      <c r="Z14188" s="19"/>
      <c r="AA14188" s="19"/>
    </row>
    <row r="14189" spans="1:27" s="1" customFormat="1" ht="11.1" customHeight="1" outlineLevel="3" x14ac:dyDescent="0.2">
      <c r="A14189" s="17"/>
      <c r="B14189" s="17"/>
      <c r="C14189" s="17"/>
      <c r="D14189" s="18"/>
      <c r="E14189" s="18"/>
      <c r="F14189" s="18"/>
      <c r="G14189" s="18"/>
      <c r="H14189" s="18"/>
      <c r="I14189" s="18"/>
      <c r="J14189" s="18"/>
      <c r="K14189" s="18"/>
      <c r="L14189" s="18"/>
      <c r="M14189" s="18"/>
      <c r="N14189" s="18"/>
      <c r="O14189" s="18"/>
      <c r="P14189" s="20"/>
      <c r="Q14189" s="20"/>
      <c r="R14189" s="20"/>
      <c r="S14189" s="20"/>
      <c r="T14189" s="19"/>
      <c r="U14189" s="19"/>
      <c r="V14189" s="19"/>
      <c r="W14189" s="19"/>
      <c r="X14189" s="19"/>
      <c r="Y14189" s="19"/>
      <c r="Z14189" s="19"/>
      <c r="AA14189" s="19"/>
    </row>
    <row r="14190" spans="1:27" s="1" customFormat="1" ht="11.1" customHeight="1" outlineLevel="3" x14ac:dyDescent="0.2">
      <c r="A14190" s="17">
        <v>6597</v>
      </c>
      <c r="B14190" s="17"/>
      <c r="C14190" s="17"/>
      <c r="D14190" s="18" t="s">
        <v>7033</v>
      </c>
      <c r="E14190" s="18"/>
      <c r="F14190" s="18"/>
      <c r="G14190" s="18"/>
      <c r="H14190" s="18"/>
      <c r="I14190" s="18"/>
      <c r="J14190" s="18"/>
      <c r="K14190" s="18"/>
      <c r="L14190" s="18"/>
      <c r="M14190" s="18"/>
      <c r="N14190" s="18"/>
      <c r="O14190" s="18"/>
      <c r="P14190" s="19">
        <v>590</v>
      </c>
      <c r="Q14190" s="19"/>
      <c r="R14190" s="19"/>
      <c r="S14190" s="19"/>
      <c r="T14190" s="19">
        <v>395</v>
      </c>
      <c r="U14190" s="19"/>
      <c r="V14190" s="19"/>
      <c r="W14190" s="19"/>
      <c r="X14190" s="19">
        <v>1</v>
      </c>
      <c r="Y14190" s="19"/>
      <c r="Z14190" s="19"/>
      <c r="AA14190" s="19"/>
    </row>
    <row r="14191" spans="1:27" s="1" customFormat="1" ht="11.1" customHeight="1" outlineLevel="3" x14ac:dyDescent="0.2">
      <c r="A14191" s="17"/>
      <c r="B14191" s="17"/>
      <c r="C14191" s="17"/>
      <c r="D14191" s="18"/>
      <c r="E14191" s="18"/>
      <c r="F14191" s="18"/>
      <c r="G14191" s="18"/>
      <c r="H14191" s="18"/>
      <c r="I14191" s="18"/>
      <c r="J14191" s="18"/>
      <c r="K14191" s="18"/>
      <c r="L14191" s="18"/>
      <c r="M14191" s="18"/>
      <c r="N14191" s="18"/>
      <c r="O14191" s="18"/>
      <c r="P14191" s="19"/>
      <c r="Q14191" s="19"/>
      <c r="R14191" s="19"/>
      <c r="S14191" s="19"/>
      <c r="T14191" s="19"/>
      <c r="U14191" s="19"/>
      <c r="V14191" s="19"/>
      <c r="W14191" s="19"/>
      <c r="X14191" s="19"/>
      <c r="Y14191" s="19"/>
      <c r="Z14191" s="19"/>
      <c r="AA14191" s="19"/>
    </row>
    <row r="14192" spans="1:27" s="1" customFormat="1" ht="14.1" customHeight="1" outlineLevel="3" x14ac:dyDescent="0.2">
      <c r="A14192" s="17">
        <v>15145</v>
      </c>
      <c r="B14192" s="17"/>
      <c r="C14192" s="17"/>
      <c r="D14192" s="18" t="s">
        <v>7034</v>
      </c>
      <c r="E14192" s="18"/>
      <c r="F14192" s="18"/>
      <c r="G14192" s="18"/>
      <c r="H14192" s="18"/>
      <c r="I14192" s="18"/>
      <c r="J14192" s="18"/>
      <c r="K14192" s="18"/>
      <c r="L14192" s="18"/>
      <c r="M14192" s="18"/>
      <c r="N14192" s="18"/>
      <c r="O14192" s="18"/>
      <c r="P14192" s="19">
        <v>700</v>
      </c>
      <c r="Q14192" s="19"/>
      <c r="R14192" s="19"/>
      <c r="S14192" s="19"/>
      <c r="T14192" s="19">
        <v>565</v>
      </c>
      <c r="U14192" s="19"/>
      <c r="V14192" s="19"/>
      <c r="W14192" s="19"/>
      <c r="X14192" s="19">
        <v>4</v>
      </c>
      <c r="Y14192" s="19"/>
      <c r="Z14192" s="19"/>
      <c r="AA14192" s="19"/>
    </row>
    <row r="14193" spans="1:27" s="1" customFormat="1" ht="14.1" customHeight="1" outlineLevel="3" x14ac:dyDescent="0.2">
      <c r="A14193" s="17"/>
      <c r="B14193" s="17"/>
      <c r="C14193" s="17"/>
      <c r="D14193" s="18"/>
      <c r="E14193" s="18"/>
      <c r="F14193" s="18"/>
      <c r="G14193" s="18"/>
      <c r="H14193" s="18"/>
      <c r="I14193" s="18"/>
      <c r="J14193" s="18"/>
      <c r="K14193" s="18"/>
      <c r="L14193" s="18"/>
      <c r="M14193" s="18"/>
      <c r="N14193" s="18"/>
      <c r="O14193" s="18"/>
      <c r="P14193" s="19"/>
      <c r="Q14193" s="19"/>
      <c r="R14193" s="19"/>
      <c r="S14193" s="19"/>
      <c r="T14193" s="19"/>
      <c r="U14193" s="19"/>
      <c r="V14193" s="19"/>
      <c r="W14193" s="19"/>
      <c r="X14193" s="19"/>
      <c r="Y14193" s="19"/>
      <c r="Z14193" s="19"/>
      <c r="AA14193" s="19"/>
    </row>
    <row r="14194" spans="1:27" s="1" customFormat="1" ht="14.1" customHeight="1" outlineLevel="3" x14ac:dyDescent="0.2">
      <c r="A14194" s="17">
        <v>15146</v>
      </c>
      <c r="B14194" s="17"/>
      <c r="C14194" s="17"/>
      <c r="D14194" s="18" t="s">
        <v>7035</v>
      </c>
      <c r="E14194" s="18"/>
      <c r="F14194" s="18"/>
      <c r="G14194" s="18"/>
      <c r="H14194" s="18"/>
      <c r="I14194" s="18"/>
      <c r="J14194" s="18"/>
      <c r="K14194" s="18"/>
      <c r="L14194" s="18"/>
      <c r="M14194" s="18"/>
      <c r="N14194" s="18"/>
      <c r="O14194" s="18"/>
      <c r="P14194" s="19">
        <v>970</v>
      </c>
      <c r="Q14194" s="19"/>
      <c r="R14194" s="19"/>
      <c r="S14194" s="19"/>
      <c r="T14194" s="19">
        <v>720</v>
      </c>
      <c r="U14194" s="19"/>
      <c r="V14194" s="19"/>
      <c r="W14194" s="19"/>
      <c r="X14194" s="19">
        <v>5</v>
      </c>
      <c r="Y14194" s="19"/>
      <c r="Z14194" s="19"/>
      <c r="AA14194" s="19"/>
    </row>
    <row r="14195" spans="1:27" s="1" customFormat="1" ht="14.1" customHeight="1" outlineLevel="3" x14ac:dyDescent="0.2">
      <c r="A14195" s="17"/>
      <c r="B14195" s="17"/>
      <c r="C14195" s="17"/>
      <c r="D14195" s="18"/>
      <c r="E14195" s="18"/>
      <c r="F14195" s="18"/>
      <c r="G14195" s="18"/>
      <c r="H14195" s="18"/>
      <c r="I14195" s="18"/>
      <c r="J14195" s="18"/>
      <c r="K14195" s="18"/>
      <c r="L14195" s="18"/>
      <c r="M14195" s="18"/>
      <c r="N14195" s="18"/>
      <c r="O14195" s="18"/>
      <c r="P14195" s="19"/>
      <c r="Q14195" s="19"/>
      <c r="R14195" s="19"/>
      <c r="S14195" s="19"/>
      <c r="T14195" s="19"/>
      <c r="U14195" s="19"/>
      <c r="V14195" s="19"/>
      <c r="W14195" s="19"/>
      <c r="X14195" s="19"/>
      <c r="Y14195" s="19"/>
      <c r="Z14195" s="19"/>
      <c r="AA14195" s="19"/>
    </row>
    <row r="14196" spans="1:27" s="1" customFormat="1" ht="11.1" customHeight="1" outlineLevel="3" x14ac:dyDescent="0.2">
      <c r="A14196" s="17">
        <v>7748</v>
      </c>
      <c r="B14196" s="17"/>
      <c r="C14196" s="17"/>
      <c r="D14196" s="18" t="s">
        <v>7036</v>
      </c>
      <c r="E14196" s="18"/>
      <c r="F14196" s="18"/>
      <c r="G14196" s="18"/>
      <c r="H14196" s="18"/>
      <c r="I14196" s="18"/>
      <c r="J14196" s="18"/>
      <c r="K14196" s="18"/>
      <c r="L14196" s="18"/>
      <c r="M14196" s="18"/>
      <c r="N14196" s="18"/>
      <c r="O14196" s="18"/>
      <c r="P14196" s="19">
        <v>350</v>
      </c>
      <c r="Q14196" s="19"/>
      <c r="R14196" s="19"/>
      <c r="S14196" s="19"/>
      <c r="T14196" s="19">
        <v>280</v>
      </c>
      <c r="U14196" s="19"/>
      <c r="V14196" s="19"/>
      <c r="W14196" s="19"/>
      <c r="X14196" s="19">
        <v>1</v>
      </c>
      <c r="Y14196" s="19"/>
      <c r="Z14196" s="19"/>
      <c r="AA14196" s="19"/>
    </row>
    <row r="14197" spans="1:27" s="1" customFormat="1" ht="11.1" customHeight="1" outlineLevel="3" x14ac:dyDescent="0.2">
      <c r="A14197" s="17"/>
      <c r="B14197" s="17"/>
      <c r="C14197" s="17"/>
      <c r="D14197" s="18"/>
      <c r="E14197" s="18"/>
      <c r="F14197" s="18"/>
      <c r="G14197" s="18"/>
      <c r="H14197" s="18"/>
      <c r="I14197" s="18"/>
      <c r="J14197" s="18"/>
      <c r="K14197" s="18"/>
      <c r="L14197" s="18"/>
      <c r="M14197" s="18"/>
      <c r="N14197" s="18"/>
      <c r="O14197" s="18"/>
      <c r="P14197" s="19"/>
      <c r="Q14197" s="19"/>
      <c r="R14197" s="19"/>
      <c r="S14197" s="19"/>
      <c r="T14197" s="19"/>
      <c r="U14197" s="19"/>
      <c r="V14197" s="19"/>
      <c r="W14197" s="19"/>
      <c r="X14197" s="19"/>
      <c r="Y14197" s="19"/>
      <c r="Z14197" s="19"/>
      <c r="AA14197" s="19"/>
    </row>
    <row r="14198" spans="1:27" s="1" customFormat="1" ht="11.1" customHeight="1" outlineLevel="3" x14ac:dyDescent="0.2">
      <c r="A14198" s="17">
        <v>12779</v>
      </c>
      <c r="B14198" s="17"/>
      <c r="C14198" s="17"/>
      <c r="D14198" s="18" t="s">
        <v>7037</v>
      </c>
      <c r="E14198" s="18"/>
      <c r="F14198" s="18"/>
      <c r="G14198" s="18"/>
      <c r="H14198" s="18"/>
      <c r="I14198" s="18"/>
      <c r="J14198" s="18"/>
      <c r="K14198" s="18"/>
      <c r="L14198" s="18"/>
      <c r="M14198" s="18"/>
      <c r="N14198" s="18"/>
      <c r="O14198" s="18"/>
      <c r="P14198" s="19">
        <v>970</v>
      </c>
      <c r="Q14198" s="19"/>
      <c r="R14198" s="19"/>
      <c r="S14198" s="19"/>
      <c r="T14198" s="19">
        <v>680</v>
      </c>
      <c r="U14198" s="19"/>
      <c r="V14198" s="19"/>
      <c r="W14198" s="19"/>
      <c r="X14198" s="19">
        <v>1</v>
      </c>
      <c r="Y14198" s="19"/>
      <c r="Z14198" s="19"/>
      <c r="AA14198" s="19"/>
    </row>
    <row r="14199" spans="1:27" s="1" customFormat="1" ht="11.1" customHeight="1" outlineLevel="3" x14ac:dyDescent="0.2">
      <c r="A14199" s="17"/>
      <c r="B14199" s="17"/>
      <c r="C14199" s="17"/>
      <c r="D14199" s="18"/>
      <c r="E14199" s="18"/>
      <c r="F14199" s="18"/>
      <c r="G14199" s="18"/>
      <c r="H14199" s="18"/>
      <c r="I14199" s="18"/>
      <c r="J14199" s="18"/>
      <c r="K14199" s="18"/>
      <c r="L14199" s="18"/>
      <c r="M14199" s="18"/>
      <c r="N14199" s="18"/>
      <c r="O14199" s="18"/>
      <c r="P14199" s="19"/>
      <c r="Q14199" s="19"/>
      <c r="R14199" s="19"/>
      <c r="S14199" s="19"/>
      <c r="T14199" s="19"/>
      <c r="U14199" s="19"/>
      <c r="V14199" s="19"/>
      <c r="W14199" s="19"/>
      <c r="X14199" s="19"/>
      <c r="Y14199" s="19"/>
      <c r="Z14199" s="19"/>
      <c r="AA14199" s="19"/>
    </row>
    <row r="14200" spans="1:27" s="1" customFormat="1" ht="14.1" customHeight="1" outlineLevel="3" x14ac:dyDescent="0.2">
      <c r="A14200" s="17">
        <v>5546</v>
      </c>
      <c r="B14200" s="17"/>
      <c r="C14200" s="17"/>
      <c r="D14200" s="18" t="s">
        <v>7038</v>
      </c>
      <c r="E14200" s="18"/>
      <c r="F14200" s="18"/>
      <c r="G14200" s="18"/>
      <c r="H14200" s="18"/>
      <c r="I14200" s="18"/>
      <c r="J14200" s="18"/>
      <c r="K14200" s="18"/>
      <c r="L14200" s="18"/>
      <c r="M14200" s="18"/>
      <c r="N14200" s="18"/>
      <c r="O14200" s="18"/>
      <c r="P14200" s="19">
        <v>610</v>
      </c>
      <c r="Q14200" s="19"/>
      <c r="R14200" s="19"/>
      <c r="S14200" s="19"/>
      <c r="T14200" s="19">
        <v>490</v>
      </c>
      <c r="U14200" s="19"/>
      <c r="V14200" s="19"/>
      <c r="W14200" s="19"/>
      <c r="X14200" s="19">
        <v>7</v>
      </c>
      <c r="Y14200" s="19"/>
      <c r="Z14200" s="19"/>
      <c r="AA14200" s="19"/>
    </row>
    <row r="14201" spans="1:27" s="1" customFormat="1" ht="14.1" customHeight="1" outlineLevel="3" x14ac:dyDescent="0.2">
      <c r="A14201" s="17"/>
      <c r="B14201" s="17"/>
      <c r="C14201" s="17"/>
      <c r="D14201" s="18"/>
      <c r="E14201" s="18"/>
      <c r="F14201" s="18"/>
      <c r="G14201" s="18"/>
      <c r="H14201" s="18"/>
      <c r="I14201" s="18"/>
      <c r="J14201" s="18"/>
      <c r="K14201" s="18"/>
      <c r="L14201" s="18"/>
      <c r="M14201" s="18"/>
      <c r="N14201" s="18"/>
      <c r="O14201" s="18"/>
      <c r="P14201" s="19"/>
      <c r="Q14201" s="19"/>
      <c r="R14201" s="19"/>
      <c r="S14201" s="19"/>
      <c r="T14201" s="19"/>
      <c r="U14201" s="19"/>
      <c r="V14201" s="19"/>
      <c r="W14201" s="19"/>
      <c r="X14201" s="19"/>
      <c r="Y14201" s="19"/>
      <c r="Z14201" s="19"/>
      <c r="AA14201" s="19"/>
    </row>
    <row r="14202" spans="1:27" s="1" customFormat="1" ht="11.1" customHeight="1" outlineLevel="3" x14ac:dyDescent="0.2">
      <c r="A14202" s="17">
        <v>7642</v>
      </c>
      <c r="B14202" s="17"/>
      <c r="C14202" s="17"/>
      <c r="D14202" s="18" t="s">
        <v>7039</v>
      </c>
      <c r="E14202" s="18"/>
      <c r="F14202" s="18"/>
      <c r="G14202" s="18"/>
      <c r="H14202" s="18"/>
      <c r="I14202" s="18"/>
      <c r="J14202" s="18"/>
      <c r="K14202" s="18"/>
      <c r="L14202" s="18"/>
      <c r="M14202" s="18"/>
      <c r="N14202" s="18"/>
      <c r="O14202" s="18"/>
      <c r="P14202" s="19">
        <v>930</v>
      </c>
      <c r="Q14202" s="19"/>
      <c r="R14202" s="19"/>
      <c r="S14202" s="19"/>
      <c r="T14202" s="19">
        <v>640</v>
      </c>
      <c r="U14202" s="19"/>
      <c r="V14202" s="19"/>
      <c r="W14202" s="19"/>
      <c r="X14202" s="19">
        <v>1</v>
      </c>
      <c r="Y14202" s="19"/>
      <c r="Z14202" s="19"/>
      <c r="AA14202" s="19"/>
    </row>
    <row r="14203" spans="1:27" s="1" customFormat="1" ht="11.1" customHeight="1" outlineLevel="3" x14ac:dyDescent="0.2">
      <c r="A14203" s="17"/>
      <c r="B14203" s="17"/>
      <c r="C14203" s="17"/>
      <c r="D14203" s="18"/>
      <c r="E14203" s="18"/>
      <c r="F14203" s="18"/>
      <c r="G14203" s="18"/>
      <c r="H14203" s="18"/>
      <c r="I14203" s="18"/>
      <c r="J14203" s="18"/>
      <c r="K14203" s="18"/>
      <c r="L14203" s="18"/>
      <c r="M14203" s="18"/>
      <c r="N14203" s="18"/>
      <c r="O14203" s="18"/>
      <c r="P14203" s="19"/>
      <c r="Q14203" s="19"/>
      <c r="R14203" s="19"/>
      <c r="S14203" s="19"/>
      <c r="T14203" s="19"/>
      <c r="U14203" s="19"/>
      <c r="V14203" s="19"/>
      <c r="W14203" s="19"/>
      <c r="X14203" s="19"/>
      <c r="Y14203" s="19"/>
      <c r="Z14203" s="19"/>
      <c r="AA14203" s="19"/>
    </row>
    <row r="14204" spans="1:27" s="1" customFormat="1" ht="14.1" customHeight="1" outlineLevel="3" x14ac:dyDescent="0.2">
      <c r="A14204" s="17">
        <v>7742</v>
      </c>
      <c r="B14204" s="17"/>
      <c r="C14204" s="17"/>
      <c r="D14204" s="18" t="s">
        <v>7040</v>
      </c>
      <c r="E14204" s="18"/>
      <c r="F14204" s="18"/>
      <c r="G14204" s="18"/>
      <c r="H14204" s="18"/>
      <c r="I14204" s="18"/>
      <c r="J14204" s="18"/>
      <c r="K14204" s="18"/>
      <c r="L14204" s="18"/>
      <c r="M14204" s="18"/>
      <c r="N14204" s="18"/>
      <c r="O14204" s="18"/>
      <c r="P14204" s="20">
        <v>1090</v>
      </c>
      <c r="Q14204" s="20"/>
      <c r="R14204" s="20"/>
      <c r="S14204" s="20"/>
      <c r="T14204" s="19">
        <v>745</v>
      </c>
      <c r="U14204" s="19"/>
      <c r="V14204" s="19"/>
      <c r="W14204" s="19"/>
      <c r="X14204" s="19">
        <v>1</v>
      </c>
      <c r="Y14204" s="19"/>
      <c r="Z14204" s="19"/>
      <c r="AA14204" s="19"/>
    </row>
    <row r="14205" spans="1:27" s="1" customFormat="1" ht="14.1" customHeight="1" outlineLevel="3" x14ac:dyDescent="0.2">
      <c r="A14205" s="17"/>
      <c r="B14205" s="17"/>
      <c r="C14205" s="17"/>
      <c r="D14205" s="18"/>
      <c r="E14205" s="18"/>
      <c r="F14205" s="18"/>
      <c r="G14205" s="18"/>
      <c r="H14205" s="18"/>
      <c r="I14205" s="18"/>
      <c r="J14205" s="18"/>
      <c r="K14205" s="18"/>
      <c r="L14205" s="18"/>
      <c r="M14205" s="18"/>
      <c r="N14205" s="18"/>
      <c r="O14205" s="18"/>
      <c r="P14205" s="20"/>
      <c r="Q14205" s="20"/>
      <c r="R14205" s="20"/>
      <c r="S14205" s="20"/>
      <c r="T14205" s="19"/>
      <c r="U14205" s="19"/>
      <c r="V14205" s="19"/>
      <c r="W14205" s="19"/>
      <c r="X14205" s="19"/>
      <c r="Y14205" s="19"/>
      <c r="Z14205" s="19"/>
      <c r="AA14205" s="19"/>
    </row>
    <row r="14206" spans="1:27" s="1" customFormat="1" ht="11.1" customHeight="1" outlineLevel="3" x14ac:dyDescent="0.2">
      <c r="A14206" s="17">
        <v>6743</v>
      </c>
      <c r="B14206" s="17"/>
      <c r="C14206" s="17"/>
      <c r="D14206" s="18" t="s">
        <v>7041</v>
      </c>
      <c r="E14206" s="18"/>
      <c r="F14206" s="18"/>
      <c r="G14206" s="18"/>
      <c r="H14206" s="18"/>
      <c r="I14206" s="18"/>
      <c r="J14206" s="18"/>
      <c r="K14206" s="18"/>
      <c r="L14206" s="18"/>
      <c r="M14206" s="18"/>
      <c r="N14206" s="18"/>
      <c r="O14206" s="18"/>
      <c r="P14206" s="19">
        <v>990</v>
      </c>
      <c r="Q14206" s="19"/>
      <c r="R14206" s="19"/>
      <c r="S14206" s="19"/>
      <c r="T14206" s="19">
        <v>800</v>
      </c>
      <c r="U14206" s="19"/>
      <c r="V14206" s="19"/>
      <c r="W14206" s="19"/>
      <c r="X14206" s="19">
        <v>13</v>
      </c>
      <c r="Y14206" s="19"/>
      <c r="Z14206" s="19"/>
      <c r="AA14206" s="19"/>
    </row>
    <row r="14207" spans="1:27" s="1" customFormat="1" ht="11.1" customHeight="1" outlineLevel="3" x14ac:dyDescent="0.2">
      <c r="A14207" s="17"/>
      <c r="B14207" s="17"/>
      <c r="C14207" s="17"/>
      <c r="D14207" s="18"/>
      <c r="E14207" s="18"/>
      <c r="F14207" s="18"/>
      <c r="G14207" s="18"/>
      <c r="H14207" s="18"/>
      <c r="I14207" s="18"/>
      <c r="J14207" s="18"/>
      <c r="K14207" s="18"/>
      <c r="L14207" s="18"/>
      <c r="M14207" s="18"/>
      <c r="N14207" s="18"/>
      <c r="O14207" s="18"/>
      <c r="P14207" s="19"/>
      <c r="Q14207" s="19"/>
      <c r="R14207" s="19"/>
      <c r="S14207" s="19"/>
      <c r="T14207" s="19"/>
      <c r="U14207" s="19"/>
      <c r="V14207" s="19"/>
      <c r="W14207" s="19"/>
      <c r="X14207" s="19"/>
      <c r="Y14207" s="19"/>
      <c r="Z14207" s="19"/>
      <c r="AA14207" s="19"/>
    </row>
    <row r="14208" spans="1:27" s="1" customFormat="1" ht="11.1" customHeight="1" outlineLevel="3" x14ac:dyDescent="0.2">
      <c r="A14208" s="17">
        <v>12473</v>
      </c>
      <c r="B14208" s="17"/>
      <c r="C14208" s="17"/>
      <c r="D14208" s="18" t="s">
        <v>7042</v>
      </c>
      <c r="E14208" s="18"/>
      <c r="F14208" s="18"/>
      <c r="G14208" s="18"/>
      <c r="H14208" s="18"/>
      <c r="I14208" s="18"/>
      <c r="J14208" s="18"/>
      <c r="K14208" s="18"/>
      <c r="L14208" s="18"/>
      <c r="M14208" s="18"/>
      <c r="N14208" s="18"/>
      <c r="O14208" s="18"/>
      <c r="P14208" s="20">
        <v>1100</v>
      </c>
      <c r="Q14208" s="20"/>
      <c r="R14208" s="20"/>
      <c r="S14208" s="20"/>
      <c r="T14208" s="19">
        <v>850</v>
      </c>
      <c r="U14208" s="19"/>
      <c r="V14208" s="19"/>
      <c r="W14208" s="19"/>
      <c r="X14208" s="19">
        <v>1</v>
      </c>
      <c r="Y14208" s="19"/>
      <c r="Z14208" s="19"/>
      <c r="AA14208" s="19"/>
    </row>
    <row r="14209" spans="1:27" s="1" customFormat="1" ht="11.1" customHeight="1" outlineLevel="3" x14ac:dyDescent="0.2">
      <c r="A14209" s="17"/>
      <c r="B14209" s="17"/>
      <c r="C14209" s="17"/>
      <c r="D14209" s="18"/>
      <c r="E14209" s="18"/>
      <c r="F14209" s="18"/>
      <c r="G14209" s="18"/>
      <c r="H14209" s="18"/>
      <c r="I14209" s="18"/>
      <c r="J14209" s="18"/>
      <c r="K14209" s="18"/>
      <c r="L14209" s="18"/>
      <c r="M14209" s="18"/>
      <c r="N14209" s="18"/>
      <c r="O14209" s="18"/>
      <c r="P14209" s="20"/>
      <c r="Q14209" s="20"/>
      <c r="R14209" s="20"/>
      <c r="S14209" s="20"/>
      <c r="T14209" s="19"/>
      <c r="U14209" s="19"/>
      <c r="V14209" s="19"/>
      <c r="W14209" s="19"/>
      <c r="X14209" s="19"/>
      <c r="Y14209" s="19"/>
      <c r="Z14209" s="19"/>
      <c r="AA14209" s="19"/>
    </row>
    <row r="14210" spans="1:27" s="1" customFormat="1" ht="11.1" customHeight="1" outlineLevel="3" x14ac:dyDescent="0.2">
      <c r="A14210" s="17">
        <v>14018</v>
      </c>
      <c r="B14210" s="17"/>
      <c r="C14210" s="17"/>
      <c r="D14210" s="18" t="s">
        <v>7043</v>
      </c>
      <c r="E14210" s="18"/>
      <c r="F14210" s="18"/>
      <c r="G14210" s="18"/>
      <c r="H14210" s="18"/>
      <c r="I14210" s="18"/>
      <c r="J14210" s="18"/>
      <c r="K14210" s="18"/>
      <c r="L14210" s="18"/>
      <c r="M14210" s="18"/>
      <c r="N14210" s="18"/>
      <c r="O14210" s="18"/>
      <c r="P14210" s="20">
        <v>1140</v>
      </c>
      <c r="Q14210" s="20"/>
      <c r="R14210" s="20"/>
      <c r="S14210" s="20"/>
      <c r="T14210" s="19">
        <v>780</v>
      </c>
      <c r="U14210" s="19"/>
      <c r="V14210" s="19"/>
      <c r="W14210" s="19"/>
      <c r="X14210" s="19">
        <v>1</v>
      </c>
      <c r="Y14210" s="19"/>
      <c r="Z14210" s="19"/>
      <c r="AA14210" s="19"/>
    </row>
    <row r="14211" spans="1:27" s="1" customFormat="1" ht="11.1" customHeight="1" outlineLevel="3" x14ac:dyDescent="0.2">
      <c r="A14211" s="17"/>
      <c r="B14211" s="17"/>
      <c r="C14211" s="17"/>
      <c r="D14211" s="18"/>
      <c r="E14211" s="18"/>
      <c r="F14211" s="18"/>
      <c r="G14211" s="18"/>
      <c r="H14211" s="18"/>
      <c r="I14211" s="18"/>
      <c r="J14211" s="18"/>
      <c r="K14211" s="18"/>
      <c r="L14211" s="18"/>
      <c r="M14211" s="18"/>
      <c r="N14211" s="18"/>
      <c r="O14211" s="18"/>
      <c r="P14211" s="20"/>
      <c r="Q14211" s="20"/>
      <c r="R14211" s="20"/>
      <c r="S14211" s="20"/>
      <c r="T14211" s="19"/>
      <c r="U14211" s="19"/>
      <c r="V14211" s="19"/>
      <c r="W14211" s="19"/>
      <c r="X14211" s="19"/>
      <c r="Y14211" s="19"/>
      <c r="Z14211" s="19"/>
      <c r="AA14211" s="19"/>
    </row>
    <row r="14212" spans="1:27" s="1" customFormat="1" ht="11.1" customHeight="1" outlineLevel="3" x14ac:dyDescent="0.2">
      <c r="A14212" s="17">
        <v>14019</v>
      </c>
      <c r="B14212" s="17"/>
      <c r="C14212" s="17"/>
      <c r="D14212" s="18" t="s">
        <v>7044</v>
      </c>
      <c r="E14212" s="18"/>
      <c r="F14212" s="18"/>
      <c r="G14212" s="18"/>
      <c r="H14212" s="18"/>
      <c r="I14212" s="18"/>
      <c r="J14212" s="18"/>
      <c r="K14212" s="18"/>
      <c r="L14212" s="18"/>
      <c r="M14212" s="18"/>
      <c r="N14212" s="18"/>
      <c r="O14212" s="18"/>
      <c r="P14212" s="19">
        <v>990</v>
      </c>
      <c r="Q14212" s="19"/>
      <c r="R14212" s="19"/>
      <c r="S14212" s="19"/>
      <c r="T14212" s="19">
        <v>850</v>
      </c>
      <c r="U14212" s="19"/>
      <c r="V14212" s="19"/>
      <c r="W14212" s="19"/>
      <c r="X14212" s="19">
        <v>3</v>
      </c>
      <c r="Y14212" s="19"/>
      <c r="Z14212" s="19"/>
      <c r="AA14212" s="19"/>
    </row>
    <row r="14213" spans="1:27" s="1" customFormat="1" ht="11.1" customHeight="1" outlineLevel="3" x14ac:dyDescent="0.2">
      <c r="A14213" s="17"/>
      <c r="B14213" s="17"/>
      <c r="C14213" s="17"/>
      <c r="D14213" s="18"/>
      <c r="E14213" s="18"/>
      <c r="F14213" s="18"/>
      <c r="G14213" s="18"/>
      <c r="H14213" s="18"/>
      <c r="I14213" s="18"/>
      <c r="J14213" s="18"/>
      <c r="K14213" s="18"/>
      <c r="L14213" s="18"/>
      <c r="M14213" s="18"/>
      <c r="N14213" s="18"/>
      <c r="O14213" s="18"/>
      <c r="P14213" s="19"/>
      <c r="Q14213" s="19"/>
      <c r="R14213" s="19"/>
      <c r="S14213" s="19"/>
      <c r="T14213" s="19"/>
      <c r="U14213" s="19"/>
      <c r="V14213" s="19"/>
      <c r="W14213" s="19"/>
      <c r="X14213" s="19"/>
      <c r="Y14213" s="19"/>
      <c r="Z14213" s="19"/>
      <c r="AA14213" s="19"/>
    </row>
    <row r="14214" spans="1:27" s="1" customFormat="1" ht="11.1" customHeight="1" outlineLevel="3" x14ac:dyDescent="0.2">
      <c r="A14214" s="17">
        <v>7071</v>
      </c>
      <c r="B14214" s="17"/>
      <c r="C14214" s="17"/>
      <c r="D14214" s="18" t="s">
        <v>7045</v>
      </c>
      <c r="E14214" s="18"/>
      <c r="F14214" s="18"/>
      <c r="G14214" s="18"/>
      <c r="H14214" s="18"/>
      <c r="I14214" s="18"/>
      <c r="J14214" s="18"/>
      <c r="K14214" s="18"/>
      <c r="L14214" s="18"/>
      <c r="M14214" s="18"/>
      <c r="N14214" s="18"/>
      <c r="O14214" s="18"/>
      <c r="P14214" s="19">
        <v>850</v>
      </c>
      <c r="Q14214" s="19"/>
      <c r="R14214" s="19"/>
      <c r="S14214" s="19"/>
      <c r="T14214" s="19">
        <v>580</v>
      </c>
      <c r="U14214" s="19"/>
      <c r="V14214" s="19"/>
      <c r="W14214" s="19"/>
      <c r="X14214" s="19">
        <v>7</v>
      </c>
      <c r="Y14214" s="19"/>
      <c r="Z14214" s="19"/>
      <c r="AA14214" s="19"/>
    </row>
    <row r="14215" spans="1:27" s="1" customFormat="1" ht="11.1" customHeight="1" outlineLevel="3" x14ac:dyDescent="0.2">
      <c r="A14215" s="17"/>
      <c r="B14215" s="17"/>
      <c r="C14215" s="17"/>
      <c r="D14215" s="18"/>
      <c r="E14215" s="18"/>
      <c r="F14215" s="18"/>
      <c r="G14215" s="18"/>
      <c r="H14215" s="18"/>
      <c r="I14215" s="18"/>
      <c r="J14215" s="18"/>
      <c r="K14215" s="18"/>
      <c r="L14215" s="18"/>
      <c r="M14215" s="18"/>
      <c r="N14215" s="18"/>
      <c r="O14215" s="18"/>
      <c r="P14215" s="19"/>
      <c r="Q14215" s="19"/>
      <c r="R14215" s="19"/>
      <c r="S14215" s="19"/>
      <c r="T14215" s="19"/>
      <c r="U14215" s="19"/>
      <c r="V14215" s="19"/>
      <c r="W14215" s="19"/>
      <c r="X14215" s="19"/>
      <c r="Y14215" s="19"/>
      <c r="Z14215" s="19"/>
      <c r="AA14215" s="19"/>
    </row>
    <row r="14216" spans="1:27" s="1" customFormat="1" ht="14.1" customHeight="1" outlineLevel="3" x14ac:dyDescent="0.2">
      <c r="A14216" s="17">
        <v>5484</v>
      </c>
      <c r="B14216" s="17"/>
      <c r="C14216" s="17"/>
      <c r="D14216" s="18" t="s">
        <v>7046</v>
      </c>
      <c r="E14216" s="18"/>
      <c r="F14216" s="18"/>
      <c r="G14216" s="18"/>
      <c r="H14216" s="18"/>
      <c r="I14216" s="18"/>
      <c r="J14216" s="18"/>
      <c r="K14216" s="18"/>
      <c r="L14216" s="18"/>
      <c r="M14216" s="18"/>
      <c r="N14216" s="18"/>
      <c r="O14216" s="18"/>
      <c r="P14216" s="19">
        <v>700</v>
      </c>
      <c r="Q14216" s="19"/>
      <c r="R14216" s="19"/>
      <c r="S14216" s="19"/>
      <c r="T14216" s="19">
        <v>550</v>
      </c>
      <c r="U14216" s="19"/>
      <c r="V14216" s="19"/>
      <c r="W14216" s="19"/>
      <c r="X14216" s="19">
        <v>1</v>
      </c>
      <c r="Y14216" s="19"/>
      <c r="Z14216" s="19"/>
      <c r="AA14216" s="19"/>
    </row>
    <row r="14217" spans="1:27" s="1" customFormat="1" ht="14.1" customHeight="1" outlineLevel="3" x14ac:dyDescent="0.2">
      <c r="A14217" s="17"/>
      <c r="B14217" s="17"/>
      <c r="C14217" s="17"/>
      <c r="D14217" s="18"/>
      <c r="E14217" s="18"/>
      <c r="F14217" s="18"/>
      <c r="G14217" s="18"/>
      <c r="H14217" s="18"/>
      <c r="I14217" s="18"/>
      <c r="J14217" s="18"/>
      <c r="K14217" s="18"/>
      <c r="L14217" s="18"/>
      <c r="M14217" s="18"/>
      <c r="N14217" s="18"/>
      <c r="O14217" s="18"/>
      <c r="P14217" s="19"/>
      <c r="Q14217" s="19"/>
      <c r="R14217" s="19"/>
      <c r="S14217" s="19"/>
      <c r="T14217" s="19"/>
      <c r="U14217" s="19"/>
      <c r="V14217" s="19"/>
      <c r="W14217" s="19"/>
      <c r="X14217" s="19"/>
      <c r="Y14217" s="19"/>
      <c r="Z14217" s="19"/>
      <c r="AA14217" s="19"/>
    </row>
    <row r="14218" spans="1:27" s="1" customFormat="1" ht="14.1" customHeight="1" outlineLevel="3" x14ac:dyDescent="0.2">
      <c r="A14218" s="17">
        <v>5745</v>
      </c>
      <c r="B14218" s="17"/>
      <c r="C14218" s="17"/>
      <c r="D14218" s="18" t="s">
        <v>7047</v>
      </c>
      <c r="E14218" s="18"/>
      <c r="F14218" s="18"/>
      <c r="G14218" s="18"/>
      <c r="H14218" s="18"/>
      <c r="I14218" s="18"/>
      <c r="J14218" s="18"/>
      <c r="K14218" s="18"/>
      <c r="L14218" s="18"/>
      <c r="M14218" s="18"/>
      <c r="N14218" s="18"/>
      <c r="O14218" s="18"/>
      <c r="P14218" s="19">
        <v>950</v>
      </c>
      <c r="Q14218" s="19"/>
      <c r="R14218" s="19"/>
      <c r="S14218" s="19"/>
      <c r="T14218" s="19">
        <v>720</v>
      </c>
      <c r="U14218" s="19"/>
      <c r="V14218" s="19"/>
      <c r="W14218" s="19"/>
      <c r="X14218" s="19">
        <v>3</v>
      </c>
      <c r="Y14218" s="19"/>
      <c r="Z14218" s="19"/>
      <c r="AA14218" s="19"/>
    </row>
    <row r="14219" spans="1:27" s="1" customFormat="1" ht="14.1" customHeight="1" outlineLevel="3" x14ac:dyDescent="0.2">
      <c r="A14219" s="17"/>
      <c r="B14219" s="17"/>
      <c r="C14219" s="17"/>
      <c r="D14219" s="18"/>
      <c r="E14219" s="18"/>
      <c r="F14219" s="18"/>
      <c r="G14219" s="18"/>
      <c r="H14219" s="18"/>
      <c r="I14219" s="18"/>
      <c r="J14219" s="18"/>
      <c r="K14219" s="18"/>
      <c r="L14219" s="18"/>
      <c r="M14219" s="18"/>
      <c r="N14219" s="18"/>
      <c r="O14219" s="18"/>
      <c r="P14219" s="19"/>
      <c r="Q14219" s="19"/>
      <c r="R14219" s="19"/>
      <c r="S14219" s="19"/>
      <c r="T14219" s="19"/>
      <c r="U14219" s="19"/>
      <c r="V14219" s="19"/>
      <c r="W14219" s="19"/>
      <c r="X14219" s="19"/>
      <c r="Y14219" s="19"/>
      <c r="Z14219" s="19"/>
      <c r="AA14219" s="19"/>
    </row>
    <row r="14220" spans="1:27" s="1" customFormat="1" ht="11.1" customHeight="1" outlineLevel="3" x14ac:dyDescent="0.2">
      <c r="A14220" s="17">
        <v>8561</v>
      </c>
      <c r="B14220" s="17"/>
      <c r="C14220" s="17"/>
      <c r="D14220" s="18" t="s">
        <v>7048</v>
      </c>
      <c r="E14220" s="18"/>
      <c r="F14220" s="18"/>
      <c r="G14220" s="18"/>
      <c r="H14220" s="18"/>
      <c r="I14220" s="18"/>
      <c r="J14220" s="18"/>
      <c r="K14220" s="18"/>
      <c r="L14220" s="18"/>
      <c r="M14220" s="18"/>
      <c r="N14220" s="18"/>
      <c r="O14220" s="18"/>
      <c r="P14220" s="19">
        <v>990</v>
      </c>
      <c r="Q14220" s="19"/>
      <c r="R14220" s="19"/>
      <c r="S14220" s="19"/>
      <c r="T14220" s="19">
        <v>650</v>
      </c>
      <c r="U14220" s="19"/>
      <c r="V14220" s="19"/>
      <c r="W14220" s="19"/>
      <c r="X14220" s="19">
        <v>2</v>
      </c>
      <c r="Y14220" s="19"/>
      <c r="Z14220" s="19"/>
      <c r="AA14220" s="19"/>
    </row>
    <row r="14221" spans="1:27" s="1" customFormat="1" ht="11.1" customHeight="1" outlineLevel="3" x14ac:dyDescent="0.2">
      <c r="A14221" s="17"/>
      <c r="B14221" s="17"/>
      <c r="C14221" s="17"/>
      <c r="D14221" s="18"/>
      <c r="E14221" s="18"/>
      <c r="F14221" s="18"/>
      <c r="G14221" s="18"/>
      <c r="H14221" s="18"/>
      <c r="I14221" s="18"/>
      <c r="J14221" s="18"/>
      <c r="K14221" s="18"/>
      <c r="L14221" s="18"/>
      <c r="M14221" s="18"/>
      <c r="N14221" s="18"/>
      <c r="O14221" s="18"/>
      <c r="P14221" s="19"/>
      <c r="Q14221" s="19"/>
      <c r="R14221" s="19"/>
      <c r="S14221" s="19"/>
      <c r="T14221" s="19"/>
      <c r="U14221" s="19"/>
      <c r="V14221" s="19"/>
      <c r="W14221" s="19"/>
      <c r="X14221" s="19"/>
      <c r="Y14221" s="19"/>
      <c r="Z14221" s="19"/>
      <c r="AA14221" s="19"/>
    </row>
    <row r="14222" spans="1:27" s="1" customFormat="1" ht="11.1" customHeight="1" outlineLevel="2" x14ac:dyDescent="0.2">
      <c r="A14222" s="16" t="s">
        <v>7049</v>
      </c>
      <c r="B14222" s="16"/>
      <c r="C14222" s="16"/>
      <c r="D14222" s="16"/>
      <c r="E14222" s="16"/>
      <c r="F14222" s="16"/>
      <c r="G14222" s="16"/>
      <c r="H14222" s="16"/>
      <c r="I14222" s="16"/>
      <c r="J14222" s="16"/>
      <c r="K14222" s="16"/>
      <c r="L14222" s="16"/>
      <c r="M14222" s="16"/>
      <c r="N14222" s="16"/>
      <c r="O14222" s="16"/>
      <c r="P14222" s="16"/>
      <c r="Q14222" s="16"/>
      <c r="R14222" s="16"/>
      <c r="S14222" s="16"/>
      <c r="T14222" s="16"/>
      <c r="U14222" s="16"/>
      <c r="V14222" s="16"/>
      <c r="W14222" s="16"/>
      <c r="X14222" s="16"/>
      <c r="Y14222" s="16"/>
      <c r="Z14222" s="16"/>
      <c r="AA14222" s="16"/>
    </row>
    <row r="14223" spans="1:27" s="1" customFormat="1" ht="11.1" customHeight="1" outlineLevel="2" x14ac:dyDescent="0.2">
      <c r="A14223" s="16"/>
      <c r="B14223" s="16"/>
      <c r="C14223" s="16"/>
      <c r="D14223" s="16"/>
      <c r="E14223" s="16"/>
      <c r="F14223" s="16"/>
      <c r="G14223" s="16"/>
      <c r="H14223" s="16"/>
      <c r="I14223" s="16"/>
      <c r="J14223" s="16"/>
      <c r="K14223" s="16"/>
      <c r="L14223" s="16"/>
      <c r="M14223" s="16"/>
      <c r="N14223" s="16"/>
      <c r="O14223" s="16"/>
      <c r="P14223" s="16"/>
      <c r="Q14223" s="16"/>
      <c r="R14223" s="16"/>
      <c r="S14223" s="16"/>
      <c r="T14223" s="16"/>
      <c r="U14223" s="16"/>
      <c r="V14223" s="16"/>
      <c r="W14223" s="16"/>
      <c r="X14223" s="16"/>
      <c r="Y14223" s="16"/>
      <c r="Z14223" s="16"/>
      <c r="AA14223" s="16"/>
    </row>
    <row r="14224" spans="1:27" s="1" customFormat="1" ht="11.1" customHeight="1" outlineLevel="3" x14ac:dyDescent="0.2">
      <c r="A14224" s="16" t="s">
        <v>7050</v>
      </c>
      <c r="B14224" s="16"/>
      <c r="C14224" s="16"/>
      <c r="D14224" s="16"/>
      <c r="E14224" s="16"/>
      <c r="F14224" s="16"/>
      <c r="G14224" s="16"/>
      <c r="H14224" s="16"/>
      <c r="I14224" s="16"/>
      <c r="J14224" s="16"/>
      <c r="K14224" s="16"/>
      <c r="L14224" s="16"/>
      <c r="M14224" s="16"/>
      <c r="N14224" s="16"/>
      <c r="O14224" s="16"/>
      <c r="P14224" s="16"/>
      <c r="Q14224" s="16"/>
      <c r="R14224" s="16"/>
      <c r="S14224" s="16"/>
      <c r="T14224" s="16"/>
      <c r="U14224" s="16"/>
      <c r="V14224" s="16"/>
      <c r="W14224" s="16"/>
      <c r="X14224" s="16"/>
      <c r="Y14224" s="16"/>
      <c r="Z14224" s="16"/>
      <c r="AA14224" s="16"/>
    </row>
    <row r="14225" spans="1:27" s="1" customFormat="1" ht="11.1" customHeight="1" outlineLevel="3" x14ac:dyDescent="0.2">
      <c r="A14225" s="16"/>
      <c r="B14225" s="16"/>
      <c r="C14225" s="16"/>
      <c r="D14225" s="16"/>
      <c r="E14225" s="16"/>
      <c r="F14225" s="16"/>
      <c r="G14225" s="16"/>
      <c r="H14225" s="16"/>
      <c r="I14225" s="16"/>
      <c r="J14225" s="16"/>
      <c r="K14225" s="16"/>
      <c r="L14225" s="16"/>
      <c r="M14225" s="16"/>
      <c r="N14225" s="16"/>
      <c r="O14225" s="16"/>
      <c r="P14225" s="16"/>
      <c r="Q14225" s="16"/>
      <c r="R14225" s="16"/>
      <c r="S14225" s="16"/>
      <c r="T14225" s="16"/>
      <c r="U14225" s="16"/>
      <c r="V14225" s="16"/>
      <c r="W14225" s="16"/>
      <c r="X14225" s="16"/>
      <c r="Y14225" s="16"/>
      <c r="Z14225" s="16"/>
      <c r="AA14225" s="16"/>
    </row>
    <row r="14226" spans="1:27" s="1" customFormat="1" ht="11.1" customHeight="1" outlineLevel="4" x14ac:dyDescent="0.2">
      <c r="A14226" s="17">
        <v>16163</v>
      </c>
      <c r="B14226" s="17"/>
      <c r="C14226" s="17"/>
      <c r="D14226" s="18" t="s">
        <v>7051</v>
      </c>
      <c r="E14226" s="18"/>
      <c r="F14226" s="18"/>
      <c r="G14226" s="18"/>
      <c r="H14226" s="18"/>
      <c r="I14226" s="18"/>
      <c r="J14226" s="18"/>
      <c r="K14226" s="18"/>
      <c r="L14226" s="18"/>
      <c r="M14226" s="18"/>
      <c r="N14226" s="18"/>
      <c r="O14226" s="18"/>
      <c r="P14226" s="19">
        <v>650</v>
      </c>
      <c r="Q14226" s="19"/>
      <c r="R14226" s="19"/>
      <c r="S14226" s="19"/>
      <c r="T14226" s="19">
        <v>350</v>
      </c>
      <c r="U14226" s="19"/>
      <c r="V14226" s="19"/>
      <c r="W14226" s="19"/>
      <c r="X14226" s="19">
        <v>1</v>
      </c>
      <c r="Y14226" s="19"/>
      <c r="Z14226" s="19"/>
      <c r="AA14226" s="19"/>
    </row>
    <row r="14227" spans="1:27" s="1" customFormat="1" ht="11.1" customHeight="1" outlineLevel="4" x14ac:dyDescent="0.2">
      <c r="A14227" s="17"/>
      <c r="B14227" s="17"/>
      <c r="C14227" s="17"/>
      <c r="D14227" s="18"/>
      <c r="E14227" s="18"/>
      <c r="F14227" s="18"/>
      <c r="G14227" s="18"/>
      <c r="H14227" s="18"/>
      <c r="I14227" s="18"/>
      <c r="J14227" s="18"/>
      <c r="K14227" s="18"/>
      <c r="L14227" s="18"/>
      <c r="M14227" s="18"/>
      <c r="N14227" s="18"/>
      <c r="O14227" s="18"/>
      <c r="P14227" s="19"/>
      <c r="Q14227" s="19"/>
      <c r="R14227" s="19"/>
      <c r="S14227" s="19"/>
      <c r="T14227" s="19"/>
      <c r="U14227" s="19"/>
      <c r="V14227" s="19"/>
      <c r="W14227" s="19"/>
      <c r="X14227" s="19"/>
      <c r="Y14227" s="19"/>
      <c r="Z14227" s="19"/>
      <c r="AA14227" s="19"/>
    </row>
    <row r="14228" spans="1:27" s="1" customFormat="1" ht="11.1" customHeight="1" outlineLevel="4" x14ac:dyDescent="0.2">
      <c r="A14228" s="17">
        <v>13892</v>
      </c>
      <c r="B14228" s="17"/>
      <c r="C14228" s="17"/>
      <c r="D14228" s="18" t="s">
        <v>7052</v>
      </c>
      <c r="E14228" s="18"/>
      <c r="F14228" s="18"/>
      <c r="G14228" s="18"/>
      <c r="H14228" s="18"/>
      <c r="I14228" s="18"/>
      <c r="J14228" s="18"/>
      <c r="K14228" s="18"/>
      <c r="L14228" s="18"/>
      <c r="M14228" s="18"/>
      <c r="N14228" s="18"/>
      <c r="O14228" s="18"/>
      <c r="P14228" s="19">
        <v>690</v>
      </c>
      <c r="Q14228" s="19"/>
      <c r="R14228" s="19"/>
      <c r="S14228" s="19"/>
      <c r="T14228" s="19">
        <v>520</v>
      </c>
      <c r="U14228" s="19"/>
      <c r="V14228" s="19"/>
      <c r="W14228" s="19"/>
      <c r="X14228" s="19">
        <v>1</v>
      </c>
      <c r="Y14228" s="19"/>
      <c r="Z14228" s="19"/>
      <c r="AA14228" s="19"/>
    </row>
    <row r="14229" spans="1:27" s="1" customFormat="1" ht="11.1" customHeight="1" outlineLevel="4" x14ac:dyDescent="0.2">
      <c r="A14229" s="17"/>
      <c r="B14229" s="17"/>
      <c r="C14229" s="17"/>
      <c r="D14229" s="18"/>
      <c r="E14229" s="18"/>
      <c r="F14229" s="18"/>
      <c r="G14229" s="18"/>
      <c r="H14229" s="18"/>
      <c r="I14229" s="18"/>
      <c r="J14229" s="18"/>
      <c r="K14229" s="18"/>
      <c r="L14229" s="18"/>
      <c r="M14229" s="18"/>
      <c r="N14229" s="18"/>
      <c r="O14229" s="18"/>
      <c r="P14229" s="19"/>
      <c r="Q14229" s="19"/>
      <c r="R14229" s="19"/>
      <c r="S14229" s="19"/>
      <c r="T14229" s="19"/>
      <c r="U14229" s="19"/>
      <c r="V14229" s="19"/>
      <c r="W14229" s="19"/>
      <c r="X14229" s="19"/>
      <c r="Y14229" s="19"/>
      <c r="Z14229" s="19"/>
      <c r="AA14229" s="19"/>
    </row>
    <row r="14230" spans="1:27" s="1" customFormat="1" ht="11.1" customHeight="1" outlineLevel="4" x14ac:dyDescent="0.2">
      <c r="A14230" s="17">
        <v>10426</v>
      </c>
      <c r="B14230" s="17"/>
      <c r="C14230" s="17"/>
      <c r="D14230" s="18" t="s">
        <v>7053</v>
      </c>
      <c r="E14230" s="18"/>
      <c r="F14230" s="18"/>
      <c r="G14230" s="18"/>
      <c r="H14230" s="18"/>
      <c r="I14230" s="18"/>
      <c r="J14230" s="18"/>
      <c r="K14230" s="18"/>
      <c r="L14230" s="18"/>
      <c r="M14230" s="18"/>
      <c r="N14230" s="18"/>
      <c r="O14230" s="18"/>
      <c r="P14230" s="19">
        <v>450</v>
      </c>
      <c r="Q14230" s="19"/>
      <c r="R14230" s="19"/>
      <c r="S14230" s="19"/>
      <c r="T14230" s="19">
        <v>280</v>
      </c>
      <c r="U14230" s="19"/>
      <c r="V14230" s="19"/>
      <c r="W14230" s="19"/>
      <c r="X14230" s="19">
        <v>1</v>
      </c>
      <c r="Y14230" s="19"/>
      <c r="Z14230" s="19"/>
      <c r="AA14230" s="19"/>
    </row>
    <row r="14231" spans="1:27" s="1" customFormat="1" ht="11.1" customHeight="1" outlineLevel="4" x14ac:dyDescent="0.2">
      <c r="A14231" s="17"/>
      <c r="B14231" s="17"/>
      <c r="C14231" s="17"/>
      <c r="D14231" s="18"/>
      <c r="E14231" s="18"/>
      <c r="F14231" s="18"/>
      <c r="G14231" s="18"/>
      <c r="H14231" s="18"/>
      <c r="I14231" s="18"/>
      <c r="J14231" s="18"/>
      <c r="K14231" s="18"/>
      <c r="L14231" s="18"/>
      <c r="M14231" s="18"/>
      <c r="N14231" s="18"/>
      <c r="O14231" s="18"/>
      <c r="P14231" s="19"/>
      <c r="Q14231" s="19"/>
      <c r="R14231" s="19"/>
      <c r="S14231" s="19"/>
      <c r="T14231" s="19"/>
      <c r="U14231" s="19"/>
      <c r="V14231" s="19"/>
      <c r="W14231" s="19"/>
      <c r="X14231" s="19"/>
      <c r="Y14231" s="19"/>
      <c r="Z14231" s="19"/>
      <c r="AA14231" s="19"/>
    </row>
    <row r="14232" spans="1:27" s="1" customFormat="1" ht="11.1" customHeight="1" outlineLevel="4" x14ac:dyDescent="0.2">
      <c r="A14232" s="17">
        <v>17646</v>
      </c>
      <c r="B14232" s="17"/>
      <c r="C14232" s="17"/>
      <c r="D14232" s="18" t="s">
        <v>7054</v>
      </c>
      <c r="E14232" s="18"/>
      <c r="F14232" s="18"/>
      <c r="G14232" s="18"/>
      <c r="H14232" s="18"/>
      <c r="I14232" s="18"/>
      <c r="J14232" s="18"/>
      <c r="K14232" s="18"/>
      <c r="L14232" s="18"/>
      <c r="M14232" s="18"/>
      <c r="N14232" s="18"/>
      <c r="O14232" s="18"/>
      <c r="P14232" s="19">
        <v>950</v>
      </c>
      <c r="Q14232" s="19"/>
      <c r="R14232" s="19"/>
      <c r="S14232" s="19"/>
      <c r="T14232" s="19">
        <v>650</v>
      </c>
      <c r="U14232" s="19"/>
      <c r="V14232" s="19"/>
      <c r="W14232" s="19"/>
      <c r="X14232" s="19">
        <v>1</v>
      </c>
      <c r="Y14232" s="19"/>
      <c r="Z14232" s="19"/>
      <c r="AA14232" s="19"/>
    </row>
    <row r="14233" spans="1:27" s="1" customFormat="1" ht="11.1" customHeight="1" outlineLevel="4" x14ac:dyDescent="0.2">
      <c r="A14233" s="17"/>
      <c r="B14233" s="17"/>
      <c r="C14233" s="17"/>
      <c r="D14233" s="18"/>
      <c r="E14233" s="18"/>
      <c r="F14233" s="18"/>
      <c r="G14233" s="18"/>
      <c r="H14233" s="18"/>
      <c r="I14233" s="18"/>
      <c r="J14233" s="18"/>
      <c r="K14233" s="18"/>
      <c r="L14233" s="18"/>
      <c r="M14233" s="18"/>
      <c r="N14233" s="18"/>
      <c r="O14233" s="18"/>
      <c r="P14233" s="19"/>
      <c r="Q14233" s="19"/>
      <c r="R14233" s="19"/>
      <c r="S14233" s="19"/>
      <c r="T14233" s="19"/>
      <c r="U14233" s="19"/>
      <c r="V14233" s="19"/>
      <c r="W14233" s="19"/>
      <c r="X14233" s="19"/>
      <c r="Y14233" s="19"/>
      <c r="Z14233" s="19"/>
      <c r="AA14233" s="19"/>
    </row>
    <row r="14234" spans="1:27" s="1" customFormat="1" ht="11.1" customHeight="1" outlineLevel="4" x14ac:dyDescent="0.2">
      <c r="A14234" s="17">
        <v>18001</v>
      </c>
      <c r="B14234" s="17"/>
      <c r="C14234" s="17"/>
      <c r="D14234" s="18" t="s">
        <v>7055</v>
      </c>
      <c r="E14234" s="18"/>
      <c r="F14234" s="18"/>
      <c r="G14234" s="18"/>
      <c r="H14234" s="18"/>
      <c r="I14234" s="18"/>
      <c r="J14234" s="18"/>
      <c r="K14234" s="18"/>
      <c r="L14234" s="18"/>
      <c r="M14234" s="18"/>
      <c r="N14234" s="18"/>
      <c r="O14234" s="18"/>
      <c r="P14234" s="20">
        <v>1250</v>
      </c>
      <c r="Q14234" s="20"/>
      <c r="R14234" s="20"/>
      <c r="S14234" s="20"/>
      <c r="T14234" s="19">
        <v>900</v>
      </c>
      <c r="U14234" s="19"/>
      <c r="V14234" s="19"/>
      <c r="W14234" s="19"/>
      <c r="X14234" s="19">
        <v>1</v>
      </c>
      <c r="Y14234" s="19"/>
      <c r="Z14234" s="19"/>
      <c r="AA14234" s="19"/>
    </row>
    <row r="14235" spans="1:27" s="1" customFormat="1" ht="11.1" customHeight="1" outlineLevel="4" x14ac:dyDescent="0.2">
      <c r="A14235" s="17"/>
      <c r="B14235" s="17"/>
      <c r="C14235" s="17"/>
      <c r="D14235" s="18"/>
      <c r="E14235" s="18"/>
      <c r="F14235" s="18"/>
      <c r="G14235" s="18"/>
      <c r="H14235" s="18"/>
      <c r="I14235" s="18"/>
      <c r="J14235" s="18"/>
      <c r="K14235" s="18"/>
      <c r="L14235" s="18"/>
      <c r="M14235" s="18"/>
      <c r="N14235" s="18"/>
      <c r="O14235" s="18"/>
      <c r="P14235" s="20"/>
      <c r="Q14235" s="20"/>
      <c r="R14235" s="20"/>
      <c r="S14235" s="20"/>
      <c r="T14235" s="19"/>
      <c r="U14235" s="19"/>
      <c r="V14235" s="19"/>
      <c r="W14235" s="19"/>
      <c r="X14235" s="19"/>
      <c r="Y14235" s="19"/>
      <c r="Z14235" s="19"/>
      <c r="AA14235" s="19"/>
    </row>
    <row r="14236" spans="1:27" s="1" customFormat="1" ht="11.1" customHeight="1" outlineLevel="4" x14ac:dyDescent="0.2">
      <c r="A14236" s="17">
        <v>18000</v>
      </c>
      <c r="B14236" s="17"/>
      <c r="C14236" s="17"/>
      <c r="D14236" s="18" t="s">
        <v>7056</v>
      </c>
      <c r="E14236" s="18"/>
      <c r="F14236" s="18"/>
      <c r="G14236" s="18"/>
      <c r="H14236" s="18"/>
      <c r="I14236" s="18"/>
      <c r="J14236" s="18"/>
      <c r="K14236" s="18"/>
      <c r="L14236" s="18"/>
      <c r="M14236" s="18"/>
      <c r="N14236" s="18"/>
      <c r="O14236" s="18"/>
      <c r="P14236" s="20">
        <v>1250</v>
      </c>
      <c r="Q14236" s="20"/>
      <c r="R14236" s="20"/>
      <c r="S14236" s="20"/>
      <c r="T14236" s="19">
        <v>900</v>
      </c>
      <c r="U14236" s="19"/>
      <c r="V14236" s="19"/>
      <c r="W14236" s="19"/>
      <c r="X14236" s="19">
        <v>2</v>
      </c>
      <c r="Y14236" s="19"/>
      <c r="Z14236" s="19"/>
      <c r="AA14236" s="19"/>
    </row>
    <row r="14237" spans="1:27" s="1" customFormat="1" ht="11.1" customHeight="1" outlineLevel="4" x14ac:dyDescent="0.2">
      <c r="A14237" s="17"/>
      <c r="B14237" s="17"/>
      <c r="C14237" s="17"/>
      <c r="D14237" s="18"/>
      <c r="E14237" s="18"/>
      <c r="F14237" s="18"/>
      <c r="G14237" s="18"/>
      <c r="H14237" s="18"/>
      <c r="I14237" s="18"/>
      <c r="J14237" s="18"/>
      <c r="K14237" s="18"/>
      <c r="L14237" s="18"/>
      <c r="M14237" s="18"/>
      <c r="N14237" s="18"/>
      <c r="O14237" s="18"/>
      <c r="P14237" s="20"/>
      <c r="Q14237" s="20"/>
      <c r="R14237" s="20"/>
      <c r="S14237" s="20"/>
      <c r="T14237" s="19"/>
      <c r="U14237" s="19"/>
      <c r="V14237" s="19"/>
      <c r="W14237" s="19"/>
      <c r="X14237" s="19"/>
      <c r="Y14237" s="19"/>
      <c r="Z14237" s="19"/>
      <c r="AA14237" s="19"/>
    </row>
    <row r="14238" spans="1:27" s="1" customFormat="1" ht="11.1" customHeight="1" outlineLevel="4" x14ac:dyDescent="0.2">
      <c r="A14238" s="17">
        <v>17647</v>
      </c>
      <c r="B14238" s="17"/>
      <c r="C14238" s="17"/>
      <c r="D14238" s="18" t="s">
        <v>7057</v>
      </c>
      <c r="E14238" s="18"/>
      <c r="F14238" s="18"/>
      <c r="G14238" s="18"/>
      <c r="H14238" s="18"/>
      <c r="I14238" s="18"/>
      <c r="J14238" s="18"/>
      <c r="K14238" s="18"/>
      <c r="L14238" s="18"/>
      <c r="M14238" s="18"/>
      <c r="N14238" s="18"/>
      <c r="O14238" s="18"/>
      <c r="P14238" s="20">
        <v>1190</v>
      </c>
      <c r="Q14238" s="20"/>
      <c r="R14238" s="20"/>
      <c r="S14238" s="20"/>
      <c r="T14238" s="19">
        <v>790</v>
      </c>
      <c r="U14238" s="19"/>
      <c r="V14238" s="19"/>
      <c r="W14238" s="19"/>
      <c r="X14238" s="19">
        <v>1</v>
      </c>
      <c r="Y14238" s="19"/>
      <c r="Z14238" s="19"/>
      <c r="AA14238" s="19"/>
    </row>
    <row r="14239" spans="1:27" s="1" customFormat="1" ht="11.1" customHeight="1" outlineLevel="4" x14ac:dyDescent="0.2">
      <c r="A14239" s="17"/>
      <c r="B14239" s="17"/>
      <c r="C14239" s="17"/>
      <c r="D14239" s="18"/>
      <c r="E14239" s="18"/>
      <c r="F14239" s="18"/>
      <c r="G14239" s="18"/>
      <c r="H14239" s="18"/>
      <c r="I14239" s="18"/>
      <c r="J14239" s="18"/>
      <c r="K14239" s="18"/>
      <c r="L14239" s="18"/>
      <c r="M14239" s="18"/>
      <c r="N14239" s="18"/>
      <c r="O14239" s="18"/>
      <c r="P14239" s="20"/>
      <c r="Q14239" s="20"/>
      <c r="R14239" s="20"/>
      <c r="S14239" s="20"/>
      <c r="T14239" s="19"/>
      <c r="U14239" s="19"/>
      <c r="V14239" s="19"/>
      <c r="W14239" s="19"/>
      <c r="X14239" s="19"/>
      <c r="Y14239" s="19"/>
      <c r="Z14239" s="19"/>
      <c r="AA14239" s="19"/>
    </row>
    <row r="14240" spans="1:27" s="1" customFormat="1" ht="11.1" customHeight="1" outlineLevel="4" x14ac:dyDescent="0.2">
      <c r="A14240" s="17">
        <v>16062</v>
      </c>
      <c r="B14240" s="17"/>
      <c r="C14240" s="17"/>
      <c r="D14240" s="18" t="s">
        <v>7058</v>
      </c>
      <c r="E14240" s="18"/>
      <c r="F14240" s="18"/>
      <c r="G14240" s="18"/>
      <c r="H14240" s="18"/>
      <c r="I14240" s="18"/>
      <c r="J14240" s="18"/>
      <c r="K14240" s="18"/>
      <c r="L14240" s="18"/>
      <c r="M14240" s="18"/>
      <c r="N14240" s="18"/>
      <c r="O14240" s="18"/>
      <c r="P14240" s="19">
        <v>690</v>
      </c>
      <c r="Q14240" s="19"/>
      <c r="R14240" s="19"/>
      <c r="S14240" s="19"/>
      <c r="T14240" s="19">
        <v>450</v>
      </c>
      <c r="U14240" s="19"/>
      <c r="V14240" s="19"/>
      <c r="W14240" s="19"/>
      <c r="X14240" s="19">
        <v>1</v>
      </c>
      <c r="Y14240" s="19"/>
      <c r="Z14240" s="19"/>
      <c r="AA14240" s="19"/>
    </row>
    <row r="14241" spans="1:27" s="1" customFormat="1" ht="11.1" customHeight="1" outlineLevel="4" x14ac:dyDescent="0.2">
      <c r="A14241" s="17"/>
      <c r="B14241" s="17"/>
      <c r="C14241" s="17"/>
      <c r="D14241" s="18"/>
      <c r="E14241" s="18"/>
      <c r="F14241" s="18"/>
      <c r="G14241" s="18"/>
      <c r="H14241" s="18"/>
      <c r="I14241" s="18"/>
      <c r="J14241" s="18"/>
      <c r="K14241" s="18"/>
      <c r="L14241" s="18"/>
      <c r="M14241" s="18"/>
      <c r="N14241" s="18"/>
      <c r="O14241" s="18"/>
      <c r="P14241" s="19"/>
      <c r="Q14241" s="19"/>
      <c r="R14241" s="19"/>
      <c r="S14241" s="19"/>
      <c r="T14241" s="19"/>
      <c r="U14241" s="19"/>
      <c r="V14241" s="19"/>
      <c r="W14241" s="19"/>
      <c r="X14241" s="19"/>
      <c r="Y14241" s="19"/>
      <c r="Z14241" s="19"/>
      <c r="AA14241" s="19"/>
    </row>
    <row r="14242" spans="1:27" s="1" customFormat="1" ht="11.1" customHeight="1" outlineLevel="4" x14ac:dyDescent="0.2">
      <c r="A14242" s="17">
        <v>10772</v>
      </c>
      <c r="B14242" s="17"/>
      <c r="C14242" s="17"/>
      <c r="D14242" s="18" t="s">
        <v>7059</v>
      </c>
      <c r="E14242" s="18"/>
      <c r="F14242" s="18"/>
      <c r="G14242" s="18"/>
      <c r="H14242" s="18"/>
      <c r="I14242" s="18"/>
      <c r="J14242" s="18"/>
      <c r="K14242" s="18"/>
      <c r="L14242" s="18"/>
      <c r="M14242" s="18"/>
      <c r="N14242" s="18"/>
      <c r="O14242" s="18"/>
      <c r="P14242" s="20">
        <v>1350</v>
      </c>
      <c r="Q14242" s="20"/>
      <c r="R14242" s="20"/>
      <c r="S14242" s="20"/>
      <c r="T14242" s="19">
        <v>900</v>
      </c>
      <c r="U14242" s="19"/>
      <c r="V14242" s="19"/>
      <c r="W14242" s="19"/>
      <c r="X14242" s="19">
        <v>3</v>
      </c>
      <c r="Y14242" s="19"/>
      <c r="Z14242" s="19"/>
      <c r="AA14242" s="19"/>
    </row>
    <row r="14243" spans="1:27" s="1" customFormat="1" ht="11.1" customHeight="1" outlineLevel="4" x14ac:dyDescent="0.2">
      <c r="A14243" s="17"/>
      <c r="B14243" s="17"/>
      <c r="C14243" s="17"/>
      <c r="D14243" s="18"/>
      <c r="E14243" s="18"/>
      <c r="F14243" s="18"/>
      <c r="G14243" s="18"/>
      <c r="H14243" s="18"/>
      <c r="I14243" s="18"/>
      <c r="J14243" s="18"/>
      <c r="K14243" s="18"/>
      <c r="L14243" s="18"/>
      <c r="M14243" s="18"/>
      <c r="N14243" s="18"/>
      <c r="O14243" s="18"/>
      <c r="P14243" s="20"/>
      <c r="Q14243" s="20"/>
      <c r="R14243" s="20"/>
      <c r="S14243" s="20"/>
      <c r="T14243" s="19"/>
      <c r="U14243" s="19"/>
      <c r="V14243" s="19"/>
      <c r="W14243" s="19"/>
      <c r="X14243" s="19"/>
      <c r="Y14243" s="19"/>
      <c r="Z14243" s="19"/>
      <c r="AA14243" s="19"/>
    </row>
    <row r="14244" spans="1:27" s="1" customFormat="1" ht="11.1" customHeight="1" outlineLevel="4" x14ac:dyDescent="0.2">
      <c r="A14244" s="17">
        <v>12417</v>
      </c>
      <c r="B14244" s="17"/>
      <c r="C14244" s="17"/>
      <c r="D14244" s="18" t="s">
        <v>7060</v>
      </c>
      <c r="E14244" s="18"/>
      <c r="F14244" s="18"/>
      <c r="G14244" s="18"/>
      <c r="H14244" s="18"/>
      <c r="I14244" s="18"/>
      <c r="J14244" s="18"/>
      <c r="K14244" s="18"/>
      <c r="L14244" s="18"/>
      <c r="M14244" s="18"/>
      <c r="N14244" s="18"/>
      <c r="O14244" s="18"/>
      <c r="P14244" s="20">
        <v>1100</v>
      </c>
      <c r="Q14244" s="20"/>
      <c r="R14244" s="20"/>
      <c r="S14244" s="20"/>
      <c r="T14244" s="19">
        <v>850</v>
      </c>
      <c r="U14244" s="19"/>
      <c r="V14244" s="19"/>
      <c r="W14244" s="19"/>
      <c r="X14244" s="19">
        <v>1</v>
      </c>
      <c r="Y14244" s="19"/>
      <c r="Z14244" s="19"/>
      <c r="AA14244" s="19"/>
    </row>
    <row r="14245" spans="1:27" s="1" customFormat="1" ht="11.1" customHeight="1" outlineLevel="4" x14ac:dyDescent="0.2">
      <c r="A14245" s="17"/>
      <c r="B14245" s="17"/>
      <c r="C14245" s="17"/>
      <c r="D14245" s="18"/>
      <c r="E14245" s="18"/>
      <c r="F14245" s="18"/>
      <c r="G14245" s="18"/>
      <c r="H14245" s="18"/>
      <c r="I14245" s="18"/>
      <c r="J14245" s="18"/>
      <c r="K14245" s="18"/>
      <c r="L14245" s="18"/>
      <c r="M14245" s="18"/>
      <c r="N14245" s="18"/>
      <c r="O14245" s="18"/>
      <c r="P14245" s="20"/>
      <c r="Q14245" s="20"/>
      <c r="R14245" s="20"/>
      <c r="S14245" s="20"/>
      <c r="T14245" s="19"/>
      <c r="U14245" s="19"/>
      <c r="V14245" s="19"/>
      <c r="W14245" s="19"/>
      <c r="X14245" s="19"/>
      <c r="Y14245" s="19"/>
      <c r="Z14245" s="19"/>
      <c r="AA14245" s="19"/>
    </row>
    <row r="14246" spans="1:27" s="1" customFormat="1" ht="11.1" customHeight="1" outlineLevel="4" x14ac:dyDescent="0.2">
      <c r="A14246" s="17">
        <v>14996</v>
      </c>
      <c r="B14246" s="17"/>
      <c r="C14246" s="17"/>
      <c r="D14246" s="18" t="s">
        <v>7061</v>
      </c>
      <c r="E14246" s="18"/>
      <c r="F14246" s="18"/>
      <c r="G14246" s="18"/>
      <c r="H14246" s="18"/>
      <c r="I14246" s="18"/>
      <c r="J14246" s="18"/>
      <c r="K14246" s="18"/>
      <c r="L14246" s="18"/>
      <c r="M14246" s="18"/>
      <c r="N14246" s="18"/>
      <c r="O14246" s="18"/>
      <c r="P14246" s="20">
        <v>1190</v>
      </c>
      <c r="Q14246" s="20"/>
      <c r="R14246" s="20"/>
      <c r="S14246" s="20"/>
      <c r="T14246" s="19">
        <v>890</v>
      </c>
      <c r="U14246" s="19"/>
      <c r="V14246" s="19"/>
      <c r="W14246" s="19"/>
      <c r="X14246" s="19">
        <v>1</v>
      </c>
      <c r="Y14246" s="19"/>
      <c r="Z14246" s="19"/>
      <c r="AA14246" s="19"/>
    </row>
    <row r="14247" spans="1:27" s="1" customFormat="1" ht="11.1" customHeight="1" outlineLevel="4" x14ac:dyDescent="0.2">
      <c r="A14247" s="17"/>
      <c r="B14247" s="17"/>
      <c r="C14247" s="17"/>
      <c r="D14247" s="18"/>
      <c r="E14247" s="18"/>
      <c r="F14247" s="18"/>
      <c r="G14247" s="18"/>
      <c r="H14247" s="18"/>
      <c r="I14247" s="18"/>
      <c r="J14247" s="18"/>
      <c r="K14247" s="18"/>
      <c r="L14247" s="18"/>
      <c r="M14247" s="18"/>
      <c r="N14247" s="18"/>
      <c r="O14247" s="18"/>
      <c r="P14247" s="20"/>
      <c r="Q14247" s="20"/>
      <c r="R14247" s="20"/>
      <c r="S14247" s="20"/>
      <c r="T14247" s="19"/>
      <c r="U14247" s="19"/>
      <c r="V14247" s="19"/>
      <c r="W14247" s="19"/>
      <c r="X14247" s="19"/>
      <c r="Y14247" s="19"/>
      <c r="Z14247" s="19"/>
      <c r="AA14247" s="19"/>
    </row>
    <row r="14248" spans="1:27" s="1" customFormat="1" ht="11.1" customHeight="1" outlineLevel="4" x14ac:dyDescent="0.2">
      <c r="A14248" s="17">
        <v>12485</v>
      </c>
      <c r="B14248" s="17"/>
      <c r="C14248" s="17"/>
      <c r="D14248" s="18" t="s">
        <v>7062</v>
      </c>
      <c r="E14248" s="18"/>
      <c r="F14248" s="18"/>
      <c r="G14248" s="18"/>
      <c r="H14248" s="18"/>
      <c r="I14248" s="18"/>
      <c r="J14248" s="18"/>
      <c r="K14248" s="18"/>
      <c r="L14248" s="18"/>
      <c r="M14248" s="18"/>
      <c r="N14248" s="18"/>
      <c r="O14248" s="18"/>
      <c r="P14248" s="20">
        <v>1140</v>
      </c>
      <c r="Q14248" s="20"/>
      <c r="R14248" s="20"/>
      <c r="S14248" s="20"/>
      <c r="T14248" s="19">
        <v>770</v>
      </c>
      <c r="U14248" s="19"/>
      <c r="V14248" s="19"/>
      <c r="W14248" s="19"/>
      <c r="X14248" s="19">
        <v>1</v>
      </c>
      <c r="Y14248" s="19"/>
      <c r="Z14248" s="19"/>
      <c r="AA14248" s="19"/>
    </row>
    <row r="14249" spans="1:27" s="1" customFormat="1" ht="11.1" customHeight="1" outlineLevel="4" x14ac:dyDescent="0.2">
      <c r="A14249" s="17"/>
      <c r="B14249" s="17"/>
      <c r="C14249" s="17"/>
      <c r="D14249" s="18"/>
      <c r="E14249" s="18"/>
      <c r="F14249" s="18"/>
      <c r="G14249" s="18"/>
      <c r="H14249" s="18"/>
      <c r="I14249" s="18"/>
      <c r="J14249" s="18"/>
      <c r="K14249" s="18"/>
      <c r="L14249" s="18"/>
      <c r="M14249" s="18"/>
      <c r="N14249" s="18"/>
      <c r="O14249" s="18"/>
      <c r="P14249" s="20"/>
      <c r="Q14249" s="20"/>
      <c r="R14249" s="20"/>
      <c r="S14249" s="20"/>
      <c r="T14249" s="19"/>
      <c r="U14249" s="19"/>
      <c r="V14249" s="19"/>
      <c r="W14249" s="19"/>
      <c r="X14249" s="19"/>
      <c r="Y14249" s="19"/>
      <c r="Z14249" s="19"/>
      <c r="AA14249" s="19"/>
    </row>
    <row r="14250" spans="1:27" s="1" customFormat="1" ht="11.1" customHeight="1" outlineLevel="4" x14ac:dyDescent="0.2">
      <c r="A14250" s="17">
        <v>13282</v>
      </c>
      <c r="B14250" s="17"/>
      <c r="C14250" s="17"/>
      <c r="D14250" s="18" t="s">
        <v>7063</v>
      </c>
      <c r="E14250" s="18"/>
      <c r="F14250" s="18"/>
      <c r="G14250" s="18"/>
      <c r="H14250" s="18"/>
      <c r="I14250" s="18"/>
      <c r="J14250" s="18"/>
      <c r="K14250" s="18"/>
      <c r="L14250" s="18"/>
      <c r="M14250" s="18"/>
      <c r="N14250" s="18"/>
      <c r="O14250" s="18"/>
      <c r="P14250" s="20">
        <v>1060</v>
      </c>
      <c r="Q14250" s="20"/>
      <c r="R14250" s="20"/>
      <c r="S14250" s="20"/>
      <c r="T14250" s="19">
        <v>830</v>
      </c>
      <c r="U14250" s="19"/>
      <c r="V14250" s="19"/>
      <c r="W14250" s="19"/>
      <c r="X14250" s="19">
        <v>3</v>
      </c>
      <c r="Y14250" s="19"/>
      <c r="Z14250" s="19"/>
      <c r="AA14250" s="19"/>
    </row>
    <row r="14251" spans="1:27" s="1" customFormat="1" ht="11.1" customHeight="1" outlineLevel="4" x14ac:dyDescent="0.2">
      <c r="A14251" s="17"/>
      <c r="B14251" s="17"/>
      <c r="C14251" s="17"/>
      <c r="D14251" s="18"/>
      <c r="E14251" s="18"/>
      <c r="F14251" s="18"/>
      <c r="G14251" s="18"/>
      <c r="H14251" s="18"/>
      <c r="I14251" s="18"/>
      <c r="J14251" s="18"/>
      <c r="K14251" s="18"/>
      <c r="L14251" s="18"/>
      <c r="M14251" s="18"/>
      <c r="N14251" s="18"/>
      <c r="O14251" s="18"/>
      <c r="P14251" s="20"/>
      <c r="Q14251" s="20"/>
      <c r="R14251" s="20"/>
      <c r="S14251" s="20"/>
      <c r="T14251" s="19"/>
      <c r="U14251" s="19"/>
      <c r="V14251" s="19"/>
      <c r="W14251" s="19"/>
      <c r="X14251" s="19"/>
      <c r="Y14251" s="19"/>
      <c r="Z14251" s="19"/>
      <c r="AA14251" s="19"/>
    </row>
    <row r="14252" spans="1:27" s="1" customFormat="1" ht="11.1" customHeight="1" outlineLevel="4" x14ac:dyDescent="0.2">
      <c r="A14252" s="17">
        <v>4799</v>
      </c>
      <c r="B14252" s="17"/>
      <c r="C14252" s="17"/>
      <c r="D14252" s="18" t="s">
        <v>7064</v>
      </c>
      <c r="E14252" s="18"/>
      <c r="F14252" s="18"/>
      <c r="G14252" s="18"/>
      <c r="H14252" s="18"/>
      <c r="I14252" s="18"/>
      <c r="J14252" s="18"/>
      <c r="K14252" s="18"/>
      <c r="L14252" s="18"/>
      <c r="M14252" s="18"/>
      <c r="N14252" s="18"/>
      <c r="O14252" s="18"/>
      <c r="P14252" s="19">
        <v>970</v>
      </c>
      <c r="Q14252" s="19"/>
      <c r="R14252" s="19"/>
      <c r="S14252" s="19"/>
      <c r="T14252" s="19">
        <v>695</v>
      </c>
      <c r="U14252" s="19"/>
      <c r="V14252" s="19"/>
      <c r="W14252" s="19"/>
      <c r="X14252" s="19">
        <v>3</v>
      </c>
      <c r="Y14252" s="19"/>
      <c r="Z14252" s="19"/>
      <c r="AA14252" s="19"/>
    </row>
    <row r="14253" spans="1:27" s="1" customFormat="1" ht="11.1" customHeight="1" outlineLevel="4" x14ac:dyDescent="0.2">
      <c r="A14253" s="17"/>
      <c r="B14253" s="17"/>
      <c r="C14253" s="17"/>
      <c r="D14253" s="18"/>
      <c r="E14253" s="18"/>
      <c r="F14253" s="18"/>
      <c r="G14253" s="18"/>
      <c r="H14253" s="18"/>
      <c r="I14253" s="18"/>
      <c r="J14253" s="18"/>
      <c r="K14253" s="18"/>
      <c r="L14253" s="18"/>
      <c r="M14253" s="18"/>
      <c r="N14253" s="18"/>
      <c r="O14253" s="18"/>
      <c r="P14253" s="19"/>
      <c r="Q14253" s="19"/>
      <c r="R14253" s="19"/>
      <c r="S14253" s="19"/>
      <c r="T14253" s="19"/>
      <c r="U14253" s="19"/>
      <c r="V14253" s="19"/>
      <c r="W14253" s="19"/>
      <c r="X14253" s="19"/>
      <c r="Y14253" s="19"/>
      <c r="Z14253" s="19"/>
      <c r="AA14253" s="19"/>
    </row>
    <row r="14254" spans="1:27" s="1" customFormat="1" ht="11.1" customHeight="1" outlineLevel="4" x14ac:dyDescent="0.2">
      <c r="A14254" s="17">
        <v>10820</v>
      </c>
      <c r="B14254" s="17"/>
      <c r="C14254" s="17"/>
      <c r="D14254" s="18" t="s">
        <v>7065</v>
      </c>
      <c r="E14254" s="18"/>
      <c r="F14254" s="18"/>
      <c r="G14254" s="18"/>
      <c r="H14254" s="18"/>
      <c r="I14254" s="18"/>
      <c r="J14254" s="18"/>
      <c r="K14254" s="18"/>
      <c r="L14254" s="18"/>
      <c r="M14254" s="18"/>
      <c r="N14254" s="18"/>
      <c r="O14254" s="18"/>
      <c r="P14254" s="19">
        <v>970</v>
      </c>
      <c r="Q14254" s="19"/>
      <c r="R14254" s="19"/>
      <c r="S14254" s="19"/>
      <c r="T14254" s="19">
        <v>695</v>
      </c>
      <c r="U14254" s="19"/>
      <c r="V14254" s="19"/>
      <c r="W14254" s="19"/>
      <c r="X14254" s="19">
        <v>2</v>
      </c>
      <c r="Y14254" s="19"/>
      <c r="Z14254" s="19"/>
      <c r="AA14254" s="19"/>
    </row>
    <row r="14255" spans="1:27" s="1" customFormat="1" ht="11.1" customHeight="1" outlineLevel="4" x14ac:dyDescent="0.2">
      <c r="A14255" s="17"/>
      <c r="B14255" s="17"/>
      <c r="C14255" s="17"/>
      <c r="D14255" s="18"/>
      <c r="E14255" s="18"/>
      <c r="F14255" s="18"/>
      <c r="G14255" s="18"/>
      <c r="H14255" s="18"/>
      <c r="I14255" s="18"/>
      <c r="J14255" s="18"/>
      <c r="K14255" s="18"/>
      <c r="L14255" s="18"/>
      <c r="M14255" s="18"/>
      <c r="N14255" s="18"/>
      <c r="O14255" s="18"/>
      <c r="P14255" s="19"/>
      <c r="Q14255" s="19"/>
      <c r="R14255" s="19"/>
      <c r="S14255" s="19"/>
      <c r="T14255" s="19"/>
      <c r="U14255" s="19"/>
      <c r="V14255" s="19"/>
      <c r="W14255" s="19"/>
      <c r="X14255" s="19"/>
      <c r="Y14255" s="19"/>
      <c r="Z14255" s="19"/>
      <c r="AA14255" s="19"/>
    </row>
    <row r="14256" spans="1:27" s="1" customFormat="1" ht="11.1" customHeight="1" outlineLevel="4" x14ac:dyDescent="0.2">
      <c r="A14256" s="17">
        <v>6611</v>
      </c>
      <c r="B14256" s="17"/>
      <c r="C14256" s="17"/>
      <c r="D14256" s="18" t="s">
        <v>7066</v>
      </c>
      <c r="E14256" s="18"/>
      <c r="F14256" s="18"/>
      <c r="G14256" s="18"/>
      <c r="H14256" s="18"/>
      <c r="I14256" s="18"/>
      <c r="J14256" s="18"/>
      <c r="K14256" s="18"/>
      <c r="L14256" s="18"/>
      <c r="M14256" s="18"/>
      <c r="N14256" s="18"/>
      <c r="O14256" s="18"/>
      <c r="P14256" s="19">
        <v>970</v>
      </c>
      <c r="Q14256" s="19"/>
      <c r="R14256" s="19"/>
      <c r="S14256" s="19"/>
      <c r="T14256" s="19">
        <v>695</v>
      </c>
      <c r="U14256" s="19"/>
      <c r="V14256" s="19"/>
      <c r="W14256" s="19"/>
      <c r="X14256" s="19">
        <v>3</v>
      </c>
      <c r="Y14256" s="19"/>
      <c r="Z14256" s="19"/>
      <c r="AA14256" s="19"/>
    </row>
    <row r="14257" spans="1:27" s="1" customFormat="1" ht="11.1" customHeight="1" outlineLevel="4" x14ac:dyDescent="0.2">
      <c r="A14257" s="17"/>
      <c r="B14257" s="17"/>
      <c r="C14257" s="17"/>
      <c r="D14257" s="18"/>
      <c r="E14257" s="18"/>
      <c r="F14257" s="18"/>
      <c r="G14257" s="18"/>
      <c r="H14257" s="18"/>
      <c r="I14257" s="18"/>
      <c r="J14257" s="18"/>
      <c r="K14257" s="18"/>
      <c r="L14257" s="18"/>
      <c r="M14257" s="18"/>
      <c r="N14257" s="18"/>
      <c r="O14257" s="18"/>
      <c r="P14257" s="19"/>
      <c r="Q14257" s="19"/>
      <c r="R14257" s="19"/>
      <c r="S14257" s="19"/>
      <c r="T14257" s="19"/>
      <c r="U14257" s="19"/>
      <c r="V14257" s="19"/>
      <c r="W14257" s="19"/>
      <c r="X14257" s="19"/>
      <c r="Y14257" s="19"/>
      <c r="Z14257" s="19"/>
      <c r="AA14257" s="19"/>
    </row>
    <row r="14258" spans="1:27" s="1" customFormat="1" ht="11.1" customHeight="1" outlineLevel="4" x14ac:dyDescent="0.2">
      <c r="A14258" s="17">
        <v>16159</v>
      </c>
      <c r="B14258" s="17"/>
      <c r="C14258" s="17"/>
      <c r="D14258" s="18" t="s">
        <v>7067</v>
      </c>
      <c r="E14258" s="18"/>
      <c r="F14258" s="18"/>
      <c r="G14258" s="18"/>
      <c r="H14258" s="18"/>
      <c r="I14258" s="18"/>
      <c r="J14258" s="18"/>
      <c r="K14258" s="18"/>
      <c r="L14258" s="18"/>
      <c r="M14258" s="18"/>
      <c r="N14258" s="18"/>
      <c r="O14258" s="18"/>
      <c r="P14258" s="20">
        <v>1350</v>
      </c>
      <c r="Q14258" s="20"/>
      <c r="R14258" s="20"/>
      <c r="S14258" s="20"/>
      <c r="T14258" s="19">
        <v>850</v>
      </c>
      <c r="U14258" s="19"/>
      <c r="V14258" s="19"/>
      <c r="W14258" s="19"/>
      <c r="X14258" s="19">
        <v>1</v>
      </c>
      <c r="Y14258" s="19"/>
      <c r="Z14258" s="19"/>
      <c r="AA14258" s="19"/>
    </row>
    <row r="14259" spans="1:27" s="1" customFormat="1" ht="11.1" customHeight="1" outlineLevel="4" x14ac:dyDescent="0.2">
      <c r="A14259" s="17"/>
      <c r="B14259" s="17"/>
      <c r="C14259" s="17"/>
      <c r="D14259" s="18"/>
      <c r="E14259" s="18"/>
      <c r="F14259" s="18"/>
      <c r="G14259" s="18"/>
      <c r="H14259" s="18"/>
      <c r="I14259" s="18"/>
      <c r="J14259" s="18"/>
      <c r="K14259" s="18"/>
      <c r="L14259" s="18"/>
      <c r="M14259" s="18"/>
      <c r="N14259" s="18"/>
      <c r="O14259" s="18"/>
      <c r="P14259" s="20"/>
      <c r="Q14259" s="20"/>
      <c r="R14259" s="20"/>
      <c r="S14259" s="20"/>
      <c r="T14259" s="19"/>
      <c r="U14259" s="19"/>
      <c r="V14259" s="19"/>
      <c r="W14259" s="19"/>
      <c r="X14259" s="19"/>
      <c r="Y14259" s="19"/>
      <c r="Z14259" s="19"/>
      <c r="AA14259" s="19"/>
    </row>
    <row r="14260" spans="1:27" s="1" customFormat="1" ht="11.1" customHeight="1" outlineLevel="4" x14ac:dyDescent="0.2">
      <c r="A14260" s="17">
        <v>17991</v>
      </c>
      <c r="B14260" s="17"/>
      <c r="C14260" s="17"/>
      <c r="D14260" s="18" t="s">
        <v>7068</v>
      </c>
      <c r="E14260" s="18"/>
      <c r="F14260" s="18"/>
      <c r="G14260" s="18"/>
      <c r="H14260" s="18"/>
      <c r="I14260" s="18"/>
      <c r="J14260" s="18"/>
      <c r="K14260" s="18"/>
      <c r="L14260" s="18"/>
      <c r="M14260" s="18"/>
      <c r="N14260" s="18"/>
      <c r="O14260" s="18"/>
      <c r="P14260" s="19">
        <v>990</v>
      </c>
      <c r="Q14260" s="19"/>
      <c r="R14260" s="19"/>
      <c r="S14260" s="19"/>
      <c r="T14260" s="19">
        <v>590</v>
      </c>
      <c r="U14260" s="19"/>
      <c r="V14260" s="19"/>
      <c r="W14260" s="19"/>
      <c r="X14260" s="19">
        <v>2</v>
      </c>
      <c r="Y14260" s="19"/>
      <c r="Z14260" s="19"/>
      <c r="AA14260" s="19"/>
    </row>
    <row r="14261" spans="1:27" s="1" customFormat="1" ht="11.1" customHeight="1" outlineLevel="4" x14ac:dyDescent="0.2">
      <c r="A14261" s="17"/>
      <c r="B14261" s="17"/>
      <c r="C14261" s="17"/>
      <c r="D14261" s="18"/>
      <c r="E14261" s="18"/>
      <c r="F14261" s="18"/>
      <c r="G14261" s="18"/>
      <c r="H14261" s="18"/>
      <c r="I14261" s="18"/>
      <c r="J14261" s="18"/>
      <c r="K14261" s="18"/>
      <c r="L14261" s="18"/>
      <c r="M14261" s="18"/>
      <c r="N14261" s="18"/>
      <c r="O14261" s="18"/>
      <c r="P14261" s="19"/>
      <c r="Q14261" s="19"/>
      <c r="R14261" s="19"/>
      <c r="S14261" s="19"/>
      <c r="T14261" s="19"/>
      <c r="U14261" s="19"/>
      <c r="V14261" s="19"/>
      <c r="W14261" s="19"/>
      <c r="X14261" s="19"/>
      <c r="Y14261" s="19"/>
      <c r="Z14261" s="19"/>
      <c r="AA14261" s="19"/>
    </row>
    <row r="14262" spans="1:27" s="1" customFormat="1" ht="11.1" customHeight="1" outlineLevel="4" x14ac:dyDescent="0.2">
      <c r="A14262" s="17">
        <v>10755</v>
      </c>
      <c r="B14262" s="17"/>
      <c r="C14262" s="17"/>
      <c r="D14262" s="18" t="s">
        <v>7069</v>
      </c>
      <c r="E14262" s="18"/>
      <c r="F14262" s="18"/>
      <c r="G14262" s="18"/>
      <c r="H14262" s="18"/>
      <c r="I14262" s="18"/>
      <c r="J14262" s="18"/>
      <c r="K14262" s="18"/>
      <c r="L14262" s="18"/>
      <c r="M14262" s="18"/>
      <c r="N14262" s="18"/>
      <c r="O14262" s="18"/>
      <c r="P14262" s="20">
        <v>1350</v>
      </c>
      <c r="Q14262" s="20"/>
      <c r="R14262" s="20"/>
      <c r="S14262" s="20"/>
      <c r="T14262" s="19">
        <v>950</v>
      </c>
      <c r="U14262" s="19"/>
      <c r="V14262" s="19"/>
      <c r="W14262" s="19"/>
      <c r="X14262" s="19">
        <v>1</v>
      </c>
      <c r="Y14262" s="19"/>
      <c r="Z14262" s="19"/>
      <c r="AA14262" s="19"/>
    </row>
    <row r="14263" spans="1:27" s="1" customFormat="1" ht="11.1" customHeight="1" outlineLevel="4" x14ac:dyDescent="0.2">
      <c r="A14263" s="17"/>
      <c r="B14263" s="17"/>
      <c r="C14263" s="17"/>
      <c r="D14263" s="18"/>
      <c r="E14263" s="18"/>
      <c r="F14263" s="18"/>
      <c r="G14263" s="18"/>
      <c r="H14263" s="18"/>
      <c r="I14263" s="18"/>
      <c r="J14263" s="18"/>
      <c r="K14263" s="18"/>
      <c r="L14263" s="18"/>
      <c r="M14263" s="18"/>
      <c r="N14263" s="18"/>
      <c r="O14263" s="18"/>
      <c r="P14263" s="20"/>
      <c r="Q14263" s="20"/>
      <c r="R14263" s="20"/>
      <c r="S14263" s="20"/>
      <c r="T14263" s="19"/>
      <c r="U14263" s="19"/>
      <c r="V14263" s="19"/>
      <c r="W14263" s="19"/>
      <c r="X14263" s="19"/>
      <c r="Y14263" s="19"/>
      <c r="Z14263" s="19"/>
      <c r="AA14263" s="19"/>
    </row>
    <row r="14264" spans="1:27" s="1" customFormat="1" ht="11.1" customHeight="1" outlineLevel="4" x14ac:dyDescent="0.2">
      <c r="A14264" s="17">
        <v>18217</v>
      </c>
      <c r="B14264" s="17"/>
      <c r="C14264" s="17"/>
      <c r="D14264" s="18" t="s">
        <v>7070</v>
      </c>
      <c r="E14264" s="18"/>
      <c r="F14264" s="18"/>
      <c r="G14264" s="18"/>
      <c r="H14264" s="18"/>
      <c r="I14264" s="18"/>
      <c r="J14264" s="18"/>
      <c r="K14264" s="18"/>
      <c r="L14264" s="18"/>
      <c r="M14264" s="18"/>
      <c r="N14264" s="18"/>
      <c r="O14264" s="18"/>
      <c r="P14264" s="19">
        <v>990</v>
      </c>
      <c r="Q14264" s="19"/>
      <c r="R14264" s="19"/>
      <c r="S14264" s="19"/>
      <c r="T14264" s="19">
        <v>680</v>
      </c>
      <c r="U14264" s="19"/>
      <c r="V14264" s="19"/>
      <c r="W14264" s="19"/>
      <c r="X14264" s="19">
        <v>2</v>
      </c>
      <c r="Y14264" s="19"/>
      <c r="Z14264" s="19"/>
      <c r="AA14264" s="19"/>
    </row>
    <row r="14265" spans="1:27" s="1" customFormat="1" ht="11.1" customHeight="1" outlineLevel="4" x14ac:dyDescent="0.2">
      <c r="A14265" s="17"/>
      <c r="B14265" s="17"/>
      <c r="C14265" s="17"/>
      <c r="D14265" s="18"/>
      <c r="E14265" s="18"/>
      <c r="F14265" s="18"/>
      <c r="G14265" s="18"/>
      <c r="H14265" s="18"/>
      <c r="I14265" s="18"/>
      <c r="J14265" s="18"/>
      <c r="K14265" s="18"/>
      <c r="L14265" s="18"/>
      <c r="M14265" s="18"/>
      <c r="N14265" s="18"/>
      <c r="O14265" s="18"/>
      <c r="P14265" s="19"/>
      <c r="Q14265" s="19"/>
      <c r="R14265" s="19"/>
      <c r="S14265" s="19"/>
      <c r="T14265" s="19"/>
      <c r="U14265" s="19"/>
      <c r="V14265" s="19"/>
      <c r="W14265" s="19"/>
      <c r="X14265" s="19"/>
      <c r="Y14265" s="19"/>
      <c r="Z14265" s="19"/>
      <c r="AA14265" s="19"/>
    </row>
    <row r="14266" spans="1:27" s="1" customFormat="1" ht="14.1" customHeight="1" outlineLevel="4" x14ac:dyDescent="0.2">
      <c r="A14266" s="17">
        <v>18218</v>
      </c>
      <c r="B14266" s="17"/>
      <c r="C14266" s="17"/>
      <c r="D14266" s="18" t="s">
        <v>7071</v>
      </c>
      <c r="E14266" s="18"/>
      <c r="F14266" s="18"/>
      <c r="G14266" s="18"/>
      <c r="H14266" s="18"/>
      <c r="I14266" s="18"/>
      <c r="J14266" s="18"/>
      <c r="K14266" s="18"/>
      <c r="L14266" s="18"/>
      <c r="M14266" s="18"/>
      <c r="N14266" s="18"/>
      <c r="O14266" s="18"/>
      <c r="P14266" s="19">
        <v>990</v>
      </c>
      <c r="Q14266" s="19"/>
      <c r="R14266" s="19"/>
      <c r="S14266" s="19"/>
      <c r="T14266" s="19">
        <v>680</v>
      </c>
      <c r="U14266" s="19"/>
      <c r="V14266" s="19"/>
      <c r="W14266" s="19"/>
      <c r="X14266" s="19">
        <v>3</v>
      </c>
      <c r="Y14266" s="19"/>
      <c r="Z14266" s="19"/>
      <c r="AA14266" s="19"/>
    </row>
    <row r="14267" spans="1:27" s="1" customFormat="1" ht="14.1" customHeight="1" outlineLevel="4" x14ac:dyDescent="0.2">
      <c r="A14267" s="17"/>
      <c r="B14267" s="17"/>
      <c r="C14267" s="17"/>
      <c r="D14267" s="18"/>
      <c r="E14267" s="18"/>
      <c r="F14267" s="18"/>
      <c r="G14267" s="18"/>
      <c r="H14267" s="18"/>
      <c r="I14267" s="18"/>
      <c r="J14267" s="18"/>
      <c r="K14267" s="18"/>
      <c r="L14267" s="18"/>
      <c r="M14267" s="18"/>
      <c r="N14267" s="18"/>
      <c r="O14267" s="18"/>
      <c r="P14267" s="19"/>
      <c r="Q14267" s="19"/>
      <c r="R14267" s="19"/>
      <c r="S14267" s="19"/>
      <c r="T14267" s="19"/>
      <c r="U14267" s="19"/>
      <c r="V14267" s="19"/>
      <c r="W14267" s="19"/>
      <c r="X14267" s="19"/>
      <c r="Y14267" s="19"/>
      <c r="Z14267" s="19"/>
      <c r="AA14267" s="19"/>
    </row>
    <row r="14268" spans="1:27" s="1" customFormat="1" ht="11.1" customHeight="1" outlineLevel="4" x14ac:dyDescent="0.2">
      <c r="A14268" s="17">
        <v>10756</v>
      </c>
      <c r="B14268" s="17"/>
      <c r="C14268" s="17"/>
      <c r="D14268" s="18" t="s">
        <v>7072</v>
      </c>
      <c r="E14268" s="18"/>
      <c r="F14268" s="18"/>
      <c r="G14268" s="18"/>
      <c r="H14268" s="18"/>
      <c r="I14268" s="18"/>
      <c r="J14268" s="18"/>
      <c r="K14268" s="18"/>
      <c r="L14268" s="18"/>
      <c r="M14268" s="18"/>
      <c r="N14268" s="18"/>
      <c r="O14268" s="18"/>
      <c r="P14268" s="20">
        <v>1030</v>
      </c>
      <c r="Q14268" s="20"/>
      <c r="R14268" s="20"/>
      <c r="S14268" s="20"/>
      <c r="T14268" s="19">
        <v>740</v>
      </c>
      <c r="U14268" s="19"/>
      <c r="V14268" s="19"/>
      <c r="W14268" s="19"/>
      <c r="X14268" s="19">
        <v>1</v>
      </c>
      <c r="Y14268" s="19"/>
      <c r="Z14268" s="19"/>
      <c r="AA14268" s="19"/>
    </row>
    <row r="14269" spans="1:27" s="1" customFormat="1" ht="11.1" customHeight="1" outlineLevel="4" x14ac:dyDescent="0.2">
      <c r="A14269" s="17"/>
      <c r="B14269" s="17"/>
      <c r="C14269" s="17"/>
      <c r="D14269" s="18"/>
      <c r="E14269" s="18"/>
      <c r="F14269" s="18"/>
      <c r="G14269" s="18"/>
      <c r="H14269" s="18"/>
      <c r="I14269" s="18"/>
      <c r="J14269" s="18"/>
      <c r="K14269" s="18"/>
      <c r="L14269" s="18"/>
      <c r="M14269" s="18"/>
      <c r="N14269" s="18"/>
      <c r="O14269" s="18"/>
      <c r="P14269" s="20"/>
      <c r="Q14269" s="20"/>
      <c r="R14269" s="20"/>
      <c r="S14269" s="20"/>
      <c r="T14269" s="19"/>
      <c r="U14269" s="19"/>
      <c r="V14269" s="19"/>
      <c r="W14269" s="19"/>
      <c r="X14269" s="19"/>
      <c r="Y14269" s="19"/>
      <c r="Z14269" s="19"/>
      <c r="AA14269" s="19"/>
    </row>
    <row r="14270" spans="1:27" s="1" customFormat="1" ht="11.1" customHeight="1" outlineLevel="4" x14ac:dyDescent="0.2">
      <c r="A14270" s="17">
        <v>14969</v>
      </c>
      <c r="B14270" s="17"/>
      <c r="C14270" s="17"/>
      <c r="D14270" s="18" t="s">
        <v>7073</v>
      </c>
      <c r="E14270" s="18"/>
      <c r="F14270" s="18"/>
      <c r="G14270" s="18"/>
      <c r="H14270" s="18"/>
      <c r="I14270" s="18"/>
      <c r="J14270" s="18"/>
      <c r="K14270" s="18"/>
      <c r="L14270" s="18"/>
      <c r="M14270" s="18"/>
      <c r="N14270" s="18"/>
      <c r="O14270" s="18"/>
      <c r="P14270" s="20">
        <v>1200</v>
      </c>
      <c r="Q14270" s="20"/>
      <c r="R14270" s="20"/>
      <c r="S14270" s="20"/>
      <c r="T14270" s="19">
        <v>950</v>
      </c>
      <c r="U14270" s="19"/>
      <c r="V14270" s="19"/>
      <c r="W14270" s="19"/>
      <c r="X14270" s="19">
        <v>1</v>
      </c>
      <c r="Y14270" s="19"/>
      <c r="Z14270" s="19"/>
      <c r="AA14270" s="19"/>
    </row>
    <row r="14271" spans="1:27" s="1" customFormat="1" ht="11.1" customHeight="1" outlineLevel="4" x14ac:dyDescent="0.2">
      <c r="A14271" s="17"/>
      <c r="B14271" s="17"/>
      <c r="C14271" s="17"/>
      <c r="D14271" s="18"/>
      <c r="E14271" s="18"/>
      <c r="F14271" s="18"/>
      <c r="G14271" s="18"/>
      <c r="H14271" s="18"/>
      <c r="I14271" s="18"/>
      <c r="J14271" s="18"/>
      <c r="K14271" s="18"/>
      <c r="L14271" s="18"/>
      <c r="M14271" s="18"/>
      <c r="N14271" s="18"/>
      <c r="O14271" s="18"/>
      <c r="P14271" s="20"/>
      <c r="Q14271" s="20"/>
      <c r="R14271" s="20"/>
      <c r="S14271" s="20"/>
      <c r="T14271" s="19"/>
      <c r="U14271" s="19"/>
      <c r="V14271" s="19"/>
      <c r="W14271" s="19"/>
      <c r="X14271" s="19"/>
      <c r="Y14271" s="19"/>
      <c r="Z14271" s="19"/>
      <c r="AA14271" s="19"/>
    </row>
    <row r="14272" spans="1:27" s="1" customFormat="1" ht="14.1" customHeight="1" outlineLevel="4" x14ac:dyDescent="0.2">
      <c r="A14272" s="17">
        <v>14450</v>
      </c>
      <c r="B14272" s="17"/>
      <c r="C14272" s="17"/>
      <c r="D14272" s="18" t="s">
        <v>7074</v>
      </c>
      <c r="E14272" s="18"/>
      <c r="F14272" s="18"/>
      <c r="G14272" s="18"/>
      <c r="H14272" s="18"/>
      <c r="I14272" s="18"/>
      <c r="J14272" s="18"/>
      <c r="K14272" s="18"/>
      <c r="L14272" s="18"/>
      <c r="M14272" s="18"/>
      <c r="N14272" s="18"/>
      <c r="O14272" s="18"/>
      <c r="P14272" s="20">
        <v>1050</v>
      </c>
      <c r="Q14272" s="20"/>
      <c r="R14272" s="20"/>
      <c r="S14272" s="20"/>
      <c r="T14272" s="19">
        <v>750</v>
      </c>
      <c r="U14272" s="19"/>
      <c r="V14272" s="19"/>
      <c r="W14272" s="19"/>
      <c r="X14272" s="19">
        <v>2</v>
      </c>
      <c r="Y14272" s="19"/>
      <c r="Z14272" s="19"/>
      <c r="AA14272" s="19"/>
    </row>
    <row r="14273" spans="1:27" s="1" customFormat="1" ht="14.1" customHeight="1" outlineLevel="4" x14ac:dyDescent="0.2">
      <c r="A14273" s="17"/>
      <c r="B14273" s="17"/>
      <c r="C14273" s="17"/>
      <c r="D14273" s="18"/>
      <c r="E14273" s="18"/>
      <c r="F14273" s="18"/>
      <c r="G14273" s="18"/>
      <c r="H14273" s="18"/>
      <c r="I14273" s="18"/>
      <c r="J14273" s="18"/>
      <c r="K14273" s="18"/>
      <c r="L14273" s="18"/>
      <c r="M14273" s="18"/>
      <c r="N14273" s="18"/>
      <c r="O14273" s="18"/>
      <c r="P14273" s="20"/>
      <c r="Q14273" s="20"/>
      <c r="R14273" s="20"/>
      <c r="S14273" s="20"/>
      <c r="T14273" s="19"/>
      <c r="U14273" s="19"/>
      <c r="V14273" s="19"/>
      <c r="W14273" s="19"/>
      <c r="X14273" s="19"/>
      <c r="Y14273" s="19"/>
      <c r="Z14273" s="19"/>
      <c r="AA14273" s="19"/>
    </row>
    <row r="14274" spans="1:27" s="1" customFormat="1" ht="14.1" customHeight="1" outlineLevel="4" x14ac:dyDescent="0.2">
      <c r="A14274" s="17">
        <v>14446</v>
      </c>
      <c r="B14274" s="17"/>
      <c r="C14274" s="17"/>
      <c r="D14274" s="18" t="s">
        <v>7075</v>
      </c>
      <c r="E14274" s="18"/>
      <c r="F14274" s="18"/>
      <c r="G14274" s="18"/>
      <c r="H14274" s="18"/>
      <c r="I14274" s="18"/>
      <c r="J14274" s="18"/>
      <c r="K14274" s="18"/>
      <c r="L14274" s="18"/>
      <c r="M14274" s="18"/>
      <c r="N14274" s="18"/>
      <c r="O14274" s="18"/>
      <c r="P14274" s="20">
        <v>1050</v>
      </c>
      <c r="Q14274" s="20"/>
      <c r="R14274" s="20"/>
      <c r="S14274" s="20"/>
      <c r="T14274" s="19">
        <v>750</v>
      </c>
      <c r="U14274" s="19"/>
      <c r="V14274" s="19"/>
      <c r="W14274" s="19"/>
      <c r="X14274" s="19">
        <v>1</v>
      </c>
      <c r="Y14274" s="19"/>
      <c r="Z14274" s="19"/>
      <c r="AA14274" s="19"/>
    </row>
    <row r="14275" spans="1:27" s="1" customFormat="1" ht="14.1" customHeight="1" outlineLevel="4" x14ac:dyDescent="0.2">
      <c r="A14275" s="17"/>
      <c r="B14275" s="17"/>
      <c r="C14275" s="17"/>
      <c r="D14275" s="18"/>
      <c r="E14275" s="18"/>
      <c r="F14275" s="18"/>
      <c r="G14275" s="18"/>
      <c r="H14275" s="18"/>
      <c r="I14275" s="18"/>
      <c r="J14275" s="18"/>
      <c r="K14275" s="18"/>
      <c r="L14275" s="18"/>
      <c r="M14275" s="18"/>
      <c r="N14275" s="18"/>
      <c r="O14275" s="18"/>
      <c r="P14275" s="20"/>
      <c r="Q14275" s="20"/>
      <c r="R14275" s="20"/>
      <c r="S14275" s="20"/>
      <c r="T14275" s="19"/>
      <c r="U14275" s="19"/>
      <c r="V14275" s="19"/>
      <c r="W14275" s="19"/>
      <c r="X14275" s="19"/>
      <c r="Y14275" s="19"/>
      <c r="Z14275" s="19"/>
      <c r="AA14275" s="19"/>
    </row>
    <row r="14276" spans="1:27" s="1" customFormat="1" ht="21" customHeight="1" outlineLevel="4" x14ac:dyDescent="0.2">
      <c r="A14276" s="17">
        <v>14447</v>
      </c>
      <c r="B14276" s="17"/>
      <c r="C14276" s="17"/>
      <c r="D14276" s="18" t="s">
        <v>7076</v>
      </c>
      <c r="E14276" s="18"/>
      <c r="F14276" s="18"/>
      <c r="G14276" s="18"/>
      <c r="H14276" s="18"/>
      <c r="I14276" s="18"/>
      <c r="J14276" s="18"/>
      <c r="K14276" s="18"/>
      <c r="L14276" s="18"/>
      <c r="M14276" s="18"/>
      <c r="N14276" s="18"/>
      <c r="O14276" s="18"/>
      <c r="P14276" s="20">
        <v>1050</v>
      </c>
      <c r="Q14276" s="20"/>
      <c r="R14276" s="20"/>
      <c r="S14276" s="20"/>
      <c r="T14276" s="19">
        <v>750</v>
      </c>
      <c r="U14276" s="19"/>
      <c r="V14276" s="19"/>
      <c r="W14276" s="19"/>
      <c r="X14276" s="19">
        <v>2</v>
      </c>
      <c r="Y14276" s="19"/>
      <c r="Z14276" s="19"/>
      <c r="AA14276" s="19"/>
    </row>
    <row r="14277" spans="1:27" s="1" customFormat="1" ht="21" customHeight="1" outlineLevel="4" x14ac:dyDescent="0.2">
      <c r="A14277" s="17"/>
      <c r="B14277" s="17"/>
      <c r="C14277" s="17"/>
      <c r="D14277" s="18"/>
      <c r="E14277" s="18"/>
      <c r="F14277" s="18"/>
      <c r="G14277" s="18"/>
      <c r="H14277" s="18"/>
      <c r="I14277" s="18"/>
      <c r="J14277" s="18"/>
      <c r="K14277" s="18"/>
      <c r="L14277" s="18"/>
      <c r="M14277" s="18"/>
      <c r="N14277" s="18"/>
      <c r="O14277" s="18"/>
      <c r="P14277" s="20"/>
      <c r="Q14277" s="20"/>
      <c r="R14277" s="20"/>
      <c r="S14277" s="20"/>
      <c r="T14277" s="19"/>
      <c r="U14277" s="19"/>
      <c r="V14277" s="19"/>
      <c r="W14277" s="19"/>
      <c r="X14277" s="19"/>
      <c r="Y14277" s="19"/>
      <c r="Z14277" s="19"/>
      <c r="AA14277" s="19"/>
    </row>
    <row r="14278" spans="1:27" s="1" customFormat="1" ht="14.1" customHeight="1" outlineLevel="4" x14ac:dyDescent="0.2">
      <c r="A14278" s="17">
        <v>15362</v>
      </c>
      <c r="B14278" s="17"/>
      <c r="C14278" s="17"/>
      <c r="D14278" s="18" t="s">
        <v>7077</v>
      </c>
      <c r="E14278" s="18"/>
      <c r="F14278" s="18"/>
      <c r="G14278" s="18"/>
      <c r="H14278" s="18"/>
      <c r="I14278" s="18"/>
      <c r="J14278" s="18"/>
      <c r="K14278" s="18"/>
      <c r="L14278" s="18"/>
      <c r="M14278" s="18"/>
      <c r="N14278" s="18"/>
      <c r="O14278" s="18"/>
      <c r="P14278" s="20">
        <v>1600</v>
      </c>
      <c r="Q14278" s="20"/>
      <c r="R14278" s="20"/>
      <c r="S14278" s="20"/>
      <c r="T14278" s="20">
        <v>1250</v>
      </c>
      <c r="U14278" s="20"/>
      <c r="V14278" s="20"/>
      <c r="W14278" s="20"/>
      <c r="X14278" s="19">
        <v>1</v>
      </c>
      <c r="Y14278" s="19"/>
      <c r="Z14278" s="19"/>
      <c r="AA14278" s="19"/>
    </row>
    <row r="14279" spans="1:27" s="1" customFormat="1" ht="14.1" customHeight="1" outlineLevel="4" x14ac:dyDescent="0.2">
      <c r="A14279" s="17"/>
      <c r="B14279" s="17"/>
      <c r="C14279" s="17"/>
      <c r="D14279" s="18"/>
      <c r="E14279" s="18"/>
      <c r="F14279" s="18"/>
      <c r="G14279" s="18"/>
      <c r="H14279" s="18"/>
      <c r="I14279" s="18"/>
      <c r="J14279" s="18"/>
      <c r="K14279" s="18"/>
      <c r="L14279" s="18"/>
      <c r="M14279" s="18"/>
      <c r="N14279" s="18"/>
      <c r="O14279" s="18"/>
      <c r="P14279" s="20"/>
      <c r="Q14279" s="20"/>
      <c r="R14279" s="20"/>
      <c r="S14279" s="20"/>
      <c r="T14279" s="20"/>
      <c r="U14279" s="20"/>
      <c r="V14279" s="20"/>
      <c r="W14279" s="20"/>
      <c r="X14279" s="19"/>
      <c r="Y14279" s="19"/>
      <c r="Z14279" s="19"/>
      <c r="AA14279" s="19"/>
    </row>
    <row r="14280" spans="1:27" s="1" customFormat="1" ht="14.1" customHeight="1" outlineLevel="4" x14ac:dyDescent="0.2">
      <c r="A14280" s="17">
        <v>15180</v>
      </c>
      <c r="B14280" s="17"/>
      <c r="C14280" s="17"/>
      <c r="D14280" s="18" t="s">
        <v>7078</v>
      </c>
      <c r="E14280" s="18"/>
      <c r="F14280" s="18"/>
      <c r="G14280" s="18"/>
      <c r="H14280" s="18"/>
      <c r="I14280" s="18"/>
      <c r="J14280" s="18"/>
      <c r="K14280" s="18"/>
      <c r="L14280" s="18"/>
      <c r="M14280" s="18"/>
      <c r="N14280" s="18"/>
      <c r="O14280" s="18"/>
      <c r="P14280" s="20">
        <v>1700</v>
      </c>
      <c r="Q14280" s="20"/>
      <c r="R14280" s="20"/>
      <c r="S14280" s="20"/>
      <c r="T14280" s="20">
        <v>1200</v>
      </c>
      <c r="U14280" s="20"/>
      <c r="V14280" s="20"/>
      <c r="W14280" s="20"/>
      <c r="X14280" s="19">
        <v>1</v>
      </c>
      <c r="Y14280" s="19"/>
      <c r="Z14280" s="19"/>
      <c r="AA14280" s="19"/>
    </row>
    <row r="14281" spans="1:27" s="1" customFormat="1" ht="14.1" customHeight="1" outlineLevel="4" x14ac:dyDescent="0.2">
      <c r="A14281" s="17"/>
      <c r="B14281" s="17"/>
      <c r="C14281" s="17"/>
      <c r="D14281" s="18"/>
      <c r="E14281" s="18"/>
      <c r="F14281" s="18"/>
      <c r="G14281" s="18"/>
      <c r="H14281" s="18"/>
      <c r="I14281" s="18"/>
      <c r="J14281" s="18"/>
      <c r="K14281" s="18"/>
      <c r="L14281" s="18"/>
      <c r="M14281" s="18"/>
      <c r="N14281" s="18"/>
      <c r="O14281" s="18"/>
      <c r="P14281" s="20"/>
      <c r="Q14281" s="20"/>
      <c r="R14281" s="20"/>
      <c r="S14281" s="20"/>
      <c r="T14281" s="20"/>
      <c r="U14281" s="20"/>
      <c r="V14281" s="20"/>
      <c r="W14281" s="20"/>
      <c r="X14281" s="19"/>
      <c r="Y14281" s="19"/>
      <c r="Z14281" s="19"/>
      <c r="AA14281" s="19"/>
    </row>
    <row r="14282" spans="1:27" s="1" customFormat="1" ht="14.1" customHeight="1" outlineLevel="4" x14ac:dyDescent="0.2">
      <c r="A14282" s="17">
        <v>15861</v>
      </c>
      <c r="B14282" s="17"/>
      <c r="C14282" s="17"/>
      <c r="D14282" s="18" t="s">
        <v>7079</v>
      </c>
      <c r="E14282" s="18"/>
      <c r="F14282" s="18"/>
      <c r="G14282" s="18"/>
      <c r="H14282" s="18"/>
      <c r="I14282" s="18"/>
      <c r="J14282" s="18"/>
      <c r="K14282" s="18"/>
      <c r="L14282" s="18"/>
      <c r="M14282" s="18"/>
      <c r="N14282" s="18"/>
      <c r="O14282" s="18"/>
      <c r="P14282" s="20">
        <v>1800</v>
      </c>
      <c r="Q14282" s="20"/>
      <c r="R14282" s="20"/>
      <c r="S14282" s="20"/>
      <c r="T14282" s="20">
        <v>1300</v>
      </c>
      <c r="U14282" s="20"/>
      <c r="V14282" s="20"/>
      <c r="W14282" s="20"/>
      <c r="X14282" s="19">
        <v>1</v>
      </c>
      <c r="Y14282" s="19"/>
      <c r="Z14282" s="19"/>
      <c r="AA14282" s="19"/>
    </row>
    <row r="14283" spans="1:27" s="1" customFormat="1" ht="14.1" customHeight="1" outlineLevel="4" x14ac:dyDescent="0.2">
      <c r="A14283" s="17"/>
      <c r="B14283" s="17"/>
      <c r="C14283" s="17"/>
      <c r="D14283" s="18"/>
      <c r="E14283" s="18"/>
      <c r="F14283" s="18"/>
      <c r="G14283" s="18"/>
      <c r="H14283" s="18"/>
      <c r="I14283" s="18"/>
      <c r="J14283" s="18"/>
      <c r="K14283" s="18"/>
      <c r="L14283" s="18"/>
      <c r="M14283" s="18"/>
      <c r="N14283" s="18"/>
      <c r="O14283" s="18"/>
      <c r="P14283" s="20"/>
      <c r="Q14283" s="20"/>
      <c r="R14283" s="20"/>
      <c r="S14283" s="20"/>
      <c r="T14283" s="20"/>
      <c r="U14283" s="20"/>
      <c r="V14283" s="20"/>
      <c r="W14283" s="20"/>
      <c r="X14283" s="19"/>
      <c r="Y14283" s="19"/>
      <c r="Z14283" s="19"/>
      <c r="AA14283" s="19"/>
    </row>
    <row r="14284" spans="1:27" s="1" customFormat="1" ht="14.1" customHeight="1" outlineLevel="4" x14ac:dyDescent="0.2">
      <c r="A14284" s="17">
        <v>15361</v>
      </c>
      <c r="B14284" s="17"/>
      <c r="C14284" s="17"/>
      <c r="D14284" s="18" t="s">
        <v>7080</v>
      </c>
      <c r="E14284" s="18"/>
      <c r="F14284" s="18"/>
      <c r="G14284" s="18"/>
      <c r="H14284" s="18"/>
      <c r="I14284" s="18"/>
      <c r="J14284" s="18"/>
      <c r="K14284" s="18"/>
      <c r="L14284" s="18"/>
      <c r="M14284" s="18"/>
      <c r="N14284" s="18"/>
      <c r="O14284" s="18"/>
      <c r="P14284" s="20">
        <v>1800</v>
      </c>
      <c r="Q14284" s="20"/>
      <c r="R14284" s="20"/>
      <c r="S14284" s="20"/>
      <c r="T14284" s="20">
        <v>1350</v>
      </c>
      <c r="U14284" s="20"/>
      <c r="V14284" s="20"/>
      <c r="W14284" s="20"/>
      <c r="X14284" s="19">
        <v>2</v>
      </c>
      <c r="Y14284" s="19"/>
      <c r="Z14284" s="19"/>
      <c r="AA14284" s="19"/>
    </row>
    <row r="14285" spans="1:27" s="1" customFormat="1" ht="14.1" customHeight="1" outlineLevel="4" x14ac:dyDescent="0.2">
      <c r="A14285" s="17"/>
      <c r="B14285" s="17"/>
      <c r="C14285" s="17"/>
      <c r="D14285" s="18"/>
      <c r="E14285" s="18"/>
      <c r="F14285" s="18"/>
      <c r="G14285" s="18"/>
      <c r="H14285" s="18"/>
      <c r="I14285" s="18"/>
      <c r="J14285" s="18"/>
      <c r="K14285" s="18"/>
      <c r="L14285" s="18"/>
      <c r="M14285" s="18"/>
      <c r="N14285" s="18"/>
      <c r="O14285" s="18"/>
      <c r="P14285" s="20"/>
      <c r="Q14285" s="20"/>
      <c r="R14285" s="20"/>
      <c r="S14285" s="20"/>
      <c r="T14285" s="20"/>
      <c r="U14285" s="20"/>
      <c r="V14285" s="20"/>
      <c r="W14285" s="20"/>
      <c r="X14285" s="19"/>
      <c r="Y14285" s="19"/>
      <c r="Z14285" s="19"/>
      <c r="AA14285" s="19"/>
    </row>
    <row r="14286" spans="1:27" s="1" customFormat="1" ht="14.1" customHeight="1" outlineLevel="4" x14ac:dyDescent="0.2">
      <c r="A14286" s="17">
        <v>14964</v>
      </c>
      <c r="B14286" s="17"/>
      <c r="C14286" s="17"/>
      <c r="D14286" s="18" t="s">
        <v>7081</v>
      </c>
      <c r="E14286" s="18"/>
      <c r="F14286" s="18"/>
      <c r="G14286" s="18"/>
      <c r="H14286" s="18"/>
      <c r="I14286" s="18"/>
      <c r="J14286" s="18"/>
      <c r="K14286" s="18"/>
      <c r="L14286" s="18"/>
      <c r="M14286" s="18"/>
      <c r="N14286" s="18"/>
      <c r="O14286" s="18"/>
      <c r="P14286" s="20">
        <v>1900</v>
      </c>
      <c r="Q14286" s="20"/>
      <c r="R14286" s="20"/>
      <c r="S14286" s="20"/>
      <c r="T14286" s="20">
        <v>1400</v>
      </c>
      <c r="U14286" s="20"/>
      <c r="V14286" s="20"/>
      <c r="W14286" s="20"/>
      <c r="X14286" s="19">
        <v>1</v>
      </c>
      <c r="Y14286" s="19"/>
      <c r="Z14286" s="19"/>
      <c r="AA14286" s="19"/>
    </row>
    <row r="14287" spans="1:27" s="1" customFormat="1" ht="14.1" customHeight="1" outlineLevel="4" x14ac:dyDescent="0.2">
      <c r="A14287" s="17"/>
      <c r="B14287" s="17"/>
      <c r="C14287" s="17"/>
      <c r="D14287" s="18"/>
      <c r="E14287" s="18"/>
      <c r="F14287" s="18"/>
      <c r="G14287" s="18"/>
      <c r="H14287" s="18"/>
      <c r="I14287" s="18"/>
      <c r="J14287" s="18"/>
      <c r="K14287" s="18"/>
      <c r="L14287" s="18"/>
      <c r="M14287" s="18"/>
      <c r="N14287" s="18"/>
      <c r="O14287" s="18"/>
      <c r="P14287" s="20"/>
      <c r="Q14287" s="20"/>
      <c r="R14287" s="20"/>
      <c r="S14287" s="20"/>
      <c r="T14287" s="20"/>
      <c r="U14287" s="20"/>
      <c r="V14287" s="20"/>
      <c r="W14287" s="20"/>
      <c r="X14287" s="19"/>
      <c r="Y14287" s="19"/>
      <c r="Z14287" s="19"/>
      <c r="AA14287" s="19"/>
    </row>
    <row r="14288" spans="1:27" s="1" customFormat="1" ht="14.1" customHeight="1" outlineLevel="4" x14ac:dyDescent="0.2">
      <c r="A14288" s="17">
        <v>9251</v>
      </c>
      <c r="B14288" s="17"/>
      <c r="C14288" s="17"/>
      <c r="D14288" s="18" t="s">
        <v>7082</v>
      </c>
      <c r="E14288" s="18"/>
      <c r="F14288" s="18"/>
      <c r="G14288" s="18"/>
      <c r="H14288" s="18"/>
      <c r="I14288" s="18"/>
      <c r="J14288" s="18"/>
      <c r="K14288" s="18"/>
      <c r="L14288" s="18"/>
      <c r="M14288" s="18"/>
      <c r="N14288" s="18"/>
      <c r="O14288" s="18"/>
      <c r="P14288" s="20">
        <v>1740</v>
      </c>
      <c r="Q14288" s="20"/>
      <c r="R14288" s="20"/>
      <c r="S14288" s="20"/>
      <c r="T14288" s="20">
        <v>1180</v>
      </c>
      <c r="U14288" s="20"/>
      <c r="V14288" s="20"/>
      <c r="W14288" s="20"/>
      <c r="X14288" s="19">
        <v>1</v>
      </c>
      <c r="Y14288" s="19"/>
      <c r="Z14288" s="19"/>
      <c r="AA14288" s="19"/>
    </row>
    <row r="14289" spans="1:27" s="1" customFormat="1" ht="14.1" customHeight="1" outlineLevel="4" x14ac:dyDescent="0.2">
      <c r="A14289" s="17"/>
      <c r="B14289" s="17"/>
      <c r="C14289" s="17"/>
      <c r="D14289" s="18"/>
      <c r="E14289" s="18"/>
      <c r="F14289" s="18"/>
      <c r="G14289" s="18"/>
      <c r="H14289" s="18"/>
      <c r="I14289" s="18"/>
      <c r="J14289" s="18"/>
      <c r="K14289" s="18"/>
      <c r="L14289" s="18"/>
      <c r="M14289" s="18"/>
      <c r="N14289" s="18"/>
      <c r="O14289" s="18"/>
      <c r="P14289" s="20"/>
      <c r="Q14289" s="20"/>
      <c r="R14289" s="20"/>
      <c r="S14289" s="20"/>
      <c r="T14289" s="20"/>
      <c r="U14289" s="20"/>
      <c r="V14289" s="20"/>
      <c r="W14289" s="20"/>
      <c r="X14289" s="19"/>
      <c r="Y14289" s="19"/>
      <c r="Z14289" s="19"/>
      <c r="AA14289" s="19"/>
    </row>
    <row r="14290" spans="1:27" s="1" customFormat="1" ht="14.1" customHeight="1" outlineLevel="4" x14ac:dyDescent="0.2">
      <c r="A14290" s="17">
        <v>15892</v>
      </c>
      <c r="B14290" s="17"/>
      <c r="C14290" s="17"/>
      <c r="D14290" s="18" t="s">
        <v>7083</v>
      </c>
      <c r="E14290" s="18"/>
      <c r="F14290" s="18"/>
      <c r="G14290" s="18"/>
      <c r="H14290" s="18"/>
      <c r="I14290" s="18"/>
      <c r="J14290" s="18"/>
      <c r="K14290" s="18"/>
      <c r="L14290" s="18"/>
      <c r="M14290" s="18"/>
      <c r="N14290" s="18"/>
      <c r="O14290" s="18"/>
      <c r="P14290" s="19">
        <v>850</v>
      </c>
      <c r="Q14290" s="19"/>
      <c r="R14290" s="19"/>
      <c r="S14290" s="19"/>
      <c r="T14290" s="19">
        <v>590</v>
      </c>
      <c r="U14290" s="19"/>
      <c r="V14290" s="19"/>
      <c r="W14290" s="19"/>
      <c r="X14290" s="19">
        <v>1</v>
      </c>
      <c r="Y14290" s="19"/>
      <c r="Z14290" s="19"/>
      <c r="AA14290" s="19"/>
    </row>
    <row r="14291" spans="1:27" s="1" customFormat="1" ht="14.1" customHeight="1" outlineLevel="4" x14ac:dyDescent="0.2">
      <c r="A14291" s="17"/>
      <c r="B14291" s="17"/>
      <c r="C14291" s="17"/>
      <c r="D14291" s="18"/>
      <c r="E14291" s="18"/>
      <c r="F14291" s="18"/>
      <c r="G14291" s="18"/>
      <c r="H14291" s="18"/>
      <c r="I14291" s="18"/>
      <c r="J14291" s="18"/>
      <c r="K14291" s="18"/>
      <c r="L14291" s="18"/>
      <c r="M14291" s="18"/>
      <c r="N14291" s="18"/>
      <c r="O14291" s="18"/>
      <c r="P14291" s="19"/>
      <c r="Q14291" s="19"/>
      <c r="R14291" s="19"/>
      <c r="S14291" s="19"/>
      <c r="T14291" s="19"/>
      <c r="U14291" s="19"/>
      <c r="V14291" s="19"/>
      <c r="W14291" s="19"/>
      <c r="X14291" s="19"/>
      <c r="Y14291" s="19"/>
      <c r="Z14291" s="19"/>
      <c r="AA14291" s="19"/>
    </row>
    <row r="14292" spans="1:27" s="1" customFormat="1" ht="14.1" customHeight="1" outlineLevel="4" x14ac:dyDescent="0.2">
      <c r="A14292" s="17">
        <v>15891</v>
      </c>
      <c r="B14292" s="17"/>
      <c r="C14292" s="17"/>
      <c r="D14292" s="18" t="s">
        <v>7084</v>
      </c>
      <c r="E14292" s="18"/>
      <c r="F14292" s="18"/>
      <c r="G14292" s="18"/>
      <c r="H14292" s="18"/>
      <c r="I14292" s="18"/>
      <c r="J14292" s="18"/>
      <c r="K14292" s="18"/>
      <c r="L14292" s="18"/>
      <c r="M14292" s="18"/>
      <c r="N14292" s="18"/>
      <c r="O14292" s="18"/>
      <c r="P14292" s="19">
        <v>850</v>
      </c>
      <c r="Q14292" s="19"/>
      <c r="R14292" s="19"/>
      <c r="S14292" s="19"/>
      <c r="T14292" s="19">
        <v>590</v>
      </c>
      <c r="U14292" s="19"/>
      <c r="V14292" s="19"/>
      <c r="W14292" s="19"/>
      <c r="X14292" s="19">
        <v>1</v>
      </c>
      <c r="Y14292" s="19"/>
      <c r="Z14292" s="19"/>
      <c r="AA14292" s="19"/>
    </row>
    <row r="14293" spans="1:27" s="1" customFormat="1" ht="14.1" customHeight="1" outlineLevel="4" x14ac:dyDescent="0.2">
      <c r="A14293" s="17"/>
      <c r="B14293" s="17"/>
      <c r="C14293" s="17"/>
      <c r="D14293" s="18"/>
      <c r="E14293" s="18"/>
      <c r="F14293" s="18"/>
      <c r="G14293" s="18"/>
      <c r="H14293" s="18"/>
      <c r="I14293" s="18"/>
      <c r="J14293" s="18"/>
      <c r="K14293" s="18"/>
      <c r="L14293" s="18"/>
      <c r="M14293" s="18"/>
      <c r="N14293" s="18"/>
      <c r="O14293" s="18"/>
      <c r="P14293" s="19"/>
      <c r="Q14293" s="19"/>
      <c r="R14293" s="19"/>
      <c r="S14293" s="19"/>
      <c r="T14293" s="19"/>
      <c r="U14293" s="19"/>
      <c r="V14293" s="19"/>
      <c r="W14293" s="19"/>
      <c r="X14293" s="19"/>
      <c r="Y14293" s="19"/>
      <c r="Z14293" s="19"/>
      <c r="AA14293" s="19"/>
    </row>
    <row r="14294" spans="1:27" s="1" customFormat="1" ht="14.1" customHeight="1" outlineLevel="4" x14ac:dyDescent="0.2">
      <c r="A14294" s="17">
        <v>10364</v>
      </c>
      <c r="B14294" s="17"/>
      <c r="C14294" s="17"/>
      <c r="D14294" s="18" t="s">
        <v>7085</v>
      </c>
      <c r="E14294" s="18"/>
      <c r="F14294" s="18"/>
      <c r="G14294" s="18"/>
      <c r="H14294" s="18"/>
      <c r="I14294" s="18"/>
      <c r="J14294" s="18"/>
      <c r="K14294" s="18"/>
      <c r="L14294" s="18"/>
      <c r="M14294" s="18"/>
      <c r="N14294" s="18"/>
      <c r="O14294" s="18"/>
      <c r="P14294" s="20">
        <v>1290</v>
      </c>
      <c r="Q14294" s="20"/>
      <c r="R14294" s="20"/>
      <c r="S14294" s="20"/>
      <c r="T14294" s="19">
        <v>780</v>
      </c>
      <c r="U14294" s="19"/>
      <c r="V14294" s="19"/>
      <c r="W14294" s="19"/>
      <c r="X14294" s="19">
        <v>1</v>
      </c>
      <c r="Y14294" s="19"/>
      <c r="Z14294" s="19"/>
      <c r="AA14294" s="19"/>
    </row>
    <row r="14295" spans="1:27" s="1" customFormat="1" ht="14.1" customHeight="1" outlineLevel="4" x14ac:dyDescent="0.2">
      <c r="A14295" s="17"/>
      <c r="B14295" s="17"/>
      <c r="C14295" s="17"/>
      <c r="D14295" s="18"/>
      <c r="E14295" s="18"/>
      <c r="F14295" s="18"/>
      <c r="G14295" s="18"/>
      <c r="H14295" s="18"/>
      <c r="I14295" s="18"/>
      <c r="J14295" s="18"/>
      <c r="K14295" s="18"/>
      <c r="L14295" s="18"/>
      <c r="M14295" s="18"/>
      <c r="N14295" s="18"/>
      <c r="O14295" s="18"/>
      <c r="P14295" s="20"/>
      <c r="Q14295" s="20"/>
      <c r="R14295" s="20"/>
      <c r="S14295" s="20"/>
      <c r="T14295" s="19"/>
      <c r="U14295" s="19"/>
      <c r="V14295" s="19"/>
      <c r="W14295" s="19"/>
      <c r="X14295" s="19"/>
      <c r="Y14295" s="19"/>
      <c r="Z14295" s="19"/>
      <c r="AA14295" s="19"/>
    </row>
    <row r="14296" spans="1:27" s="1" customFormat="1" ht="11.1" customHeight="1" outlineLevel="4" x14ac:dyDescent="0.2">
      <c r="A14296" s="17">
        <v>13035</v>
      </c>
      <c r="B14296" s="17"/>
      <c r="C14296" s="17"/>
      <c r="D14296" s="18" t="s">
        <v>7086</v>
      </c>
      <c r="E14296" s="18"/>
      <c r="F14296" s="18"/>
      <c r="G14296" s="18"/>
      <c r="H14296" s="18"/>
      <c r="I14296" s="18"/>
      <c r="J14296" s="18"/>
      <c r="K14296" s="18"/>
      <c r="L14296" s="18"/>
      <c r="M14296" s="18"/>
      <c r="N14296" s="18"/>
      <c r="O14296" s="18"/>
      <c r="P14296" s="19">
        <v>890</v>
      </c>
      <c r="Q14296" s="19"/>
      <c r="R14296" s="19"/>
      <c r="S14296" s="19"/>
      <c r="T14296" s="19">
        <v>750</v>
      </c>
      <c r="U14296" s="19"/>
      <c r="V14296" s="19"/>
      <c r="W14296" s="19"/>
      <c r="X14296" s="19">
        <v>1</v>
      </c>
      <c r="Y14296" s="19"/>
      <c r="Z14296" s="19"/>
      <c r="AA14296" s="19"/>
    </row>
    <row r="14297" spans="1:27" s="1" customFormat="1" ht="11.1" customHeight="1" outlineLevel="4" x14ac:dyDescent="0.2">
      <c r="A14297" s="17"/>
      <c r="B14297" s="17"/>
      <c r="C14297" s="17"/>
      <c r="D14297" s="18"/>
      <c r="E14297" s="18"/>
      <c r="F14297" s="18"/>
      <c r="G14297" s="18"/>
      <c r="H14297" s="18"/>
      <c r="I14297" s="18"/>
      <c r="J14297" s="18"/>
      <c r="K14297" s="18"/>
      <c r="L14297" s="18"/>
      <c r="M14297" s="18"/>
      <c r="N14297" s="18"/>
      <c r="O14297" s="18"/>
      <c r="P14297" s="19"/>
      <c r="Q14297" s="19"/>
      <c r="R14297" s="19"/>
      <c r="S14297" s="19"/>
      <c r="T14297" s="19"/>
      <c r="U14297" s="19"/>
      <c r="V14297" s="19"/>
      <c r="W14297" s="19"/>
      <c r="X14297" s="19"/>
      <c r="Y14297" s="19"/>
      <c r="Z14297" s="19"/>
      <c r="AA14297" s="19"/>
    </row>
    <row r="14298" spans="1:27" s="1" customFormat="1" ht="11.1" customHeight="1" outlineLevel="4" x14ac:dyDescent="0.2">
      <c r="A14298" s="17">
        <v>10430</v>
      </c>
      <c r="B14298" s="17"/>
      <c r="C14298" s="17"/>
      <c r="D14298" s="18" t="s">
        <v>7087</v>
      </c>
      <c r="E14298" s="18"/>
      <c r="F14298" s="18"/>
      <c r="G14298" s="18"/>
      <c r="H14298" s="18"/>
      <c r="I14298" s="18"/>
      <c r="J14298" s="18"/>
      <c r="K14298" s="18"/>
      <c r="L14298" s="18"/>
      <c r="M14298" s="18"/>
      <c r="N14298" s="18"/>
      <c r="O14298" s="18"/>
      <c r="P14298" s="20">
        <v>1030</v>
      </c>
      <c r="Q14298" s="20"/>
      <c r="R14298" s="20"/>
      <c r="S14298" s="20"/>
      <c r="T14298" s="19">
        <v>870</v>
      </c>
      <c r="U14298" s="19"/>
      <c r="V14298" s="19"/>
      <c r="W14298" s="19"/>
      <c r="X14298" s="19">
        <v>1</v>
      </c>
      <c r="Y14298" s="19"/>
      <c r="Z14298" s="19"/>
      <c r="AA14298" s="19"/>
    </row>
    <row r="14299" spans="1:27" s="1" customFormat="1" ht="11.1" customHeight="1" outlineLevel="4" x14ac:dyDescent="0.2">
      <c r="A14299" s="17"/>
      <c r="B14299" s="17"/>
      <c r="C14299" s="17"/>
      <c r="D14299" s="18"/>
      <c r="E14299" s="18"/>
      <c r="F14299" s="18"/>
      <c r="G14299" s="18"/>
      <c r="H14299" s="18"/>
      <c r="I14299" s="18"/>
      <c r="J14299" s="18"/>
      <c r="K14299" s="18"/>
      <c r="L14299" s="18"/>
      <c r="M14299" s="18"/>
      <c r="N14299" s="18"/>
      <c r="O14299" s="18"/>
      <c r="P14299" s="20"/>
      <c r="Q14299" s="20"/>
      <c r="R14299" s="20"/>
      <c r="S14299" s="20"/>
      <c r="T14299" s="19"/>
      <c r="U14299" s="19"/>
      <c r="V14299" s="19"/>
      <c r="W14299" s="19"/>
      <c r="X14299" s="19"/>
      <c r="Y14299" s="19"/>
      <c r="Z14299" s="19"/>
      <c r="AA14299" s="19"/>
    </row>
    <row r="14300" spans="1:27" s="1" customFormat="1" ht="11.1" customHeight="1" outlineLevel="4" x14ac:dyDescent="0.2">
      <c r="A14300" s="17">
        <v>13034</v>
      </c>
      <c r="B14300" s="17"/>
      <c r="C14300" s="17"/>
      <c r="D14300" s="18" t="s">
        <v>7088</v>
      </c>
      <c r="E14300" s="18"/>
      <c r="F14300" s="18"/>
      <c r="G14300" s="18"/>
      <c r="H14300" s="18"/>
      <c r="I14300" s="18"/>
      <c r="J14300" s="18"/>
      <c r="K14300" s="18"/>
      <c r="L14300" s="18"/>
      <c r="M14300" s="18"/>
      <c r="N14300" s="18"/>
      <c r="O14300" s="18"/>
      <c r="P14300" s="19">
        <v>870</v>
      </c>
      <c r="Q14300" s="19"/>
      <c r="R14300" s="19"/>
      <c r="S14300" s="19"/>
      <c r="T14300" s="19">
        <v>720</v>
      </c>
      <c r="U14300" s="19"/>
      <c r="V14300" s="19"/>
      <c r="W14300" s="19"/>
      <c r="X14300" s="19">
        <v>8</v>
      </c>
      <c r="Y14300" s="19"/>
      <c r="Z14300" s="19"/>
      <c r="AA14300" s="19"/>
    </row>
    <row r="14301" spans="1:27" s="1" customFormat="1" ht="11.1" customHeight="1" outlineLevel="4" x14ac:dyDescent="0.2">
      <c r="A14301" s="17"/>
      <c r="B14301" s="17"/>
      <c r="C14301" s="17"/>
      <c r="D14301" s="18"/>
      <c r="E14301" s="18"/>
      <c r="F14301" s="18"/>
      <c r="G14301" s="18"/>
      <c r="H14301" s="18"/>
      <c r="I14301" s="18"/>
      <c r="J14301" s="18"/>
      <c r="K14301" s="18"/>
      <c r="L14301" s="18"/>
      <c r="M14301" s="18"/>
      <c r="N14301" s="18"/>
      <c r="O14301" s="18"/>
      <c r="P14301" s="19"/>
      <c r="Q14301" s="19"/>
      <c r="R14301" s="19"/>
      <c r="S14301" s="19"/>
      <c r="T14301" s="19"/>
      <c r="U14301" s="19"/>
      <c r="V14301" s="19"/>
      <c r="W14301" s="19"/>
      <c r="X14301" s="19"/>
      <c r="Y14301" s="19"/>
      <c r="Z14301" s="19"/>
      <c r="AA14301" s="19"/>
    </row>
    <row r="14302" spans="1:27" s="1" customFormat="1" ht="11.1" customHeight="1" outlineLevel="3" x14ac:dyDescent="0.2">
      <c r="A14302" s="16" t="s">
        <v>7089</v>
      </c>
      <c r="B14302" s="16"/>
      <c r="C14302" s="16"/>
      <c r="D14302" s="16"/>
      <c r="E14302" s="16"/>
      <c r="F14302" s="16"/>
      <c r="G14302" s="16"/>
      <c r="H14302" s="16"/>
      <c r="I14302" s="16"/>
      <c r="J14302" s="16"/>
      <c r="K14302" s="16"/>
      <c r="L14302" s="16"/>
      <c r="M14302" s="16"/>
      <c r="N14302" s="16"/>
      <c r="O14302" s="16"/>
      <c r="P14302" s="16"/>
      <c r="Q14302" s="16"/>
      <c r="R14302" s="16"/>
      <c r="S14302" s="16"/>
      <c r="T14302" s="16"/>
      <c r="U14302" s="16"/>
      <c r="V14302" s="16"/>
      <c r="W14302" s="16"/>
      <c r="X14302" s="16"/>
      <c r="Y14302" s="16"/>
      <c r="Z14302" s="16"/>
      <c r="AA14302" s="16"/>
    </row>
    <row r="14303" spans="1:27" s="1" customFormat="1" ht="11.1" customHeight="1" outlineLevel="3" x14ac:dyDescent="0.2">
      <c r="A14303" s="16"/>
      <c r="B14303" s="16"/>
      <c r="C14303" s="16"/>
      <c r="D14303" s="16"/>
      <c r="E14303" s="16"/>
      <c r="F14303" s="16"/>
      <c r="G14303" s="16"/>
      <c r="H14303" s="16"/>
      <c r="I14303" s="16"/>
      <c r="J14303" s="16"/>
      <c r="K14303" s="16"/>
      <c r="L14303" s="16"/>
      <c r="M14303" s="16"/>
      <c r="N14303" s="16"/>
      <c r="O14303" s="16"/>
      <c r="P14303" s="16"/>
      <c r="Q14303" s="16"/>
      <c r="R14303" s="16"/>
      <c r="S14303" s="16"/>
      <c r="T14303" s="16"/>
      <c r="U14303" s="16"/>
      <c r="V14303" s="16"/>
      <c r="W14303" s="16"/>
      <c r="X14303" s="16"/>
      <c r="Y14303" s="16"/>
      <c r="Z14303" s="16"/>
      <c r="AA14303" s="16"/>
    </row>
    <row r="14304" spans="1:27" s="1" customFormat="1" ht="11.1" customHeight="1" outlineLevel="4" x14ac:dyDescent="0.2">
      <c r="A14304" s="17">
        <v>12419</v>
      </c>
      <c r="B14304" s="17"/>
      <c r="C14304" s="17"/>
      <c r="D14304" s="18" t="s">
        <v>7090</v>
      </c>
      <c r="E14304" s="18"/>
      <c r="F14304" s="18"/>
      <c r="G14304" s="18"/>
      <c r="H14304" s="18"/>
      <c r="I14304" s="18"/>
      <c r="J14304" s="18"/>
      <c r="K14304" s="18"/>
      <c r="L14304" s="18"/>
      <c r="M14304" s="18"/>
      <c r="N14304" s="18"/>
      <c r="O14304" s="18"/>
      <c r="P14304" s="19">
        <v>650</v>
      </c>
      <c r="Q14304" s="19"/>
      <c r="R14304" s="19"/>
      <c r="S14304" s="19"/>
      <c r="T14304" s="19">
        <v>490</v>
      </c>
      <c r="U14304" s="19"/>
      <c r="V14304" s="19"/>
      <c r="W14304" s="19"/>
      <c r="X14304" s="19">
        <v>3</v>
      </c>
      <c r="Y14304" s="19"/>
      <c r="Z14304" s="19"/>
      <c r="AA14304" s="19"/>
    </row>
    <row r="14305" spans="1:27" s="1" customFormat="1" ht="11.1" customHeight="1" outlineLevel="4" x14ac:dyDescent="0.2">
      <c r="A14305" s="17"/>
      <c r="B14305" s="17"/>
      <c r="C14305" s="17"/>
      <c r="D14305" s="18"/>
      <c r="E14305" s="18"/>
      <c r="F14305" s="18"/>
      <c r="G14305" s="18"/>
      <c r="H14305" s="18"/>
      <c r="I14305" s="18"/>
      <c r="J14305" s="18"/>
      <c r="K14305" s="18"/>
      <c r="L14305" s="18"/>
      <c r="M14305" s="18"/>
      <c r="N14305" s="18"/>
      <c r="O14305" s="18"/>
      <c r="P14305" s="19"/>
      <c r="Q14305" s="19"/>
      <c r="R14305" s="19"/>
      <c r="S14305" s="19"/>
      <c r="T14305" s="19"/>
      <c r="U14305" s="19"/>
      <c r="V14305" s="19"/>
      <c r="W14305" s="19"/>
      <c r="X14305" s="19"/>
      <c r="Y14305" s="19"/>
      <c r="Z14305" s="19"/>
      <c r="AA14305" s="19"/>
    </row>
    <row r="14306" spans="1:27" s="1" customFormat="1" ht="11.1" customHeight="1" outlineLevel="4" x14ac:dyDescent="0.2">
      <c r="A14306" s="17">
        <v>12420</v>
      </c>
      <c r="B14306" s="17"/>
      <c r="C14306" s="17"/>
      <c r="D14306" s="18" t="s">
        <v>7091</v>
      </c>
      <c r="E14306" s="18"/>
      <c r="F14306" s="18"/>
      <c r="G14306" s="18"/>
      <c r="H14306" s="18"/>
      <c r="I14306" s="18"/>
      <c r="J14306" s="18"/>
      <c r="K14306" s="18"/>
      <c r="L14306" s="18"/>
      <c r="M14306" s="18"/>
      <c r="N14306" s="18"/>
      <c r="O14306" s="18"/>
      <c r="P14306" s="19">
        <v>650</v>
      </c>
      <c r="Q14306" s="19"/>
      <c r="R14306" s="19"/>
      <c r="S14306" s="19"/>
      <c r="T14306" s="19">
        <v>490</v>
      </c>
      <c r="U14306" s="19"/>
      <c r="V14306" s="19"/>
      <c r="W14306" s="19"/>
      <c r="X14306" s="19">
        <v>8</v>
      </c>
      <c r="Y14306" s="19"/>
      <c r="Z14306" s="19"/>
      <c r="AA14306" s="19"/>
    </row>
    <row r="14307" spans="1:27" s="1" customFormat="1" ht="11.1" customHeight="1" outlineLevel="4" x14ac:dyDescent="0.2">
      <c r="A14307" s="17"/>
      <c r="B14307" s="17"/>
      <c r="C14307" s="17"/>
      <c r="D14307" s="18"/>
      <c r="E14307" s="18"/>
      <c r="F14307" s="18"/>
      <c r="G14307" s="18"/>
      <c r="H14307" s="18"/>
      <c r="I14307" s="18"/>
      <c r="J14307" s="18"/>
      <c r="K14307" s="18"/>
      <c r="L14307" s="18"/>
      <c r="M14307" s="18"/>
      <c r="N14307" s="18"/>
      <c r="O14307" s="18"/>
      <c r="P14307" s="19"/>
      <c r="Q14307" s="19"/>
      <c r="R14307" s="19"/>
      <c r="S14307" s="19"/>
      <c r="T14307" s="19"/>
      <c r="U14307" s="19"/>
      <c r="V14307" s="19"/>
      <c r="W14307" s="19"/>
      <c r="X14307" s="19"/>
      <c r="Y14307" s="19"/>
      <c r="Z14307" s="19"/>
      <c r="AA14307" s="19"/>
    </row>
    <row r="14308" spans="1:27" s="1" customFormat="1" ht="11.1" customHeight="1" outlineLevel="4" x14ac:dyDescent="0.2">
      <c r="A14308" s="17">
        <v>12421</v>
      </c>
      <c r="B14308" s="17"/>
      <c r="C14308" s="17"/>
      <c r="D14308" s="18" t="s">
        <v>7092</v>
      </c>
      <c r="E14308" s="18"/>
      <c r="F14308" s="18"/>
      <c r="G14308" s="18"/>
      <c r="H14308" s="18"/>
      <c r="I14308" s="18"/>
      <c r="J14308" s="18"/>
      <c r="K14308" s="18"/>
      <c r="L14308" s="18"/>
      <c r="M14308" s="18"/>
      <c r="N14308" s="18"/>
      <c r="O14308" s="18"/>
      <c r="P14308" s="19">
        <v>650</v>
      </c>
      <c r="Q14308" s="19"/>
      <c r="R14308" s="19"/>
      <c r="S14308" s="19"/>
      <c r="T14308" s="19">
        <v>490</v>
      </c>
      <c r="U14308" s="19"/>
      <c r="V14308" s="19"/>
      <c r="W14308" s="19"/>
      <c r="X14308" s="19">
        <v>9</v>
      </c>
      <c r="Y14308" s="19"/>
      <c r="Z14308" s="19"/>
      <c r="AA14308" s="19"/>
    </row>
    <row r="14309" spans="1:27" s="1" customFormat="1" ht="11.1" customHeight="1" outlineLevel="4" x14ac:dyDescent="0.2">
      <c r="A14309" s="17"/>
      <c r="B14309" s="17"/>
      <c r="C14309" s="17"/>
      <c r="D14309" s="18"/>
      <c r="E14309" s="18"/>
      <c r="F14309" s="18"/>
      <c r="G14309" s="18"/>
      <c r="H14309" s="18"/>
      <c r="I14309" s="18"/>
      <c r="J14309" s="18"/>
      <c r="K14309" s="18"/>
      <c r="L14309" s="18"/>
      <c r="M14309" s="18"/>
      <c r="N14309" s="18"/>
      <c r="O14309" s="18"/>
      <c r="P14309" s="19"/>
      <c r="Q14309" s="19"/>
      <c r="R14309" s="19"/>
      <c r="S14309" s="19"/>
      <c r="T14309" s="19"/>
      <c r="U14309" s="19"/>
      <c r="V14309" s="19"/>
      <c r="W14309" s="19"/>
      <c r="X14309" s="19"/>
      <c r="Y14309" s="19"/>
      <c r="Z14309" s="19"/>
      <c r="AA14309" s="19"/>
    </row>
    <row r="14310" spans="1:27" s="1" customFormat="1" ht="11.1" customHeight="1" outlineLevel="4" x14ac:dyDescent="0.2">
      <c r="A14310" s="17">
        <v>12982</v>
      </c>
      <c r="B14310" s="17"/>
      <c r="C14310" s="17"/>
      <c r="D14310" s="18" t="s">
        <v>7093</v>
      </c>
      <c r="E14310" s="18"/>
      <c r="F14310" s="18"/>
      <c r="G14310" s="18"/>
      <c r="H14310" s="18"/>
      <c r="I14310" s="18"/>
      <c r="J14310" s="18"/>
      <c r="K14310" s="18"/>
      <c r="L14310" s="18"/>
      <c r="M14310" s="18"/>
      <c r="N14310" s="18"/>
      <c r="O14310" s="18"/>
      <c r="P14310" s="19">
        <v>650</v>
      </c>
      <c r="Q14310" s="19"/>
      <c r="R14310" s="19"/>
      <c r="S14310" s="19"/>
      <c r="T14310" s="19">
        <v>490</v>
      </c>
      <c r="U14310" s="19"/>
      <c r="V14310" s="19"/>
      <c r="W14310" s="19"/>
      <c r="X14310" s="19">
        <v>4</v>
      </c>
      <c r="Y14310" s="19"/>
      <c r="Z14310" s="19"/>
      <c r="AA14310" s="19"/>
    </row>
    <row r="14311" spans="1:27" s="1" customFormat="1" ht="11.1" customHeight="1" outlineLevel="4" x14ac:dyDescent="0.2">
      <c r="A14311" s="17"/>
      <c r="B14311" s="17"/>
      <c r="C14311" s="17"/>
      <c r="D14311" s="18"/>
      <c r="E14311" s="18"/>
      <c r="F14311" s="18"/>
      <c r="G14311" s="18"/>
      <c r="H14311" s="18"/>
      <c r="I14311" s="18"/>
      <c r="J14311" s="18"/>
      <c r="K14311" s="18"/>
      <c r="L14311" s="18"/>
      <c r="M14311" s="18"/>
      <c r="N14311" s="18"/>
      <c r="O14311" s="18"/>
      <c r="P14311" s="19"/>
      <c r="Q14311" s="19"/>
      <c r="R14311" s="19"/>
      <c r="S14311" s="19"/>
      <c r="T14311" s="19"/>
      <c r="U14311" s="19"/>
      <c r="V14311" s="19"/>
      <c r="W14311" s="19"/>
      <c r="X14311" s="19"/>
      <c r="Y14311" s="19"/>
      <c r="Z14311" s="19"/>
      <c r="AA14311" s="19"/>
    </row>
    <row r="14312" spans="1:27" s="1" customFormat="1" ht="11.1" customHeight="1" outlineLevel="4" x14ac:dyDescent="0.2">
      <c r="A14312" s="17">
        <v>12418</v>
      </c>
      <c r="B14312" s="17"/>
      <c r="C14312" s="17"/>
      <c r="D14312" s="18" t="s">
        <v>7094</v>
      </c>
      <c r="E14312" s="18"/>
      <c r="F14312" s="18"/>
      <c r="G14312" s="18"/>
      <c r="H14312" s="18"/>
      <c r="I14312" s="18"/>
      <c r="J14312" s="18"/>
      <c r="K14312" s="18"/>
      <c r="L14312" s="18"/>
      <c r="M14312" s="18"/>
      <c r="N14312" s="18"/>
      <c r="O14312" s="18"/>
      <c r="P14312" s="19">
        <v>650</v>
      </c>
      <c r="Q14312" s="19"/>
      <c r="R14312" s="19"/>
      <c r="S14312" s="19"/>
      <c r="T14312" s="19">
        <v>490</v>
      </c>
      <c r="U14312" s="19"/>
      <c r="V14312" s="19"/>
      <c r="W14312" s="19"/>
      <c r="X14312" s="19">
        <v>3</v>
      </c>
      <c r="Y14312" s="19"/>
      <c r="Z14312" s="19"/>
      <c r="AA14312" s="19"/>
    </row>
    <row r="14313" spans="1:27" s="1" customFormat="1" ht="11.1" customHeight="1" outlineLevel="4" x14ac:dyDescent="0.2">
      <c r="A14313" s="17"/>
      <c r="B14313" s="17"/>
      <c r="C14313" s="17"/>
      <c r="D14313" s="18"/>
      <c r="E14313" s="18"/>
      <c r="F14313" s="18"/>
      <c r="G14313" s="18"/>
      <c r="H14313" s="18"/>
      <c r="I14313" s="18"/>
      <c r="J14313" s="18"/>
      <c r="K14313" s="18"/>
      <c r="L14313" s="18"/>
      <c r="M14313" s="18"/>
      <c r="N14313" s="18"/>
      <c r="O14313" s="18"/>
      <c r="P14313" s="19"/>
      <c r="Q14313" s="19"/>
      <c r="R14313" s="19"/>
      <c r="S14313" s="19"/>
      <c r="T14313" s="19"/>
      <c r="U14313" s="19"/>
      <c r="V14313" s="19"/>
      <c r="W14313" s="19"/>
      <c r="X14313" s="19"/>
      <c r="Y14313" s="19"/>
      <c r="Z14313" s="19"/>
      <c r="AA14313" s="19"/>
    </row>
    <row r="14314" spans="1:27" s="1" customFormat="1" ht="11.1" customHeight="1" outlineLevel="4" x14ac:dyDescent="0.2">
      <c r="A14314" s="17">
        <v>10501</v>
      </c>
      <c r="B14314" s="17"/>
      <c r="C14314" s="17"/>
      <c r="D14314" s="18" t="s">
        <v>7095</v>
      </c>
      <c r="E14314" s="18"/>
      <c r="F14314" s="18"/>
      <c r="G14314" s="18"/>
      <c r="H14314" s="18"/>
      <c r="I14314" s="18"/>
      <c r="J14314" s="18"/>
      <c r="K14314" s="18"/>
      <c r="L14314" s="18"/>
      <c r="M14314" s="18"/>
      <c r="N14314" s="18"/>
      <c r="O14314" s="18"/>
      <c r="P14314" s="19">
        <v>310</v>
      </c>
      <c r="Q14314" s="19"/>
      <c r="R14314" s="19"/>
      <c r="S14314" s="19"/>
      <c r="T14314" s="19">
        <v>235</v>
      </c>
      <c r="U14314" s="19"/>
      <c r="V14314" s="19"/>
      <c r="W14314" s="19"/>
      <c r="X14314" s="19">
        <v>10</v>
      </c>
      <c r="Y14314" s="19"/>
      <c r="Z14314" s="19"/>
      <c r="AA14314" s="19"/>
    </row>
    <row r="14315" spans="1:27" s="1" customFormat="1" ht="11.1" customHeight="1" outlineLevel="4" x14ac:dyDescent="0.2">
      <c r="A14315" s="17"/>
      <c r="B14315" s="17"/>
      <c r="C14315" s="17"/>
      <c r="D14315" s="18"/>
      <c r="E14315" s="18"/>
      <c r="F14315" s="18"/>
      <c r="G14315" s="18"/>
      <c r="H14315" s="18"/>
      <c r="I14315" s="18"/>
      <c r="J14315" s="18"/>
      <c r="K14315" s="18"/>
      <c r="L14315" s="18"/>
      <c r="M14315" s="18"/>
      <c r="N14315" s="18"/>
      <c r="O14315" s="18"/>
      <c r="P14315" s="19"/>
      <c r="Q14315" s="19"/>
      <c r="R14315" s="19"/>
      <c r="S14315" s="19"/>
      <c r="T14315" s="19"/>
      <c r="U14315" s="19"/>
      <c r="V14315" s="19"/>
      <c r="W14315" s="19"/>
      <c r="X14315" s="19"/>
      <c r="Y14315" s="19"/>
      <c r="Z14315" s="19"/>
      <c r="AA14315" s="19"/>
    </row>
    <row r="14316" spans="1:27" s="1" customFormat="1" ht="14.1" customHeight="1" outlineLevel="4" x14ac:dyDescent="0.2">
      <c r="A14316" s="17">
        <v>8485</v>
      </c>
      <c r="B14316" s="17"/>
      <c r="C14316" s="17"/>
      <c r="D14316" s="18" t="s">
        <v>7096</v>
      </c>
      <c r="E14316" s="18"/>
      <c r="F14316" s="18"/>
      <c r="G14316" s="18"/>
      <c r="H14316" s="18"/>
      <c r="I14316" s="18"/>
      <c r="J14316" s="18"/>
      <c r="K14316" s="18"/>
      <c r="L14316" s="18"/>
      <c r="M14316" s="18"/>
      <c r="N14316" s="18"/>
      <c r="O14316" s="18"/>
      <c r="P14316" s="20">
        <v>1040</v>
      </c>
      <c r="Q14316" s="20"/>
      <c r="R14316" s="20"/>
      <c r="S14316" s="20"/>
      <c r="T14316" s="19">
        <v>720</v>
      </c>
      <c r="U14316" s="19"/>
      <c r="V14316" s="19"/>
      <c r="W14316" s="19"/>
      <c r="X14316" s="19">
        <v>3</v>
      </c>
      <c r="Y14316" s="19"/>
      <c r="Z14316" s="19"/>
      <c r="AA14316" s="19"/>
    </row>
    <row r="14317" spans="1:27" s="1" customFormat="1" ht="14.1" customHeight="1" outlineLevel="4" x14ac:dyDescent="0.2">
      <c r="A14317" s="17"/>
      <c r="B14317" s="17"/>
      <c r="C14317" s="17"/>
      <c r="D14317" s="18"/>
      <c r="E14317" s="18"/>
      <c r="F14317" s="18"/>
      <c r="G14317" s="18"/>
      <c r="H14317" s="18"/>
      <c r="I14317" s="18"/>
      <c r="J14317" s="18"/>
      <c r="K14317" s="18"/>
      <c r="L14317" s="18"/>
      <c r="M14317" s="18"/>
      <c r="N14317" s="18"/>
      <c r="O14317" s="18"/>
      <c r="P14317" s="20"/>
      <c r="Q14317" s="20"/>
      <c r="R14317" s="20"/>
      <c r="S14317" s="20"/>
      <c r="T14317" s="19"/>
      <c r="U14317" s="19"/>
      <c r="V14317" s="19"/>
      <c r="W14317" s="19"/>
      <c r="X14317" s="19"/>
      <c r="Y14317" s="19"/>
      <c r="Z14317" s="19"/>
      <c r="AA14317" s="19"/>
    </row>
    <row r="14318" spans="1:27" s="1" customFormat="1" ht="11.1" customHeight="1" outlineLevel="4" x14ac:dyDescent="0.2">
      <c r="A14318" s="17">
        <v>12482</v>
      </c>
      <c r="B14318" s="17"/>
      <c r="C14318" s="17"/>
      <c r="D14318" s="18" t="s">
        <v>7097</v>
      </c>
      <c r="E14318" s="18"/>
      <c r="F14318" s="18"/>
      <c r="G14318" s="18"/>
      <c r="H14318" s="18"/>
      <c r="I14318" s="18"/>
      <c r="J14318" s="18"/>
      <c r="K14318" s="18"/>
      <c r="L14318" s="18"/>
      <c r="M14318" s="18"/>
      <c r="N14318" s="18"/>
      <c r="O14318" s="18"/>
      <c r="P14318" s="20">
        <v>1010</v>
      </c>
      <c r="Q14318" s="20"/>
      <c r="R14318" s="20"/>
      <c r="S14318" s="20"/>
      <c r="T14318" s="19">
        <v>680</v>
      </c>
      <c r="U14318" s="19"/>
      <c r="V14318" s="19"/>
      <c r="W14318" s="19"/>
      <c r="X14318" s="19">
        <v>7</v>
      </c>
      <c r="Y14318" s="19"/>
      <c r="Z14318" s="19"/>
      <c r="AA14318" s="19"/>
    </row>
    <row r="14319" spans="1:27" s="1" customFormat="1" ht="11.1" customHeight="1" outlineLevel="4" x14ac:dyDescent="0.2">
      <c r="A14319" s="17"/>
      <c r="B14319" s="17"/>
      <c r="C14319" s="17"/>
      <c r="D14319" s="18"/>
      <c r="E14319" s="18"/>
      <c r="F14319" s="18"/>
      <c r="G14319" s="18"/>
      <c r="H14319" s="18"/>
      <c r="I14319" s="18"/>
      <c r="J14319" s="18"/>
      <c r="K14319" s="18"/>
      <c r="L14319" s="18"/>
      <c r="M14319" s="18"/>
      <c r="N14319" s="18"/>
      <c r="O14319" s="18"/>
      <c r="P14319" s="20"/>
      <c r="Q14319" s="20"/>
      <c r="R14319" s="20"/>
      <c r="S14319" s="20"/>
      <c r="T14319" s="19"/>
      <c r="U14319" s="19"/>
      <c r="V14319" s="19"/>
      <c r="W14319" s="19"/>
      <c r="X14319" s="19"/>
      <c r="Y14319" s="19"/>
      <c r="Z14319" s="19"/>
      <c r="AA14319" s="19"/>
    </row>
    <row r="14320" spans="1:27" s="1" customFormat="1" ht="11.1" customHeight="1" outlineLevel="4" x14ac:dyDescent="0.2">
      <c r="A14320" s="17">
        <v>10885</v>
      </c>
      <c r="B14320" s="17"/>
      <c r="C14320" s="17"/>
      <c r="D14320" s="18" t="s">
        <v>7098</v>
      </c>
      <c r="E14320" s="18"/>
      <c r="F14320" s="18"/>
      <c r="G14320" s="18"/>
      <c r="H14320" s="18"/>
      <c r="I14320" s="18"/>
      <c r="J14320" s="18"/>
      <c r="K14320" s="18"/>
      <c r="L14320" s="18"/>
      <c r="M14320" s="18"/>
      <c r="N14320" s="18"/>
      <c r="O14320" s="18"/>
      <c r="P14320" s="19">
        <v>710</v>
      </c>
      <c r="Q14320" s="19"/>
      <c r="R14320" s="19"/>
      <c r="S14320" s="19"/>
      <c r="T14320" s="19">
        <v>500</v>
      </c>
      <c r="U14320" s="19"/>
      <c r="V14320" s="19"/>
      <c r="W14320" s="19"/>
      <c r="X14320" s="19">
        <v>4</v>
      </c>
      <c r="Y14320" s="19"/>
      <c r="Z14320" s="19"/>
      <c r="AA14320" s="19"/>
    </row>
    <row r="14321" spans="1:27" s="1" customFormat="1" ht="11.1" customHeight="1" outlineLevel="4" x14ac:dyDescent="0.2">
      <c r="A14321" s="17"/>
      <c r="B14321" s="17"/>
      <c r="C14321" s="17"/>
      <c r="D14321" s="18"/>
      <c r="E14321" s="18"/>
      <c r="F14321" s="18"/>
      <c r="G14321" s="18"/>
      <c r="H14321" s="18"/>
      <c r="I14321" s="18"/>
      <c r="J14321" s="18"/>
      <c r="K14321" s="18"/>
      <c r="L14321" s="18"/>
      <c r="M14321" s="18"/>
      <c r="N14321" s="18"/>
      <c r="O14321" s="18"/>
      <c r="P14321" s="19"/>
      <c r="Q14321" s="19"/>
      <c r="R14321" s="19"/>
      <c r="S14321" s="19"/>
      <c r="T14321" s="19"/>
      <c r="U14321" s="19"/>
      <c r="V14321" s="19"/>
      <c r="W14321" s="19"/>
      <c r="X14321" s="19"/>
      <c r="Y14321" s="19"/>
      <c r="Z14321" s="19"/>
      <c r="AA14321" s="19"/>
    </row>
    <row r="14322" spans="1:27" s="1" customFormat="1" ht="11.1" customHeight="1" outlineLevel="4" x14ac:dyDescent="0.2">
      <c r="A14322" s="17">
        <v>13028</v>
      </c>
      <c r="B14322" s="17"/>
      <c r="C14322" s="17"/>
      <c r="D14322" s="18" t="s">
        <v>7099</v>
      </c>
      <c r="E14322" s="18"/>
      <c r="F14322" s="18"/>
      <c r="G14322" s="18"/>
      <c r="H14322" s="18"/>
      <c r="I14322" s="18"/>
      <c r="J14322" s="18"/>
      <c r="K14322" s="18"/>
      <c r="L14322" s="18"/>
      <c r="M14322" s="18"/>
      <c r="N14322" s="18"/>
      <c r="O14322" s="18"/>
      <c r="P14322" s="19">
        <v>870</v>
      </c>
      <c r="Q14322" s="19"/>
      <c r="R14322" s="19"/>
      <c r="S14322" s="19"/>
      <c r="T14322" s="19">
        <v>585</v>
      </c>
      <c r="U14322" s="19"/>
      <c r="V14322" s="19"/>
      <c r="W14322" s="19"/>
      <c r="X14322" s="19">
        <v>6</v>
      </c>
      <c r="Y14322" s="19"/>
      <c r="Z14322" s="19"/>
      <c r="AA14322" s="19"/>
    </row>
    <row r="14323" spans="1:27" s="1" customFormat="1" ht="11.1" customHeight="1" outlineLevel="4" x14ac:dyDescent="0.2">
      <c r="A14323" s="17"/>
      <c r="B14323" s="17"/>
      <c r="C14323" s="17"/>
      <c r="D14323" s="18"/>
      <c r="E14323" s="18"/>
      <c r="F14323" s="18"/>
      <c r="G14323" s="18"/>
      <c r="H14323" s="18"/>
      <c r="I14323" s="18"/>
      <c r="J14323" s="18"/>
      <c r="K14323" s="18"/>
      <c r="L14323" s="18"/>
      <c r="M14323" s="18"/>
      <c r="N14323" s="18"/>
      <c r="O14323" s="18"/>
      <c r="P14323" s="19"/>
      <c r="Q14323" s="19"/>
      <c r="R14323" s="19"/>
      <c r="S14323" s="19"/>
      <c r="T14323" s="19"/>
      <c r="U14323" s="19"/>
      <c r="V14323" s="19"/>
      <c r="W14323" s="19"/>
      <c r="X14323" s="19"/>
      <c r="Y14323" s="19"/>
      <c r="Z14323" s="19"/>
      <c r="AA14323" s="19"/>
    </row>
    <row r="14324" spans="1:27" s="1" customFormat="1" ht="11.1" customHeight="1" outlineLevel="4" x14ac:dyDescent="0.2">
      <c r="A14324" s="17">
        <v>13030</v>
      </c>
      <c r="B14324" s="17"/>
      <c r="C14324" s="17"/>
      <c r="D14324" s="18" t="s">
        <v>7100</v>
      </c>
      <c r="E14324" s="18"/>
      <c r="F14324" s="18"/>
      <c r="G14324" s="18"/>
      <c r="H14324" s="18"/>
      <c r="I14324" s="18"/>
      <c r="J14324" s="18"/>
      <c r="K14324" s="18"/>
      <c r="L14324" s="18"/>
      <c r="M14324" s="18"/>
      <c r="N14324" s="18"/>
      <c r="O14324" s="18"/>
      <c r="P14324" s="20">
        <v>1120</v>
      </c>
      <c r="Q14324" s="20"/>
      <c r="R14324" s="20"/>
      <c r="S14324" s="20"/>
      <c r="T14324" s="19">
        <v>700</v>
      </c>
      <c r="U14324" s="19"/>
      <c r="V14324" s="19"/>
      <c r="W14324" s="19"/>
      <c r="X14324" s="19">
        <v>3</v>
      </c>
      <c r="Y14324" s="19"/>
      <c r="Z14324" s="19"/>
      <c r="AA14324" s="19"/>
    </row>
    <row r="14325" spans="1:27" s="1" customFormat="1" ht="11.1" customHeight="1" outlineLevel="4" x14ac:dyDescent="0.2">
      <c r="A14325" s="17"/>
      <c r="B14325" s="17"/>
      <c r="C14325" s="17"/>
      <c r="D14325" s="18"/>
      <c r="E14325" s="18"/>
      <c r="F14325" s="18"/>
      <c r="G14325" s="18"/>
      <c r="H14325" s="18"/>
      <c r="I14325" s="18"/>
      <c r="J14325" s="18"/>
      <c r="K14325" s="18"/>
      <c r="L14325" s="18"/>
      <c r="M14325" s="18"/>
      <c r="N14325" s="18"/>
      <c r="O14325" s="18"/>
      <c r="P14325" s="20"/>
      <c r="Q14325" s="20"/>
      <c r="R14325" s="20"/>
      <c r="S14325" s="20"/>
      <c r="T14325" s="19"/>
      <c r="U14325" s="19"/>
      <c r="V14325" s="19"/>
      <c r="W14325" s="19"/>
      <c r="X14325" s="19"/>
      <c r="Y14325" s="19"/>
      <c r="Z14325" s="19"/>
      <c r="AA14325" s="19"/>
    </row>
    <row r="14326" spans="1:27" s="1" customFormat="1" ht="14.1" customHeight="1" outlineLevel="4" x14ac:dyDescent="0.2">
      <c r="A14326" s="17">
        <v>10500</v>
      </c>
      <c r="B14326" s="17"/>
      <c r="C14326" s="17"/>
      <c r="D14326" s="18" t="s">
        <v>7101</v>
      </c>
      <c r="E14326" s="18"/>
      <c r="F14326" s="18"/>
      <c r="G14326" s="18"/>
      <c r="H14326" s="18"/>
      <c r="I14326" s="18"/>
      <c r="J14326" s="18"/>
      <c r="K14326" s="18"/>
      <c r="L14326" s="18"/>
      <c r="M14326" s="18"/>
      <c r="N14326" s="18"/>
      <c r="O14326" s="18"/>
      <c r="P14326" s="19">
        <v>750</v>
      </c>
      <c r="Q14326" s="19"/>
      <c r="R14326" s="19"/>
      <c r="S14326" s="19"/>
      <c r="T14326" s="19">
        <v>525</v>
      </c>
      <c r="U14326" s="19"/>
      <c r="V14326" s="19"/>
      <c r="W14326" s="19"/>
      <c r="X14326" s="19">
        <v>3</v>
      </c>
      <c r="Y14326" s="19"/>
      <c r="Z14326" s="19"/>
      <c r="AA14326" s="19"/>
    </row>
    <row r="14327" spans="1:27" s="1" customFormat="1" ht="14.1" customHeight="1" outlineLevel="4" x14ac:dyDescent="0.2">
      <c r="A14327" s="17"/>
      <c r="B14327" s="17"/>
      <c r="C14327" s="17"/>
      <c r="D14327" s="18"/>
      <c r="E14327" s="18"/>
      <c r="F14327" s="18"/>
      <c r="G14327" s="18"/>
      <c r="H14327" s="18"/>
      <c r="I14327" s="18"/>
      <c r="J14327" s="18"/>
      <c r="K14327" s="18"/>
      <c r="L14327" s="18"/>
      <c r="M14327" s="18"/>
      <c r="N14327" s="18"/>
      <c r="O14327" s="18"/>
      <c r="P14327" s="19"/>
      <c r="Q14327" s="19"/>
      <c r="R14327" s="19"/>
      <c r="S14327" s="19"/>
      <c r="T14327" s="19"/>
      <c r="U14327" s="19"/>
      <c r="V14327" s="19"/>
      <c r="W14327" s="19"/>
      <c r="X14327" s="19"/>
      <c r="Y14327" s="19"/>
      <c r="Z14327" s="19"/>
      <c r="AA14327" s="19"/>
    </row>
    <row r="14328" spans="1:27" s="1" customFormat="1" ht="11.1" customHeight="1" outlineLevel="4" x14ac:dyDescent="0.2">
      <c r="A14328" s="17">
        <v>12479</v>
      </c>
      <c r="B14328" s="17"/>
      <c r="C14328" s="17"/>
      <c r="D14328" s="18" t="s">
        <v>7102</v>
      </c>
      <c r="E14328" s="18"/>
      <c r="F14328" s="18"/>
      <c r="G14328" s="18"/>
      <c r="H14328" s="18"/>
      <c r="I14328" s="18"/>
      <c r="J14328" s="18"/>
      <c r="K14328" s="18"/>
      <c r="L14328" s="18"/>
      <c r="M14328" s="18"/>
      <c r="N14328" s="18"/>
      <c r="O14328" s="18"/>
      <c r="P14328" s="19">
        <v>840</v>
      </c>
      <c r="Q14328" s="19"/>
      <c r="R14328" s="19"/>
      <c r="S14328" s="19"/>
      <c r="T14328" s="19">
        <v>560</v>
      </c>
      <c r="U14328" s="19"/>
      <c r="V14328" s="19"/>
      <c r="W14328" s="19"/>
      <c r="X14328" s="19">
        <v>2</v>
      </c>
      <c r="Y14328" s="19"/>
      <c r="Z14328" s="19"/>
      <c r="AA14328" s="19"/>
    </row>
    <row r="14329" spans="1:27" s="1" customFormat="1" ht="11.1" customHeight="1" outlineLevel="4" x14ac:dyDescent="0.2">
      <c r="A14329" s="17"/>
      <c r="B14329" s="17"/>
      <c r="C14329" s="17"/>
      <c r="D14329" s="18"/>
      <c r="E14329" s="18"/>
      <c r="F14329" s="18"/>
      <c r="G14329" s="18"/>
      <c r="H14329" s="18"/>
      <c r="I14329" s="18"/>
      <c r="J14329" s="18"/>
      <c r="K14329" s="18"/>
      <c r="L14329" s="18"/>
      <c r="M14329" s="18"/>
      <c r="N14329" s="18"/>
      <c r="O14329" s="18"/>
      <c r="P14329" s="19"/>
      <c r="Q14329" s="19"/>
      <c r="R14329" s="19"/>
      <c r="S14329" s="19"/>
      <c r="T14329" s="19"/>
      <c r="U14329" s="19"/>
      <c r="V14329" s="19"/>
      <c r="W14329" s="19"/>
      <c r="X14329" s="19"/>
      <c r="Y14329" s="19"/>
      <c r="Z14329" s="19"/>
      <c r="AA14329" s="19"/>
    </row>
    <row r="14330" spans="1:27" s="1" customFormat="1" ht="11.1" customHeight="1" outlineLevel="4" x14ac:dyDescent="0.2">
      <c r="A14330" s="17">
        <v>12480</v>
      </c>
      <c r="B14330" s="17"/>
      <c r="C14330" s="17"/>
      <c r="D14330" s="18" t="s">
        <v>7103</v>
      </c>
      <c r="E14330" s="18"/>
      <c r="F14330" s="18"/>
      <c r="G14330" s="18"/>
      <c r="H14330" s="18"/>
      <c r="I14330" s="18"/>
      <c r="J14330" s="18"/>
      <c r="K14330" s="18"/>
      <c r="L14330" s="18"/>
      <c r="M14330" s="18"/>
      <c r="N14330" s="18"/>
      <c r="O14330" s="18"/>
      <c r="P14330" s="19">
        <v>870</v>
      </c>
      <c r="Q14330" s="19"/>
      <c r="R14330" s="19"/>
      <c r="S14330" s="19"/>
      <c r="T14330" s="19">
        <v>585</v>
      </c>
      <c r="U14330" s="19"/>
      <c r="V14330" s="19"/>
      <c r="W14330" s="19"/>
      <c r="X14330" s="19">
        <v>4</v>
      </c>
      <c r="Y14330" s="19"/>
      <c r="Z14330" s="19"/>
      <c r="AA14330" s="19"/>
    </row>
    <row r="14331" spans="1:27" s="1" customFormat="1" ht="11.1" customHeight="1" outlineLevel="4" x14ac:dyDescent="0.2">
      <c r="A14331" s="17"/>
      <c r="B14331" s="17"/>
      <c r="C14331" s="17"/>
      <c r="D14331" s="18"/>
      <c r="E14331" s="18"/>
      <c r="F14331" s="18"/>
      <c r="G14331" s="18"/>
      <c r="H14331" s="18"/>
      <c r="I14331" s="18"/>
      <c r="J14331" s="18"/>
      <c r="K14331" s="18"/>
      <c r="L14331" s="18"/>
      <c r="M14331" s="18"/>
      <c r="N14331" s="18"/>
      <c r="O14331" s="18"/>
      <c r="P14331" s="19"/>
      <c r="Q14331" s="19"/>
      <c r="R14331" s="19"/>
      <c r="S14331" s="19"/>
      <c r="T14331" s="19"/>
      <c r="U14331" s="19"/>
      <c r="V14331" s="19"/>
      <c r="W14331" s="19"/>
      <c r="X14331" s="19"/>
      <c r="Y14331" s="19"/>
      <c r="Z14331" s="19"/>
      <c r="AA14331" s="19"/>
    </row>
    <row r="14332" spans="1:27" s="1" customFormat="1" ht="11.1" customHeight="1" outlineLevel="4" x14ac:dyDescent="0.2">
      <c r="A14332" s="17">
        <v>12481</v>
      </c>
      <c r="B14332" s="17"/>
      <c r="C14332" s="17"/>
      <c r="D14332" s="18" t="s">
        <v>7104</v>
      </c>
      <c r="E14332" s="18"/>
      <c r="F14332" s="18"/>
      <c r="G14332" s="18"/>
      <c r="H14332" s="18"/>
      <c r="I14332" s="18"/>
      <c r="J14332" s="18"/>
      <c r="K14332" s="18"/>
      <c r="L14332" s="18"/>
      <c r="M14332" s="18"/>
      <c r="N14332" s="18"/>
      <c r="O14332" s="18"/>
      <c r="P14332" s="19">
        <v>850</v>
      </c>
      <c r="Q14332" s="19"/>
      <c r="R14332" s="19"/>
      <c r="S14332" s="19"/>
      <c r="T14332" s="19">
        <v>575</v>
      </c>
      <c r="U14332" s="19"/>
      <c r="V14332" s="19"/>
      <c r="W14332" s="19"/>
      <c r="X14332" s="19">
        <v>7</v>
      </c>
      <c r="Y14332" s="19"/>
      <c r="Z14332" s="19"/>
      <c r="AA14332" s="19"/>
    </row>
    <row r="14333" spans="1:27" s="1" customFormat="1" ht="11.1" customHeight="1" outlineLevel="4" x14ac:dyDescent="0.2">
      <c r="A14333" s="17"/>
      <c r="B14333" s="17"/>
      <c r="C14333" s="17"/>
      <c r="D14333" s="18"/>
      <c r="E14333" s="18"/>
      <c r="F14333" s="18"/>
      <c r="G14333" s="18"/>
      <c r="H14333" s="18"/>
      <c r="I14333" s="18"/>
      <c r="J14333" s="18"/>
      <c r="K14333" s="18"/>
      <c r="L14333" s="18"/>
      <c r="M14333" s="18"/>
      <c r="N14333" s="18"/>
      <c r="O14333" s="18"/>
      <c r="P14333" s="19"/>
      <c r="Q14333" s="19"/>
      <c r="R14333" s="19"/>
      <c r="S14333" s="19"/>
      <c r="T14333" s="19"/>
      <c r="U14333" s="19"/>
      <c r="V14333" s="19"/>
      <c r="W14333" s="19"/>
      <c r="X14333" s="19"/>
      <c r="Y14333" s="19"/>
      <c r="Z14333" s="19"/>
      <c r="AA14333" s="19"/>
    </row>
    <row r="14334" spans="1:27" s="1" customFormat="1" ht="11.1" customHeight="1" outlineLevel="4" x14ac:dyDescent="0.2">
      <c r="A14334" s="17">
        <v>12483</v>
      </c>
      <c r="B14334" s="17"/>
      <c r="C14334" s="17"/>
      <c r="D14334" s="18" t="s">
        <v>7105</v>
      </c>
      <c r="E14334" s="18"/>
      <c r="F14334" s="18"/>
      <c r="G14334" s="18"/>
      <c r="H14334" s="18"/>
      <c r="I14334" s="18"/>
      <c r="J14334" s="18"/>
      <c r="K14334" s="18"/>
      <c r="L14334" s="18"/>
      <c r="M14334" s="18"/>
      <c r="N14334" s="18"/>
      <c r="O14334" s="18"/>
      <c r="P14334" s="19">
        <v>850</v>
      </c>
      <c r="Q14334" s="19"/>
      <c r="R14334" s="19"/>
      <c r="S14334" s="19"/>
      <c r="T14334" s="19">
        <v>575</v>
      </c>
      <c r="U14334" s="19"/>
      <c r="V14334" s="19"/>
      <c r="W14334" s="19"/>
      <c r="X14334" s="19">
        <v>1</v>
      </c>
      <c r="Y14334" s="19"/>
      <c r="Z14334" s="19"/>
      <c r="AA14334" s="19"/>
    </row>
    <row r="14335" spans="1:27" s="1" customFormat="1" ht="11.1" customHeight="1" outlineLevel="4" x14ac:dyDescent="0.2">
      <c r="A14335" s="17"/>
      <c r="B14335" s="17"/>
      <c r="C14335" s="17"/>
      <c r="D14335" s="18"/>
      <c r="E14335" s="18"/>
      <c r="F14335" s="18"/>
      <c r="G14335" s="18"/>
      <c r="H14335" s="18"/>
      <c r="I14335" s="18"/>
      <c r="J14335" s="18"/>
      <c r="K14335" s="18"/>
      <c r="L14335" s="18"/>
      <c r="M14335" s="18"/>
      <c r="N14335" s="18"/>
      <c r="O14335" s="18"/>
      <c r="P14335" s="19"/>
      <c r="Q14335" s="19"/>
      <c r="R14335" s="19"/>
      <c r="S14335" s="19"/>
      <c r="T14335" s="19"/>
      <c r="U14335" s="19"/>
      <c r="V14335" s="19"/>
      <c r="W14335" s="19"/>
      <c r="X14335" s="19"/>
      <c r="Y14335" s="19"/>
      <c r="Z14335" s="19"/>
      <c r="AA14335" s="19"/>
    </row>
    <row r="14336" spans="1:27" s="1" customFormat="1" ht="11.1" customHeight="1" outlineLevel="4" x14ac:dyDescent="0.2">
      <c r="A14336" s="17">
        <v>10883</v>
      </c>
      <c r="B14336" s="17"/>
      <c r="C14336" s="17"/>
      <c r="D14336" s="18" t="s">
        <v>7106</v>
      </c>
      <c r="E14336" s="18"/>
      <c r="F14336" s="18"/>
      <c r="G14336" s="18"/>
      <c r="H14336" s="18"/>
      <c r="I14336" s="18"/>
      <c r="J14336" s="18"/>
      <c r="K14336" s="18"/>
      <c r="L14336" s="18"/>
      <c r="M14336" s="18"/>
      <c r="N14336" s="18"/>
      <c r="O14336" s="18"/>
      <c r="P14336" s="19">
        <v>450</v>
      </c>
      <c r="Q14336" s="19"/>
      <c r="R14336" s="19"/>
      <c r="S14336" s="19"/>
      <c r="T14336" s="19">
        <v>330</v>
      </c>
      <c r="U14336" s="19"/>
      <c r="V14336" s="19"/>
      <c r="W14336" s="19"/>
      <c r="X14336" s="19">
        <v>5</v>
      </c>
      <c r="Y14336" s="19"/>
      <c r="Z14336" s="19"/>
      <c r="AA14336" s="19"/>
    </row>
    <row r="14337" spans="1:27" s="1" customFormat="1" ht="11.1" customHeight="1" outlineLevel="4" x14ac:dyDescent="0.2">
      <c r="A14337" s="17"/>
      <c r="B14337" s="17"/>
      <c r="C14337" s="17"/>
      <c r="D14337" s="18"/>
      <c r="E14337" s="18"/>
      <c r="F14337" s="18"/>
      <c r="G14337" s="18"/>
      <c r="H14337" s="18"/>
      <c r="I14337" s="18"/>
      <c r="J14337" s="18"/>
      <c r="K14337" s="18"/>
      <c r="L14337" s="18"/>
      <c r="M14337" s="18"/>
      <c r="N14337" s="18"/>
      <c r="O14337" s="18"/>
      <c r="P14337" s="19"/>
      <c r="Q14337" s="19"/>
      <c r="R14337" s="19"/>
      <c r="S14337" s="19"/>
      <c r="T14337" s="19"/>
      <c r="U14337" s="19"/>
      <c r="V14337" s="19"/>
      <c r="W14337" s="19"/>
      <c r="X14337" s="19"/>
      <c r="Y14337" s="19"/>
      <c r="Z14337" s="19"/>
      <c r="AA14337" s="19"/>
    </row>
    <row r="14338" spans="1:27" s="1" customFormat="1" ht="11.1" customHeight="1" outlineLevel="4" x14ac:dyDescent="0.2">
      <c r="A14338" s="17">
        <v>10882</v>
      </c>
      <c r="B14338" s="17"/>
      <c r="C14338" s="17"/>
      <c r="D14338" s="18" t="s">
        <v>7107</v>
      </c>
      <c r="E14338" s="18"/>
      <c r="F14338" s="18"/>
      <c r="G14338" s="18"/>
      <c r="H14338" s="18"/>
      <c r="I14338" s="18"/>
      <c r="J14338" s="18"/>
      <c r="K14338" s="18"/>
      <c r="L14338" s="18"/>
      <c r="M14338" s="18"/>
      <c r="N14338" s="18"/>
      <c r="O14338" s="18"/>
      <c r="P14338" s="19">
        <v>400</v>
      </c>
      <c r="Q14338" s="19"/>
      <c r="R14338" s="19"/>
      <c r="S14338" s="19"/>
      <c r="T14338" s="19">
        <v>290</v>
      </c>
      <c r="U14338" s="19"/>
      <c r="V14338" s="19"/>
      <c r="W14338" s="19"/>
      <c r="X14338" s="19">
        <v>9</v>
      </c>
      <c r="Y14338" s="19"/>
      <c r="Z14338" s="19"/>
      <c r="AA14338" s="19"/>
    </row>
    <row r="14339" spans="1:27" s="1" customFormat="1" ht="11.1" customHeight="1" outlineLevel="4" x14ac:dyDescent="0.2">
      <c r="A14339" s="17"/>
      <c r="B14339" s="17"/>
      <c r="C14339" s="17"/>
      <c r="D14339" s="18"/>
      <c r="E14339" s="18"/>
      <c r="F14339" s="18"/>
      <c r="G14339" s="18"/>
      <c r="H14339" s="18"/>
      <c r="I14339" s="18"/>
      <c r="J14339" s="18"/>
      <c r="K14339" s="18"/>
      <c r="L14339" s="18"/>
      <c r="M14339" s="18"/>
      <c r="N14339" s="18"/>
      <c r="O14339" s="18"/>
      <c r="P14339" s="19"/>
      <c r="Q14339" s="19"/>
      <c r="R14339" s="19"/>
      <c r="S14339" s="19"/>
      <c r="T14339" s="19"/>
      <c r="U14339" s="19"/>
      <c r="V14339" s="19"/>
      <c r="W14339" s="19"/>
      <c r="X14339" s="19"/>
      <c r="Y14339" s="19"/>
      <c r="Z14339" s="19"/>
      <c r="AA14339" s="19"/>
    </row>
    <row r="14340" spans="1:27" s="1" customFormat="1" ht="11.1" customHeight="1" outlineLevel="4" x14ac:dyDescent="0.2">
      <c r="A14340" s="17">
        <v>9420</v>
      </c>
      <c r="B14340" s="17"/>
      <c r="C14340" s="17"/>
      <c r="D14340" s="18" t="s">
        <v>7108</v>
      </c>
      <c r="E14340" s="18"/>
      <c r="F14340" s="18"/>
      <c r="G14340" s="18"/>
      <c r="H14340" s="18"/>
      <c r="I14340" s="18"/>
      <c r="J14340" s="18"/>
      <c r="K14340" s="18"/>
      <c r="L14340" s="18"/>
      <c r="M14340" s="18"/>
      <c r="N14340" s="18"/>
      <c r="O14340" s="18"/>
      <c r="P14340" s="19">
        <v>610</v>
      </c>
      <c r="Q14340" s="19"/>
      <c r="R14340" s="19"/>
      <c r="S14340" s="19"/>
      <c r="T14340" s="19">
        <v>450</v>
      </c>
      <c r="U14340" s="19"/>
      <c r="V14340" s="19"/>
      <c r="W14340" s="19"/>
      <c r="X14340" s="19">
        <v>1</v>
      </c>
      <c r="Y14340" s="19"/>
      <c r="Z14340" s="19"/>
      <c r="AA14340" s="19"/>
    </row>
    <row r="14341" spans="1:27" s="1" customFormat="1" ht="11.1" customHeight="1" outlineLevel="4" x14ac:dyDescent="0.2">
      <c r="A14341" s="17"/>
      <c r="B14341" s="17"/>
      <c r="C14341" s="17"/>
      <c r="D14341" s="18"/>
      <c r="E14341" s="18"/>
      <c r="F14341" s="18"/>
      <c r="G14341" s="18"/>
      <c r="H14341" s="18"/>
      <c r="I14341" s="18"/>
      <c r="J14341" s="18"/>
      <c r="K14341" s="18"/>
      <c r="L14341" s="18"/>
      <c r="M14341" s="18"/>
      <c r="N14341" s="18"/>
      <c r="O14341" s="18"/>
      <c r="P14341" s="19"/>
      <c r="Q14341" s="19"/>
      <c r="R14341" s="19"/>
      <c r="S14341" s="19"/>
      <c r="T14341" s="19"/>
      <c r="U14341" s="19"/>
      <c r="V14341" s="19"/>
      <c r="W14341" s="19"/>
      <c r="X14341" s="19"/>
      <c r="Y14341" s="19"/>
      <c r="Z14341" s="19"/>
      <c r="AA14341" s="19"/>
    </row>
    <row r="14342" spans="1:27" s="1" customFormat="1" ht="11.1" customHeight="1" outlineLevel="4" x14ac:dyDescent="0.2">
      <c r="A14342" s="17">
        <v>10421</v>
      </c>
      <c r="B14342" s="17"/>
      <c r="C14342" s="17"/>
      <c r="D14342" s="18" t="s">
        <v>7109</v>
      </c>
      <c r="E14342" s="18"/>
      <c r="F14342" s="18"/>
      <c r="G14342" s="18"/>
      <c r="H14342" s="18"/>
      <c r="I14342" s="18"/>
      <c r="J14342" s="18"/>
      <c r="K14342" s="18"/>
      <c r="L14342" s="18"/>
      <c r="M14342" s="18"/>
      <c r="N14342" s="18"/>
      <c r="O14342" s="18"/>
      <c r="P14342" s="19">
        <v>590</v>
      </c>
      <c r="Q14342" s="19"/>
      <c r="R14342" s="19"/>
      <c r="S14342" s="19"/>
      <c r="T14342" s="19">
        <v>450</v>
      </c>
      <c r="U14342" s="19"/>
      <c r="V14342" s="19"/>
      <c r="W14342" s="19"/>
      <c r="X14342" s="19">
        <v>7</v>
      </c>
      <c r="Y14342" s="19"/>
      <c r="Z14342" s="19"/>
      <c r="AA14342" s="19"/>
    </row>
    <row r="14343" spans="1:27" s="1" customFormat="1" ht="11.1" customHeight="1" outlineLevel="4" x14ac:dyDescent="0.2">
      <c r="A14343" s="17"/>
      <c r="B14343" s="17"/>
      <c r="C14343" s="17"/>
      <c r="D14343" s="18"/>
      <c r="E14343" s="18"/>
      <c r="F14343" s="18"/>
      <c r="G14343" s="18"/>
      <c r="H14343" s="18"/>
      <c r="I14343" s="18"/>
      <c r="J14343" s="18"/>
      <c r="K14343" s="18"/>
      <c r="L14343" s="18"/>
      <c r="M14343" s="18"/>
      <c r="N14343" s="18"/>
      <c r="O14343" s="18"/>
      <c r="P14343" s="19"/>
      <c r="Q14343" s="19"/>
      <c r="R14343" s="19"/>
      <c r="S14343" s="19"/>
      <c r="T14343" s="19"/>
      <c r="U14343" s="19"/>
      <c r="V14343" s="19"/>
      <c r="W14343" s="19"/>
      <c r="X14343" s="19"/>
      <c r="Y14343" s="19"/>
      <c r="Z14343" s="19"/>
      <c r="AA14343" s="19"/>
    </row>
    <row r="14344" spans="1:27" s="1" customFormat="1" ht="11.1" customHeight="1" outlineLevel="4" x14ac:dyDescent="0.2">
      <c r="A14344" s="17">
        <v>10884</v>
      </c>
      <c r="B14344" s="17"/>
      <c r="C14344" s="17"/>
      <c r="D14344" s="18" t="s">
        <v>7110</v>
      </c>
      <c r="E14344" s="18"/>
      <c r="F14344" s="18"/>
      <c r="G14344" s="18"/>
      <c r="H14344" s="18"/>
      <c r="I14344" s="18"/>
      <c r="J14344" s="18"/>
      <c r="K14344" s="18"/>
      <c r="L14344" s="18"/>
      <c r="M14344" s="18"/>
      <c r="N14344" s="18"/>
      <c r="O14344" s="18"/>
      <c r="P14344" s="19">
        <v>760</v>
      </c>
      <c r="Q14344" s="19"/>
      <c r="R14344" s="19"/>
      <c r="S14344" s="19"/>
      <c r="T14344" s="19">
        <v>530</v>
      </c>
      <c r="U14344" s="19"/>
      <c r="V14344" s="19"/>
      <c r="W14344" s="19"/>
      <c r="X14344" s="19">
        <v>8</v>
      </c>
      <c r="Y14344" s="19"/>
      <c r="Z14344" s="19"/>
      <c r="AA14344" s="19"/>
    </row>
    <row r="14345" spans="1:27" s="1" customFormat="1" ht="11.1" customHeight="1" outlineLevel="4" x14ac:dyDescent="0.2">
      <c r="A14345" s="17"/>
      <c r="B14345" s="17"/>
      <c r="C14345" s="17"/>
      <c r="D14345" s="18"/>
      <c r="E14345" s="18"/>
      <c r="F14345" s="18"/>
      <c r="G14345" s="18"/>
      <c r="H14345" s="18"/>
      <c r="I14345" s="18"/>
      <c r="J14345" s="18"/>
      <c r="K14345" s="18"/>
      <c r="L14345" s="18"/>
      <c r="M14345" s="18"/>
      <c r="N14345" s="18"/>
      <c r="O14345" s="18"/>
      <c r="P14345" s="19"/>
      <c r="Q14345" s="19"/>
      <c r="R14345" s="19"/>
      <c r="S14345" s="19"/>
      <c r="T14345" s="19"/>
      <c r="U14345" s="19"/>
      <c r="V14345" s="19"/>
      <c r="W14345" s="19"/>
      <c r="X14345" s="19"/>
      <c r="Y14345" s="19"/>
      <c r="Z14345" s="19"/>
      <c r="AA14345" s="19"/>
    </row>
    <row r="14346" spans="1:27" s="1" customFormat="1" ht="11.1" customHeight="1" outlineLevel="4" x14ac:dyDescent="0.2">
      <c r="A14346" s="17">
        <v>11436</v>
      </c>
      <c r="B14346" s="17"/>
      <c r="C14346" s="17"/>
      <c r="D14346" s="18" t="s">
        <v>7111</v>
      </c>
      <c r="E14346" s="18"/>
      <c r="F14346" s="18"/>
      <c r="G14346" s="18"/>
      <c r="H14346" s="18"/>
      <c r="I14346" s="18"/>
      <c r="J14346" s="18"/>
      <c r="K14346" s="18"/>
      <c r="L14346" s="18"/>
      <c r="M14346" s="18"/>
      <c r="N14346" s="18"/>
      <c r="O14346" s="18"/>
      <c r="P14346" s="19">
        <v>570</v>
      </c>
      <c r="Q14346" s="19"/>
      <c r="R14346" s="19"/>
      <c r="S14346" s="19"/>
      <c r="T14346" s="19">
        <v>420</v>
      </c>
      <c r="U14346" s="19"/>
      <c r="V14346" s="19"/>
      <c r="W14346" s="19"/>
      <c r="X14346" s="19">
        <v>4</v>
      </c>
      <c r="Y14346" s="19"/>
      <c r="Z14346" s="19"/>
      <c r="AA14346" s="19"/>
    </row>
    <row r="14347" spans="1:27" s="1" customFormat="1" ht="11.1" customHeight="1" outlineLevel="4" x14ac:dyDescent="0.2">
      <c r="A14347" s="17"/>
      <c r="B14347" s="17"/>
      <c r="C14347" s="17"/>
      <c r="D14347" s="18"/>
      <c r="E14347" s="18"/>
      <c r="F14347" s="18"/>
      <c r="G14347" s="18"/>
      <c r="H14347" s="18"/>
      <c r="I14347" s="18"/>
      <c r="J14347" s="18"/>
      <c r="K14347" s="18"/>
      <c r="L14347" s="18"/>
      <c r="M14347" s="18"/>
      <c r="N14347" s="18"/>
      <c r="O14347" s="18"/>
      <c r="P14347" s="19"/>
      <c r="Q14347" s="19"/>
      <c r="R14347" s="19"/>
      <c r="S14347" s="19"/>
      <c r="T14347" s="19"/>
      <c r="U14347" s="19"/>
      <c r="V14347" s="19"/>
      <c r="W14347" s="19"/>
      <c r="X14347" s="19"/>
      <c r="Y14347" s="19"/>
      <c r="Z14347" s="19"/>
      <c r="AA14347" s="19"/>
    </row>
    <row r="14348" spans="1:27" s="1" customFormat="1" ht="14.1" customHeight="1" outlineLevel="4" x14ac:dyDescent="0.2">
      <c r="A14348" s="17">
        <v>11530</v>
      </c>
      <c r="B14348" s="17"/>
      <c r="C14348" s="17"/>
      <c r="D14348" s="18" t="s">
        <v>7112</v>
      </c>
      <c r="E14348" s="18"/>
      <c r="F14348" s="18"/>
      <c r="G14348" s="18"/>
      <c r="H14348" s="18"/>
      <c r="I14348" s="18"/>
      <c r="J14348" s="18"/>
      <c r="K14348" s="18"/>
      <c r="L14348" s="18"/>
      <c r="M14348" s="18"/>
      <c r="N14348" s="18"/>
      <c r="O14348" s="18"/>
      <c r="P14348" s="19">
        <v>540</v>
      </c>
      <c r="Q14348" s="19"/>
      <c r="R14348" s="19"/>
      <c r="S14348" s="19"/>
      <c r="T14348" s="19">
        <v>380</v>
      </c>
      <c r="U14348" s="19"/>
      <c r="V14348" s="19"/>
      <c r="W14348" s="19"/>
      <c r="X14348" s="19">
        <v>1</v>
      </c>
      <c r="Y14348" s="19"/>
      <c r="Z14348" s="19"/>
      <c r="AA14348" s="19"/>
    </row>
    <row r="14349" spans="1:27" s="1" customFormat="1" ht="14.1" customHeight="1" outlineLevel="4" x14ac:dyDescent="0.2">
      <c r="A14349" s="17"/>
      <c r="B14349" s="17"/>
      <c r="C14349" s="17"/>
      <c r="D14349" s="18"/>
      <c r="E14349" s="18"/>
      <c r="F14349" s="18"/>
      <c r="G14349" s="18"/>
      <c r="H14349" s="18"/>
      <c r="I14349" s="18"/>
      <c r="J14349" s="18"/>
      <c r="K14349" s="18"/>
      <c r="L14349" s="18"/>
      <c r="M14349" s="18"/>
      <c r="N14349" s="18"/>
      <c r="O14349" s="18"/>
      <c r="P14349" s="19"/>
      <c r="Q14349" s="19"/>
      <c r="R14349" s="19"/>
      <c r="S14349" s="19"/>
      <c r="T14349" s="19"/>
      <c r="U14349" s="19"/>
      <c r="V14349" s="19"/>
      <c r="W14349" s="19"/>
      <c r="X14349" s="19"/>
      <c r="Y14349" s="19"/>
      <c r="Z14349" s="19"/>
      <c r="AA14349" s="19"/>
    </row>
    <row r="14350" spans="1:27" s="1" customFormat="1" ht="11.1" customHeight="1" outlineLevel="3" x14ac:dyDescent="0.2">
      <c r="A14350" s="16" t="s">
        <v>7113</v>
      </c>
      <c r="B14350" s="16"/>
      <c r="C14350" s="16"/>
      <c r="D14350" s="16"/>
      <c r="E14350" s="16"/>
      <c r="F14350" s="16"/>
      <c r="G14350" s="16"/>
      <c r="H14350" s="16"/>
      <c r="I14350" s="16"/>
      <c r="J14350" s="16"/>
      <c r="K14350" s="16"/>
      <c r="L14350" s="16"/>
      <c r="M14350" s="16"/>
      <c r="N14350" s="16"/>
      <c r="O14350" s="16"/>
      <c r="P14350" s="16"/>
      <c r="Q14350" s="16"/>
      <c r="R14350" s="16"/>
      <c r="S14350" s="16"/>
      <c r="T14350" s="16"/>
      <c r="U14350" s="16"/>
      <c r="V14350" s="16"/>
      <c r="W14350" s="16"/>
      <c r="X14350" s="16"/>
      <c r="Y14350" s="16"/>
      <c r="Z14350" s="16"/>
      <c r="AA14350" s="16"/>
    </row>
    <row r="14351" spans="1:27" s="1" customFormat="1" ht="11.1" customHeight="1" outlineLevel="3" x14ac:dyDescent="0.2">
      <c r="A14351" s="16"/>
      <c r="B14351" s="16"/>
      <c r="C14351" s="16"/>
      <c r="D14351" s="16"/>
      <c r="E14351" s="16"/>
      <c r="F14351" s="16"/>
      <c r="G14351" s="16"/>
      <c r="H14351" s="16"/>
      <c r="I14351" s="16"/>
      <c r="J14351" s="16"/>
      <c r="K14351" s="16"/>
      <c r="L14351" s="16"/>
      <c r="M14351" s="16"/>
      <c r="N14351" s="16"/>
      <c r="O14351" s="16"/>
      <c r="P14351" s="16"/>
      <c r="Q14351" s="16"/>
      <c r="R14351" s="16"/>
      <c r="S14351" s="16"/>
      <c r="T14351" s="16"/>
      <c r="U14351" s="16"/>
      <c r="V14351" s="16"/>
      <c r="W14351" s="16"/>
      <c r="X14351" s="16"/>
      <c r="Y14351" s="16"/>
      <c r="Z14351" s="16"/>
      <c r="AA14351" s="16"/>
    </row>
    <row r="14352" spans="1:27" s="1" customFormat="1" ht="11.1" customHeight="1" outlineLevel="4" x14ac:dyDescent="0.2">
      <c r="A14352" s="17">
        <v>5264</v>
      </c>
      <c r="B14352" s="17"/>
      <c r="C14352" s="17"/>
      <c r="D14352" s="18" t="s">
        <v>7114</v>
      </c>
      <c r="E14352" s="18"/>
      <c r="F14352" s="18"/>
      <c r="G14352" s="18"/>
      <c r="H14352" s="18"/>
      <c r="I14352" s="18"/>
      <c r="J14352" s="18"/>
      <c r="K14352" s="18"/>
      <c r="L14352" s="18"/>
      <c r="M14352" s="18"/>
      <c r="N14352" s="18"/>
      <c r="O14352" s="18"/>
      <c r="P14352" s="19">
        <v>150</v>
      </c>
      <c r="Q14352" s="19"/>
      <c r="R14352" s="19"/>
      <c r="S14352" s="19"/>
      <c r="T14352" s="19">
        <v>50</v>
      </c>
      <c r="U14352" s="19"/>
      <c r="V14352" s="19"/>
      <c r="W14352" s="19"/>
      <c r="X14352" s="19">
        <v>15</v>
      </c>
      <c r="Y14352" s="19"/>
      <c r="Z14352" s="19"/>
      <c r="AA14352" s="19"/>
    </row>
    <row r="14353" spans="1:27" s="1" customFormat="1" ht="11.1" customHeight="1" outlineLevel="4" x14ac:dyDescent="0.2">
      <c r="A14353" s="17"/>
      <c r="B14353" s="17"/>
      <c r="C14353" s="17"/>
      <c r="D14353" s="18"/>
      <c r="E14353" s="18"/>
      <c r="F14353" s="18"/>
      <c r="G14353" s="18"/>
      <c r="H14353" s="18"/>
      <c r="I14353" s="18"/>
      <c r="J14353" s="18"/>
      <c r="K14353" s="18"/>
      <c r="L14353" s="18"/>
      <c r="M14353" s="18"/>
      <c r="N14353" s="18"/>
      <c r="O14353" s="18"/>
      <c r="P14353" s="19"/>
      <c r="Q14353" s="19"/>
      <c r="R14353" s="19"/>
      <c r="S14353" s="19"/>
      <c r="T14353" s="19"/>
      <c r="U14353" s="19"/>
      <c r="V14353" s="19"/>
      <c r="W14353" s="19"/>
      <c r="X14353" s="19"/>
      <c r="Y14353" s="19"/>
      <c r="Z14353" s="19"/>
      <c r="AA14353" s="19"/>
    </row>
    <row r="14354" spans="1:27" s="1" customFormat="1" ht="11.1" customHeight="1" outlineLevel="4" x14ac:dyDescent="0.2">
      <c r="A14354" s="17">
        <v>5987</v>
      </c>
      <c r="B14354" s="17"/>
      <c r="C14354" s="17"/>
      <c r="D14354" s="18" t="s">
        <v>7115</v>
      </c>
      <c r="E14354" s="18"/>
      <c r="F14354" s="18"/>
      <c r="G14354" s="18"/>
      <c r="H14354" s="18"/>
      <c r="I14354" s="18"/>
      <c r="J14354" s="18"/>
      <c r="K14354" s="18"/>
      <c r="L14354" s="18"/>
      <c r="M14354" s="18"/>
      <c r="N14354" s="18"/>
      <c r="O14354" s="18"/>
      <c r="P14354" s="19">
        <v>290</v>
      </c>
      <c r="Q14354" s="19"/>
      <c r="R14354" s="19"/>
      <c r="S14354" s="19"/>
      <c r="T14354" s="19">
        <v>150</v>
      </c>
      <c r="U14354" s="19"/>
      <c r="V14354" s="19"/>
      <c r="W14354" s="19"/>
      <c r="X14354" s="19">
        <v>4</v>
      </c>
      <c r="Y14354" s="19"/>
      <c r="Z14354" s="19"/>
      <c r="AA14354" s="19"/>
    </row>
    <row r="14355" spans="1:27" s="1" customFormat="1" ht="11.1" customHeight="1" outlineLevel="4" x14ac:dyDescent="0.2">
      <c r="A14355" s="17"/>
      <c r="B14355" s="17"/>
      <c r="C14355" s="17"/>
      <c r="D14355" s="18"/>
      <c r="E14355" s="18"/>
      <c r="F14355" s="18"/>
      <c r="G14355" s="18"/>
      <c r="H14355" s="18"/>
      <c r="I14355" s="18"/>
      <c r="J14355" s="18"/>
      <c r="K14355" s="18"/>
      <c r="L14355" s="18"/>
      <c r="M14355" s="18"/>
      <c r="N14355" s="18"/>
      <c r="O14355" s="18"/>
      <c r="P14355" s="19"/>
      <c r="Q14355" s="19"/>
      <c r="R14355" s="19"/>
      <c r="S14355" s="19"/>
      <c r="T14355" s="19"/>
      <c r="U14355" s="19"/>
      <c r="V14355" s="19"/>
      <c r="W14355" s="19"/>
      <c r="X14355" s="19"/>
      <c r="Y14355" s="19"/>
      <c r="Z14355" s="19"/>
      <c r="AA14355" s="19"/>
    </row>
    <row r="14356" spans="1:27" s="1" customFormat="1" ht="11.1" customHeight="1" outlineLevel="4" x14ac:dyDescent="0.2">
      <c r="A14356" s="17">
        <v>15948</v>
      </c>
      <c r="B14356" s="17"/>
      <c r="C14356" s="17"/>
      <c r="D14356" s="18" t="s">
        <v>7116</v>
      </c>
      <c r="E14356" s="18"/>
      <c r="F14356" s="18"/>
      <c r="G14356" s="18"/>
      <c r="H14356" s="18"/>
      <c r="I14356" s="18"/>
      <c r="J14356" s="18"/>
      <c r="K14356" s="18"/>
      <c r="L14356" s="18"/>
      <c r="M14356" s="18"/>
      <c r="N14356" s="18"/>
      <c r="O14356" s="18"/>
      <c r="P14356" s="19">
        <v>220</v>
      </c>
      <c r="Q14356" s="19"/>
      <c r="R14356" s="19"/>
      <c r="S14356" s="19"/>
      <c r="T14356" s="19">
        <v>90</v>
      </c>
      <c r="U14356" s="19"/>
      <c r="V14356" s="19"/>
      <c r="W14356" s="19"/>
      <c r="X14356" s="19">
        <v>2</v>
      </c>
      <c r="Y14356" s="19"/>
      <c r="Z14356" s="19"/>
      <c r="AA14356" s="19"/>
    </row>
    <row r="14357" spans="1:27" s="1" customFormat="1" ht="11.1" customHeight="1" outlineLevel="4" x14ac:dyDescent="0.2">
      <c r="A14357" s="17"/>
      <c r="B14357" s="17"/>
      <c r="C14357" s="17"/>
      <c r="D14357" s="18"/>
      <c r="E14357" s="18"/>
      <c r="F14357" s="18"/>
      <c r="G14357" s="18"/>
      <c r="H14357" s="18"/>
      <c r="I14357" s="18"/>
      <c r="J14357" s="18"/>
      <c r="K14357" s="18"/>
      <c r="L14357" s="18"/>
      <c r="M14357" s="18"/>
      <c r="N14357" s="18"/>
      <c r="O14357" s="18"/>
      <c r="P14357" s="19"/>
      <c r="Q14357" s="19"/>
      <c r="R14357" s="19"/>
      <c r="S14357" s="19"/>
      <c r="T14357" s="19"/>
      <c r="U14357" s="19"/>
      <c r="V14357" s="19"/>
      <c r="W14357" s="19"/>
      <c r="X14357" s="19"/>
      <c r="Y14357" s="19"/>
      <c r="Z14357" s="19"/>
      <c r="AA14357" s="19"/>
    </row>
    <row r="14358" spans="1:27" s="1" customFormat="1" ht="11.1" customHeight="1" outlineLevel="4" x14ac:dyDescent="0.2">
      <c r="A14358" s="17">
        <v>6622</v>
      </c>
      <c r="B14358" s="17"/>
      <c r="C14358" s="17"/>
      <c r="D14358" s="18" t="s">
        <v>7117</v>
      </c>
      <c r="E14358" s="18"/>
      <c r="F14358" s="18"/>
      <c r="G14358" s="18"/>
      <c r="H14358" s="18"/>
      <c r="I14358" s="18"/>
      <c r="J14358" s="18"/>
      <c r="K14358" s="18"/>
      <c r="L14358" s="18"/>
      <c r="M14358" s="18"/>
      <c r="N14358" s="18"/>
      <c r="O14358" s="18"/>
      <c r="P14358" s="19">
        <v>300</v>
      </c>
      <c r="Q14358" s="19"/>
      <c r="R14358" s="19"/>
      <c r="S14358" s="19"/>
      <c r="T14358" s="19">
        <v>155</v>
      </c>
      <c r="U14358" s="19"/>
      <c r="V14358" s="19"/>
      <c r="W14358" s="19"/>
      <c r="X14358" s="19">
        <v>1</v>
      </c>
      <c r="Y14358" s="19"/>
      <c r="Z14358" s="19"/>
      <c r="AA14358" s="19"/>
    </row>
    <row r="14359" spans="1:27" s="1" customFormat="1" ht="11.1" customHeight="1" outlineLevel="4" x14ac:dyDescent="0.2">
      <c r="A14359" s="17"/>
      <c r="B14359" s="17"/>
      <c r="C14359" s="17"/>
      <c r="D14359" s="18"/>
      <c r="E14359" s="18"/>
      <c r="F14359" s="18"/>
      <c r="G14359" s="18"/>
      <c r="H14359" s="18"/>
      <c r="I14359" s="18"/>
      <c r="J14359" s="18"/>
      <c r="K14359" s="18"/>
      <c r="L14359" s="18"/>
      <c r="M14359" s="18"/>
      <c r="N14359" s="18"/>
      <c r="O14359" s="18"/>
      <c r="P14359" s="19"/>
      <c r="Q14359" s="19"/>
      <c r="R14359" s="19"/>
      <c r="S14359" s="19"/>
      <c r="T14359" s="19"/>
      <c r="U14359" s="19"/>
      <c r="V14359" s="19"/>
      <c r="W14359" s="19"/>
      <c r="X14359" s="19"/>
      <c r="Y14359" s="19"/>
      <c r="Z14359" s="19"/>
      <c r="AA14359" s="19"/>
    </row>
    <row r="14360" spans="1:27" s="1" customFormat="1" ht="11.1" customHeight="1" outlineLevel="4" x14ac:dyDescent="0.2">
      <c r="A14360" s="17">
        <v>18230</v>
      </c>
      <c r="B14360" s="17"/>
      <c r="C14360" s="17"/>
      <c r="D14360" s="18" t="s">
        <v>7118</v>
      </c>
      <c r="E14360" s="18"/>
      <c r="F14360" s="18"/>
      <c r="G14360" s="18"/>
      <c r="H14360" s="18"/>
      <c r="I14360" s="18"/>
      <c r="J14360" s="18"/>
      <c r="K14360" s="18"/>
      <c r="L14360" s="18"/>
      <c r="M14360" s="18"/>
      <c r="N14360" s="18"/>
      <c r="O14360" s="18"/>
      <c r="P14360" s="19">
        <v>250</v>
      </c>
      <c r="Q14360" s="19"/>
      <c r="R14360" s="19"/>
      <c r="S14360" s="19"/>
      <c r="T14360" s="19">
        <v>140</v>
      </c>
      <c r="U14360" s="19"/>
      <c r="V14360" s="19"/>
      <c r="W14360" s="19"/>
      <c r="X14360" s="19">
        <v>3</v>
      </c>
      <c r="Y14360" s="19"/>
      <c r="Z14360" s="19"/>
      <c r="AA14360" s="19"/>
    </row>
    <row r="14361" spans="1:27" s="1" customFormat="1" ht="11.1" customHeight="1" outlineLevel="4" x14ac:dyDescent="0.2">
      <c r="A14361" s="17"/>
      <c r="B14361" s="17"/>
      <c r="C14361" s="17"/>
      <c r="D14361" s="18"/>
      <c r="E14361" s="18"/>
      <c r="F14361" s="18"/>
      <c r="G14361" s="18"/>
      <c r="H14361" s="18"/>
      <c r="I14361" s="18"/>
      <c r="J14361" s="18"/>
      <c r="K14361" s="18"/>
      <c r="L14361" s="18"/>
      <c r="M14361" s="18"/>
      <c r="N14361" s="18"/>
      <c r="O14361" s="18"/>
      <c r="P14361" s="19"/>
      <c r="Q14361" s="19"/>
      <c r="R14361" s="19"/>
      <c r="S14361" s="19"/>
      <c r="T14361" s="19"/>
      <c r="U14361" s="19"/>
      <c r="V14361" s="19"/>
      <c r="W14361" s="19"/>
      <c r="X14361" s="19"/>
      <c r="Y14361" s="19"/>
      <c r="Z14361" s="19"/>
      <c r="AA14361" s="19"/>
    </row>
    <row r="14362" spans="1:27" s="1" customFormat="1" ht="11.1" customHeight="1" outlineLevel="4" x14ac:dyDescent="0.2">
      <c r="A14362" s="17">
        <v>8727</v>
      </c>
      <c r="B14362" s="17"/>
      <c r="C14362" s="17"/>
      <c r="D14362" s="18" t="s">
        <v>7119</v>
      </c>
      <c r="E14362" s="18"/>
      <c r="F14362" s="18"/>
      <c r="G14362" s="18"/>
      <c r="H14362" s="18"/>
      <c r="I14362" s="18"/>
      <c r="J14362" s="18"/>
      <c r="K14362" s="18"/>
      <c r="L14362" s="18"/>
      <c r="M14362" s="18"/>
      <c r="N14362" s="18"/>
      <c r="O14362" s="18"/>
      <c r="P14362" s="19">
        <v>420</v>
      </c>
      <c r="Q14362" s="19"/>
      <c r="R14362" s="19"/>
      <c r="S14362" s="19"/>
      <c r="T14362" s="19">
        <v>315</v>
      </c>
      <c r="U14362" s="19"/>
      <c r="V14362" s="19"/>
      <c r="W14362" s="19"/>
      <c r="X14362" s="19">
        <v>1</v>
      </c>
      <c r="Y14362" s="19"/>
      <c r="Z14362" s="19"/>
      <c r="AA14362" s="19"/>
    </row>
    <row r="14363" spans="1:27" s="1" customFormat="1" ht="11.1" customHeight="1" outlineLevel="4" x14ac:dyDescent="0.2">
      <c r="A14363" s="17"/>
      <c r="B14363" s="17"/>
      <c r="C14363" s="17"/>
      <c r="D14363" s="18"/>
      <c r="E14363" s="18"/>
      <c r="F14363" s="18"/>
      <c r="G14363" s="18"/>
      <c r="H14363" s="18"/>
      <c r="I14363" s="18"/>
      <c r="J14363" s="18"/>
      <c r="K14363" s="18"/>
      <c r="L14363" s="18"/>
      <c r="M14363" s="18"/>
      <c r="N14363" s="18"/>
      <c r="O14363" s="18"/>
      <c r="P14363" s="19"/>
      <c r="Q14363" s="19"/>
      <c r="R14363" s="19"/>
      <c r="S14363" s="19"/>
      <c r="T14363" s="19"/>
      <c r="U14363" s="19"/>
      <c r="V14363" s="19"/>
      <c r="W14363" s="19"/>
      <c r="X14363" s="19"/>
      <c r="Y14363" s="19"/>
      <c r="Z14363" s="19"/>
      <c r="AA14363" s="19"/>
    </row>
    <row r="14364" spans="1:27" s="1" customFormat="1" ht="11.1" customHeight="1" outlineLevel="4" x14ac:dyDescent="0.2">
      <c r="A14364" s="17">
        <v>10754</v>
      </c>
      <c r="B14364" s="17"/>
      <c r="C14364" s="17"/>
      <c r="D14364" s="18" t="s">
        <v>7120</v>
      </c>
      <c r="E14364" s="18"/>
      <c r="F14364" s="18"/>
      <c r="G14364" s="18"/>
      <c r="H14364" s="18"/>
      <c r="I14364" s="18"/>
      <c r="J14364" s="18"/>
      <c r="K14364" s="18"/>
      <c r="L14364" s="18"/>
      <c r="M14364" s="18"/>
      <c r="N14364" s="18"/>
      <c r="O14364" s="18"/>
      <c r="P14364" s="19">
        <v>550</v>
      </c>
      <c r="Q14364" s="19"/>
      <c r="R14364" s="19"/>
      <c r="S14364" s="19"/>
      <c r="T14364" s="19">
        <v>390</v>
      </c>
      <c r="U14364" s="19"/>
      <c r="V14364" s="19"/>
      <c r="W14364" s="19"/>
      <c r="X14364" s="19">
        <v>1</v>
      </c>
      <c r="Y14364" s="19"/>
      <c r="Z14364" s="19"/>
      <c r="AA14364" s="19"/>
    </row>
    <row r="14365" spans="1:27" s="1" customFormat="1" ht="11.1" customHeight="1" outlineLevel="4" x14ac:dyDescent="0.2">
      <c r="A14365" s="17"/>
      <c r="B14365" s="17"/>
      <c r="C14365" s="17"/>
      <c r="D14365" s="18"/>
      <c r="E14365" s="18"/>
      <c r="F14365" s="18"/>
      <c r="G14365" s="18"/>
      <c r="H14365" s="18"/>
      <c r="I14365" s="18"/>
      <c r="J14365" s="18"/>
      <c r="K14365" s="18"/>
      <c r="L14365" s="18"/>
      <c r="M14365" s="18"/>
      <c r="N14365" s="18"/>
      <c r="O14365" s="18"/>
      <c r="P14365" s="19"/>
      <c r="Q14365" s="19"/>
      <c r="R14365" s="19"/>
      <c r="S14365" s="19"/>
      <c r="T14365" s="19"/>
      <c r="U14365" s="19"/>
      <c r="V14365" s="19"/>
      <c r="W14365" s="19"/>
      <c r="X14365" s="19"/>
      <c r="Y14365" s="19"/>
      <c r="Z14365" s="19"/>
      <c r="AA14365" s="19"/>
    </row>
    <row r="14366" spans="1:27" s="1" customFormat="1" ht="11.1" customHeight="1" outlineLevel="4" x14ac:dyDescent="0.2">
      <c r="A14366" s="17">
        <v>7077</v>
      </c>
      <c r="B14366" s="17"/>
      <c r="C14366" s="17"/>
      <c r="D14366" s="18" t="s">
        <v>7121</v>
      </c>
      <c r="E14366" s="18"/>
      <c r="F14366" s="18"/>
      <c r="G14366" s="18"/>
      <c r="H14366" s="18"/>
      <c r="I14366" s="18"/>
      <c r="J14366" s="18"/>
      <c r="K14366" s="18"/>
      <c r="L14366" s="18"/>
      <c r="M14366" s="18"/>
      <c r="N14366" s="18"/>
      <c r="O14366" s="18"/>
      <c r="P14366" s="19">
        <v>350</v>
      </c>
      <c r="Q14366" s="19"/>
      <c r="R14366" s="19"/>
      <c r="S14366" s="19"/>
      <c r="T14366" s="19">
        <v>170</v>
      </c>
      <c r="U14366" s="19"/>
      <c r="V14366" s="19"/>
      <c r="W14366" s="19"/>
      <c r="X14366" s="19">
        <v>8</v>
      </c>
      <c r="Y14366" s="19"/>
      <c r="Z14366" s="19"/>
      <c r="AA14366" s="19"/>
    </row>
    <row r="14367" spans="1:27" s="1" customFormat="1" ht="11.1" customHeight="1" outlineLevel="4" x14ac:dyDescent="0.2">
      <c r="A14367" s="17"/>
      <c r="B14367" s="17"/>
      <c r="C14367" s="17"/>
      <c r="D14367" s="18"/>
      <c r="E14367" s="18"/>
      <c r="F14367" s="18"/>
      <c r="G14367" s="18"/>
      <c r="H14367" s="18"/>
      <c r="I14367" s="18"/>
      <c r="J14367" s="18"/>
      <c r="K14367" s="18"/>
      <c r="L14367" s="18"/>
      <c r="M14367" s="18"/>
      <c r="N14367" s="18"/>
      <c r="O14367" s="18"/>
      <c r="P14367" s="19"/>
      <c r="Q14367" s="19"/>
      <c r="R14367" s="19"/>
      <c r="S14367" s="19"/>
      <c r="T14367" s="19"/>
      <c r="U14367" s="19"/>
      <c r="V14367" s="19"/>
      <c r="W14367" s="19"/>
      <c r="X14367" s="19"/>
      <c r="Y14367" s="19"/>
      <c r="Z14367" s="19"/>
      <c r="AA14367" s="19"/>
    </row>
    <row r="14368" spans="1:27" s="1" customFormat="1" ht="11.1" customHeight="1" outlineLevel="4" x14ac:dyDescent="0.2">
      <c r="A14368" s="17">
        <v>17641</v>
      </c>
      <c r="B14368" s="17"/>
      <c r="C14368" s="17"/>
      <c r="D14368" s="18" t="s">
        <v>7122</v>
      </c>
      <c r="E14368" s="18"/>
      <c r="F14368" s="18"/>
      <c r="G14368" s="18"/>
      <c r="H14368" s="18"/>
      <c r="I14368" s="18"/>
      <c r="J14368" s="18"/>
      <c r="K14368" s="18"/>
      <c r="L14368" s="18"/>
      <c r="M14368" s="18"/>
      <c r="N14368" s="18"/>
      <c r="O14368" s="18"/>
      <c r="P14368" s="19">
        <v>390</v>
      </c>
      <c r="Q14368" s="19"/>
      <c r="R14368" s="19"/>
      <c r="S14368" s="19"/>
      <c r="T14368" s="19">
        <v>190</v>
      </c>
      <c r="U14368" s="19"/>
      <c r="V14368" s="19"/>
      <c r="W14368" s="19"/>
      <c r="X14368" s="19">
        <v>9</v>
      </c>
      <c r="Y14368" s="19"/>
      <c r="Z14368" s="19"/>
      <c r="AA14368" s="19"/>
    </row>
    <row r="14369" spans="1:27" s="1" customFormat="1" ht="11.1" customHeight="1" outlineLevel="4" x14ac:dyDescent="0.2">
      <c r="A14369" s="17"/>
      <c r="B14369" s="17"/>
      <c r="C14369" s="17"/>
      <c r="D14369" s="18"/>
      <c r="E14369" s="18"/>
      <c r="F14369" s="18"/>
      <c r="G14369" s="18"/>
      <c r="H14369" s="18"/>
      <c r="I14369" s="18"/>
      <c r="J14369" s="18"/>
      <c r="K14369" s="18"/>
      <c r="L14369" s="18"/>
      <c r="M14369" s="18"/>
      <c r="N14369" s="18"/>
      <c r="O14369" s="18"/>
      <c r="P14369" s="19"/>
      <c r="Q14369" s="19"/>
      <c r="R14369" s="19"/>
      <c r="S14369" s="19"/>
      <c r="T14369" s="19"/>
      <c r="U14369" s="19"/>
      <c r="V14369" s="19"/>
      <c r="W14369" s="19"/>
      <c r="X14369" s="19"/>
      <c r="Y14369" s="19"/>
      <c r="Z14369" s="19"/>
      <c r="AA14369" s="19"/>
    </row>
    <row r="14370" spans="1:27" s="1" customFormat="1" ht="11.1" customHeight="1" outlineLevel="4" x14ac:dyDescent="0.2">
      <c r="A14370" s="17">
        <v>17995</v>
      </c>
      <c r="B14370" s="17"/>
      <c r="C14370" s="17"/>
      <c r="D14370" s="18" t="s">
        <v>7123</v>
      </c>
      <c r="E14370" s="18"/>
      <c r="F14370" s="18"/>
      <c r="G14370" s="18"/>
      <c r="H14370" s="18"/>
      <c r="I14370" s="18"/>
      <c r="J14370" s="18"/>
      <c r="K14370" s="18"/>
      <c r="L14370" s="18"/>
      <c r="M14370" s="18"/>
      <c r="N14370" s="18"/>
      <c r="O14370" s="18"/>
      <c r="P14370" s="19">
        <v>450</v>
      </c>
      <c r="Q14370" s="19"/>
      <c r="R14370" s="19"/>
      <c r="S14370" s="19"/>
      <c r="T14370" s="19">
        <v>250</v>
      </c>
      <c r="U14370" s="19"/>
      <c r="V14370" s="19"/>
      <c r="W14370" s="19"/>
      <c r="X14370" s="19">
        <v>3</v>
      </c>
      <c r="Y14370" s="19"/>
      <c r="Z14370" s="19"/>
      <c r="AA14370" s="19"/>
    </row>
    <row r="14371" spans="1:27" s="1" customFormat="1" ht="11.1" customHeight="1" outlineLevel="4" x14ac:dyDescent="0.2">
      <c r="A14371" s="17"/>
      <c r="B14371" s="17"/>
      <c r="C14371" s="17"/>
      <c r="D14371" s="18"/>
      <c r="E14371" s="18"/>
      <c r="F14371" s="18"/>
      <c r="G14371" s="18"/>
      <c r="H14371" s="18"/>
      <c r="I14371" s="18"/>
      <c r="J14371" s="18"/>
      <c r="K14371" s="18"/>
      <c r="L14371" s="18"/>
      <c r="M14371" s="18"/>
      <c r="N14371" s="18"/>
      <c r="O14371" s="18"/>
      <c r="P14371" s="19"/>
      <c r="Q14371" s="19"/>
      <c r="R14371" s="19"/>
      <c r="S14371" s="19"/>
      <c r="T14371" s="19"/>
      <c r="U14371" s="19"/>
      <c r="V14371" s="19"/>
      <c r="W14371" s="19"/>
      <c r="X14371" s="19"/>
      <c r="Y14371" s="19"/>
      <c r="Z14371" s="19"/>
      <c r="AA14371" s="19"/>
    </row>
    <row r="14372" spans="1:27" s="1" customFormat="1" ht="11.1" customHeight="1" outlineLevel="4" x14ac:dyDescent="0.2">
      <c r="A14372" s="17">
        <v>6913</v>
      </c>
      <c r="B14372" s="17"/>
      <c r="C14372" s="17"/>
      <c r="D14372" s="18" t="s">
        <v>7124</v>
      </c>
      <c r="E14372" s="18"/>
      <c r="F14372" s="18"/>
      <c r="G14372" s="18"/>
      <c r="H14372" s="18"/>
      <c r="I14372" s="18"/>
      <c r="J14372" s="18"/>
      <c r="K14372" s="18"/>
      <c r="L14372" s="18"/>
      <c r="M14372" s="18"/>
      <c r="N14372" s="18"/>
      <c r="O14372" s="18"/>
      <c r="P14372" s="19">
        <v>350</v>
      </c>
      <c r="Q14372" s="19"/>
      <c r="R14372" s="19"/>
      <c r="S14372" s="19"/>
      <c r="T14372" s="19">
        <v>190</v>
      </c>
      <c r="U14372" s="19"/>
      <c r="V14372" s="19"/>
      <c r="W14372" s="19"/>
      <c r="X14372" s="19">
        <v>11</v>
      </c>
      <c r="Y14372" s="19"/>
      <c r="Z14372" s="19"/>
      <c r="AA14372" s="19"/>
    </row>
    <row r="14373" spans="1:27" s="1" customFormat="1" ht="11.1" customHeight="1" outlineLevel="4" x14ac:dyDescent="0.2">
      <c r="A14373" s="17"/>
      <c r="B14373" s="17"/>
      <c r="C14373" s="17"/>
      <c r="D14373" s="18"/>
      <c r="E14373" s="18"/>
      <c r="F14373" s="18"/>
      <c r="G14373" s="18"/>
      <c r="H14373" s="18"/>
      <c r="I14373" s="18"/>
      <c r="J14373" s="18"/>
      <c r="K14373" s="18"/>
      <c r="L14373" s="18"/>
      <c r="M14373" s="18"/>
      <c r="N14373" s="18"/>
      <c r="O14373" s="18"/>
      <c r="P14373" s="19"/>
      <c r="Q14373" s="19"/>
      <c r="R14373" s="19"/>
      <c r="S14373" s="19"/>
      <c r="T14373" s="19"/>
      <c r="U14373" s="19"/>
      <c r="V14373" s="19"/>
      <c r="W14373" s="19"/>
      <c r="X14373" s="19"/>
      <c r="Y14373" s="19"/>
      <c r="Z14373" s="19"/>
      <c r="AA14373" s="19"/>
    </row>
    <row r="14374" spans="1:27" s="1" customFormat="1" ht="11.1" customHeight="1" outlineLevel="4" x14ac:dyDescent="0.2">
      <c r="A14374" s="17">
        <v>11532</v>
      </c>
      <c r="B14374" s="17"/>
      <c r="C14374" s="17"/>
      <c r="D14374" s="18" t="s">
        <v>7125</v>
      </c>
      <c r="E14374" s="18"/>
      <c r="F14374" s="18"/>
      <c r="G14374" s="18"/>
      <c r="H14374" s="18"/>
      <c r="I14374" s="18"/>
      <c r="J14374" s="18"/>
      <c r="K14374" s="18"/>
      <c r="L14374" s="18"/>
      <c r="M14374" s="18"/>
      <c r="N14374" s="18"/>
      <c r="O14374" s="18"/>
      <c r="P14374" s="19">
        <v>450</v>
      </c>
      <c r="Q14374" s="19"/>
      <c r="R14374" s="19"/>
      <c r="S14374" s="19"/>
      <c r="T14374" s="19">
        <v>250</v>
      </c>
      <c r="U14374" s="19"/>
      <c r="V14374" s="19"/>
      <c r="W14374" s="19"/>
      <c r="X14374" s="19">
        <v>5</v>
      </c>
      <c r="Y14374" s="19"/>
      <c r="Z14374" s="19"/>
      <c r="AA14374" s="19"/>
    </row>
    <row r="14375" spans="1:27" s="1" customFormat="1" ht="11.1" customHeight="1" outlineLevel="4" x14ac:dyDescent="0.2">
      <c r="A14375" s="17"/>
      <c r="B14375" s="17"/>
      <c r="C14375" s="17"/>
      <c r="D14375" s="18"/>
      <c r="E14375" s="18"/>
      <c r="F14375" s="18"/>
      <c r="G14375" s="18"/>
      <c r="H14375" s="18"/>
      <c r="I14375" s="18"/>
      <c r="J14375" s="18"/>
      <c r="K14375" s="18"/>
      <c r="L14375" s="18"/>
      <c r="M14375" s="18"/>
      <c r="N14375" s="18"/>
      <c r="O14375" s="18"/>
      <c r="P14375" s="19"/>
      <c r="Q14375" s="19"/>
      <c r="R14375" s="19"/>
      <c r="S14375" s="19"/>
      <c r="T14375" s="19"/>
      <c r="U14375" s="19"/>
      <c r="V14375" s="19"/>
      <c r="W14375" s="19"/>
      <c r="X14375" s="19"/>
      <c r="Y14375" s="19"/>
      <c r="Z14375" s="19"/>
      <c r="AA14375" s="19"/>
    </row>
    <row r="14376" spans="1:27" s="1" customFormat="1" ht="11.1" customHeight="1" outlineLevel="4" x14ac:dyDescent="0.2">
      <c r="A14376" s="17">
        <v>10753</v>
      </c>
      <c r="B14376" s="17"/>
      <c r="C14376" s="17"/>
      <c r="D14376" s="18" t="s">
        <v>7126</v>
      </c>
      <c r="E14376" s="18"/>
      <c r="F14376" s="18"/>
      <c r="G14376" s="18"/>
      <c r="H14376" s="18"/>
      <c r="I14376" s="18"/>
      <c r="J14376" s="18"/>
      <c r="K14376" s="18"/>
      <c r="L14376" s="18"/>
      <c r="M14376" s="18"/>
      <c r="N14376" s="18"/>
      <c r="O14376" s="18"/>
      <c r="P14376" s="19">
        <v>290</v>
      </c>
      <c r="Q14376" s="19"/>
      <c r="R14376" s="19"/>
      <c r="S14376" s="19"/>
      <c r="T14376" s="19">
        <v>160</v>
      </c>
      <c r="U14376" s="19"/>
      <c r="V14376" s="19"/>
      <c r="W14376" s="19"/>
      <c r="X14376" s="19">
        <v>6</v>
      </c>
      <c r="Y14376" s="19"/>
      <c r="Z14376" s="19"/>
      <c r="AA14376" s="19"/>
    </row>
    <row r="14377" spans="1:27" s="1" customFormat="1" ht="11.1" customHeight="1" outlineLevel="4" x14ac:dyDescent="0.2">
      <c r="A14377" s="17"/>
      <c r="B14377" s="17"/>
      <c r="C14377" s="17"/>
      <c r="D14377" s="18"/>
      <c r="E14377" s="18"/>
      <c r="F14377" s="18"/>
      <c r="G14377" s="18"/>
      <c r="H14377" s="18"/>
      <c r="I14377" s="18"/>
      <c r="J14377" s="18"/>
      <c r="K14377" s="18"/>
      <c r="L14377" s="18"/>
      <c r="M14377" s="18"/>
      <c r="N14377" s="18"/>
      <c r="O14377" s="18"/>
      <c r="P14377" s="19"/>
      <c r="Q14377" s="19"/>
      <c r="R14377" s="19"/>
      <c r="S14377" s="19"/>
      <c r="T14377" s="19"/>
      <c r="U14377" s="19"/>
      <c r="V14377" s="19"/>
      <c r="W14377" s="19"/>
      <c r="X14377" s="19"/>
      <c r="Y14377" s="19"/>
      <c r="Z14377" s="19"/>
      <c r="AA14377" s="19"/>
    </row>
    <row r="14378" spans="1:27" s="1" customFormat="1" ht="11.1" customHeight="1" outlineLevel="4" x14ac:dyDescent="0.2">
      <c r="A14378" s="17">
        <v>10417</v>
      </c>
      <c r="B14378" s="17"/>
      <c r="C14378" s="17"/>
      <c r="D14378" s="18" t="s">
        <v>7127</v>
      </c>
      <c r="E14378" s="18"/>
      <c r="F14378" s="18"/>
      <c r="G14378" s="18"/>
      <c r="H14378" s="18"/>
      <c r="I14378" s="18"/>
      <c r="J14378" s="18"/>
      <c r="K14378" s="18"/>
      <c r="L14378" s="18"/>
      <c r="M14378" s="18"/>
      <c r="N14378" s="18"/>
      <c r="O14378" s="18"/>
      <c r="P14378" s="19">
        <v>250</v>
      </c>
      <c r="Q14378" s="19"/>
      <c r="R14378" s="19"/>
      <c r="S14378" s="19"/>
      <c r="T14378" s="19">
        <v>145</v>
      </c>
      <c r="U14378" s="19"/>
      <c r="V14378" s="19"/>
      <c r="W14378" s="19"/>
      <c r="X14378" s="19">
        <v>1</v>
      </c>
      <c r="Y14378" s="19"/>
      <c r="Z14378" s="19"/>
      <c r="AA14378" s="19"/>
    </row>
    <row r="14379" spans="1:27" s="1" customFormat="1" ht="11.1" customHeight="1" outlineLevel="4" x14ac:dyDescent="0.2">
      <c r="A14379" s="17"/>
      <c r="B14379" s="17"/>
      <c r="C14379" s="17"/>
      <c r="D14379" s="18"/>
      <c r="E14379" s="18"/>
      <c r="F14379" s="18"/>
      <c r="G14379" s="18"/>
      <c r="H14379" s="18"/>
      <c r="I14379" s="18"/>
      <c r="J14379" s="18"/>
      <c r="K14379" s="18"/>
      <c r="L14379" s="18"/>
      <c r="M14379" s="18"/>
      <c r="N14379" s="18"/>
      <c r="O14379" s="18"/>
      <c r="P14379" s="19"/>
      <c r="Q14379" s="19"/>
      <c r="R14379" s="19"/>
      <c r="S14379" s="19"/>
      <c r="T14379" s="19"/>
      <c r="U14379" s="19"/>
      <c r="V14379" s="19"/>
      <c r="W14379" s="19"/>
      <c r="X14379" s="19"/>
      <c r="Y14379" s="19"/>
      <c r="Z14379" s="19"/>
      <c r="AA14379" s="19"/>
    </row>
    <row r="14380" spans="1:27" s="1" customFormat="1" ht="11.1" customHeight="1" outlineLevel="4" x14ac:dyDescent="0.2">
      <c r="A14380" s="17">
        <v>17645</v>
      </c>
      <c r="B14380" s="17"/>
      <c r="C14380" s="17"/>
      <c r="D14380" s="18" t="s">
        <v>7128</v>
      </c>
      <c r="E14380" s="18"/>
      <c r="F14380" s="18"/>
      <c r="G14380" s="18"/>
      <c r="H14380" s="18"/>
      <c r="I14380" s="18"/>
      <c r="J14380" s="18"/>
      <c r="K14380" s="18"/>
      <c r="L14380" s="18"/>
      <c r="M14380" s="18"/>
      <c r="N14380" s="18"/>
      <c r="O14380" s="18"/>
      <c r="P14380" s="19">
        <v>450</v>
      </c>
      <c r="Q14380" s="19"/>
      <c r="R14380" s="19"/>
      <c r="S14380" s="19"/>
      <c r="T14380" s="19">
        <v>250</v>
      </c>
      <c r="U14380" s="19"/>
      <c r="V14380" s="19"/>
      <c r="W14380" s="19"/>
      <c r="X14380" s="19">
        <v>6</v>
      </c>
      <c r="Y14380" s="19"/>
      <c r="Z14380" s="19"/>
      <c r="AA14380" s="19"/>
    </row>
    <row r="14381" spans="1:27" s="1" customFormat="1" ht="11.1" customHeight="1" outlineLevel="4" x14ac:dyDescent="0.2">
      <c r="A14381" s="17"/>
      <c r="B14381" s="17"/>
      <c r="C14381" s="17"/>
      <c r="D14381" s="18"/>
      <c r="E14381" s="18"/>
      <c r="F14381" s="18"/>
      <c r="G14381" s="18"/>
      <c r="H14381" s="18"/>
      <c r="I14381" s="18"/>
      <c r="J14381" s="18"/>
      <c r="K14381" s="18"/>
      <c r="L14381" s="18"/>
      <c r="M14381" s="18"/>
      <c r="N14381" s="18"/>
      <c r="O14381" s="18"/>
      <c r="P14381" s="19"/>
      <c r="Q14381" s="19"/>
      <c r="R14381" s="19"/>
      <c r="S14381" s="19"/>
      <c r="T14381" s="19"/>
      <c r="U14381" s="19"/>
      <c r="V14381" s="19"/>
      <c r="W14381" s="19"/>
      <c r="X14381" s="19"/>
      <c r="Y14381" s="19"/>
      <c r="Z14381" s="19"/>
      <c r="AA14381" s="19"/>
    </row>
    <row r="14382" spans="1:27" s="1" customFormat="1" ht="11.1" customHeight="1" outlineLevel="4" x14ac:dyDescent="0.2">
      <c r="A14382" s="17">
        <v>15587</v>
      </c>
      <c r="B14382" s="17"/>
      <c r="C14382" s="17"/>
      <c r="D14382" s="18" t="s">
        <v>7129</v>
      </c>
      <c r="E14382" s="18"/>
      <c r="F14382" s="18"/>
      <c r="G14382" s="18"/>
      <c r="H14382" s="18"/>
      <c r="I14382" s="18"/>
      <c r="J14382" s="18"/>
      <c r="K14382" s="18"/>
      <c r="L14382" s="18"/>
      <c r="M14382" s="18"/>
      <c r="N14382" s="18"/>
      <c r="O14382" s="18"/>
      <c r="P14382" s="19">
        <v>290</v>
      </c>
      <c r="Q14382" s="19"/>
      <c r="R14382" s="19"/>
      <c r="S14382" s="19"/>
      <c r="T14382" s="19">
        <v>165</v>
      </c>
      <c r="U14382" s="19"/>
      <c r="V14382" s="19"/>
      <c r="W14382" s="19"/>
      <c r="X14382" s="19">
        <v>7</v>
      </c>
      <c r="Y14382" s="19"/>
      <c r="Z14382" s="19"/>
      <c r="AA14382" s="19"/>
    </row>
    <row r="14383" spans="1:27" s="1" customFormat="1" ht="11.1" customHeight="1" outlineLevel="4" x14ac:dyDescent="0.2">
      <c r="A14383" s="17"/>
      <c r="B14383" s="17"/>
      <c r="C14383" s="17"/>
      <c r="D14383" s="18"/>
      <c r="E14383" s="18"/>
      <c r="F14383" s="18"/>
      <c r="G14383" s="18"/>
      <c r="H14383" s="18"/>
      <c r="I14383" s="18"/>
      <c r="J14383" s="18"/>
      <c r="K14383" s="18"/>
      <c r="L14383" s="18"/>
      <c r="M14383" s="18"/>
      <c r="N14383" s="18"/>
      <c r="O14383" s="18"/>
      <c r="P14383" s="19"/>
      <c r="Q14383" s="19"/>
      <c r="R14383" s="19"/>
      <c r="S14383" s="19"/>
      <c r="T14383" s="19"/>
      <c r="U14383" s="19"/>
      <c r="V14383" s="19"/>
      <c r="W14383" s="19"/>
      <c r="X14383" s="19"/>
      <c r="Y14383" s="19"/>
      <c r="Z14383" s="19"/>
      <c r="AA14383" s="19"/>
    </row>
    <row r="14384" spans="1:27" s="1" customFormat="1" ht="11.1" customHeight="1" outlineLevel="4" x14ac:dyDescent="0.2">
      <c r="A14384" s="17">
        <v>7076</v>
      </c>
      <c r="B14384" s="17"/>
      <c r="C14384" s="17"/>
      <c r="D14384" s="18" t="s">
        <v>7130</v>
      </c>
      <c r="E14384" s="18"/>
      <c r="F14384" s="18"/>
      <c r="G14384" s="18"/>
      <c r="H14384" s="18"/>
      <c r="I14384" s="18"/>
      <c r="J14384" s="18"/>
      <c r="K14384" s="18"/>
      <c r="L14384" s="18"/>
      <c r="M14384" s="18"/>
      <c r="N14384" s="18"/>
      <c r="O14384" s="18"/>
      <c r="P14384" s="19">
        <v>400</v>
      </c>
      <c r="Q14384" s="19"/>
      <c r="R14384" s="19"/>
      <c r="S14384" s="19"/>
      <c r="T14384" s="19">
        <v>240</v>
      </c>
      <c r="U14384" s="19"/>
      <c r="V14384" s="19"/>
      <c r="W14384" s="19"/>
      <c r="X14384" s="19">
        <v>2</v>
      </c>
      <c r="Y14384" s="19"/>
      <c r="Z14384" s="19"/>
      <c r="AA14384" s="19"/>
    </row>
    <row r="14385" spans="1:27" s="1" customFormat="1" ht="11.1" customHeight="1" outlineLevel="4" x14ac:dyDescent="0.2">
      <c r="A14385" s="17"/>
      <c r="B14385" s="17"/>
      <c r="C14385" s="17"/>
      <c r="D14385" s="18"/>
      <c r="E14385" s="18"/>
      <c r="F14385" s="18"/>
      <c r="G14385" s="18"/>
      <c r="H14385" s="18"/>
      <c r="I14385" s="18"/>
      <c r="J14385" s="18"/>
      <c r="K14385" s="18"/>
      <c r="L14385" s="18"/>
      <c r="M14385" s="18"/>
      <c r="N14385" s="18"/>
      <c r="O14385" s="18"/>
      <c r="P14385" s="19"/>
      <c r="Q14385" s="19"/>
      <c r="R14385" s="19"/>
      <c r="S14385" s="19"/>
      <c r="T14385" s="19"/>
      <c r="U14385" s="19"/>
      <c r="V14385" s="19"/>
      <c r="W14385" s="19"/>
      <c r="X14385" s="19"/>
      <c r="Y14385" s="19"/>
      <c r="Z14385" s="19"/>
      <c r="AA14385" s="19"/>
    </row>
    <row r="14386" spans="1:27" s="1" customFormat="1" ht="11.1" customHeight="1" outlineLevel="4" x14ac:dyDescent="0.2">
      <c r="A14386" s="17">
        <v>15588</v>
      </c>
      <c r="B14386" s="17"/>
      <c r="C14386" s="17"/>
      <c r="D14386" s="18" t="s">
        <v>7131</v>
      </c>
      <c r="E14386" s="18"/>
      <c r="F14386" s="18"/>
      <c r="G14386" s="18"/>
      <c r="H14386" s="18"/>
      <c r="I14386" s="18"/>
      <c r="J14386" s="18"/>
      <c r="K14386" s="18"/>
      <c r="L14386" s="18"/>
      <c r="M14386" s="18"/>
      <c r="N14386" s="18"/>
      <c r="O14386" s="18"/>
      <c r="P14386" s="19">
        <v>350</v>
      </c>
      <c r="Q14386" s="19"/>
      <c r="R14386" s="19"/>
      <c r="S14386" s="19"/>
      <c r="T14386" s="19">
        <v>190</v>
      </c>
      <c r="U14386" s="19"/>
      <c r="V14386" s="19"/>
      <c r="W14386" s="19"/>
      <c r="X14386" s="19">
        <v>6</v>
      </c>
      <c r="Y14386" s="19"/>
      <c r="Z14386" s="19"/>
      <c r="AA14386" s="19"/>
    </row>
    <row r="14387" spans="1:27" s="1" customFormat="1" ht="11.1" customHeight="1" outlineLevel="4" x14ac:dyDescent="0.2">
      <c r="A14387" s="17"/>
      <c r="B14387" s="17"/>
      <c r="C14387" s="17"/>
      <c r="D14387" s="18"/>
      <c r="E14387" s="18"/>
      <c r="F14387" s="18"/>
      <c r="G14387" s="18"/>
      <c r="H14387" s="18"/>
      <c r="I14387" s="18"/>
      <c r="J14387" s="18"/>
      <c r="K14387" s="18"/>
      <c r="L14387" s="18"/>
      <c r="M14387" s="18"/>
      <c r="N14387" s="18"/>
      <c r="O14387" s="18"/>
      <c r="P14387" s="19"/>
      <c r="Q14387" s="19"/>
      <c r="R14387" s="19"/>
      <c r="S14387" s="19"/>
      <c r="T14387" s="19"/>
      <c r="U14387" s="19"/>
      <c r="V14387" s="19"/>
      <c r="W14387" s="19"/>
      <c r="X14387" s="19"/>
      <c r="Y14387" s="19"/>
      <c r="Z14387" s="19"/>
      <c r="AA14387" s="19"/>
    </row>
    <row r="14388" spans="1:27" s="1" customFormat="1" ht="11.1" customHeight="1" outlineLevel="4" x14ac:dyDescent="0.2">
      <c r="A14388" s="17">
        <v>6839</v>
      </c>
      <c r="B14388" s="17"/>
      <c r="C14388" s="17"/>
      <c r="D14388" s="18" t="s">
        <v>7132</v>
      </c>
      <c r="E14388" s="18"/>
      <c r="F14388" s="18"/>
      <c r="G14388" s="18"/>
      <c r="H14388" s="18"/>
      <c r="I14388" s="18"/>
      <c r="J14388" s="18"/>
      <c r="K14388" s="18"/>
      <c r="L14388" s="18"/>
      <c r="M14388" s="18"/>
      <c r="N14388" s="18"/>
      <c r="O14388" s="18"/>
      <c r="P14388" s="19">
        <v>290</v>
      </c>
      <c r="Q14388" s="19"/>
      <c r="R14388" s="19"/>
      <c r="S14388" s="19"/>
      <c r="T14388" s="19">
        <v>160</v>
      </c>
      <c r="U14388" s="19"/>
      <c r="V14388" s="19"/>
      <c r="W14388" s="19"/>
      <c r="X14388" s="19">
        <v>4</v>
      </c>
      <c r="Y14388" s="19"/>
      <c r="Z14388" s="19"/>
      <c r="AA14388" s="19"/>
    </row>
    <row r="14389" spans="1:27" s="1" customFormat="1" ht="11.1" customHeight="1" outlineLevel="4" x14ac:dyDescent="0.2">
      <c r="A14389" s="17"/>
      <c r="B14389" s="17"/>
      <c r="C14389" s="17"/>
      <c r="D14389" s="18"/>
      <c r="E14389" s="18"/>
      <c r="F14389" s="18"/>
      <c r="G14389" s="18"/>
      <c r="H14389" s="18"/>
      <c r="I14389" s="18"/>
      <c r="J14389" s="18"/>
      <c r="K14389" s="18"/>
      <c r="L14389" s="18"/>
      <c r="M14389" s="18"/>
      <c r="N14389" s="18"/>
      <c r="O14389" s="18"/>
      <c r="P14389" s="19"/>
      <c r="Q14389" s="19"/>
      <c r="R14389" s="19"/>
      <c r="S14389" s="19"/>
      <c r="T14389" s="19"/>
      <c r="U14389" s="19"/>
      <c r="V14389" s="19"/>
      <c r="W14389" s="19"/>
      <c r="X14389" s="19"/>
      <c r="Y14389" s="19"/>
      <c r="Z14389" s="19"/>
      <c r="AA14389" s="19"/>
    </row>
    <row r="14390" spans="1:27" s="1" customFormat="1" ht="11.1" customHeight="1" outlineLevel="4" x14ac:dyDescent="0.2">
      <c r="A14390" s="17">
        <v>6910</v>
      </c>
      <c r="B14390" s="17"/>
      <c r="C14390" s="17"/>
      <c r="D14390" s="18" t="s">
        <v>7133</v>
      </c>
      <c r="E14390" s="18"/>
      <c r="F14390" s="18"/>
      <c r="G14390" s="18"/>
      <c r="H14390" s="18"/>
      <c r="I14390" s="18"/>
      <c r="J14390" s="18"/>
      <c r="K14390" s="18"/>
      <c r="L14390" s="18"/>
      <c r="M14390" s="18"/>
      <c r="N14390" s="18"/>
      <c r="O14390" s="18"/>
      <c r="P14390" s="19">
        <v>400</v>
      </c>
      <c r="Q14390" s="19"/>
      <c r="R14390" s="19"/>
      <c r="S14390" s="19"/>
      <c r="T14390" s="19">
        <v>220</v>
      </c>
      <c r="U14390" s="19"/>
      <c r="V14390" s="19"/>
      <c r="W14390" s="19"/>
      <c r="X14390" s="19">
        <v>7</v>
      </c>
      <c r="Y14390" s="19"/>
      <c r="Z14390" s="19"/>
      <c r="AA14390" s="19"/>
    </row>
    <row r="14391" spans="1:27" s="1" customFormat="1" ht="11.1" customHeight="1" outlineLevel="4" x14ac:dyDescent="0.2">
      <c r="A14391" s="17"/>
      <c r="B14391" s="17"/>
      <c r="C14391" s="17"/>
      <c r="D14391" s="18"/>
      <c r="E14391" s="18"/>
      <c r="F14391" s="18"/>
      <c r="G14391" s="18"/>
      <c r="H14391" s="18"/>
      <c r="I14391" s="18"/>
      <c r="J14391" s="18"/>
      <c r="K14391" s="18"/>
      <c r="L14391" s="18"/>
      <c r="M14391" s="18"/>
      <c r="N14391" s="18"/>
      <c r="O14391" s="18"/>
      <c r="P14391" s="19"/>
      <c r="Q14391" s="19"/>
      <c r="R14391" s="19"/>
      <c r="S14391" s="19"/>
      <c r="T14391" s="19"/>
      <c r="U14391" s="19"/>
      <c r="V14391" s="19"/>
      <c r="W14391" s="19"/>
      <c r="X14391" s="19"/>
      <c r="Y14391" s="19"/>
      <c r="Z14391" s="19"/>
      <c r="AA14391" s="19"/>
    </row>
    <row r="14392" spans="1:27" s="1" customFormat="1" ht="11.1" customHeight="1" outlineLevel="4" x14ac:dyDescent="0.2">
      <c r="A14392" s="17">
        <v>13772</v>
      </c>
      <c r="B14392" s="17"/>
      <c r="C14392" s="17"/>
      <c r="D14392" s="18" t="s">
        <v>7134</v>
      </c>
      <c r="E14392" s="18"/>
      <c r="F14392" s="18"/>
      <c r="G14392" s="18"/>
      <c r="H14392" s="18"/>
      <c r="I14392" s="18"/>
      <c r="J14392" s="18"/>
      <c r="K14392" s="18"/>
      <c r="L14392" s="18"/>
      <c r="M14392" s="18"/>
      <c r="N14392" s="18"/>
      <c r="O14392" s="18"/>
      <c r="P14392" s="19">
        <v>260</v>
      </c>
      <c r="Q14392" s="19"/>
      <c r="R14392" s="19"/>
      <c r="S14392" s="19"/>
      <c r="T14392" s="19">
        <v>130</v>
      </c>
      <c r="U14392" s="19"/>
      <c r="V14392" s="19"/>
      <c r="W14392" s="19"/>
      <c r="X14392" s="19">
        <v>1</v>
      </c>
      <c r="Y14392" s="19"/>
      <c r="Z14392" s="19"/>
      <c r="AA14392" s="19"/>
    </row>
    <row r="14393" spans="1:27" s="1" customFormat="1" ht="11.1" customHeight="1" outlineLevel="4" x14ac:dyDescent="0.2">
      <c r="A14393" s="17"/>
      <c r="B14393" s="17"/>
      <c r="C14393" s="17"/>
      <c r="D14393" s="18"/>
      <c r="E14393" s="18"/>
      <c r="F14393" s="18"/>
      <c r="G14393" s="18"/>
      <c r="H14393" s="18"/>
      <c r="I14393" s="18"/>
      <c r="J14393" s="18"/>
      <c r="K14393" s="18"/>
      <c r="L14393" s="18"/>
      <c r="M14393" s="18"/>
      <c r="N14393" s="18"/>
      <c r="O14393" s="18"/>
      <c r="P14393" s="19"/>
      <c r="Q14393" s="19"/>
      <c r="R14393" s="19"/>
      <c r="S14393" s="19"/>
      <c r="T14393" s="19"/>
      <c r="U14393" s="19"/>
      <c r="V14393" s="19"/>
      <c r="W14393" s="19"/>
      <c r="X14393" s="19"/>
      <c r="Y14393" s="19"/>
      <c r="Z14393" s="19"/>
      <c r="AA14393" s="19"/>
    </row>
    <row r="14394" spans="1:27" s="1" customFormat="1" ht="11.1" customHeight="1" outlineLevel="4" x14ac:dyDescent="0.2">
      <c r="A14394" s="17">
        <v>6535</v>
      </c>
      <c r="B14394" s="17"/>
      <c r="C14394" s="17"/>
      <c r="D14394" s="18" t="s">
        <v>7135</v>
      </c>
      <c r="E14394" s="18"/>
      <c r="F14394" s="18"/>
      <c r="G14394" s="18"/>
      <c r="H14394" s="18"/>
      <c r="I14394" s="18"/>
      <c r="J14394" s="18"/>
      <c r="K14394" s="18"/>
      <c r="L14394" s="18"/>
      <c r="M14394" s="18"/>
      <c r="N14394" s="18"/>
      <c r="O14394" s="18"/>
      <c r="P14394" s="19">
        <v>175</v>
      </c>
      <c r="Q14394" s="19"/>
      <c r="R14394" s="19"/>
      <c r="S14394" s="19"/>
      <c r="T14394" s="19">
        <v>100</v>
      </c>
      <c r="U14394" s="19"/>
      <c r="V14394" s="19"/>
      <c r="W14394" s="19"/>
      <c r="X14394" s="19">
        <v>1</v>
      </c>
      <c r="Y14394" s="19"/>
      <c r="Z14394" s="19"/>
      <c r="AA14394" s="19"/>
    </row>
    <row r="14395" spans="1:27" s="1" customFormat="1" ht="11.1" customHeight="1" outlineLevel="4" x14ac:dyDescent="0.2">
      <c r="A14395" s="17"/>
      <c r="B14395" s="17"/>
      <c r="C14395" s="17"/>
      <c r="D14395" s="18"/>
      <c r="E14395" s="18"/>
      <c r="F14395" s="18"/>
      <c r="G14395" s="18"/>
      <c r="H14395" s="18"/>
      <c r="I14395" s="18"/>
      <c r="J14395" s="18"/>
      <c r="K14395" s="18"/>
      <c r="L14395" s="18"/>
      <c r="M14395" s="18"/>
      <c r="N14395" s="18"/>
      <c r="O14395" s="18"/>
      <c r="P14395" s="19"/>
      <c r="Q14395" s="19"/>
      <c r="R14395" s="19"/>
      <c r="S14395" s="19"/>
      <c r="T14395" s="19"/>
      <c r="U14395" s="19"/>
      <c r="V14395" s="19"/>
      <c r="W14395" s="19"/>
      <c r="X14395" s="19"/>
      <c r="Y14395" s="19"/>
      <c r="Z14395" s="19"/>
      <c r="AA14395" s="19"/>
    </row>
    <row r="14396" spans="1:27" s="1" customFormat="1" ht="11.1" customHeight="1" outlineLevel="4" x14ac:dyDescent="0.2">
      <c r="A14396" s="17">
        <v>6840</v>
      </c>
      <c r="B14396" s="17"/>
      <c r="C14396" s="17"/>
      <c r="D14396" s="18" t="s">
        <v>7136</v>
      </c>
      <c r="E14396" s="18"/>
      <c r="F14396" s="18"/>
      <c r="G14396" s="18"/>
      <c r="H14396" s="18"/>
      <c r="I14396" s="18"/>
      <c r="J14396" s="18"/>
      <c r="K14396" s="18"/>
      <c r="L14396" s="18"/>
      <c r="M14396" s="18"/>
      <c r="N14396" s="18"/>
      <c r="O14396" s="18"/>
      <c r="P14396" s="19">
        <v>195</v>
      </c>
      <c r="Q14396" s="19"/>
      <c r="R14396" s="19"/>
      <c r="S14396" s="19"/>
      <c r="T14396" s="19">
        <v>95</v>
      </c>
      <c r="U14396" s="19"/>
      <c r="V14396" s="19"/>
      <c r="W14396" s="19"/>
      <c r="X14396" s="19">
        <v>1</v>
      </c>
      <c r="Y14396" s="19"/>
      <c r="Z14396" s="19"/>
      <c r="AA14396" s="19"/>
    </row>
    <row r="14397" spans="1:27" s="1" customFormat="1" ht="11.1" customHeight="1" outlineLevel="4" x14ac:dyDescent="0.2">
      <c r="A14397" s="17"/>
      <c r="B14397" s="17"/>
      <c r="C14397" s="17"/>
      <c r="D14397" s="18"/>
      <c r="E14397" s="18"/>
      <c r="F14397" s="18"/>
      <c r="G14397" s="18"/>
      <c r="H14397" s="18"/>
      <c r="I14397" s="18"/>
      <c r="J14397" s="18"/>
      <c r="K14397" s="18"/>
      <c r="L14397" s="18"/>
      <c r="M14397" s="18"/>
      <c r="N14397" s="18"/>
      <c r="O14397" s="18"/>
      <c r="P14397" s="19"/>
      <c r="Q14397" s="19"/>
      <c r="R14397" s="19"/>
      <c r="S14397" s="19"/>
      <c r="T14397" s="19"/>
      <c r="U14397" s="19"/>
      <c r="V14397" s="19"/>
      <c r="W14397" s="19"/>
      <c r="X14397" s="19"/>
      <c r="Y14397" s="19"/>
      <c r="Z14397" s="19"/>
      <c r="AA14397" s="19"/>
    </row>
    <row r="14398" spans="1:27" s="1" customFormat="1" ht="11.1" customHeight="1" outlineLevel="4" x14ac:dyDescent="0.2">
      <c r="A14398" s="17">
        <v>6911</v>
      </c>
      <c r="B14398" s="17"/>
      <c r="C14398" s="17"/>
      <c r="D14398" s="18" t="s">
        <v>7137</v>
      </c>
      <c r="E14398" s="18"/>
      <c r="F14398" s="18"/>
      <c r="G14398" s="18"/>
      <c r="H14398" s="18"/>
      <c r="I14398" s="18"/>
      <c r="J14398" s="18"/>
      <c r="K14398" s="18"/>
      <c r="L14398" s="18"/>
      <c r="M14398" s="18"/>
      <c r="N14398" s="18"/>
      <c r="O14398" s="18"/>
      <c r="P14398" s="19">
        <v>190</v>
      </c>
      <c r="Q14398" s="19"/>
      <c r="R14398" s="19"/>
      <c r="S14398" s="19"/>
      <c r="T14398" s="19">
        <v>90</v>
      </c>
      <c r="U14398" s="19"/>
      <c r="V14398" s="19"/>
      <c r="W14398" s="19"/>
      <c r="X14398" s="19">
        <v>4</v>
      </c>
      <c r="Y14398" s="19"/>
      <c r="Z14398" s="19"/>
      <c r="AA14398" s="19"/>
    </row>
    <row r="14399" spans="1:27" s="1" customFormat="1" ht="11.1" customHeight="1" outlineLevel="4" x14ac:dyDescent="0.2">
      <c r="A14399" s="17"/>
      <c r="B14399" s="17"/>
      <c r="C14399" s="17"/>
      <c r="D14399" s="18"/>
      <c r="E14399" s="18"/>
      <c r="F14399" s="18"/>
      <c r="G14399" s="18"/>
      <c r="H14399" s="18"/>
      <c r="I14399" s="18"/>
      <c r="J14399" s="18"/>
      <c r="K14399" s="18"/>
      <c r="L14399" s="18"/>
      <c r="M14399" s="18"/>
      <c r="N14399" s="18"/>
      <c r="O14399" s="18"/>
      <c r="P14399" s="19"/>
      <c r="Q14399" s="19"/>
      <c r="R14399" s="19"/>
      <c r="S14399" s="19"/>
      <c r="T14399" s="19"/>
      <c r="U14399" s="19"/>
      <c r="V14399" s="19"/>
      <c r="W14399" s="19"/>
      <c r="X14399" s="19"/>
      <c r="Y14399" s="19"/>
      <c r="Z14399" s="19"/>
      <c r="AA14399" s="19"/>
    </row>
    <row r="14400" spans="1:27" s="1" customFormat="1" ht="11.1" customHeight="1" outlineLevel="4" x14ac:dyDescent="0.2">
      <c r="A14400" s="17">
        <v>17997</v>
      </c>
      <c r="B14400" s="17"/>
      <c r="C14400" s="17"/>
      <c r="D14400" s="18" t="s">
        <v>7138</v>
      </c>
      <c r="E14400" s="18"/>
      <c r="F14400" s="18"/>
      <c r="G14400" s="18"/>
      <c r="H14400" s="18"/>
      <c r="I14400" s="18"/>
      <c r="J14400" s="18"/>
      <c r="K14400" s="18"/>
      <c r="L14400" s="18"/>
      <c r="M14400" s="18"/>
      <c r="N14400" s="18"/>
      <c r="O14400" s="18"/>
      <c r="P14400" s="19">
        <v>450</v>
      </c>
      <c r="Q14400" s="19"/>
      <c r="R14400" s="19"/>
      <c r="S14400" s="19"/>
      <c r="T14400" s="19">
        <v>240</v>
      </c>
      <c r="U14400" s="19"/>
      <c r="V14400" s="19"/>
      <c r="W14400" s="19"/>
      <c r="X14400" s="19">
        <v>5</v>
      </c>
      <c r="Y14400" s="19"/>
      <c r="Z14400" s="19"/>
      <c r="AA14400" s="19"/>
    </row>
    <row r="14401" spans="1:27" s="1" customFormat="1" ht="11.1" customHeight="1" outlineLevel="4" x14ac:dyDescent="0.2">
      <c r="A14401" s="17"/>
      <c r="B14401" s="17"/>
      <c r="C14401" s="17"/>
      <c r="D14401" s="18"/>
      <c r="E14401" s="18"/>
      <c r="F14401" s="18"/>
      <c r="G14401" s="18"/>
      <c r="H14401" s="18"/>
      <c r="I14401" s="18"/>
      <c r="J14401" s="18"/>
      <c r="K14401" s="18"/>
      <c r="L14401" s="18"/>
      <c r="M14401" s="18"/>
      <c r="N14401" s="18"/>
      <c r="O14401" s="18"/>
      <c r="P14401" s="19"/>
      <c r="Q14401" s="19"/>
      <c r="R14401" s="19"/>
      <c r="S14401" s="19"/>
      <c r="T14401" s="19"/>
      <c r="U14401" s="19"/>
      <c r="V14401" s="19"/>
      <c r="W14401" s="19"/>
      <c r="X14401" s="19"/>
      <c r="Y14401" s="19"/>
      <c r="Z14401" s="19"/>
      <c r="AA14401" s="19"/>
    </row>
    <row r="14402" spans="1:27" s="1" customFormat="1" ht="11.1" customHeight="1" outlineLevel="4" x14ac:dyDescent="0.2">
      <c r="A14402" s="17">
        <v>12766</v>
      </c>
      <c r="B14402" s="17"/>
      <c r="C14402" s="17"/>
      <c r="D14402" s="18" t="s">
        <v>7139</v>
      </c>
      <c r="E14402" s="18"/>
      <c r="F14402" s="18"/>
      <c r="G14402" s="18"/>
      <c r="H14402" s="18"/>
      <c r="I14402" s="18"/>
      <c r="J14402" s="18"/>
      <c r="K14402" s="18"/>
      <c r="L14402" s="18"/>
      <c r="M14402" s="18"/>
      <c r="N14402" s="18"/>
      <c r="O14402" s="18"/>
      <c r="P14402" s="19">
        <v>155</v>
      </c>
      <c r="Q14402" s="19"/>
      <c r="R14402" s="19"/>
      <c r="S14402" s="19"/>
      <c r="T14402" s="19">
        <v>70</v>
      </c>
      <c r="U14402" s="19"/>
      <c r="V14402" s="19"/>
      <c r="W14402" s="19"/>
      <c r="X14402" s="19">
        <v>2</v>
      </c>
      <c r="Y14402" s="19"/>
      <c r="Z14402" s="19"/>
      <c r="AA14402" s="19"/>
    </row>
    <row r="14403" spans="1:27" s="1" customFormat="1" ht="11.1" customHeight="1" outlineLevel="4" x14ac:dyDescent="0.2">
      <c r="A14403" s="17"/>
      <c r="B14403" s="17"/>
      <c r="C14403" s="17"/>
      <c r="D14403" s="18"/>
      <c r="E14403" s="18"/>
      <c r="F14403" s="18"/>
      <c r="G14403" s="18"/>
      <c r="H14403" s="18"/>
      <c r="I14403" s="18"/>
      <c r="J14403" s="18"/>
      <c r="K14403" s="18"/>
      <c r="L14403" s="18"/>
      <c r="M14403" s="18"/>
      <c r="N14403" s="18"/>
      <c r="O14403" s="18"/>
      <c r="P14403" s="19"/>
      <c r="Q14403" s="19"/>
      <c r="R14403" s="19"/>
      <c r="S14403" s="19"/>
      <c r="T14403" s="19"/>
      <c r="U14403" s="19"/>
      <c r="V14403" s="19"/>
      <c r="W14403" s="19"/>
      <c r="X14403" s="19"/>
      <c r="Y14403" s="19"/>
      <c r="Z14403" s="19"/>
      <c r="AA14403" s="19"/>
    </row>
    <row r="14404" spans="1:27" s="1" customFormat="1" ht="11.1" customHeight="1" outlineLevel="4" x14ac:dyDescent="0.2">
      <c r="A14404" s="17">
        <v>17996</v>
      </c>
      <c r="B14404" s="17"/>
      <c r="C14404" s="17"/>
      <c r="D14404" s="18" t="s">
        <v>7140</v>
      </c>
      <c r="E14404" s="18"/>
      <c r="F14404" s="18"/>
      <c r="G14404" s="18"/>
      <c r="H14404" s="18"/>
      <c r="I14404" s="18"/>
      <c r="J14404" s="18"/>
      <c r="K14404" s="18"/>
      <c r="L14404" s="18"/>
      <c r="M14404" s="18"/>
      <c r="N14404" s="18"/>
      <c r="O14404" s="18"/>
      <c r="P14404" s="19">
        <v>450</v>
      </c>
      <c r="Q14404" s="19"/>
      <c r="R14404" s="19"/>
      <c r="S14404" s="19"/>
      <c r="T14404" s="19">
        <v>250</v>
      </c>
      <c r="U14404" s="19"/>
      <c r="V14404" s="19"/>
      <c r="W14404" s="19"/>
      <c r="X14404" s="19">
        <v>1</v>
      </c>
      <c r="Y14404" s="19"/>
      <c r="Z14404" s="19"/>
      <c r="AA14404" s="19"/>
    </row>
    <row r="14405" spans="1:27" s="1" customFormat="1" ht="11.1" customHeight="1" outlineLevel="4" x14ac:dyDescent="0.2">
      <c r="A14405" s="17"/>
      <c r="B14405" s="17"/>
      <c r="C14405" s="17"/>
      <c r="D14405" s="18"/>
      <c r="E14405" s="18"/>
      <c r="F14405" s="18"/>
      <c r="G14405" s="18"/>
      <c r="H14405" s="18"/>
      <c r="I14405" s="18"/>
      <c r="J14405" s="18"/>
      <c r="K14405" s="18"/>
      <c r="L14405" s="18"/>
      <c r="M14405" s="18"/>
      <c r="N14405" s="18"/>
      <c r="O14405" s="18"/>
      <c r="P14405" s="19"/>
      <c r="Q14405" s="19"/>
      <c r="R14405" s="19"/>
      <c r="S14405" s="19"/>
      <c r="T14405" s="19"/>
      <c r="U14405" s="19"/>
      <c r="V14405" s="19"/>
      <c r="W14405" s="19"/>
      <c r="X14405" s="19"/>
      <c r="Y14405" s="19"/>
      <c r="Z14405" s="19"/>
      <c r="AA14405" s="19"/>
    </row>
    <row r="14406" spans="1:27" s="1" customFormat="1" ht="11.1" customHeight="1" outlineLevel="4" x14ac:dyDescent="0.2">
      <c r="A14406" s="17">
        <v>18220</v>
      </c>
      <c r="B14406" s="17"/>
      <c r="C14406" s="17"/>
      <c r="D14406" s="18" t="s">
        <v>7141</v>
      </c>
      <c r="E14406" s="18"/>
      <c r="F14406" s="18"/>
      <c r="G14406" s="18"/>
      <c r="H14406" s="18"/>
      <c r="I14406" s="18"/>
      <c r="J14406" s="18"/>
      <c r="K14406" s="18"/>
      <c r="L14406" s="18"/>
      <c r="M14406" s="18"/>
      <c r="N14406" s="18"/>
      <c r="O14406" s="18"/>
      <c r="P14406" s="19">
        <v>350</v>
      </c>
      <c r="Q14406" s="19"/>
      <c r="R14406" s="19"/>
      <c r="S14406" s="19"/>
      <c r="T14406" s="19">
        <v>170</v>
      </c>
      <c r="U14406" s="19"/>
      <c r="V14406" s="19"/>
      <c r="W14406" s="19"/>
      <c r="X14406" s="19">
        <v>10</v>
      </c>
      <c r="Y14406" s="19"/>
      <c r="Z14406" s="19"/>
      <c r="AA14406" s="19"/>
    </row>
    <row r="14407" spans="1:27" s="1" customFormat="1" ht="11.1" customHeight="1" outlineLevel="4" x14ac:dyDescent="0.2">
      <c r="A14407" s="17"/>
      <c r="B14407" s="17"/>
      <c r="C14407" s="17"/>
      <c r="D14407" s="18"/>
      <c r="E14407" s="18"/>
      <c r="F14407" s="18"/>
      <c r="G14407" s="18"/>
      <c r="H14407" s="18"/>
      <c r="I14407" s="18"/>
      <c r="J14407" s="18"/>
      <c r="K14407" s="18"/>
      <c r="L14407" s="18"/>
      <c r="M14407" s="18"/>
      <c r="N14407" s="18"/>
      <c r="O14407" s="18"/>
      <c r="P14407" s="19"/>
      <c r="Q14407" s="19"/>
      <c r="R14407" s="19"/>
      <c r="S14407" s="19"/>
      <c r="T14407" s="19"/>
      <c r="U14407" s="19"/>
      <c r="V14407" s="19"/>
      <c r="W14407" s="19"/>
      <c r="X14407" s="19"/>
      <c r="Y14407" s="19"/>
      <c r="Z14407" s="19"/>
      <c r="AA14407" s="19"/>
    </row>
    <row r="14408" spans="1:27" s="1" customFormat="1" ht="11.1" customHeight="1" outlineLevel="4" x14ac:dyDescent="0.2">
      <c r="A14408" s="17">
        <v>7333</v>
      </c>
      <c r="B14408" s="17"/>
      <c r="C14408" s="17"/>
      <c r="D14408" s="18" t="s">
        <v>7142</v>
      </c>
      <c r="E14408" s="18"/>
      <c r="F14408" s="18"/>
      <c r="G14408" s="18"/>
      <c r="H14408" s="18"/>
      <c r="I14408" s="18"/>
      <c r="J14408" s="18"/>
      <c r="K14408" s="18"/>
      <c r="L14408" s="18"/>
      <c r="M14408" s="18"/>
      <c r="N14408" s="18"/>
      <c r="O14408" s="18"/>
      <c r="P14408" s="19">
        <v>350</v>
      </c>
      <c r="Q14408" s="19"/>
      <c r="R14408" s="19"/>
      <c r="S14408" s="19"/>
      <c r="T14408" s="19">
        <v>200</v>
      </c>
      <c r="U14408" s="19"/>
      <c r="V14408" s="19"/>
      <c r="W14408" s="19"/>
      <c r="X14408" s="19">
        <v>14</v>
      </c>
      <c r="Y14408" s="19"/>
      <c r="Z14408" s="19"/>
      <c r="AA14408" s="19"/>
    </row>
    <row r="14409" spans="1:27" s="1" customFormat="1" ht="11.1" customHeight="1" outlineLevel="4" x14ac:dyDescent="0.2">
      <c r="A14409" s="17"/>
      <c r="B14409" s="17"/>
      <c r="C14409" s="17"/>
      <c r="D14409" s="18"/>
      <c r="E14409" s="18"/>
      <c r="F14409" s="18"/>
      <c r="G14409" s="18"/>
      <c r="H14409" s="18"/>
      <c r="I14409" s="18"/>
      <c r="J14409" s="18"/>
      <c r="K14409" s="18"/>
      <c r="L14409" s="18"/>
      <c r="M14409" s="18"/>
      <c r="N14409" s="18"/>
      <c r="O14409" s="18"/>
      <c r="P14409" s="19"/>
      <c r="Q14409" s="19"/>
      <c r="R14409" s="19"/>
      <c r="S14409" s="19"/>
      <c r="T14409" s="19"/>
      <c r="U14409" s="19"/>
      <c r="V14409" s="19"/>
      <c r="W14409" s="19"/>
      <c r="X14409" s="19"/>
      <c r="Y14409" s="19"/>
      <c r="Z14409" s="19"/>
      <c r="AA14409" s="19"/>
    </row>
    <row r="14410" spans="1:27" s="1" customFormat="1" ht="11.1" customHeight="1" outlineLevel="4" x14ac:dyDescent="0.2">
      <c r="A14410" s="17">
        <v>13041</v>
      </c>
      <c r="B14410" s="17"/>
      <c r="C14410" s="17"/>
      <c r="D14410" s="18" t="s">
        <v>7143</v>
      </c>
      <c r="E14410" s="18"/>
      <c r="F14410" s="18"/>
      <c r="G14410" s="18"/>
      <c r="H14410" s="18"/>
      <c r="I14410" s="18"/>
      <c r="J14410" s="18"/>
      <c r="K14410" s="18"/>
      <c r="L14410" s="18"/>
      <c r="M14410" s="18"/>
      <c r="N14410" s="18"/>
      <c r="O14410" s="18"/>
      <c r="P14410" s="19">
        <v>210</v>
      </c>
      <c r="Q14410" s="19"/>
      <c r="R14410" s="19"/>
      <c r="S14410" s="19"/>
      <c r="T14410" s="19">
        <v>95</v>
      </c>
      <c r="U14410" s="19"/>
      <c r="V14410" s="19"/>
      <c r="W14410" s="19"/>
      <c r="X14410" s="19">
        <v>5</v>
      </c>
      <c r="Y14410" s="19"/>
      <c r="Z14410" s="19"/>
      <c r="AA14410" s="19"/>
    </row>
    <row r="14411" spans="1:27" s="1" customFormat="1" ht="11.1" customHeight="1" outlineLevel="4" x14ac:dyDescent="0.2">
      <c r="A14411" s="17"/>
      <c r="B14411" s="17"/>
      <c r="C14411" s="17"/>
      <c r="D14411" s="18"/>
      <c r="E14411" s="18"/>
      <c r="F14411" s="18"/>
      <c r="G14411" s="18"/>
      <c r="H14411" s="18"/>
      <c r="I14411" s="18"/>
      <c r="J14411" s="18"/>
      <c r="K14411" s="18"/>
      <c r="L14411" s="18"/>
      <c r="M14411" s="18"/>
      <c r="N14411" s="18"/>
      <c r="O14411" s="18"/>
      <c r="P14411" s="19"/>
      <c r="Q14411" s="19"/>
      <c r="R14411" s="19"/>
      <c r="S14411" s="19"/>
      <c r="T14411" s="19"/>
      <c r="U14411" s="19"/>
      <c r="V14411" s="19"/>
      <c r="W14411" s="19"/>
      <c r="X14411" s="19"/>
      <c r="Y14411" s="19"/>
      <c r="Z14411" s="19"/>
      <c r="AA14411" s="19"/>
    </row>
    <row r="14412" spans="1:27" s="1" customFormat="1" ht="11.1" customHeight="1" outlineLevel="4" x14ac:dyDescent="0.2">
      <c r="A14412" s="17">
        <v>12767</v>
      </c>
      <c r="B14412" s="17"/>
      <c r="C14412" s="17"/>
      <c r="D14412" s="18" t="s">
        <v>7144</v>
      </c>
      <c r="E14412" s="18"/>
      <c r="F14412" s="18"/>
      <c r="G14412" s="18"/>
      <c r="H14412" s="18"/>
      <c r="I14412" s="18"/>
      <c r="J14412" s="18"/>
      <c r="K14412" s="18"/>
      <c r="L14412" s="18"/>
      <c r="M14412" s="18"/>
      <c r="N14412" s="18"/>
      <c r="O14412" s="18"/>
      <c r="P14412" s="19">
        <v>220</v>
      </c>
      <c r="Q14412" s="19"/>
      <c r="R14412" s="19"/>
      <c r="S14412" s="19"/>
      <c r="T14412" s="19">
        <v>115</v>
      </c>
      <c r="U14412" s="19"/>
      <c r="V14412" s="19"/>
      <c r="W14412" s="19"/>
      <c r="X14412" s="19">
        <v>4</v>
      </c>
      <c r="Y14412" s="19"/>
      <c r="Z14412" s="19"/>
      <c r="AA14412" s="19"/>
    </row>
    <row r="14413" spans="1:27" s="1" customFormat="1" ht="11.1" customHeight="1" outlineLevel="4" x14ac:dyDescent="0.2">
      <c r="A14413" s="17"/>
      <c r="B14413" s="17"/>
      <c r="C14413" s="17"/>
      <c r="D14413" s="18"/>
      <c r="E14413" s="18"/>
      <c r="F14413" s="18"/>
      <c r="G14413" s="18"/>
      <c r="H14413" s="18"/>
      <c r="I14413" s="18"/>
      <c r="J14413" s="18"/>
      <c r="K14413" s="18"/>
      <c r="L14413" s="18"/>
      <c r="M14413" s="18"/>
      <c r="N14413" s="18"/>
      <c r="O14413" s="18"/>
      <c r="P14413" s="19"/>
      <c r="Q14413" s="19"/>
      <c r="R14413" s="19"/>
      <c r="S14413" s="19"/>
      <c r="T14413" s="19"/>
      <c r="U14413" s="19"/>
      <c r="V14413" s="19"/>
      <c r="W14413" s="19"/>
      <c r="X14413" s="19"/>
      <c r="Y14413" s="19"/>
      <c r="Z14413" s="19"/>
      <c r="AA14413" s="19"/>
    </row>
    <row r="14414" spans="1:27" s="1" customFormat="1" ht="11.1" customHeight="1" outlineLevel="4" x14ac:dyDescent="0.2">
      <c r="A14414" s="17">
        <v>7097</v>
      </c>
      <c r="B14414" s="17"/>
      <c r="C14414" s="17"/>
      <c r="D14414" s="18" t="s">
        <v>7145</v>
      </c>
      <c r="E14414" s="18"/>
      <c r="F14414" s="18"/>
      <c r="G14414" s="18"/>
      <c r="H14414" s="18"/>
      <c r="I14414" s="18"/>
      <c r="J14414" s="18"/>
      <c r="K14414" s="18"/>
      <c r="L14414" s="18"/>
      <c r="M14414" s="18"/>
      <c r="N14414" s="18"/>
      <c r="O14414" s="18"/>
      <c r="P14414" s="19">
        <v>220</v>
      </c>
      <c r="Q14414" s="19"/>
      <c r="R14414" s="19"/>
      <c r="S14414" s="19"/>
      <c r="T14414" s="19">
        <v>105</v>
      </c>
      <c r="U14414" s="19"/>
      <c r="V14414" s="19"/>
      <c r="W14414" s="19"/>
      <c r="X14414" s="19">
        <v>1</v>
      </c>
      <c r="Y14414" s="19"/>
      <c r="Z14414" s="19"/>
      <c r="AA14414" s="19"/>
    </row>
    <row r="14415" spans="1:27" s="1" customFormat="1" ht="11.1" customHeight="1" outlineLevel="4" x14ac:dyDescent="0.2">
      <c r="A14415" s="17"/>
      <c r="B14415" s="17"/>
      <c r="C14415" s="17"/>
      <c r="D14415" s="18"/>
      <c r="E14415" s="18"/>
      <c r="F14415" s="18"/>
      <c r="G14415" s="18"/>
      <c r="H14415" s="18"/>
      <c r="I14415" s="18"/>
      <c r="J14415" s="18"/>
      <c r="K14415" s="18"/>
      <c r="L14415" s="18"/>
      <c r="M14415" s="18"/>
      <c r="N14415" s="18"/>
      <c r="O14415" s="18"/>
      <c r="P14415" s="19"/>
      <c r="Q14415" s="19"/>
      <c r="R14415" s="19"/>
      <c r="S14415" s="19"/>
      <c r="T14415" s="19"/>
      <c r="U14415" s="19"/>
      <c r="V14415" s="19"/>
      <c r="W14415" s="19"/>
      <c r="X14415" s="19"/>
      <c r="Y14415" s="19"/>
      <c r="Z14415" s="19"/>
      <c r="AA14415" s="19"/>
    </row>
    <row r="14416" spans="1:27" s="1" customFormat="1" ht="11.1" customHeight="1" outlineLevel="4" x14ac:dyDescent="0.2">
      <c r="A14416" s="17">
        <v>10372</v>
      </c>
      <c r="B14416" s="17"/>
      <c r="C14416" s="17"/>
      <c r="D14416" s="18" t="s">
        <v>7146</v>
      </c>
      <c r="E14416" s="18"/>
      <c r="F14416" s="18"/>
      <c r="G14416" s="18"/>
      <c r="H14416" s="18"/>
      <c r="I14416" s="18"/>
      <c r="J14416" s="18"/>
      <c r="K14416" s="18"/>
      <c r="L14416" s="18"/>
      <c r="M14416" s="18"/>
      <c r="N14416" s="18"/>
      <c r="O14416" s="18"/>
      <c r="P14416" s="19">
        <v>185</v>
      </c>
      <c r="Q14416" s="19"/>
      <c r="R14416" s="19"/>
      <c r="S14416" s="19"/>
      <c r="T14416" s="19">
        <v>80</v>
      </c>
      <c r="U14416" s="19"/>
      <c r="V14416" s="19"/>
      <c r="W14416" s="19"/>
      <c r="X14416" s="19">
        <v>9</v>
      </c>
      <c r="Y14416" s="19"/>
      <c r="Z14416" s="19"/>
      <c r="AA14416" s="19"/>
    </row>
    <row r="14417" spans="1:27" s="1" customFormat="1" ht="11.1" customHeight="1" outlineLevel="4" x14ac:dyDescent="0.2">
      <c r="A14417" s="17"/>
      <c r="B14417" s="17"/>
      <c r="C14417" s="17"/>
      <c r="D14417" s="18"/>
      <c r="E14417" s="18"/>
      <c r="F14417" s="18"/>
      <c r="G14417" s="18"/>
      <c r="H14417" s="18"/>
      <c r="I14417" s="18"/>
      <c r="J14417" s="18"/>
      <c r="K14417" s="18"/>
      <c r="L14417" s="18"/>
      <c r="M14417" s="18"/>
      <c r="N14417" s="18"/>
      <c r="O14417" s="18"/>
      <c r="P14417" s="19"/>
      <c r="Q14417" s="19"/>
      <c r="R14417" s="19"/>
      <c r="S14417" s="19"/>
      <c r="T14417" s="19"/>
      <c r="U14417" s="19"/>
      <c r="V14417" s="19"/>
      <c r="W14417" s="19"/>
      <c r="X14417" s="19"/>
      <c r="Y14417" s="19"/>
      <c r="Z14417" s="19"/>
      <c r="AA14417" s="19"/>
    </row>
    <row r="14418" spans="1:27" s="1" customFormat="1" ht="11.1" customHeight="1" outlineLevel="4" x14ac:dyDescent="0.2">
      <c r="A14418" s="17">
        <v>10033</v>
      </c>
      <c r="B14418" s="17"/>
      <c r="C14418" s="17"/>
      <c r="D14418" s="18" t="s">
        <v>7147</v>
      </c>
      <c r="E14418" s="18"/>
      <c r="F14418" s="18"/>
      <c r="G14418" s="18"/>
      <c r="H14418" s="18"/>
      <c r="I14418" s="18"/>
      <c r="J14418" s="18"/>
      <c r="K14418" s="18"/>
      <c r="L14418" s="18"/>
      <c r="M14418" s="18"/>
      <c r="N14418" s="18"/>
      <c r="O14418" s="18"/>
      <c r="P14418" s="19">
        <v>190</v>
      </c>
      <c r="Q14418" s="19"/>
      <c r="R14418" s="19"/>
      <c r="S14418" s="19"/>
      <c r="T14418" s="19">
        <v>80</v>
      </c>
      <c r="U14418" s="19"/>
      <c r="V14418" s="19"/>
      <c r="W14418" s="19"/>
      <c r="X14418" s="19">
        <v>10</v>
      </c>
      <c r="Y14418" s="19"/>
      <c r="Z14418" s="19"/>
      <c r="AA14418" s="19"/>
    </row>
    <row r="14419" spans="1:27" s="1" customFormat="1" ht="11.1" customHeight="1" outlineLevel="4" x14ac:dyDescent="0.2">
      <c r="A14419" s="17"/>
      <c r="B14419" s="17"/>
      <c r="C14419" s="17"/>
      <c r="D14419" s="18"/>
      <c r="E14419" s="18"/>
      <c r="F14419" s="18"/>
      <c r="G14419" s="18"/>
      <c r="H14419" s="18"/>
      <c r="I14419" s="18"/>
      <c r="J14419" s="18"/>
      <c r="K14419" s="18"/>
      <c r="L14419" s="18"/>
      <c r="M14419" s="18"/>
      <c r="N14419" s="18"/>
      <c r="O14419" s="18"/>
      <c r="P14419" s="19"/>
      <c r="Q14419" s="19"/>
      <c r="R14419" s="19"/>
      <c r="S14419" s="19"/>
      <c r="T14419" s="19"/>
      <c r="U14419" s="19"/>
      <c r="V14419" s="19"/>
      <c r="W14419" s="19"/>
      <c r="X14419" s="19"/>
      <c r="Y14419" s="19"/>
      <c r="Z14419" s="19"/>
      <c r="AA14419" s="19"/>
    </row>
    <row r="14420" spans="1:27" s="1" customFormat="1" ht="11.1" customHeight="1" outlineLevel="4" x14ac:dyDescent="0.2">
      <c r="A14420" s="17">
        <v>10374</v>
      </c>
      <c r="B14420" s="17"/>
      <c r="C14420" s="17"/>
      <c r="D14420" s="18" t="s">
        <v>7148</v>
      </c>
      <c r="E14420" s="18"/>
      <c r="F14420" s="18"/>
      <c r="G14420" s="18"/>
      <c r="H14420" s="18"/>
      <c r="I14420" s="18"/>
      <c r="J14420" s="18"/>
      <c r="K14420" s="18"/>
      <c r="L14420" s="18"/>
      <c r="M14420" s="18"/>
      <c r="N14420" s="18"/>
      <c r="O14420" s="18"/>
      <c r="P14420" s="19">
        <v>180</v>
      </c>
      <c r="Q14420" s="19"/>
      <c r="R14420" s="19"/>
      <c r="S14420" s="19"/>
      <c r="T14420" s="19">
        <v>73</v>
      </c>
      <c r="U14420" s="19"/>
      <c r="V14420" s="19"/>
      <c r="W14420" s="19"/>
      <c r="X14420" s="19">
        <v>2</v>
      </c>
      <c r="Y14420" s="19"/>
      <c r="Z14420" s="19"/>
      <c r="AA14420" s="19"/>
    </row>
    <row r="14421" spans="1:27" s="1" customFormat="1" ht="11.1" customHeight="1" outlineLevel="4" x14ac:dyDescent="0.2">
      <c r="A14421" s="17"/>
      <c r="B14421" s="17"/>
      <c r="C14421" s="17"/>
      <c r="D14421" s="18"/>
      <c r="E14421" s="18"/>
      <c r="F14421" s="18"/>
      <c r="G14421" s="18"/>
      <c r="H14421" s="18"/>
      <c r="I14421" s="18"/>
      <c r="J14421" s="18"/>
      <c r="K14421" s="18"/>
      <c r="L14421" s="18"/>
      <c r="M14421" s="18"/>
      <c r="N14421" s="18"/>
      <c r="O14421" s="18"/>
      <c r="P14421" s="19"/>
      <c r="Q14421" s="19"/>
      <c r="R14421" s="19"/>
      <c r="S14421" s="19"/>
      <c r="T14421" s="19"/>
      <c r="U14421" s="19"/>
      <c r="V14421" s="19"/>
      <c r="W14421" s="19"/>
      <c r="X14421" s="19"/>
      <c r="Y14421" s="19"/>
      <c r="Z14421" s="19"/>
      <c r="AA14421" s="19"/>
    </row>
    <row r="14422" spans="1:27" s="1" customFormat="1" ht="11.1" customHeight="1" outlineLevel="4" x14ac:dyDescent="0.2">
      <c r="A14422" s="17">
        <v>17992</v>
      </c>
      <c r="B14422" s="17"/>
      <c r="C14422" s="17"/>
      <c r="D14422" s="18" t="s">
        <v>7149</v>
      </c>
      <c r="E14422" s="18"/>
      <c r="F14422" s="18"/>
      <c r="G14422" s="18"/>
      <c r="H14422" s="18"/>
      <c r="I14422" s="18"/>
      <c r="J14422" s="18"/>
      <c r="K14422" s="18"/>
      <c r="L14422" s="18"/>
      <c r="M14422" s="18"/>
      <c r="N14422" s="18"/>
      <c r="O14422" s="18"/>
      <c r="P14422" s="19">
        <v>290</v>
      </c>
      <c r="Q14422" s="19"/>
      <c r="R14422" s="19"/>
      <c r="S14422" s="19"/>
      <c r="T14422" s="19">
        <v>150</v>
      </c>
      <c r="U14422" s="19"/>
      <c r="V14422" s="19"/>
      <c r="W14422" s="19"/>
      <c r="X14422" s="19">
        <v>3</v>
      </c>
      <c r="Y14422" s="19"/>
      <c r="Z14422" s="19"/>
      <c r="AA14422" s="19"/>
    </row>
    <row r="14423" spans="1:27" s="1" customFormat="1" ht="11.1" customHeight="1" outlineLevel="4" x14ac:dyDescent="0.2">
      <c r="A14423" s="17"/>
      <c r="B14423" s="17"/>
      <c r="C14423" s="17"/>
      <c r="D14423" s="18"/>
      <c r="E14423" s="18"/>
      <c r="F14423" s="18"/>
      <c r="G14423" s="18"/>
      <c r="H14423" s="18"/>
      <c r="I14423" s="18"/>
      <c r="J14423" s="18"/>
      <c r="K14423" s="18"/>
      <c r="L14423" s="18"/>
      <c r="M14423" s="18"/>
      <c r="N14423" s="18"/>
      <c r="O14423" s="18"/>
      <c r="P14423" s="19"/>
      <c r="Q14423" s="19"/>
      <c r="R14423" s="19"/>
      <c r="S14423" s="19"/>
      <c r="T14423" s="19"/>
      <c r="U14423" s="19"/>
      <c r="V14423" s="19"/>
      <c r="W14423" s="19"/>
      <c r="X14423" s="19"/>
      <c r="Y14423" s="19"/>
      <c r="Z14423" s="19"/>
      <c r="AA14423" s="19"/>
    </row>
    <row r="14424" spans="1:27" s="1" customFormat="1" ht="11.1" customHeight="1" outlineLevel="4" x14ac:dyDescent="0.2">
      <c r="A14424" s="17">
        <v>11484</v>
      </c>
      <c r="B14424" s="17"/>
      <c r="C14424" s="17"/>
      <c r="D14424" s="18" t="s">
        <v>7150</v>
      </c>
      <c r="E14424" s="18"/>
      <c r="F14424" s="18"/>
      <c r="G14424" s="18"/>
      <c r="H14424" s="18"/>
      <c r="I14424" s="18"/>
      <c r="J14424" s="18"/>
      <c r="K14424" s="18"/>
      <c r="L14424" s="18"/>
      <c r="M14424" s="18"/>
      <c r="N14424" s="18"/>
      <c r="O14424" s="18"/>
      <c r="P14424" s="19">
        <v>265</v>
      </c>
      <c r="Q14424" s="19"/>
      <c r="R14424" s="19"/>
      <c r="S14424" s="19"/>
      <c r="T14424" s="19">
        <v>180</v>
      </c>
      <c r="U14424" s="19"/>
      <c r="V14424" s="19"/>
      <c r="W14424" s="19"/>
      <c r="X14424" s="19">
        <v>1</v>
      </c>
      <c r="Y14424" s="19"/>
      <c r="Z14424" s="19"/>
      <c r="AA14424" s="19"/>
    </row>
    <row r="14425" spans="1:27" s="1" customFormat="1" ht="11.1" customHeight="1" outlineLevel="4" x14ac:dyDescent="0.2">
      <c r="A14425" s="17"/>
      <c r="B14425" s="17"/>
      <c r="C14425" s="17"/>
      <c r="D14425" s="18"/>
      <c r="E14425" s="18"/>
      <c r="F14425" s="18"/>
      <c r="G14425" s="18"/>
      <c r="H14425" s="18"/>
      <c r="I14425" s="18"/>
      <c r="J14425" s="18"/>
      <c r="K14425" s="18"/>
      <c r="L14425" s="18"/>
      <c r="M14425" s="18"/>
      <c r="N14425" s="18"/>
      <c r="O14425" s="18"/>
      <c r="P14425" s="19"/>
      <c r="Q14425" s="19"/>
      <c r="R14425" s="19"/>
      <c r="S14425" s="19"/>
      <c r="T14425" s="19"/>
      <c r="U14425" s="19"/>
      <c r="V14425" s="19"/>
      <c r="W14425" s="19"/>
      <c r="X14425" s="19"/>
      <c r="Y14425" s="19"/>
      <c r="Z14425" s="19"/>
      <c r="AA14425" s="19"/>
    </row>
    <row r="14426" spans="1:27" s="1" customFormat="1" ht="11.1" customHeight="1" outlineLevel="4" x14ac:dyDescent="0.2">
      <c r="A14426" s="17">
        <v>10370</v>
      </c>
      <c r="B14426" s="17"/>
      <c r="C14426" s="17"/>
      <c r="D14426" s="18" t="s">
        <v>7151</v>
      </c>
      <c r="E14426" s="18"/>
      <c r="F14426" s="18"/>
      <c r="G14426" s="18"/>
      <c r="H14426" s="18"/>
      <c r="I14426" s="18"/>
      <c r="J14426" s="18"/>
      <c r="K14426" s="18"/>
      <c r="L14426" s="18"/>
      <c r="M14426" s="18"/>
      <c r="N14426" s="18"/>
      <c r="O14426" s="18"/>
      <c r="P14426" s="19">
        <v>230</v>
      </c>
      <c r="Q14426" s="19"/>
      <c r="R14426" s="19"/>
      <c r="S14426" s="19"/>
      <c r="T14426" s="19">
        <v>130</v>
      </c>
      <c r="U14426" s="19"/>
      <c r="V14426" s="19"/>
      <c r="W14426" s="19"/>
      <c r="X14426" s="19">
        <v>2</v>
      </c>
      <c r="Y14426" s="19"/>
      <c r="Z14426" s="19"/>
      <c r="AA14426" s="19"/>
    </row>
    <row r="14427" spans="1:27" s="1" customFormat="1" ht="11.1" customHeight="1" outlineLevel="4" x14ac:dyDescent="0.2">
      <c r="A14427" s="17"/>
      <c r="B14427" s="17"/>
      <c r="C14427" s="17"/>
      <c r="D14427" s="18"/>
      <c r="E14427" s="18"/>
      <c r="F14427" s="18"/>
      <c r="G14427" s="18"/>
      <c r="H14427" s="18"/>
      <c r="I14427" s="18"/>
      <c r="J14427" s="18"/>
      <c r="K14427" s="18"/>
      <c r="L14427" s="18"/>
      <c r="M14427" s="18"/>
      <c r="N14427" s="18"/>
      <c r="O14427" s="18"/>
      <c r="P14427" s="19"/>
      <c r="Q14427" s="19"/>
      <c r="R14427" s="19"/>
      <c r="S14427" s="19"/>
      <c r="T14427" s="19"/>
      <c r="U14427" s="19"/>
      <c r="V14427" s="19"/>
      <c r="W14427" s="19"/>
      <c r="X14427" s="19"/>
      <c r="Y14427" s="19"/>
      <c r="Z14427" s="19"/>
      <c r="AA14427" s="19"/>
    </row>
    <row r="14428" spans="1:27" s="1" customFormat="1" ht="11.1" customHeight="1" outlineLevel="4" x14ac:dyDescent="0.2">
      <c r="A14428" s="17">
        <v>10369</v>
      </c>
      <c r="B14428" s="17"/>
      <c r="C14428" s="17"/>
      <c r="D14428" s="18" t="s">
        <v>7152</v>
      </c>
      <c r="E14428" s="18"/>
      <c r="F14428" s="18"/>
      <c r="G14428" s="18"/>
      <c r="H14428" s="18"/>
      <c r="I14428" s="18"/>
      <c r="J14428" s="18"/>
      <c r="K14428" s="18"/>
      <c r="L14428" s="18"/>
      <c r="M14428" s="18"/>
      <c r="N14428" s="18"/>
      <c r="O14428" s="18"/>
      <c r="P14428" s="19">
        <v>255</v>
      </c>
      <c r="Q14428" s="19"/>
      <c r="R14428" s="19"/>
      <c r="S14428" s="19"/>
      <c r="T14428" s="19">
        <v>140</v>
      </c>
      <c r="U14428" s="19"/>
      <c r="V14428" s="19"/>
      <c r="W14428" s="19"/>
      <c r="X14428" s="19">
        <v>3</v>
      </c>
      <c r="Y14428" s="19"/>
      <c r="Z14428" s="19"/>
      <c r="AA14428" s="19"/>
    </row>
    <row r="14429" spans="1:27" s="1" customFormat="1" ht="11.1" customHeight="1" outlineLevel="4" x14ac:dyDescent="0.2">
      <c r="A14429" s="17"/>
      <c r="B14429" s="17"/>
      <c r="C14429" s="17"/>
      <c r="D14429" s="18"/>
      <c r="E14429" s="18"/>
      <c r="F14429" s="18"/>
      <c r="G14429" s="18"/>
      <c r="H14429" s="18"/>
      <c r="I14429" s="18"/>
      <c r="J14429" s="18"/>
      <c r="K14429" s="18"/>
      <c r="L14429" s="18"/>
      <c r="M14429" s="18"/>
      <c r="N14429" s="18"/>
      <c r="O14429" s="18"/>
      <c r="P14429" s="19"/>
      <c r="Q14429" s="19"/>
      <c r="R14429" s="19"/>
      <c r="S14429" s="19"/>
      <c r="T14429" s="19"/>
      <c r="U14429" s="19"/>
      <c r="V14429" s="19"/>
      <c r="W14429" s="19"/>
      <c r="X14429" s="19"/>
      <c r="Y14429" s="19"/>
      <c r="Z14429" s="19"/>
      <c r="AA14429" s="19"/>
    </row>
    <row r="14430" spans="1:27" s="1" customFormat="1" ht="11.1" customHeight="1" outlineLevel="4" x14ac:dyDescent="0.2">
      <c r="A14430" s="17">
        <v>7217</v>
      </c>
      <c r="B14430" s="17"/>
      <c r="C14430" s="17"/>
      <c r="D14430" s="18" t="s">
        <v>7153</v>
      </c>
      <c r="E14430" s="18"/>
      <c r="F14430" s="18"/>
      <c r="G14430" s="18"/>
      <c r="H14430" s="18"/>
      <c r="I14430" s="18"/>
      <c r="J14430" s="18"/>
      <c r="K14430" s="18"/>
      <c r="L14430" s="18"/>
      <c r="M14430" s="18"/>
      <c r="N14430" s="18"/>
      <c r="O14430" s="18"/>
      <c r="P14430" s="19">
        <v>188</v>
      </c>
      <c r="Q14430" s="19"/>
      <c r="R14430" s="19"/>
      <c r="S14430" s="19"/>
      <c r="T14430" s="19">
        <v>88</v>
      </c>
      <c r="U14430" s="19"/>
      <c r="V14430" s="19"/>
      <c r="W14430" s="19"/>
      <c r="X14430" s="19">
        <v>1</v>
      </c>
      <c r="Y14430" s="19"/>
      <c r="Z14430" s="19"/>
      <c r="AA14430" s="19"/>
    </row>
    <row r="14431" spans="1:27" s="1" customFormat="1" ht="11.1" customHeight="1" outlineLevel="4" x14ac:dyDescent="0.2">
      <c r="A14431" s="17"/>
      <c r="B14431" s="17"/>
      <c r="C14431" s="17"/>
      <c r="D14431" s="18"/>
      <c r="E14431" s="18"/>
      <c r="F14431" s="18"/>
      <c r="G14431" s="18"/>
      <c r="H14431" s="18"/>
      <c r="I14431" s="18"/>
      <c r="J14431" s="18"/>
      <c r="K14431" s="18"/>
      <c r="L14431" s="18"/>
      <c r="M14431" s="18"/>
      <c r="N14431" s="18"/>
      <c r="O14431" s="18"/>
      <c r="P14431" s="19"/>
      <c r="Q14431" s="19"/>
      <c r="R14431" s="19"/>
      <c r="S14431" s="19"/>
      <c r="T14431" s="19"/>
      <c r="U14431" s="19"/>
      <c r="V14431" s="19"/>
      <c r="W14431" s="19"/>
      <c r="X14431" s="19"/>
      <c r="Y14431" s="19"/>
      <c r="Z14431" s="19"/>
      <c r="AA14431" s="19"/>
    </row>
    <row r="14432" spans="1:27" s="1" customFormat="1" ht="11.1" customHeight="1" outlineLevel="4" x14ac:dyDescent="0.2">
      <c r="A14432" s="17">
        <v>13266</v>
      </c>
      <c r="B14432" s="17"/>
      <c r="C14432" s="17"/>
      <c r="D14432" s="18" t="s">
        <v>7154</v>
      </c>
      <c r="E14432" s="18"/>
      <c r="F14432" s="18"/>
      <c r="G14432" s="18"/>
      <c r="H14432" s="18"/>
      <c r="I14432" s="18"/>
      <c r="J14432" s="18"/>
      <c r="K14432" s="18"/>
      <c r="L14432" s="18"/>
      <c r="M14432" s="18"/>
      <c r="N14432" s="18"/>
      <c r="O14432" s="18"/>
      <c r="P14432" s="19">
        <v>190</v>
      </c>
      <c r="Q14432" s="19"/>
      <c r="R14432" s="19"/>
      <c r="S14432" s="19"/>
      <c r="T14432" s="19">
        <v>80</v>
      </c>
      <c r="U14432" s="19"/>
      <c r="V14432" s="19"/>
      <c r="W14432" s="19"/>
      <c r="X14432" s="19">
        <v>5</v>
      </c>
      <c r="Y14432" s="19"/>
      <c r="Z14432" s="19"/>
      <c r="AA14432" s="19"/>
    </row>
    <row r="14433" spans="1:27" s="1" customFormat="1" ht="11.1" customHeight="1" outlineLevel="4" x14ac:dyDescent="0.2">
      <c r="A14433" s="17"/>
      <c r="B14433" s="17"/>
      <c r="C14433" s="17"/>
      <c r="D14433" s="18"/>
      <c r="E14433" s="18"/>
      <c r="F14433" s="18"/>
      <c r="G14433" s="18"/>
      <c r="H14433" s="18"/>
      <c r="I14433" s="18"/>
      <c r="J14433" s="18"/>
      <c r="K14433" s="18"/>
      <c r="L14433" s="18"/>
      <c r="M14433" s="18"/>
      <c r="N14433" s="18"/>
      <c r="O14433" s="18"/>
      <c r="P14433" s="19"/>
      <c r="Q14433" s="19"/>
      <c r="R14433" s="19"/>
      <c r="S14433" s="19"/>
      <c r="T14433" s="19"/>
      <c r="U14433" s="19"/>
      <c r="V14433" s="19"/>
      <c r="W14433" s="19"/>
      <c r="X14433" s="19"/>
      <c r="Y14433" s="19"/>
      <c r="Z14433" s="19"/>
      <c r="AA14433" s="19"/>
    </row>
    <row r="14434" spans="1:27" s="1" customFormat="1" ht="11.1" customHeight="1" outlineLevel="4" x14ac:dyDescent="0.2">
      <c r="A14434" s="17">
        <v>10837</v>
      </c>
      <c r="B14434" s="17"/>
      <c r="C14434" s="17"/>
      <c r="D14434" s="18" t="s">
        <v>7155</v>
      </c>
      <c r="E14434" s="18"/>
      <c r="F14434" s="18"/>
      <c r="G14434" s="18"/>
      <c r="H14434" s="18"/>
      <c r="I14434" s="18"/>
      <c r="J14434" s="18"/>
      <c r="K14434" s="18"/>
      <c r="L14434" s="18"/>
      <c r="M14434" s="18"/>
      <c r="N14434" s="18"/>
      <c r="O14434" s="18"/>
      <c r="P14434" s="19">
        <v>210</v>
      </c>
      <c r="Q14434" s="19"/>
      <c r="R14434" s="19"/>
      <c r="S14434" s="19"/>
      <c r="T14434" s="19">
        <v>85</v>
      </c>
      <c r="U14434" s="19"/>
      <c r="V14434" s="19"/>
      <c r="W14434" s="19"/>
      <c r="X14434" s="19">
        <v>4</v>
      </c>
      <c r="Y14434" s="19"/>
      <c r="Z14434" s="19"/>
      <c r="AA14434" s="19"/>
    </row>
    <row r="14435" spans="1:27" s="1" customFormat="1" ht="11.1" customHeight="1" outlineLevel="4" x14ac:dyDescent="0.2">
      <c r="A14435" s="17"/>
      <c r="B14435" s="17"/>
      <c r="C14435" s="17"/>
      <c r="D14435" s="18"/>
      <c r="E14435" s="18"/>
      <c r="F14435" s="18"/>
      <c r="G14435" s="18"/>
      <c r="H14435" s="18"/>
      <c r="I14435" s="18"/>
      <c r="J14435" s="18"/>
      <c r="K14435" s="18"/>
      <c r="L14435" s="18"/>
      <c r="M14435" s="18"/>
      <c r="N14435" s="18"/>
      <c r="O14435" s="18"/>
      <c r="P14435" s="19"/>
      <c r="Q14435" s="19"/>
      <c r="R14435" s="19"/>
      <c r="S14435" s="19"/>
      <c r="T14435" s="19"/>
      <c r="U14435" s="19"/>
      <c r="V14435" s="19"/>
      <c r="W14435" s="19"/>
      <c r="X14435" s="19"/>
      <c r="Y14435" s="19"/>
      <c r="Z14435" s="19"/>
      <c r="AA14435" s="19"/>
    </row>
    <row r="14436" spans="1:27" s="1" customFormat="1" ht="11.1" customHeight="1" outlineLevel="4" x14ac:dyDescent="0.2">
      <c r="A14436" s="17">
        <v>7952</v>
      </c>
      <c r="B14436" s="17"/>
      <c r="C14436" s="17"/>
      <c r="D14436" s="18" t="s">
        <v>7156</v>
      </c>
      <c r="E14436" s="18"/>
      <c r="F14436" s="18"/>
      <c r="G14436" s="18"/>
      <c r="H14436" s="18"/>
      <c r="I14436" s="18"/>
      <c r="J14436" s="18"/>
      <c r="K14436" s="18"/>
      <c r="L14436" s="18"/>
      <c r="M14436" s="18"/>
      <c r="N14436" s="18"/>
      <c r="O14436" s="18"/>
      <c r="P14436" s="19">
        <v>180</v>
      </c>
      <c r="Q14436" s="19"/>
      <c r="R14436" s="19"/>
      <c r="S14436" s="19"/>
      <c r="T14436" s="19">
        <v>80</v>
      </c>
      <c r="U14436" s="19"/>
      <c r="V14436" s="19"/>
      <c r="W14436" s="19"/>
      <c r="X14436" s="19">
        <v>1</v>
      </c>
      <c r="Y14436" s="19"/>
      <c r="Z14436" s="19"/>
      <c r="AA14436" s="19"/>
    </row>
    <row r="14437" spans="1:27" s="1" customFormat="1" ht="11.1" customHeight="1" outlineLevel="4" x14ac:dyDescent="0.2">
      <c r="A14437" s="17"/>
      <c r="B14437" s="17"/>
      <c r="C14437" s="17"/>
      <c r="D14437" s="18"/>
      <c r="E14437" s="18"/>
      <c r="F14437" s="18"/>
      <c r="G14437" s="18"/>
      <c r="H14437" s="18"/>
      <c r="I14437" s="18"/>
      <c r="J14437" s="18"/>
      <c r="K14437" s="18"/>
      <c r="L14437" s="18"/>
      <c r="M14437" s="18"/>
      <c r="N14437" s="18"/>
      <c r="O14437" s="18"/>
      <c r="P14437" s="19"/>
      <c r="Q14437" s="19"/>
      <c r="R14437" s="19"/>
      <c r="S14437" s="19"/>
      <c r="T14437" s="19"/>
      <c r="U14437" s="19"/>
      <c r="V14437" s="19"/>
      <c r="W14437" s="19"/>
      <c r="X14437" s="19"/>
      <c r="Y14437" s="19"/>
      <c r="Z14437" s="19"/>
      <c r="AA14437" s="19"/>
    </row>
    <row r="14438" spans="1:27" s="1" customFormat="1" ht="11.1" customHeight="1" outlineLevel="4" x14ac:dyDescent="0.2">
      <c r="A14438" s="17">
        <v>10759</v>
      </c>
      <c r="B14438" s="17"/>
      <c r="C14438" s="17"/>
      <c r="D14438" s="18" t="s">
        <v>7157</v>
      </c>
      <c r="E14438" s="18"/>
      <c r="F14438" s="18"/>
      <c r="G14438" s="18"/>
      <c r="H14438" s="18"/>
      <c r="I14438" s="18"/>
      <c r="J14438" s="18"/>
      <c r="K14438" s="18"/>
      <c r="L14438" s="18"/>
      <c r="M14438" s="18"/>
      <c r="N14438" s="18"/>
      <c r="O14438" s="18"/>
      <c r="P14438" s="19">
        <v>350</v>
      </c>
      <c r="Q14438" s="19"/>
      <c r="R14438" s="19"/>
      <c r="S14438" s="19"/>
      <c r="T14438" s="19">
        <v>230</v>
      </c>
      <c r="U14438" s="19"/>
      <c r="V14438" s="19"/>
      <c r="W14438" s="19"/>
      <c r="X14438" s="19">
        <v>2</v>
      </c>
      <c r="Y14438" s="19"/>
      <c r="Z14438" s="19"/>
      <c r="AA14438" s="19"/>
    </row>
    <row r="14439" spans="1:27" s="1" customFormat="1" ht="11.1" customHeight="1" outlineLevel="4" x14ac:dyDescent="0.2">
      <c r="A14439" s="17"/>
      <c r="B14439" s="17"/>
      <c r="C14439" s="17"/>
      <c r="D14439" s="18"/>
      <c r="E14439" s="18"/>
      <c r="F14439" s="18"/>
      <c r="G14439" s="18"/>
      <c r="H14439" s="18"/>
      <c r="I14439" s="18"/>
      <c r="J14439" s="18"/>
      <c r="K14439" s="18"/>
      <c r="L14439" s="18"/>
      <c r="M14439" s="18"/>
      <c r="N14439" s="18"/>
      <c r="O14439" s="18"/>
      <c r="P14439" s="19"/>
      <c r="Q14439" s="19"/>
      <c r="R14439" s="19"/>
      <c r="S14439" s="19"/>
      <c r="T14439" s="19"/>
      <c r="U14439" s="19"/>
      <c r="V14439" s="19"/>
      <c r="W14439" s="19"/>
      <c r="X14439" s="19"/>
      <c r="Y14439" s="19"/>
      <c r="Z14439" s="19"/>
      <c r="AA14439" s="19"/>
    </row>
    <row r="14440" spans="1:27" s="1" customFormat="1" ht="11.1" customHeight="1" outlineLevel="4" x14ac:dyDescent="0.2">
      <c r="A14440" s="17">
        <v>10761</v>
      </c>
      <c r="B14440" s="17"/>
      <c r="C14440" s="17"/>
      <c r="D14440" s="18" t="s">
        <v>7158</v>
      </c>
      <c r="E14440" s="18"/>
      <c r="F14440" s="18"/>
      <c r="G14440" s="18"/>
      <c r="H14440" s="18"/>
      <c r="I14440" s="18"/>
      <c r="J14440" s="18"/>
      <c r="K14440" s="18"/>
      <c r="L14440" s="18"/>
      <c r="M14440" s="18"/>
      <c r="N14440" s="18"/>
      <c r="O14440" s="18"/>
      <c r="P14440" s="19">
        <v>350</v>
      </c>
      <c r="Q14440" s="19"/>
      <c r="R14440" s="19"/>
      <c r="S14440" s="19"/>
      <c r="T14440" s="19">
        <v>210</v>
      </c>
      <c r="U14440" s="19"/>
      <c r="V14440" s="19"/>
      <c r="W14440" s="19"/>
      <c r="X14440" s="19">
        <v>2</v>
      </c>
      <c r="Y14440" s="19"/>
      <c r="Z14440" s="19"/>
      <c r="AA14440" s="19"/>
    </row>
    <row r="14441" spans="1:27" s="1" customFormat="1" ht="11.1" customHeight="1" outlineLevel="4" x14ac:dyDescent="0.2">
      <c r="A14441" s="17"/>
      <c r="B14441" s="17"/>
      <c r="C14441" s="17"/>
      <c r="D14441" s="18"/>
      <c r="E14441" s="18"/>
      <c r="F14441" s="18"/>
      <c r="G14441" s="18"/>
      <c r="H14441" s="18"/>
      <c r="I14441" s="18"/>
      <c r="J14441" s="18"/>
      <c r="K14441" s="18"/>
      <c r="L14441" s="18"/>
      <c r="M14441" s="18"/>
      <c r="N14441" s="18"/>
      <c r="O14441" s="18"/>
      <c r="P14441" s="19"/>
      <c r="Q14441" s="19"/>
      <c r="R14441" s="19"/>
      <c r="S14441" s="19"/>
      <c r="T14441" s="19"/>
      <c r="U14441" s="19"/>
      <c r="V14441" s="19"/>
      <c r="W14441" s="19"/>
      <c r="X14441" s="19"/>
      <c r="Y14441" s="19"/>
      <c r="Z14441" s="19"/>
      <c r="AA14441" s="19"/>
    </row>
    <row r="14442" spans="1:27" s="1" customFormat="1" ht="11.1" customHeight="1" outlineLevel="4" x14ac:dyDescent="0.2">
      <c r="A14442" s="17">
        <v>10763</v>
      </c>
      <c r="B14442" s="17"/>
      <c r="C14442" s="17"/>
      <c r="D14442" s="18" t="s">
        <v>7159</v>
      </c>
      <c r="E14442" s="18"/>
      <c r="F14442" s="18"/>
      <c r="G14442" s="18"/>
      <c r="H14442" s="18"/>
      <c r="I14442" s="18"/>
      <c r="J14442" s="18"/>
      <c r="K14442" s="18"/>
      <c r="L14442" s="18"/>
      <c r="M14442" s="18"/>
      <c r="N14442" s="18"/>
      <c r="O14442" s="18"/>
      <c r="P14442" s="19">
        <v>310</v>
      </c>
      <c r="Q14442" s="19"/>
      <c r="R14442" s="19"/>
      <c r="S14442" s="19"/>
      <c r="T14442" s="19">
        <v>195</v>
      </c>
      <c r="U14442" s="19"/>
      <c r="V14442" s="19"/>
      <c r="W14442" s="19"/>
      <c r="X14442" s="19">
        <v>3</v>
      </c>
      <c r="Y14442" s="19"/>
      <c r="Z14442" s="19"/>
      <c r="AA14442" s="19"/>
    </row>
    <row r="14443" spans="1:27" s="1" customFormat="1" ht="11.1" customHeight="1" outlineLevel="4" x14ac:dyDescent="0.2">
      <c r="A14443" s="17"/>
      <c r="B14443" s="17"/>
      <c r="C14443" s="17"/>
      <c r="D14443" s="18"/>
      <c r="E14443" s="18"/>
      <c r="F14443" s="18"/>
      <c r="G14443" s="18"/>
      <c r="H14443" s="18"/>
      <c r="I14443" s="18"/>
      <c r="J14443" s="18"/>
      <c r="K14443" s="18"/>
      <c r="L14443" s="18"/>
      <c r="M14443" s="18"/>
      <c r="N14443" s="18"/>
      <c r="O14443" s="18"/>
      <c r="P14443" s="19"/>
      <c r="Q14443" s="19"/>
      <c r="R14443" s="19"/>
      <c r="S14443" s="19"/>
      <c r="T14443" s="19"/>
      <c r="U14443" s="19"/>
      <c r="V14443" s="19"/>
      <c r="W14443" s="19"/>
      <c r="X14443" s="19"/>
      <c r="Y14443" s="19"/>
      <c r="Z14443" s="19"/>
      <c r="AA14443" s="19"/>
    </row>
    <row r="14444" spans="1:27" s="1" customFormat="1" ht="11.1" customHeight="1" outlineLevel="4" x14ac:dyDescent="0.2">
      <c r="A14444" s="17">
        <v>12451</v>
      </c>
      <c r="B14444" s="17"/>
      <c r="C14444" s="17"/>
      <c r="D14444" s="18" t="s">
        <v>7160</v>
      </c>
      <c r="E14444" s="18"/>
      <c r="F14444" s="18"/>
      <c r="G14444" s="18"/>
      <c r="H14444" s="18"/>
      <c r="I14444" s="18"/>
      <c r="J14444" s="18"/>
      <c r="K14444" s="18"/>
      <c r="L14444" s="18"/>
      <c r="M14444" s="18"/>
      <c r="N14444" s="18"/>
      <c r="O14444" s="18"/>
      <c r="P14444" s="19">
        <v>190</v>
      </c>
      <c r="Q14444" s="19"/>
      <c r="R14444" s="19"/>
      <c r="S14444" s="19"/>
      <c r="T14444" s="19">
        <v>70</v>
      </c>
      <c r="U14444" s="19"/>
      <c r="V14444" s="19"/>
      <c r="W14444" s="19"/>
      <c r="X14444" s="19">
        <v>3</v>
      </c>
      <c r="Y14444" s="19"/>
      <c r="Z14444" s="19"/>
      <c r="AA14444" s="19"/>
    </row>
    <row r="14445" spans="1:27" s="1" customFormat="1" ht="11.1" customHeight="1" outlineLevel="4" x14ac:dyDescent="0.2">
      <c r="A14445" s="17"/>
      <c r="B14445" s="17"/>
      <c r="C14445" s="17"/>
      <c r="D14445" s="18"/>
      <c r="E14445" s="18"/>
      <c r="F14445" s="18"/>
      <c r="G14445" s="18"/>
      <c r="H14445" s="18"/>
      <c r="I14445" s="18"/>
      <c r="J14445" s="18"/>
      <c r="K14445" s="18"/>
      <c r="L14445" s="18"/>
      <c r="M14445" s="18"/>
      <c r="N14445" s="18"/>
      <c r="O14445" s="18"/>
      <c r="P14445" s="19"/>
      <c r="Q14445" s="19"/>
      <c r="R14445" s="19"/>
      <c r="S14445" s="19"/>
      <c r="T14445" s="19"/>
      <c r="U14445" s="19"/>
      <c r="V14445" s="19"/>
      <c r="W14445" s="19"/>
      <c r="X14445" s="19"/>
      <c r="Y14445" s="19"/>
      <c r="Z14445" s="19"/>
      <c r="AA14445" s="19"/>
    </row>
    <row r="14446" spans="1:27" s="1" customFormat="1" ht="11.1" customHeight="1" outlineLevel="4" x14ac:dyDescent="0.2">
      <c r="A14446" s="17">
        <v>13043</v>
      </c>
      <c r="B14446" s="17"/>
      <c r="C14446" s="17"/>
      <c r="D14446" s="18" t="s">
        <v>7161</v>
      </c>
      <c r="E14446" s="18"/>
      <c r="F14446" s="18"/>
      <c r="G14446" s="18"/>
      <c r="H14446" s="18"/>
      <c r="I14446" s="18"/>
      <c r="J14446" s="18"/>
      <c r="K14446" s="18"/>
      <c r="L14446" s="18"/>
      <c r="M14446" s="18"/>
      <c r="N14446" s="18"/>
      <c r="O14446" s="18"/>
      <c r="P14446" s="19">
        <v>135</v>
      </c>
      <c r="Q14446" s="19"/>
      <c r="R14446" s="19"/>
      <c r="S14446" s="19"/>
      <c r="T14446" s="19">
        <v>60</v>
      </c>
      <c r="U14446" s="19"/>
      <c r="V14446" s="19"/>
      <c r="W14446" s="19"/>
      <c r="X14446" s="19">
        <v>1</v>
      </c>
      <c r="Y14446" s="19"/>
      <c r="Z14446" s="19"/>
      <c r="AA14446" s="19"/>
    </row>
    <row r="14447" spans="1:27" s="1" customFormat="1" ht="11.1" customHeight="1" outlineLevel="4" x14ac:dyDescent="0.2">
      <c r="A14447" s="17"/>
      <c r="B14447" s="17"/>
      <c r="C14447" s="17"/>
      <c r="D14447" s="18"/>
      <c r="E14447" s="18"/>
      <c r="F14447" s="18"/>
      <c r="G14447" s="18"/>
      <c r="H14447" s="18"/>
      <c r="I14447" s="18"/>
      <c r="J14447" s="18"/>
      <c r="K14447" s="18"/>
      <c r="L14447" s="18"/>
      <c r="M14447" s="18"/>
      <c r="N14447" s="18"/>
      <c r="O14447" s="18"/>
      <c r="P14447" s="19"/>
      <c r="Q14447" s="19"/>
      <c r="R14447" s="19"/>
      <c r="S14447" s="19"/>
      <c r="T14447" s="19"/>
      <c r="U14447" s="19"/>
      <c r="V14447" s="19"/>
      <c r="W14447" s="19"/>
      <c r="X14447" s="19"/>
      <c r="Y14447" s="19"/>
      <c r="Z14447" s="19"/>
      <c r="AA14447" s="19"/>
    </row>
    <row r="14448" spans="1:27" s="1" customFormat="1" ht="11.1" customHeight="1" outlineLevel="4" x14ac:dyDescent="0.2">
      <c r="A14448" s="17">
        <v>17971</v>
      </c>
      <c r="B14448" s="17"/>
      <c r="C14448" s="17"/>
      <c r="D14448" s="18" t="s">
        <v>7162</v>
      </c>
      <c r="E14448" s="18"/>
      <c r="F14448" s="18"/>
      <c r="G14448" s="18"/>
      <c r="H14448" s="18"/>
      <c r="I14448" s="18"/>
      <c r="J14448" s="18"/>
      <c r="K14448" s="18"/>
      <c r="L14448" s="18"/>
      <c r="M14448" s="18"/>
      <c r="N14448" s="18"/>
      <c r="O14448" s="18"/>
      <c r="P14448" s="19">
        <v>150</v>
      </c>
      <c r="Q14448" s="19"/>
      <c r="R14448" s="19"/>
      <c r="S14448" s="19"/>
      <c r="T14448" s="19">
        <v>90</v>
      </c>
      <c r="U14448" s="19"/>
      <c r="V14448" s="19"/>
      <c r="W14448" s="19"/>
      <c r="X14448" s="19">
        <v>1</v>
      </c>
      <c r="Y14448" s="19"/>
      <c r="Z14448" s="19"/>
      <c r="AA14448" s="19"/>
    </row>
    <row r="14449" spans="1:27" s="1" customFormat="1" ht="11.1" customHeight="1" outlineLevel="4" x14ac:dyDescent="0.2">
      <c r="A14449" s="17"/>
      <c r="B14449" s="17"/>
      <c r="C14449" s="17"/>
      <c r="D14449" s="18"/>
      <c r="E14449" s="18"/>
      <c r="F14449" s="18"/>
      <c r="G14449" s="18"/>
      <c r="H14449" s="18"/>
      <c r="I14449" s="18"/>
      <c r="J14449" s="18"/>
      <c r="K14449" s="18"/>
      <c r="L14449" s="18"/>
      <c r="M14449" s="18"/>
      <c r="N14449" s="18"/>
      <c r="O14449" s="18"/>
      <c r="P14449" s="19"/>
      <c r="Q14449" s="19"/>
      <c r="R14449" s="19"/>
      <c r="S14449" s="19"/>
      <c r="T14449" s="19"/>
      <c r="U14449" s="19"/>
      <c r="V14449" s="19"/>
      <c r="W14449" s="19"/>
      <c r="X14449" s="19"/>
      <c r="Y14449" s="19"/>
      <c r="Z14449" s="19"/>
      <c r="AA14449" s="19"/>
    </row>
    <row r="14450" spans="1:27" s="1" customFormat="1" ht="11.1" customHeight="1" outlineLevel="4" x14ac:dyDescent="0.2">
      <c r="A14450" s="17">
        <v>10887</v>
      </c>
      <c r="B14450" s="17"/>
      <c r="C14450" s="17"/>
      <c r="D14450" s="18" t="s">
        <v>7163</v>
      </c>
      <c r="E14450" s="18"/>
      <c r="F14450" s="18"/>
      <c r="G14450" s="18"/>
      <c r="H14450" s="18"/>
      <c r="I14450" s="18"/>
      <c r="J14450" s="18"/>
      <c r="K14450" s="18"/>
      <c r="L14450" s="18"/>
      <c r="M14450" s="18"/>
      <c r="N14450" s="18"/>
      <c r="O14450" s="18"/>
      <c r="P14450" s="19">
        <v>165</v>
      </c>
      <c r="Q14450" s="19"/>
      <c r="R14450" s="19"/>
      <c r="S14450" s="19"/>
      <c r="T14450" s="19">
        <v>65</v>
      </c>
      <c r="U14450" s="19"/>
      <c r="V14450" s="19"/>
      <c r="W14450" s="19"/>
      <c r="X14450" s="19">
        <v>1</v>
      </c>
      <c r="Y14450" s="19"/>
      <c r="Z14450" s="19"/>
      <c r="AA14450" s="19"/>
    </row>
    <row r="14451" spans="1:27" s="1" customFormat="1" ht="11.1" customHeight="1" outlineLevel="4" x14ac:dyDescent="0.2">
      <c r="A14451" s="17"/>
      <c r="B14451" s="17"/>
      <c r="C14451" s="17"/>
      <c r="D14451" s="18"/>
      <c r="E14451" s="18"/>
      <c r="F14451" s="18"/>
      <c r="G14451" s="18"/>
      <c r="H14451" s="18"/>
      <c r="I14451" s="18"/>
      <c r="J14451" s="18"/>
      <c r="K14451" s="18"/>
      <c r="L14451" s="18"/>
      <c r="M14451" s="18"/>
      <c r="N14451" s="18"/>
      <c r="O14451" s="18"/>
      <c r="P14451" s="19"/>
      <c r="Q14451" s="19"/>
      <c r="R14451" s="19"/>
      <c r="S14451" s="19"/>
      <c r="T14451" s="19"/>
      <c r="U14451" s="19"/>
      <c r="V14451" s="19"/>
      <c r="W14451" s="19"/>
      <c r="X14451" s="19"/>
      <c r="Y14451" s="19"/>
      <c r="Z14451" s="19"/>
      <c r="AA14451" s="19"/>
    </row>
    <row r="14452" spans="1:27" s="1" customFormat="1" ht="11.1" customHeight="1" outlineLevel="4" x14ac:dyDescent="0.2">
      <c r="A14452" s="17">
        <v>12452</v>
      </c>
      <c r="B14452" s="17"/>
      <c r="C14452" s="17"/>
      <c r="D14452" s="18" t="s">
        <v>7164</v>
      </c>
      <c r="E14452" s="18"/>
      <c r="F14452" s="18"/>
      <c r="G14452" s="18"/>
      <c r="H14452" s="18"/>
      <c r="I14452" s="18"/>
      <c r="J14452" s="18"/>
      <c r="K14452" s="18"/>
      <c r="L14452" s="18"/>
      <c r="M14452" s="18"/>
      <c r="N14452" s="18"/>
      <c r="O14452" s="18"/>
      <c r="P14452" s="19">
        <v>190</v>
      </c>
      <c r="Q14452" s="19"/>
      <c r="R14452" s="19"/>
      <c r="S14452" s="19"/>
      <c r="T14452" s="19">
        <v>70</v>
      </c>
      <c r="U14452" s="19"/>
      <c r="V14452" s="19"/>
      <c r="W14452" s="19"/>
      <c r="X14452" s="19">
        <v>5</v>
      </c>
      <c r="Y14452" s="19"/>
      <c r="Z14452" s="19"/>
      <c r="AA14452" s="19"/>
    </row>
    <row r="14453" spans="1:27" s="1" customFormat="1" ht="11.1" customHeight="1" outlineLevel="4" x14ac:dyDescent="0.2">
      <c r="A14453" s="17"/>
      <c r="B14453" s="17"/>
      <c r="C14453" s="17"/>
      <c r="D14453" s="18"/>
      <c r="E14453" s="18"/>
      <c r="F14453" s="18"/>
      <c r="G14453" s="18"/>
      <c r="H14453" s="18"/>
      <c r="I14453" s="18"/>
      <c r="J14453" s="18"/>
      <c r="K14453" s="18"/>
      <c r="L14453" s="18"/>
      <c r="M14453" s="18"/>
      <c r="N14453" s="18"/>
      <c r="O14453" s="18"/>
      <c r="P14453" s="19"/>
      <c r="Q14453" s="19"/>
      <c r="R14453" s="19"/>
      <c r="S14453" s="19"/>
      <c r="T14453" s="19"/>
      <c r="U14453" s="19"/>
      <c r="V14453" s="19"/>
      <c r="W14453" s="19"/>
      <c r="X14453" s="19"/>
      <c r="Y14453" s="19"/>
      <c r="Z14453" s="19"/>
      <c r="AA14453" s="19"/>
    </row>
    <row r="14454" spans="1:27" s="1" customFormat="1" ht="11.1" customHeight="1" outlineLevel="4" x14ac:dyDescent="0.2">
      <c r="A14454" s="17">
        <v>10836</v>
      </c>
      <c r="B14454" s="17"/>
      <c r="C14454" s="17"/>
      <c r="D14454" s="18" t="s">
        <v>7165</v>
      </c>
      <c r="E14454" s="18"/>
      <c r="F14454" s="18"/>
      <c r="G14454" s="18"/>
      <c r="H14454" s="18"/>
      <c r="I14454" s="18"/>
      <c r="J14454" s="18"/>
      <c r="K14454" s="18"/>
      <c r="L14454" s="18"/>
      <c r="M14454" s="18"/>
      <c r="N14454" s="18"/>
      <c r="O14454" s="18"/>
      <c r="P14454" s="19">
        <v>210</v>
      </c>
      <c r="Q14454" s="19"/>
      <c r="R14454" s="19"/>
      <c r="S14454" s="19"/>
      <c r="T14454" s="19">
        <v>85</v>
      </c>
      <c r="U14454" s="19"/>
      <c r="V14454" s="19"/>
      <c r="W14454" s="19"/>
      <c r="X14454" s="19">
        <v>8</v>
      </c>
      <c r="Y14454" s="19"/>
      <c r="Z14454" s="19"/>
      <c r="AA14454" s="19"/>
    </row>
    <row r="14455" spans="1:27" s="1" customFormat="1" ht="11.1" customHeight="1" outlineLevel="4" x14ac:dyDescent="0.2">
      <c r="A14455" s="17"/>
      <c r="B14455" s="17"/>
      <c r="C14455" s="17"/>
      <c r="D14455" s="18"/>
      <c r="E14455" s="18"/>
      <c r="F14455" s="18"/>
      <c r="G14455" s="18"/>
      <c r="H14455" s="18"/>
      <c r="I14455" s="18"/>
      <c r="J14455" s="18"/>
      <c r="K14455" s="18"/>
      <c r="L14455" s="18"/>
      <c r="M14455" s="18"/>
      <c r="N14455" s="18"/>
      <c r="O14455" s="18"/>
      <c r="P14455" s="19"/>
      <c r="Q14455" s="19"/>
      <c r="R14455" s="19"/>
      <c r="S14455" s="19"/>
      <c r="T14455" s="19"/>
      <c r="U14455" s="19"/>
      <c r="V14455" s="19"/>
      <c r="W14455" s="19"/>
      <c r="X14455" s="19"/>
      <c r="Y14455" s="19"/>
      <c r="Z14455" s="19"/>
      <c r="AA14455" s="19"/>
    </row>
    <row r="14456" spans="1:27" s="1" customFormat="1" ht="11.1" customHeight="1" outlineLevel="4" x14ac:dyDescent="0.2">
      <c r="A14456" s="17">
        <v>10892</v>
      </c>
      <c r="B14456" s="17"/>
      <c r="C14456" s="17"/>
      <c r="D14456" s="18" t="s">
        <v>7166</v>
      </c>
      <c r="E14456" s="18"/>
      <c r="F14456" s="18"/>
      <c r="G14456" s="18"/>
      <c r="H14456" s="18"/>
      <c r="I14456" s="18"/>
      <c r="J14456" s="18"/>
      <c r="K14456" s="18"/>
      <c r="L14456" s="18"/>
      <c r="M14456" s="18"/>
      <c r="N14456" s="18"/>
      <c r="O14456" s="18"/>
      <c r="P14456" s="19">
        <v>180</v>
      </c>
      <c r="Q14456" s="19"/>
      <c r="R14456" s="19"/>
      <c r="S14456" s="19"/>
      <c r="T14456" s="19">
        <v>70</v>
      </c>
      <c r="U14456" s="19"/>
      <c r="V14456" s="19"/>
      <c r="W14456" s="19"/>
      <c r="X14456" s="19">
        <v>5</v>
      </c>
      <c r="Y14456" s="19"/>
      <c r="Z14456" s="19"/>
      <c r="AA14456" s="19"/>
    </row>
    <row r="14457" spans="1:27" s="1" customFormat="1" ht="11.1" customHeight="1" outlineLevel="4" x14ac:dyDescent="0.2">
      <c r="A14457" s="17"/>
      <c r="B14457" s="17"/>
      <c r="C14457" s="17"/>
      <c r="D14457" s="18"/>
      <c r="E14457" s="18"/>
      <c r="F14457" s="18"/>
      <c r="G14457" s="18"/>
      <c r="H14457" s="18"/>
      <c r="I14457" s="18"/>
      <c r="J14457" s="18"/>
      <c r="K14457" s="18"/>
      <c r="L14457" s="18"/>
      <c r="M14457" s="18"/>
      <c r="N14457" s="18"/>
      <c r="O14457" s="18"/>
      <c r="P14457" s="19"/>
      <c r="Q14457" s="19"/>
      <c r="R14457" s="19"/>
      <c r="S14457" s="19"/>
      <c r="T14457" s="19"/>
      <c r="U14457" s="19"/>
      <c r="V14457" s="19"/>
      <c r="W14457" s="19"/>
      <c r="X14457" s="19"/>
      <c r="Y14457" s="19"/>
      <c r="Z14457" s="19"/>
      <c r="AA14457" s="19"/>
    </row>
    <row r="14458" spans="1:27" s="1" customFormat="1" ht="11.1" customHeight="1" outlineLevel="4" x14ac:dyDescent="0.2">
      <c r="A14458" s="17">
        <v>10036</v>
      </c>
      <c r="B14458" s="17"/>
      <c r="C14458" s="17"/>
      <c r="D14458" s="18" t="s">
        <v>7167</v>
      </c>
      <c r="E14458" s="18"/>
      <c r="F14458" s="18"/>
      <c r="G14458" s="18"/>
      <c r="H14458" s="18"/>
      <c r="I14458" s="18"/>
      <c r="J14458" s="18"/>
      <c r="K14458" s="18"/>
      <c r="L14458" s="18"/>
      <c r="M14458" s="18"/>
      <c r="N14458" s="18"/>
      <c r="O14458" s="18"/>
      <c r="P14458" s="19">
        <v>190</v>
      </c>
      <c r="Q14458" s="19"/>
      <c r="R14458" s="19"/>
      <c r="S14458" s="19"/>
      <c r="T14458" s="19">
        <v>85</v>
      </c>
      <c r="U14458" s="19"/>
      <c r="V14458" s="19"/>
      <c r="W14458" s="19"/>
      <c r="X14458" s="19">
        <v>6</v>
      </c>
      <c r="Y14458" s="19"/>
      <c r="Z14458" s="19"/>
      <c r="AA14458" s="19"/>
    </row>
    <row r="14459" spans="1:27" s="1" customFormat="1" ht="11.1" customHeight="1" outlineLevel="4" x14ac:dyDescent="0.2">
      <c r="A14459" s="17"/>
      <c r="B14459" s="17"/>
      <c r="C14459" s="17"/>
      <c r="D14459" s="18"/>
      <c r="E14459" s="18"/>
      <c r="F14459" s="18"/>
      <c r="G14459" s="18"/>
      <c r="H14459" s="18"/>
      <c r="I14459" s="18"/>
      <c r="J14459" s="18"/>
      <c r="K14459" s="18"/>
      <c r="L14459" s="18"/>
      <c r="M14459" s="18"/>
      <c r="N14459" s="18"/>
      <c r="O14459" s="18"/>
      <c r="P14459" s="19"/>
      <c r="Q14459" s="19"/>
      <c r="R14459" s="19"/>
      <c r="S14459" s="19"/>
      <c r="T14459" s="19"/>
      <c r="U14459" s="19"/>
      <c r="V14459" s="19"/>
      <c r="W14459" s="19"/>
      <c r="X14459" s="19"/>
      <c r="Y14459" s="19"/>
      <c r="Z14459" s="19"/>
      <c r="AA14459" s="19"/>
    </row>
    <row r="14460" spans="1:27" s="1" customFormat="1" ht="11.1" customHeight="1" outlineLevel="4" x14ac:dyDescent="0.2">
      <c r="A14460" s="17">
        <v>10064</v>
      </c>
      <c r="B14460" s="17"/>
      <c r="C14460" s="17"/>
      <c r="D14460" s="18" t="s">
        <v>7168</v>
      </c>
      <c r="E14460" s="18"/>
      <c r="F14460" s="18"/>
      <c r="G14460" s="18"/>
      <c r="H14460" s="18"/>
      <c r="I14460" s="18"/>
      <c r="J14460" s="18"/>
      <c r="K14460" s="18"/>
      <c r="L14460" s="18"/>
      <c r="M14460" s="18"/>
      <c r="N14460" s="18"/>
      <c r="O14460" s="18"/>
      <c r="P14460" s="19">
        <v>180</v>
      </c>
      <c r="Q14460" s="19"/>
      <c r="R14460" s="19"/>
      <c r="S14460" s="19"/>
      <c r="T14460" s="19">
        <v>75</v>
      </c>
      <c r="U14460" s="19"/>
      <c r="V14460" s="19"/>
      <c r="W14460" s="19"/>
      <c r="X14460" s="19">
        <v>1</v>
      </c>
      <c r="Y14460" s="19"/>
      <c r="Z14460" s="19"/>
      <c r="AA14460" s="19"/>
    </row>
    <row r="14461" spans="1:27" s="1" customFormat="1" ht="11.1" customHeight="1" outlineLevel="4" x14ac:dyDescent="0.2">
      <c r="A14461" s="17"/>
      <c r="B14461" s="17"/>
      <c r="C14461" s="17"/>
      <c r="D14461" s="18"/>
      <c r="E14461" s="18"/>
      <c r="F14461" s="18"/>
      <c r="G14461" s="18"/>
      <c r="H14461" s="18"/>
      <c r="I14461" s="18"/>
      <c r="J14461" s="18"/>
      <c r="K14461" s="18"/>
      <c r="L14461" s="18"/>
      <c r="M14461" s="18"/>
      <c r="N14461" s="18"/>
      <c r="O14461" s="18"/>
      <c r="P14461" s="19"/>
      <c r="Q14461" s="19"/>
      <c r="R14461" s="19"/>
      <c r="S14461" s="19"/>
      <c r="T14461" s="19"/>
      <c r="U14461" s="19"/>
      <c r="V14461" s="19"/>
      <c r="W14461" s="19"/>
      <c r="X14461" s="19"/>
      <c r="Y14461" s="19"/>
      <c r="Z14461" s="19"/>
      <c r="AA14461" s="19"/>
    </row>
    <row r="14462" spans="1:27" s="1" customFormat="1" ht="11.1" customHeight="1" outlineLevel="4" x14ac:dyDescent="0.2">
      <c r="A14462" s="17">
        <v>10065</v>
      </c>
      <c r="B14462" s="17"/>
      <c r="C14462" s="17"/>
      <c r="D14462" s="18" t="s">
        <v>7169</v>
      </c>
      <c r="E14462" s="18"/>
      <c r="F14462" s="18"/>
      <c r="G14462" s="18"/>
      <c r="H14462" s="18"/>
      <c r="I14462" s="18"/>
      <c r="J14462" s="18"/>
      <c r="K14462" s="18"/>
      <c r="L14462" s="18"/>
      <c r="M14462" s="18"/>
      <c r="N14462" s="18"/>
      <c r="O14462" s="18"/>
      <c r="P14462" s="19">
        <v>190</v>
      </c>
      <c r="Q14462" s="19"/>
      <c r="R14462" s="19"/>
      <c r="S14462" s="19"/>
      <c r="T14462" s="19">
        <v>80</v>
      </c>
      <c r="U14462" s="19"/>
      <c r="V14462" s="19"/>
      <c r="W14462" s="19"/>
      <c r="X14462" s="19">
        <v>1</v>
      </c>
      <c r="Y14462" s="19"/>
      <c r="Z14462" s="19"/>
      <c r="AA14462" s="19"/>
    </row>
    <row r="14463" spans="1:27" s="1" customFormat="1" ht="11.1" customHeight="1" outlineLevel="4" x14ac:dyDescent="0.2">
      <c r="A14463" s="17"/>
      <c r="B14463" s="17"/>
      <c r="C14463" s="17"/>
      <c r="D14463" s="18"/>
      <c r="E14463" s="18"/>
      <c r="F14463" s="18"/>
      <c r="G14463" s="18"/>
      <c r="H14463" s="18"/>
      <c r="I14463" s="18"/>
      <c r="J14463" s="18"/>
      <c r="K14463" s="18"/>
      <c r="L14463" s="18"/>
      <c r="M14463" s="18"/>
      <c r="N14463" s="18"/>
      <c r="O14463" s="18"/>
      <c r="P14463" s="19"/>
      <c r="Q14463" s="19"/>
      <c r="R14463" s="19"/>
      <c r="S14463" s="19"/>
      <c r="T14463" s="19"/>
      <c r="U14463" s="19"/>
      <c r="V14463" s="19"/>
      <c r="W14463" s="19"/>
      <c r="X14463" s="19"/>
      <c r="Y14463" s="19"/>
      <c r="Z14463" s="19"/>
      <c r="AA14463" s="19"/>
    </row>
    <row r="14464" spans="1:27" s="1" customFormat="1" ht="11.1" customHeight="1" outlineLevel="4" x14ac:dyDescent="0.2">
      <c r="A14464" s="17">
        <v>13042</v>
      </c>
      <c r="B14464" s="17"/>
      <c r="C14464" s="17"/>
      <c r="D14464" s="18" t="s">
        <v>7170</v>
      </c>
      <c r="E14464" s="18"/>
      <c r="F14464" s="18"/>
      <c r="G14464" s="18"/>
      <c r="H14464" s="18"/>
      <c r="I14464" s="18"/>
      <c r="J14464" s="18"/>
      <c r="K14464" s="18"/>
      <c r="L14464" s="18"/>
      <c r="M14464" s="18"/>
      <c r="N14464" s="18"/>
      <c r="O14464" s="18"/>
      <c r="P14464" s="19">
        <v>170</v>
      </c>
      <c r="Q14464" s="19"/>
      <c r="R14464" s="19"/>
      <c r="S14464" s="19"/>
      <c r="T14464" s="19">
        <v>80</v>
      </c>
      <c r="U14464" s="19"/>
      <c r="V14464" s="19"/>
      <c r="W14464" s="19"/>
      <c r="X14464" s="19">
        <v>3</v>
      </c>
      <c r="Y14464" s="19"/>
      <c r="Z14464" s="19"/>
      <c r="AA14464" s="19"/>
    </row>
    <row r="14465" spans="1:27" s="1" customFormat="1" ht="11.1" customHeight="1" outlineLevel="4" x14ac:dyDescent="0.2">
      <c r="A14465" s="17"/>
      <c r="B14465" s="17"/>
      <c r="C14465" s="17"/>
      <c r="D14465" s="18"/>
      <c r="E14465" s="18"/>
      <c r="F14465" s="18"/>
      <c r="G14465" s="18"/>
      <c r="H14465" s="18"/>
      <c r="I14465" s="18"/>
      <c r="J14465" s="18"/>
      <c r="K14465" s="18"/>
      <c r="L14465" s="18"/>
      <c r="M14465" s="18"/>
      <c r="N14465" s="18"/>
      <c r="O14465" s="18"/>
      <c r="P14465" s="19"/>
      <c r="Q14465" s="19"/>
      <c r="R14465" s="19"/>
      <c r="S14465" s="19"/>
      <c r="T14465" s="19"/>
      <c r="U14465" s="19"/>
      <c r="V14465" s="19"/>
      <c r="W14465" s="19"/>
      <c r="X14465" s="19"/>
      <c r="Y14465" s="19"/>
      <c r="Z14465" s="19"/>
      <c r="AA14465" s="19"/>
    </row>
    <row r="14466" spans="1:27" s="1" customFormat="1" ht="11.1" customHeight="1" outlineLevel="4" x14ac:dyDescent="0.2">
      <c r="A14466" s="17">
        <v>13040</v>
      </c>
      <c r="B14466" s="17"/>
      <c r="C14466" s="17"/>
      <c r="D14466" s="18" t="s">
        <v>7171</v>
      </c>
      <c r="E14466" s="18"/>
      <c r="F14466" s="18"/>
      <c r="G14466" s="18"/>
      <c r="H14466" s="18"/>
      <c r="I14466" s="18"/>
      <c r="J14466" s="18"/>
      <c r="K14466" s="18"/>
      <c r="L14466" s="18"/>
      <c r="M14466" s="18"/>
      <c r="N14466" s="18"/>
      <c r="O14466" s="18"/>
      <c r="P14466" s="19">
        <v>210</v>
      </c>
      <c r="Q14466" s="19"/>
      <c r="R14466" s="19"/>
      <c r="S14466" s="19"/>
      <c r="T14466" s="19">
        <v>95</v>
      </c>
      <c r="U14466" s="19"/>
      <c r="V14466" s="19"/>
      <c r="W14466" s="19"/>
      <c r="X14466" s="19">
        <v>2</v>
      </c>
      <c r="Y14466" s="19"/>
      <c r="Z14466" s="19"/>
      <c r="AA14466" s="19"/>
    </row>
    <row r="14467" spans="1:27" s="1" customFormat="1" ht="11.1" customHeight="1" outlineLevel="4" x14ac:dyDescent="0.2">
      <c r="A14467" s="17"/>
      <c r="B14467" s="17"/>
      <c r="C14467" s="17"/>
      <c r="D14467" s="18"/>
      <c r="E14467" s="18"/>
      <c r="F14467" s="18"/>
      <c r="G14467" s="18"/>
      <c r="H14467" s="18"/>
      <c r="I14467" s="18"/>
      <c r="J14467" s="18"/>
      <c r="K14467" s="18"/>
      <c r="L14467" s="18"/>
      <c r="M14467" s="18"/>
      <c r="N14467" s="18"/>
      <c r="O14467" s="18"/>
      <c r="P14467" s="19"/>
      <c r="Q14467" s="19"/>
      <c r="R14467" s="19"/>
      <c r="S14467" s="19"/>
      <c r="T14467" s="19"/>
      <c r="U14467" s="19"/>
      <c r="V14467" s="19"/>
      <c r="W14467" s="19"/>
      <c r="X14467" s="19"/>
      <c r="Y14467" s="19"/>
      <c r="Z14467" s="19"/>
      <c r="AA14467" s="19"/>
    </row>
    <row r="14468" spans="1:27" s="1" customFormat="1" ht="11.1" customHeight="1" outlineLevel="4" x14ac:dyDescent="0.2">
      <c r="A14468" s="17">
        <v>13268</v>
      </c>
      <c r="B14468" s="17"/>
      <c r="C14468" s="17"/>
      <c r="D14468" s="18" t="s">
        <v>7172</v>
      </c>
      <c r="E14468" s="18"/>
      <c r="F14468" s="18"/>
      <c r="G14468" s="18"/>
      <c r="H14468" s="18"/>
      <c r="I14468" s="18"/>
      <c r="J14468" s="18"/>
      <c r="K14468" s="18"/>
      <c r="L14468" s="18"/>
      <c r="M14468" s="18"/>
      <c r="N14468" s="18"/>
      <c r="O14468" s="18"/>
      <c r="P14468" s="19">
        <v>180</v>
      </c>
      <c r="Q14468" s="19"/>
      <c r="R14468" s="19"/>
      <c r="S14468" s="19"/>
      <c r="T14468" s="19">
        <v>75</v>
      </c>
      <c r="U14468" s="19"/>
      <c r="V14468" s="19"/>
      <c r="W14468" s="19"/>
      <c r="X14468" s="19">
        <v>2</v>
      </c>
      <c r="Y14468" s="19"/>
      <c r="Z14468" s="19"/>
      <c r="AA14468" s="19"/>
    </row>
    <row r="14469" spans="1:27" s="1" customFormat="1" ht="11.1" customHeight="1" outlineLevel="4" x14ac:dyDescent="0.2">
      <c r="A14469" s="17"/>
      <c r="B14469" s="17"/>
      <c r="C14469" s="17"/>
      <c r="D14469" s="18"/>
      <c r="E14469" s="18"/>
      <c r="F14469" s="18"/>
      <c r="G14469" s="18"/>
      <c r="H14469" s="18"/>
      <c r="I14469" s="18"/>
      <c r="J14469" s="18"/>
      <c r="K14469" s="18"/>
      <c r="L14469" s="18"/>
      <c r="M14469" s="18"/>
      <c r="N14469" s="18"/>
      <c r="O14469" s="18"/>
      <c r="P14469" s="19"/>
      <c r="Q14469" s="19"/>
      <c r="R14469" s="19"/>
      <c r="S14469" s="19"/>
      <c r="T14469" s="19"/>
      <c r="U14469" s="19"/>
      <c r="V14469" s="19"/>
      <c r="W14469" s="19"/>
      <c r="X14469" s="19"/>
      <c r="Y14469" s="19"/>
      <c r="Z14469" s="19"/>
      <c r="AA14469" s="19"/>
    </row>
    <row r="14470" spans="1:27" s="1" customFormat="1" ht="11.1" customHeight="1" outlineLevel="4" x14ac:dyDescent="0.2">
      <c r="A14470" s="17">
        <v>10852</v>
      </c>
      <c r="B14470" s="17"/>
      <c r="C14470" s="17"/>
      <c r="D14470" s="18" t="s">
        <v>7173</v>
      </c>
      <c r="E14470" s="18"/>
      <c r="F14470" s="18"/>
      <c r="G14470" s="18"/>
      <c r="H14470" s="18"/>
      <c r="I14470" s="18"/>
      <c r="J14470" s="18"/>
      <c r="K14470" s="18"/>
      <c r="L14470" s="18"/>
      <c r="M14470" s="18"/>
      <c r="N14470" s="18"/>
      <c r="O14470" s="18"/>
      <c r="P14470" s="19">
        <v>210</v>
      </c>
      <c r="Q14470" s="19"/>
      <c r="R14470" s="19"/>
      <c r="S14470" s="19"/>
      <c r="T14470" s="19">
        <v>115</v>
      </c>
      <c r="U14470" s="19"/>
      <c r="V14470" s="19"/>
      <c r="W14470" s="19"/>
      <c r="X14470" s="19">
        <v>2</v>
      </c>
      <c r="Y14470" s="19"/>
      <c r="Z14470" s="19"/>
      <c r="AA14470" s="19"/>
    </row>
    <row r="14471" spans="1:27" s="1" customFormat="1" ht="11.1" customHeight="1" outlineLevel="4" x14ac:dyDescent="0.2">
      <c r="A14471" s="17"/>
      <c r="B14471" s="17"/>
      <c r="C14471" s="17"/>
      <c r="D14471" s="18"/>
      <c r="E14471" s="18"/>
      <c r="F14471" s="18"/>
      <c r="G14471" s="18"/>
      <c r="H14471" s="18"/>
      <c r="I14471" s="18"/>
      <c r="J14471" s="18"/>
      <c r="K14471" s="18"/>
      <c r="L14471" s="18"/>
      <c r="M14471" s="18"/>
      <c r="N14471" s="18"/>
      <c r="O14471" s="18"/>
      <c r="P14471" s="19"/>
      <c r="Q14471" s="19"/>
      <c r="R14471" s="19"/>
      <c r="S14471" s="19"/>
      <c r="T14471" s="19"/>
      <c r="U14471" s="19"/>
      <c r="V14471" s="19"/>
      <c r="W14471" s="19"/>
      <c r="X14471" s="19"/>
      <c r="Y14471" s="19"/>
      <c r="Z14471" s="19"/>
      <c r="AA14471" s="19"/>
    </row>
    <row r="14472" spans="1:27" s="1" customFormat="1" ht="11.1" customHeight="1" outlineLevel="4" x14ac:dyDescent="0.2">
      <c r="A14472" s="17">
        <v>12994</v>
      </c>
      <c r="B14472" s="17"/>
      <c r="C14472" s="17"/>
      <c r="D14472" s="18" t="s">
        <v>7174</v>
      </c>
      <c r="E14472" s="18"/>
      <c r="F14472" s="18"/>
      <c r="G14472" s="18"/>
      <c r="H14472" s="18"/>
      <c r="I14472" s="18"/>
      <c r="J14472" s="18"/>
      <c r="K14472" s="18"/>
      <c r="L14472" s="18"/>
      <c r="M14472" s="18"/>
      <c r="N14472" s="18"/>
      <c r="O14472" s="18"/>
      <c r="P14472" s="19">
        <v>300</v>
      </c>
      <c r="Q14472" s="19"/>
      <c r="R14472" s="19"/>
      <c r="S14472" s="19"/>
      <c r="T14472" s="19">
        <v>125</v>
      </c>
      <c r="U14472" s="19"/>
      <c r="V14472" s="19"/>
      <c r="W14472" s="19"/>
      <c r="X14472" s="19">
        <v>2</v>
      </c>
      <c r="Y14472" s="19"/>
      <c r="Z14472" s="19"/>
      <c r="AA14472" s="19"/>
    </row>
    <row r="14473" spans="1:27" s="1" customFormat="1" ht="11.1" customHeight="1" outlineLevel="4" x14ac:dyDescent="0.2">
      <c r="A14473" s="17"/>
      <c r="B14473" s="17"/>
      <c r="C14473" s="17"/>
      <c r="D14473" s="18"/>
      <c r="E14473" s="18"/>
      <c r="F14473" s="18"/>
      <c r="G14473" s="18"/>
      <c r="H14473" s="18"/>
      <c r="I14473" s="18"/>
      <c r="J14473" s="18"/>
      <c r="K14473" s="18"/>
      <c r="L14473" s="18"/>
      <c r="M14473" s="18"/>
      <c r="N14473" s="18"/>
      <c r="O14473" s="18"/>
      <c r="P14473" s="19"/>
      <c r="Q14473" s="19"/>
      <c r="R14473" s="19"/>
      <c r="S14473" s="19"/>
      <c r="T14473" s="19"/>
      <c r="U14473" s="19"/>
      <c r="V14473" s="19"/>
      <c r="W14473" s="19"/>
      <c r="X14473" s="19"/>
      <c r="Y14473" s="19"/>
      <c r="Z14473" s="19"/>
      <c r="AA14473" s="19"/>
    </row>
    <row r="14474" spans="1:27" s="1" customFormat="1" ht="11.1" customHeight="1" outlineLevel="4" x14ac:dyDescent="0.2">
      <c r="A14474" s="17">
        <v>7079</v>
      </c>
      <c r="B14474" s="17"/>
      <c r="C14474" s="17"/>
      <c r="D14474" s="18" t="s">
        <v>7175</v>
      </c>
      <c r="E14474" s="18"/>
      <c r="F14474" s="18"/>
      <c r="G14474" s="18"/>
      <c r="H14474" s="18"/>
      <c r="I14474" s="18"/>
      <c r="J14474" s="18"/>
      <c r="K14474" s="18"/>
      <c r="L14474" s="18"/>
      <c r="M14474" s="18"/>
      <c r="N14474" s="18"/>
      <c r="O14474" s="18"/>
      <c r="P14474" s="19">
        <v>240</v>
      </c>
      <c r="Q14474" s="19"/>
      <c r="R14474" s="19"/>
      <c r="S14474" s="19"/>
      <c r="T14474" s="19">
        <v>140</v>
      </c>
      <c r="U14474" s="19"/>
      <c r="V14474" s="19"/>
      <c r="W14474" s="19"/>
      <c r="X14474" s="19">
        <v>2</v>
      </c>
      <c r="Y14474" s="19"/>
      <c r="Z14474" s="19"/>
      <c r="AA14474" s="19"/>
    </row>
    <row r="14475" spans="1:27" s="1" customFormat="1" ht="11.1" customHeight="1" outlineLevel="4" x14ac:dyDescent="0.2">
      <c r="A14475" s="17"/>
      <c r="B14475" s="17"/>
      <c r="C14475" s="17"/>
      <c r="D14475" s="18"/>
      <c r="E14475" s="18"/>
      <c r="F14475" s="18"/>
      <c r="G14475" s="18"/>
      <c r="H14475" s="18"/>
      <c r="I14475" s="18"/>
      <c r="J14475" s="18"/>
      <c r="K14475" s="18"/>
      <c r="L14475" s="18"/>
      <c r="M14475" s="18"/>
      <c r="N14475" s="18"/>
      <c r="O14475" s="18"/>
      <c r="P14475" s="19"/>
      <c r="Q14475" s="19"/>
      <c r="R14475" s="19"/>
      <c r="S14475" s="19"/>
      <c r="T14475" s="19"/>
      <c r="U14475" s="19"/>
      <c r="V14475" s="19"/>
      <c r="W14475" s="19"/>
      <c r="X14475" s="19"/>
      <c r="Y14475" s="19"/>
      <c r="Z14475" s="19"/>
      <c r="AA14475" s="19"/>
    </row>
    <row r="14476" spans="1:27" s="1" customFormat="1" ht="11.1" customHeight="1" outlineLevel="4" x14ac:dyDescent="0.2">
      <c r="A14476" s="17">
        <v>15589</v>
      </c>
      <c r="B14476" s="17"/>
      <c r="C14476" s="17"/>
      <c r="D14476" s="18" t="s">
        <v>7176</v>
      </c>
      <c r="E14476" s="18"/>
      <c r="F14476" s="18"/>
      <c r="G14476" s="18"/>
      <c r="H14476" s="18"/>
      <c r="I14476" s="18"/>
      <c r="J14476" s="18"/>
      <c r="K14476" s="18"/>
      <c r="L14476" s="18"/>
      <c r="M14476" s="18"/>
      <c r="N14476" s="18"/>
      <c r="O14476" s="18"/>
      <c r="P14476" s="19">
        <v>290</v>
      </c>
      <c r="Q14476" s="19"/>
      <c r="R14476" s="19"/>
      <c r="S14476" s="19"/>
      <c r="T14476" s="19">
        <v>150</v>
      </c>
      <c r="U14476" s="19"/>
      <c r="V14476" s="19"/>
      <c r="W14476" s="19"/>
      <c r="X14476" s="19">
        <v>5</v>
      </c>
      <c r="Y14476" s="19"/>
      <c r="Z14476" s="19"/>
      <c r="AA14476" s="19"/>
    </row>
    <row r="14477" spans="1:27" s="1" customFormat="1" ht="11.1" customHeight="1" outlineLevel="4" x14ac:dyDescent="0.2">
      <c r="A14477" s="17"/>
      <c r="B14477" s="17"/>
      <c r="C14477" s="17"/>
      <c r="D14477" s="18"/>
      <c r="E14477" s="18"/>
      <c r="F14477" s="18"/>
      <c r="G14477" s="18"/>
      <c r="H14477" s="18"/>
      <c r="I14477" s="18"/>
      <c r="J14477" s="18"/>
      <c r="K14477" s="18"/>
      <c r="L14477" s="18"/>
      <c r="M14477" s="18"/>
      <c r="N14477" s="18"/>
      <c r="O14477" s="18"/>
      <c r="P14477" s="19"/>
      <c r="Q14477" s="19"/>
      <c r="R14477" s="19"/>
      <c r="S14477" s="19"/>
      <c r="T14477" s="19"/>
      <c r="U14477" s="19"/>
      <c r="V14477" s="19"/>
      <c r="W14477" s="19"/>
      <c r="X14477" s="19"/>
      <c r="Y14477" s="19"/>
      <c r="Z14477" s="19"/>
      <c r="AA14477" s="19"/>
    </row>
    <row r="14478" spans="1:27" s="1" customFormat="1" ht="11.1" customHeight="1" outlineLevel="4" x14ac:dyDescent="0.2">
      <c r="A14478" s="17">
        <v>10422</v>
      </c>
      <c r="B14478" s="17"/>
      <c r="C14478" s="17"/>
      <c r="D14478" s="18" t="s">
        <v>7177</v>
      </c>
      <c r="E14478" s="18"/>
      <c r="F14478" s="18"/>
      <c r="G14478" s="18"/>
      <c r="H14478" s="18"/>
      <c r="I14478" s="18"/>
      <c r="J14478" s="18"/>
      <c r="K14478" s="18"/>
      <c r="L14478" s="18"/>
      <c r="M14478" s="18"/>
      <c r="N14478" s="18"/>
      <c r="O14478" s="18"/>
      <c r="P14478" s="19">
        <v>320</v>
      </c>
      <c r="Q14478" s="19"/>
      <c r="R14478" s="19"/>
      <c r="S14478" s="19"/>
      <c r="T14478" s="19">
        <v>190</v>
      </c>
      <c r="U14478" s="19"/>
      <c r="V14478" s="19"/>
      <c r="W14478" s="19"/>
      <c r="X14478" s="19">
        <v>1</v>
      </c>
      <c r="Y14478" s="19"/>
      <c r="Z14478" s="19"/>
      <c r="AA14478" s="19"/>
    </row>
    <row r="14479" spans="1:27" s="1" customFormat="1" ht="11.1" customHeight="1" outlineLevel="4" x14ac:dyDescent="0.2">
      <c r="A14479" s="17"/>
      <c r="B14479" s="17"/>
      <c r="C14479" s="17"/>
      <c r="D14479" s="18"/>
      <c r="E14479" s="18"/>
      <c r="F14479" s="18"/>
      <c r="G14479" s="18"/>
      <c r="H14479" s="18"/>
      <c r="I14479" s="18"/>
      <c r="J14479" s="18"/>
      <c r="K14479" s="18"/>
      <c r="L14479" s="18"/>
      <c r="M14479" s="18"/>
      <c r="N14479" s="18"/>
      <c r="O14479" s="18"/>
      <c r="P14479" s="19"/>
      <c r="Q14479" s="19"/>
      <c r="R14479" s="19"/>
      <c r="S14479" s="19"/>
      <c r="T14479" s="19"/>
      <c r="U14479" s="19"/>
      <c r="V14479" s="19"/>
      <c r="W14479" s="19"/>
      <c r="X14479" s="19"/>
      <c r="Y14479" s="19"/>
      <c r="Z14479" s="19"/>
      <c r="AA14479" s="19"/>
    </row>
    <row r="14480" spans="1:27" s="1" customFormat="1" ht="14.1" customHeight="1" outlineLevel="4" x14ac:dyDescent="0.2">
      <c r="A14480" s="17">
        <v>12411</v>
      </c>
      <c r="B14480" s="17"/>
      <c r="C14480" s="17"/>
      <c r="D14480" s="18" t="s">
        <v>7178</v>
      </c>
      <c r="E14480" s="18"/>
      <c r="F14480" s="18"/>
      <c r="G14480" s="18"/>
      <c r="H14480" s="18"/>
      <c r="I14480" s="18"/>
      <c r="J14480" s="18"/>
      <c r="K14480" s="18"/>
      <c r="L14480" s="18"/>
      <c r="M14480" s="18"/>
      <c r="N14480" s="18"/>
      <c r="O14480" s="18"/>
      <c r="P14480" s="19">
        <v>300</v>
      </c>
      <c r="Q14480" s="19"/>
      <c r="R14480" s="19"/>
      <c r="S14480" s="19"/>
      <c r="T14480" s="19">
        <v>200</v>
      </c>
      <c r="U14480" s="19"/>
      <c r="V14480" s="19"/>
      <c r="W14480" s="19"/>
      <c r="X14480" s="19">
        <v>13</v>
      </c>
      <c r="Y14480" s="19"/>
      <c r="Z14480" s="19"/>
      <c r="AA14480" s="19"/>
    </row>
    <row r="14481" spans="1:27" s="1" customFormat="1" ht="14.1" customHeight="1" outlineLevel="4" x14ac:dyDescent="0.2">
      <c r="A14481" s="17"/>
      <c r="B14481" s="17"/>
      <c r="C14481" s="17"/>
      <c r="D14481" s="18"/>
      <c r="E14481" s="18"/>
      <c r="F14481" s="18"/>
      <c r="G14481" s="18"/>
      <c r="H14481" s="18"/>
      <c r="I14481" s="18"/>
      <c r="J14481" s="18"/>
      <c r="K14481" s="18"/>
      <c r="L14481" s="18"/>
      <c r="M14481" s="18"/>
      <c r="N14481" s="18"/>
      <c r="O14481" s="18"/>
      <c r="P14481" s="19"/>
      <c r="Q14481" s="19"/>
      <c r="R14481" s="19"/>
      <c r="S14481" s="19"/>
      <c r="T14481" s="19"/>
      <c r="U14481" s="19"/>
      <c r="V14481" s="19"/>
      <c r="W14481" s="19"/>
      <c r="X14481" s="19"/>
      <c r="Y14481" s="19"/>
      <c r="Z14481" s="19"/>
      <c r="AA14481" s="19"/>
    </row>
    <row r="14482" spans="1:27" s="1" customFormat="1" ht="11.1" customHeight="1" outlineLevel="4" x14ac:dyDescent="0.2">
      <c r="A14482" s="17">
        <v>14609</v>
      </c>
      <c r="B14482" s="17"/>
      <c r="C14482" s="17"/>
      <c r="D14482" s="18" t="s">
        <v>7179</v>
      </c>
      <c r="E14482" s="18"/>
      <c r="F14482" s="18"/>
      <c r="G14482" s="18"/>
      <c r="H14482" s="18"/>
      <c r="I14482" s="18"/>
      <c r="J14482" s="18"/>
      <c r="K14482" s="18"/>
      <c r="L14482" s="18"/>
      <c r="M14482" s="18"/>
      <c r="N14482" s="18"/>
      <c r="O14482" s="18"/>
      <c r="P14482" s="19">
        <v>200</v>
      </c>
      <c r="Q14482" s="19"/>
      <c r="R14482" s="19"/>
      <c r="S14482" s="19"/>
      <c r="T14482" s="19">
        <v>130</v>
      </c>
      <c r="U14482" s="19"/>
      <c r="V14482" s="19"/>
      <c r="W14482" s="19"/>
      <c r="X14482" s="19">
        <v>2</v>
      </c>
      <c r="Y14482" s="19"/>
      <c r="Z14482" s="19"/>
      <c r="AA14482" s="19"/>
    </row>
    <row r="14483" spans="1:27" s="1" customFormat="1" ht="11.1" customHeight="1" outlineLevel="4" x14ac:dyDescent="0.2">
      <c r="A14483" s="17"/>
      <c r="B14483" s="17"/>
      <c r="C14483" s="17"/>
      <c r="D14483" s="18"/>
      <c r="E14483" s="18"/>
      <c r="F14483" s="18"/>
      <c r="G14483" s="18"/>
      <c r="H14483" s="18"/>
      <c r="I14483" s="18"/>
      <c r="J14483" s="18"/>
      <c r="K14483" s="18"/>
      <c r="L14483" s="18"/>
      <c r="M14483" s="18"/>
      <c r="N14483" s="18"/>
      <c r="O14483" s="18"/>
      <c r="P14483" s="19"/>
      <c r="Q14483" s="19"/>
      <c r="R14483" s="19"/>
      <c r="S14483" s="19"/>
      <c r="T14483" s="19"/>
      <c r="U14483" s="19"/>
      <c r="V14483" s="19"/>
      <c r="W14483" s="19"/>
      <c r="X14483" s="19"/>
      <c r="Y14483" s="19"/>
      <c r="Z14483" s="19"/>
      <c r="AA14483" s="19"/>
    </row>
    <row r="14484" spans="1:27" s="1" customFormat="1" ht="11.1" customHeight="1" outlineLevel="2" x14ac:dyDescent="0.2">
      <c r="A14484" s="16" t="s">
        <v>7180</v>
      </c>
      <c r="B14484" s="16"/>
      <c r="C14484" s="16"/>
      <c r="D14484" s="16"/>
      <c r="E14484" s="16"/>
      <c r="F14484" s="16"/>
      <c r="G14484" s="16"/>
      <c r="H14484" s="16"/>
      <c r="I14484" s="16"/>
      <c r="J14484" s="16"/>
      <c r="K14484" s="16"/>
      <c r="L14484" s="16"/>
      <c r="M14484" s="16"/>
      <c r="N14484" s="16"/>
      <c r="O14484" s="16"/>
      <c r="P14484" s="16"/>
      <c r="Q14484" s="16"/>
      <c r="R14484" s="16"/>
      <c r="S14484" s="16"/>
      <c r="T14484" s="16"/>
      <c r="U14484" s="16"/>
      <c r="V14484" s="16"/>
      <c r="W14484" s="16"/>
      <c r="X14484" s="16"/>
      <c r="Y14484" s="16"/>
      <c r="Z14484" s="16"/>
      <c r="AA14484" s="16"/>
    </row>
    <row r="14485" spans="1:27" s="1" customFormat="1" ht="11.1" customHeight="1" outlineLevel="2" x14ac:dyDescent="0.2">
      <c r="A14485" s="16"/>
      <c r="B14485" s="16"/>
      <c r="C14485" s="16"/>
      <c r="D14485" s="16"/>
      <c r="E14485" s="16"/>
      <c r="F14485" s="16"/>
      <c r="G14485" s="16"/>
      <c r="H14485" s="16"/>
      <c r="I14485" s="16"/>
      <c r="J14485" s="16"/>
      <c r="K14485" s="16"/>
      <c r="L14485" s="16"/>
      <c r="M14485" s="16"/>
      <c r="N14485" s="16"/>
      <c r="O14485" s="16"/>
      <c r="P14485" s="16"/>
      <c r="Q14485" s="16"/>
      <c r="R14485" s="16"/>
      <c r="S14485" s="16"/>
      <c r="T14485" s="16"/>
      <c r="U14485" s="16"/>
      <c r="V14485" s="16"/>
      <c r="W14485" s="16"/>
      <c r="X14485" s="16"/>
      <c r="Y14485" s="16"/>
      <c r="Z14485" s="16"/>
      <c r="AA14485" s="16"/>
    </row>
    <row r="14486" spans="1:27" s="1" customFormat="1" ht="11.1" customHeight="1" outlineLevel="3" x14ac:dyDescent="0.2">
      <c r="A14486" s="17">
        <v>11352</v>
      </c>
      <c r="B14486" s="17"/>
      <c r="C14486" s="17"/>
      <c r="D14486" s="18" t="s">
        <v>7181</v>
      </c>
      <c r="E14486" s="18"/>
      <c r="F14486" s="18"/>
      <c r="G14486" s="18"/>
      <c r="H14486" s="18"/>
      <c r="I14486" s="18"/>
      <c r="J14486" s="18"/>
      <c r="K14486" s="18"/>
      <c r="L14486" s="18"/>
      <c r="M14486" s="18"/>
      <c r="N14486" s="18"/>
      <c r="O14486" s="18"/>
      <c r="P14486" s="19">
        <v>550</v>
      </c>
      <c r="Q14486" s="19"/>
      <c r="R14486" s="19"/>
      <c r="S14486" s="19"/>
      <c r="T14486" s="19">
        <v>460</v>
      </c>
      <c r="U14486" s="19"/>
      <c r="V14486" s="19"/>
      <c r="W14486" s="19"/>
      <c r="X14486" s="19">
        <v>1</v>
      </c>
      <c r="Y14486" s="19"/>
      <c r="Z14486" s="19"/>
      <c r="AA14486" s="19"/>
    </row>
    <row r="14487" spans="1:27" s="1" customFormat="1" ht="11.1" customHeight="1" outlineLevel="3" x14ac:dyDescent="0.2">
      <c r="A14487" s="17"/>
      <c r="B14487" s="17"/>
      <c r="C14487" s="17"/>
      <c r="D14487" s="18"/>
      <c r="E14487" s="18"/>
      <c r="F14487" s="18"/>
      <c r="G14487" s="18"/>
      <c r="H14487" s="18"/>
      <c r="I14487" s="18"/>
      <c r="J14487" s="18"/>
      <c r="K14487" s="18"/>
      <c r="L14487" s="18"/>
      <c r="M14487" s="18"/>
      <c r="N14487" s="18"/>
      <c r="O14487" s="18"/>
      <c r="P14487" s="19"/>
      <c r="Q14487" s="19"/>
      <c r="R14487" s="19"/>
      <c r="S14487" s="19"/>
      <c r="T14487" s="19"/>
      <c r="U14487" s="19"/>
      <c r="V14487" s="19"/>
      <c r="W14487" s="19"/>
      <c r="X14487" s="19"/>
      <c r="Y14487" s="19"/>
      <c r="Z14487" s="19"/>
      <c r="AA14487" s="19"/>
    </row>
    <row r="14488" spans="1:27" s="1" customFormat="1" ht="11.1" customHeight="1" outlineLevel="3" x14ac:dyDescent="0.2">
      <c r="A14488" s="17">
        <v>10875</v>
      </c>
      <c r="B14488" s="17"/>
      <c r="C14488" s="17"/>
      <c r="D14488" s="18" t="s">
        <v>7182</v>
      </c>
      <c r="E14488" s="18"/>
      <c r="F14488" s="18"/>
      <c r="G14488" s="18"/>
      <c r="H14488" s="18"/>
      <c r="I14488" s="18"/>
      <c r="J14488" s="18"/>
      <c r="K14488" s="18"/>
      <c r="L14488" s="18"/>
      <c r="M14488" s="18"/>
      <c r="N14488" s="18"/>
      <c r="O14488" s="18"/>
      <c r="P14488" s="19">
        <v>480</v>
      </c>
      <c r="Q14488" s="19"/>
      <c r="R14488" s="19"/>
      <c r="S14488" s="19"/>
      <c r="T14488" s="19">
        <v>370</v>
      </c>
      <c r="U14488" s="19"/>
      <c r="V14488" s="19"/>
      <c r="W14488" s="19"/>
      <c r="X14488" s="19">
        <v>3</v>
      </c>
      <c r="Y14488" s="19"/>
      <c r="Z14488" s="19"/>
      <c r="AA14488" s="19"/>
    </row>
    <row r="14489" spans="1:27" s="1" customFormat="1" ht="11.1" customHeight="1" outlineLevel="3" x14ac:dyDescent="0.2">
      <c r="A14489" s="17"/>
      <c r="B14489" s="17"/>
      <c r="C14489" s="17"/>
      <c r="D14489" s="18"/>
      <c r="E14489" s="18"/>
      <c r="F14489" s="18"/>
      <c r="G14489" s="18"/>
      <c r="H14489" s="18"/>
      <c r="I14489" s="18"/>
      <c r="J14489" s="18"/>
      <c r="K14489" s="18"/>
      <c r="L14489" s="18"/>
      <c r="M14489" s="18"/>
      <c r="N14489" s="18"/>
      <c r="O14489" s="18"/>
      <c r="P14489" s="19"/>
      <c r="Q14489" s="19"/>
      <c r="R14489" s="19"/>
      <c r="S14489" s="19"/>
      <c r="T14489" s="19"/>
      <c r="U14489" s="19"/>
      <c r="V14489" s="19"/>
      <c r="W14489" s="19"/>
      <c r="X14489" s="19"/>
      <c r="Y14489" s="19"/>
      <c r="Z14489" s="19"/>
      <c r="AA14489" s="19"/>
    </row>
    <row r="14490" spans="1:27" s="1" customFormat="1" ht="11.1" customHeight="1" outlineLevel="3" x14ac:dyDescent="0.2">
      <c r="A14490" s="17">
        <v>820</v>
      </c>
      <c r="B14490" s="17"/>
      <c r="C14490" s="17"/>
      <c r="D14490" s="18" t="s">
        <v>7183</v>
      </c>
      <c r="E14490" s="18"/>
      <c r="F14490" s="18"/>
      <c r="G14490" s="18"/>
      <c r="H14490" s="18"/>
      <c r="I14490" s="18"/>
      <c r="J14490" s="18"/>
      <c r="K14490" s="18"/>
      <c r="L14490" s="18"/>
      <c r="M14490" s="18"/>
      <c r="N14490" s="18"/>
      <c r="O14490" s="18"/>
      <c r="P14490" s="19">
        <v>800</v>
      </c>
      <c r="Q14490" s="19"/>
      <c r="R14490" s="19"/>
      <c r="S14490" s="19"/>
      <c r="T14490" s="19">
        <v>530</v>
      </c>
      <c r="U14490" s="19"/>
      <c r="V14490" s="19"/>
      <c r="W14490" s="19"/>
      <c r="X14490" s="19">
        <v>1</v>
      </c>
      <c r="Y14490" s="19"/>
      <c r="Z14490" s="19"/>
      <c r="AA14490" s="19"/>
    </row>
    <row r="14491" spans="1:27" s="1" customFormat="1" ht="11.1" customHeight="1" outlineLevel="3" x14ac:dyDescent="0.2">
      <c r="A14491" s="17"/>
      <c r="B14491" s="17"/>
      <c r="C14491" s="17"/>
      <c r="D14491" s="18"/>
      <c r="E14491" s="18"/>
      <c r="F14491" s="18"/>
      <c r="G14491" s="18"/>
      <c r="H14491" s="18"/>
      <c r="I14491" s="18"/>
      <c r="J14491" s="18"/>
      <c r="K14491" s="18"/>
      <c r="L14491" s="18"/>
      <c r="M14491" s="18"/>
      <c r="N14491" s="18"/>
      <c r="O14491" s="18"/>
      <c r="P14491" s="19"/>
      <c r="Q14491" s="19"/>
      <c r="R14491" s="19"/>
      <c r="S14491" s="19"/>
      <c r="T14491" s="19"/>
      <c r="U14491" s="19"/>
      <c r="V14491" s="19"/>
      <c r="W14491" s="19"/>
      <c r="X14491" s="19"/>
      <c r="Y14491" s="19"/>
      <c r="Z14491" s="19"/>
      <c r="AA14491" s="19"/>
    </row>
    <row r="14492" spans="1:27" s="1" customFormat="1" ht="11.1" customHeight="1" outlineLevel="3" x14ac:dyDescent="0.2">
      <c r="A14492" s="17">
        <v>10877</v>
      </c>
      <c r="B14492" s="17"/>
      <c r="C14492" s="17"/>
      <c r="D14492" s="18" t="s">
        <v>7184</v>
      </c>
      <c r="E14492" s="18"/>
      <c r="F14492" s="18"/>
      <c r="G14492" s="18"/>
      <c r="H14492" s="18"/>
      <c r="I14492" s="18"/>
      <c r="J14492" s="18"/>
      <c r="K14492" s="18"/>
      <c r="L14492" s="18"/>
      <c r="M14492" s="18"/>
      <c r="N14492" s="18"/>
      <c r="O14492" s="18"/>
      <c r="P14492" s="19">
        <v>920</v>
      </c>
      <c r="Q14492" s="19"/>
      <c r="R14492" s="19"/>
      <c r="S14492" s="19"/>
      <c r="T14492" s="19">
        <v>630</v>
      </c>
      <c r="U14492" s="19"/>
      <c r="V14492" s="19"/>
      <c r="W14492" s="19"/>
      <c r="X14492" s="19">
        <v>2</v>
      </c>
      <c r="Y14492" s="19"/>
      <c r="Z14492" s="19"/>
      <c r="AA14492" s="19"/>
    </row>
    <row r="14493" spans="1:27" s="1" customFormat="1" ht="11.1" customHeight="1" outlineLevel="3" x14ac:dyDescent="0.2">
      <c r="A14493" s="17"/>
      <c r="B14493" s="17"/>
      <c r="C14493" s="17"/>
      <c r="D14493" s="18"/>
      <c r="E14493" s="18"/>
      <c r="F14493" s="18"/>
      <c r="G14493" s="18"/>
      <c r="H14493" s="18"/>
      <c r="I14493" s="18"/>
      <c r="J14493" s="18"/>
      <c r="K14493" s="18"/>
      <c r="L14493" s="18"/>
      <c r="M14493" s="18"/>
      <c r="N14493" s="18"/>
      <c r="O14493" s="18"/>
      <c r="P14493" s="19"/>
      <c r="Q14493" s="19"/>
      <c r="R14493" s="19"/>
      <c r="S14493" s="19"/>
      <c r="T14493" s="19"/>
      <c r="U14493" s="19"/>
      <c r="V14493" s="19"/>
      <c r="W14493" s="19"/>
      <c r="X14493" s="19"/>
      <c r="Y14493" s="19"/>
      <c r="Z14493" s="19"/>
      <c r="AA14493" s="19"/>
    </row>
    <row r="14494" spans="1:27" s="1" customFormat="1" ht="14.1" customHeight="1" outlineLevel="3" x14ac:dyDescent="0.2">
      <c r="A14494" s="17">
        <v>10870</v>
      </c>
      <c r="B14494" s="17"/>
      <c r="C14494" s="17"/>
      <c r="D14494" s="18" t="s">
        <v>7185</v>
      </c>
      <c r="E14494" s="18"/>
      <c r="F14494" s="18"/>
      <c r="G14494" s="18"/>
      <c r="H14494" s="18"/>
      <c r="I14494" s="18"/>
      <c r="J14494" s="18"/>
      <c r="K14494" s="18"/>
      <c r="L14494" s="18"/>
      <c r="M14494" s="18"/>
      <c r="N14494" s="18"/>
      <c r="O14494" s="18"/>
      <c r="P14494" s="19">
        <v>720</v>
      </c>
      <c r="Q14494" s="19"/>
      <c r="R14494" s="19"/>
      <c r="S14494" s="19"/>
      <c r="T14494" s="19">
        <v>510</v>
      </c>
      <c r="U14494" s="19"/>
      <c r="V14494" s="19"/>
      <c r="W14494" s="19"/>
      <c r="X14494" s="19">
        <v>3</v>
      </c>
      <c r="Y14494" s="19"/>
      <c r="Z14494" s="19"/>
      <c r="AA14494" s="19"/>
    </row>
    <row r="14495" spans="1:27" s="1" customFormat="1" ht="14.1" customHeight="1" outlineLevel="3" x14ac:dyDescent="0.2">
      <c r="A14495" s="17"/>
      <c r="B14495" s="17"/>
      <c r="C14495" s="17"/>
      <c r="D14495" s="18"/>
      <c r="E14495" s="18"/>
      <c r="F14495" s="18"/>
      <c r="G14495" s="18"/>
      <c r="H14495" s="18"/>
      <c r="I14495" s="18"/>
      <c r="J14495" s="18"/>
      <c r="K14495" s="18"/>
      <c r="L14495" s="18"/>
      <c r="M14495" s="18"/>
      <c r="N14495" s="18"/>
      <c r="O14495" s="18"/>
      <c r="P14495" s="19"/>
      <c r="Q14495" s="19"/>
      <c r="R14495" s="19"/>
      <c r="S14495" s="19"/>
      <c r="T14495" s="19"/>
      <c r="U14495" s="19"/>
      <c r="V14495" s="19"/>
      <c r="W14495" s="19"/>
      <c r="X14495" s="19"/>
      <c r="Y14495" s="19"/>
      <c r="Z14495" s="19"/>
      <c r="AA14495" s="19"/>
    </row>
    <row r="14496" spans="1:27" s="1" customFormat="1" ht="11.1" customHeight="1" outlineLevel="3" x14ac:dyDescent="0.2">
      <c r="A14496" s="17">
        <v>10873</v>
      </c>
      <c r="B14496" s="17"/>
      <c r="C14496" s="17"/>
      <c r="D14496" s="18" t="s">
        <v>7186</v>
      </c>
      <c r="E14496" s="18"/>
      <c r="F14496" s="18"/>
      <c r="G14496" s="18"/>
      <c r="H14496" s="18"/>
      <c r="I14496" s="18"/>
      <c r="J14496" s="18"/>
      <c r="K14496" s="18"/>
      <c r="L14496" s="18"/>
      <c r="M14496" s="18"/>
      <c r="N14496" s="18"/>
      <c r="O14496" s="18"/>
      <c r="P14496" s="19">
        <v>760</v>
      </c>
      <c r="Q14496" s="19"/>
      <c r="R14496" s="19"/>
      <c r="S14496" s="19"/>
      <c r="T14496" s="19">
        <v>530</v>
      </c>
      <c r="U14496" s="19"/>
      <c r="V14496" s="19"/>
      <c r="W14496" s="19"/>
      <c r="X14496" s="19">
        <v>1</v>
      </c>
      <c r="Y14496" s="19"/>
      <c r="Z14496" s="19"/>
      <c r="AA14496" s="19"/>
    </row>
    <row r="14497" spans="1:27" s="1" customFormat="1" ht="11.1" customHeight="1" outlineLevel="3" x14ac:dyDescent="0.2">
      <c r="A14497" s="17"/>
      <c r="B14497" s="17"/>
      <c r="C14497" s="17"/>
      <c r="D14497" s="18"/>
      <c r="E14497" s="18"/>
      <c r="F14497" s="18"/>
      <c r="G14497" s="18"/>
      <c r="H14497" s="18"/>
      <c r="I14497" s="18"/>
      <c r="J14497" s="18"/>
      <c r="K14497" s="18"/>
      <c r="L14497" s="18"/>
      <c r="M14497" s="18"/>
      <c r="N14497" s="18"/>
      <c r="O14497" s="18"/>
      <c r="P14497" s="19"/>
      <c r="Q14497" s="19"/>
      <c r="R14497" s="19"/>
      <c r="S14497" s="19"/>
      <c r="T14497" s="19"/>
      <c r="U14497" s="19"/>
      <c r="V14497" s="19"/>
      <c r="W14497" s="19"/>
      <c r="X14497" s="19"/>
      <c r="Y14497" s="19"/>
      <c r="Z14497" s="19"/>
      <c r="AA14497" s="19"/>
    </row>
    <row r="14498" spans="1:27" s="1" customFormat="1" ht="11.1" customHeight="1" outlineLevel="3" x14ac:dyDescent="0.2">
      <c r="A14498" s="17">
        <v>10872</v>
      </c>
      <c r="B14498" s="17"/>
      <c r="C14498" s="17"/>
      <c r="D14498" s="18" t="s">
        <v>7187</v>
      </c>
      <c r="E14498" s="18"/>
      <c r="F14498" s="18"/>
      <c r="G14498" s="18"/>
      <c r="H14498" s="18"/>
      <c r="I14498" s="18"/>
      <c r="J14498" s="18"/>
      <c r="K14498" s="18"/>
      <c r="L14498" s="18"/>
      <c r="M14498" s="18"/>
      <c r="N14498" s="18"/>
      <c r="O14498" s="18"/>
      <c r="P14498" s="19">
        <v>760</v>
      </c>
      <c r="Q14498" s="19"/>
      <c r="R14498" s="19"/>
      <c r="S14498" s="19"/>
      <c r="T14498" s="19">
        <v>530</v>
      </c>
      <c r="U14498" s="19"/>
      <c r="V14498" s="19"/>
      <c r="W14498" s="19"/>
      <c r="X14498" s="19">
        <v>1</v>
      </c>
      <c r="Y14498" s="19"/>
      <c r="Z14498" s="19"/>
      <c r="AA14498" s="19"/>
    </row>
    <row r="14499" spans="1:27" s="1" customFormat="1" ht="11.1" customHeight="1" outlineLevel="3" x14ac:dyDescent="0.2">
      <c r="A14499" s="17"/>
      <c r="B14499" s="17"/>
      <c r="C14499" s="17"/>
      <c r="D14499" s="18"/>
      <c r="E14499" s="18"/>
      <c r="F14499" s="18"/>
      <c r="G14499" s="18"/>
      <c r="H14499" s="18"/>
      <c r="I14499" s="18"/>
      <c r="J14499" s="18"/>
      <c r="K14499" s="18"/>
      <c r="L14499" s="18"/>
      <c r="M14499" s="18"/>
      <c r="N14499" s="18"/>
      <c r="O14499" s="18"/>
      <c r="P14499" s="19"/>
      <c r="Q14499" s="19"/>
      <c r="R14499" s="19"/>
      <c r="S14499" s="19"/>
      <c r="T14499" s="19"/>
      <c r="U14499" s="19"/>
      <c r="V14499" s="19"/>
      <c r="W14499" s="19"/>
      <c r="X14499" s="19"/>
      <c r="Y14499" s="19"/>
      <c r="Z14499" s="19"/>
      <c r="AA14499" s="19"/>
    </row>
    <row r="14500" spans="1:27" s="1" customFormat="1" ht="11.1" customHeight="1" outlineLevel="3" x14ac:dyDescent="0.2">
      <c r="A14500" s="17">
        <v>10874</v>
      </c>
      <c r="B14500" s="17"/>
      <c r="C14500" s="17"/>
      <c r="D14500" s="18" t="s">
        <v>7188</v>
      </c>
      <c r="E14500" s="18"/>
      <c r="F14500" s="18"/>
      <c r="G14500" s="18"/>
      <c r="H14500" s="18"/>
      <c r="I14500" s="18"/>
      <c r="J14500" s="18"/>
      <c r="K14500" s="18"/>
      <c r="L14500" s="18"/>
      <c r="M14500" s="18"/>
      <c r="N14500" s="18"/>
      <c r="O14500" s="18"/>
      <c r="P14500" s="19">
        <v>920</v>
      </c>
      <c r="Q14500" s="19"/>
      <c r="R14500" s="19"/>
      <c r="S14500" s="19"/>
      <c r="T14500" s="19">
        <v>620</v>
      </c>
      <c r="U14500" s="19"/>
      <c r="V14500" s="19"/>
      <c r="W14500" s="19"/>
      <c r="X14500" s="19">
        <v>4</v>
      </c>
      <c r="Y14500" s="19"/>
      <c r="Z14500" s="19"/>
      <c r="AA14500" s="19"/>
    </row>
    <row r="14501" spans="1:27" s="1" customFormat="1" ht="11.1" customHeight="1" outlineLevel="3" x14ac:dyDescent="0.2">
      <c r="A14501" s="17"/>
      <c r="B14501" s="17"/>
      <c r="C14501" s="17"/>
      <c r="D14501" s="18"/>
      <c r="E14501" s="18"/>
      <c r="F14501" s="18"/>
      <c r="G14501" s="18"/>
      <c r="H14501" s="18"/>
      <c r="I14501" s="18"/>
      <c r="J14501" s="18"/>
      <c r="K14501" s="18"/>
      <c r="L14501" s="18"/>
      <c r="M14501" s="18"/>
      <c r="N14501" s="18"/>
      <c r="O14501" s="18"/>
      <c r="P14501" s="19"/>
      <c r="Q14501" s="19"/>
      <c r="R14501" s="19"/>
      <c r="S14501" s="19"/>
      <c r="T14501" s="19"/>
      <c r="U14501" s="19"/>
      <c r="V14501" s="19"/>
      <c r="W14501" s="19"/>
      <c r="X14501" s="19"/>
      <c r="Y14501" s="19"/>
      <c r="Z14501" s="19"/>
      <c r="AA14501" s="19"/>
    </row>
    <row r="14502" spans="1:27" s="1" customFormat="1" ht="14.1" customHeight="1" outlineLevel="3" x14ac:dyDescent="0.2">
      <c r="A14502" s="17">
        <v>10871</v>
      </c>
      <c r="B14502" s="17"/>
      <c r="C14502" s="17"/>
      <c r="D14502" s="18" t="s">
        <v>7189</v>
      </c>
      <c r="E14502" s="18"/>
      <c r="F14502" s="18"/>
      <c r="G14502" s="18"/>
      <c r="H14502" s="18"/>
      <c r="I14502" s="18"/>
      <c r="J14502" s="18"/>
      <c r="K14502" s="18"/>
      <c r="L14502" s="18"/>
      <c r="M14502" s="18"/>
      <c r="N14502" s="18"/>
      <c r="O14502" s="18"/>
      <c r="P14502" s="19">
        <v>710</v>
      </c>
      <c r="Q14502" s="19"/>
      <c r="R14502" s="19"/>
      <c r="S14502" s="19"/>
      <c r="T14502" s="19">
        <v>500</v>
      </c>
      <c r="U14502" s="19"/>
      <c r="V14502" s="19"/>
      <c r="W14502" s="19"/>
      <c r="X14502" s="19">
        <v>3</v>
      </c>
      <c r="Y14502" s="19"/>
      <c r="Z14502" s="19"/>
      <c r="AA14502" s="19"/>
    </row>
    <row r="14503" spans="1:27" s="1" customFormat="1" ht="14.1" customHeight="1" outlineLevel="3" x14ac:dyDescent="0.2">
      <c r="A14503" s="17"/>
      <c r="B14503" s="17"/>
      <c r="C14503" s="17"/>
      <c r="D14503" s="18"/>
      <c r="E14503" s="18"/>
      <c r="F14503" s="18"/>
      <c r="G14503" s="18"/>
      <c r="H14503" s="18"/>
      <c r="I14503" s="18"/>
      <c r="J14503" s="18"/>
      <c r="K14503" s="18"/>
      <c r="L14503" s="18"/>
      <c r="M14503" s="18"/>
      <c r="N14503" s="18"/>
      <c r="O14503" s="18"/>
      <c r="P14503" s="19"/>
      <c r="Q14503" s="19"/>
      <c r="R14503" s="19"/>
      <c r="S14503" s="19"/>
      <c r="T14503" s="19"/>
      <c r="U14503" s="19"/>
      <c r="V14503" s="19"/>
      <c r="W14503" s="19"/>
      <c r="X14503" s="19"/>
      <c r="Y14503" s="19"/>
      <c r="Z14503" s="19"/>
      <c r="AA14503" s="19"/>
    </row>
    <row r="14504" spans="1:27" s="1" customFormat="1" ht="11.1" customHeight="1" outlineLevel="1" x14ac:dyDescent="0.2">
      <c r="A14504" s="16" t="s">
        <v>7190</v>
      </c>
      <c r="B14504" s="16"/>
      <c r="C14504" s="16"/>
      <c r="D14504" s="16"/>
      <c r="E14504" s="16"/>
      <c r="F14504" s="16"/>
      <c r="G14504" s="16"/>
      <c r="H14504" s="16"/>
      <c r="I14504" s="16"/>
      <c r="J14504" s="16"/>
      <c r="K14504" s="16"/>
      <c r="L14504" s="16"/>
      <c r="M14504" s="16"/>
      <c r="N14504" s="16"/>
      <c r="O14504" s="16"/>
      <c r="P14504" s="16"/>
      <c r="Q14504" s="16"/>
      <c r="R14504" s="16"/>
      <c r="S14504" s="16"/>
      <c r="T14504" s="16"/>
      <c r="U14504" s="16"/>
      <c r="V14504" s="16"/>
      <c r="W14504" s="16"/>
      <c r="X14504" s="16"/>
      <c r="Y14504" s="16"/>
      <c r="Z14504" s="16"/>
      <c r="AA14504" s="16"/>
    </row>
    <row r="14505" spans="1:27" s="1" customFormat="1" ht="11.1" customHeight="1" outlineLevel="1" x14ac:dyDescent="0.2">
      <c r="A14505" s="16"/>
      <c r="B14505" s="16"/>
      <c r="C14505" s="16"/>
      <c r="D14505" s="16"/>
      <c r="E14505" s="16"/>
      <c r="F14505" s="16"/>
      <c r="G14505" s="16"/>
      <c r="H14505" s="16"/>
      <c r="I14505" s="16"/>
      <c r="J14505" s="16"/>
      <c r="K14505" s="16"/>
      <c r="L14505" s="16"/>
      <c r="M14505" s="16"/>
      <c r="N14505" s="16"/>
      <c r="O14505" s="16"/>
      <c r="P14505" s="16"/>
      <c r="Q14505" s="16"/>
      <c r="R14505" s="16"/>
      <c r="S14505" s="16"/>
      <c r="T14505" s="16"/>
      <c r="U14505" s="16"/>
      <c r="V14505" s="16"/>
      <c r="W14505" s="16"/>
      <c r="X14505" s="16"/>
      <c r="Y14505" s="16"/>
      <c r="Z14505" s="16"/>
      <c r="AA14505" s="16"/>
    </row>
    <row r="14506" spans="1:27" s="1" customFormat="1" ht="11.1" customHeight="1" outlineLevel="2" x14ac:dyDescent="0.2">
      <c r="A14506" s="17">
        <v>17087</v>
      </c>
      <c r="B14506" s="17"/>
      <c r="C14506" s="17"/>
      <c r="D14506" s="18" t="s">
        <v>7191</v>
      </c>
      <c r="E14506" s="18"/>
      <c r="F14506" s="18"/>
      <c r="G14506" s="18"/>
      <c r="H14506" s="18"/>
      <c r="I14506" s="18"/>
      <c r="J14506" s="18"/>
      <c r="K14506" s="18"/>
      <c r="L14506" s="18"/>
      <c r="M14506" s="18"/>
      <c r="N14506" s="18"/>
      <c r="O14506" s="18"/>
      <c r="P14506" s="19">
        <v>150</v>
      </c>
      <c r="Q14506" s="19"/>
      <c r="R14506" s="19"/>
      <c r="S14506" s="19"/>
      <c r="T14506" s="19">
        <v>90</v>
      </c>
      <c r="U14506" s="19"/>
      <c r="V14506" s="19"/>
      <c r="W14506" s="19"/>
      <c r="X14506" s="19">
        <v>2</v>
      </c>
      <c r="Y14506" s="19"/>
      <c r="Z14506" s="19"/>
      <c r="AA14506" s="19"/>
    </row>
    <row r="14507" spans="1:27" s="1" customFormat="1" ht="11.1" customHeight="1" outlineLevel="2" x14ac:dyDescent="0.2">
      <c r="A14507" s="17"/>
      <c r="B14507" s="17"/>
      <c r="C14507" s="17"/>
      <c r="D14507" s="18"/>
      <c r="E14507" s="18"/>
      <c r="F14507" s="18"/>
      <c r="G14507" s="18"/>
      <c r="H14507" s="18"/>
      <c r="I14507" s="18"/>
      <c r="J14507" s="18"/>
      <c r="K14507" s="18"/>
      <c r="L14507" s="18"/>
      <c r="M14507" s="18"/>
      <c r="N14507" s="18"/>
      <c r="O14507" s="18"/>
      <c r="P14507" s="19"/>
      <c r="Q14507" s="19"/>
      <c r="R14507" s="19"/>
      <c r="S14507" s="19"/>
      <c r="T14507" s="19"/>
      <c r="U14507" s="19"/>
      <c r="V14507" s="19"/>
      <c r="W14507" s="19"/>
      <c r="X14507" s="19"/>
      <c r="Y14507" s="19"/>
      <c r="Z14507" s="19"/>
      <c r="AA14507" s="19"/>
    </row>
    <row r="14508" spans="1:27" s="1" customFormat="1" ht="14.1" customHeight="1" outlineLevel="2" x14ac:dyDescent="0.2">
      <c r="A14508" s="17">
        <v>14434</v>
      </c>
      <c r="B14508" s="17"/>
      <c r="C14508" s="17"/>
      <c r="D14508" s="18" t="s">
        <v>7192</v>
      </c>
      <c r="E14508" s="18"/>
      <c r="F14508" s="18"/>
      <c r="G14508" s="18"/>
      <c r="H14508" s="18"/>
      <c r="I14508" s="18"/>
      <c r="J14508" s="18"/>
      <c r="K14508" s="18"/>
      <c r="L14508" s="18"/>
      <c r="M14508" s="18"/>
      <c r="N14508" s="18"/>
      <c r="O14508" s="18"/>
      <c r="P14508" s="19">
        <v>200</v>
      </c>
      <c r="Q14508" s="19"/>
      <c r="R14508" s="19"/>
      <c r="S14508" s="19"/>
      <c r="T14508" s="21"/>
      <c r="U14508" s="21"/>
      <c r="V14508" s="21"/>
      <c r="W14508" s="21"/>
      <c r="X14508" s="19">
        <v>4</v>
      </c>
      <c r="Y14508" s="19"/>
      <c r="Z14508" s="19"/>
      <c r="AA14508" s="19"/>
    </row>
    <row r="14509" spans="1:27" s="1" customFormat="1" ht="14.1" customHeight="1" outlineLevel="2" x14ac:dyDescent="0.2">
      <c r="A14509" s="17"/>
      <c r="B14509" s="17"/>
      <c r="C14509" s="17"/>
      <c r="D14509" s="18"/>
      <c r="E14509" s="18"/>
      <c r="F14509" s="18"/>
      <c r="G14509" s="18"/>
      <c r="H14509" s="18"/>
      <c r="I14509" s="18"/>
      <c r="J14509" s="18"/>
      <c r="K14509" s="18"/>
      <c r="L14509" s="18"/>
      <c r="M14509" s="18"/>
      <c r="N14509" s="18"/>
      <c r="O14509" s="18"/>
      <c r="P14509" s="19"/>
      <c r="Q14509" s="19"/>
      <c r="R14509" s="19"/>
      <c r="S14509" s="19"/>
      <c r="T14509" s="21"/>
      <c r="U14509" s="21"/>
      <c r="V14509" s="21"/>
      <c r="W14509" s="21"/>
      <c r="X14509" s="19"/>
      <c r="Y14509" s="19"/>
      <c r="Z14509" s="19"/>
      <c r="AA14509" s="19"/>
    </row>
    <row r="14510" spans="1:27" s="1" customFormat="1" ht="11.1" customHeight="1" outlineLevel="2" x14ac:dyDescent="0.2">
      <c r="A14510" s="17">
        <v>8497</v>
      </c>
      <c r="B14510" s="17"/>
      <c r="C14510" s="17"/>
      <c r="D14510" s="18" t="s">
        <v>7193</v>
      </c>
      <c r="E14510" s="18"/>
      <c r="F14510" s="18"/>
      <c r="G14510" s="18"/>
      <c r="H14510" s="18"/>
      <c r="I14510" s="18"/>
      <c r="J14510" s="18"/>
      <c r="K14510" s="18"/>
      <c r="L14510" s="18"/>
      <c r="M14510" s="18"/>
      <c r="N14510" s="18"/>
      <c r="O14510" s="18"/>
      <c r="P14510" s="19">
        <v>150</v>
      </c>
      <c r="Q14510" s="19"/>
      <c r="R14510" s="19"/>
      <c r="S14510" s="19"/>
      <c r="T14510" s="19">
        <v>80</v>
      </c>
      <c r="U14510" s="19"/>
      <c r="V14510" s="19"/>
      <c r="W14510" s="19"/>
      <c r="X14510" s="19">
        <v>2</v>
      </c>
      <c r="Y14510" s="19"/>
      <c r="Z14510" s="19"/>
      <c r="AA14510" s="19"/>
    </row>
    <row r="14511" spans="1:27" s="1" customFormat="1" ht="11.1" customHeight="1" outlineLevel="2" x14ac:dyDescent="0.2">
      <c r="A14511" s="17"/>
      <c r="B14511" s="17"/>
      <c r="C14511" s="17"/>
      <c r="D14511" s="18"/>
      <c r="E14511" s="18"/>
      <c r="F14511" s="18"/>
      <c r="G14511" s="18"/>
      <c r="H14511" s="18"/>
      <c r="I14511" s="18"/>
      <c r="J14511" s="18"/>
      <c r="K14511" s="18"/>
      <c r="L14511" s="18"/>
      <c r="M14511" s="18"/>
      <c r="N14511" s="18"/>
      <c r="O14511" s="18"/>
      <c r="P14511" s="19"/>
      <c r="Q14511" s="19"/>
      <c r="R14511" s="19"/>
      <c r="S14511" s="19"/>
      <c r="T14511" s="19"/>
      <c r="U14511" s="19"/>
      <c r="V14511" s="19"/>
      <c r="W14511" s="19"/>
      <c r="X14511" s="19"/>
      <c r="Y14511" s="19"/>
      <c r="Z14511" s="19"/>
      <c r="AA14511" s="19"/>
    </row>
    <row r="14512" spans="1:27" s="1" customFormat="1" ht="14.1" customHeight="1" outlineLevel="2" x14ac:dyDescent="0.2">
      <c r="A14512" s="17">
        <v>9984</v>
      </c>
      <c r="B14512" s="17"/>
      <c r="C14512" s="17"/>
      <c r="D14512" s="18" t="s">
        <v>7194</v>
      </c>
      <c r="E14512" s="18"/>
      <c r="F14512" s="18"/>
      <c r="G14512" s="18"/>
      <c r="H14512" s="18"/>
      <c r="I14512" s="18"/>
      <c r="J14512" s="18"/>
      <c r="K14512" s="18"/>
      <c r="L14512" s="18"/>
      <c r="M14512" s="18"/>
      <c r="N14512" s="18"/>
      <c r="O14512" s="18"/>
      <c r="P14512" s="20">
        <v>1300</v>
      </c>
      <c r="Q14512" s="20"/>
      <c r="R14512" s="20"/>
      <c r="S14512" s="20"/>
      <c r="T14512" s="19">
        <v>900</v>
      </c>
      <c r="U14512" s="19"/>
      <c r="V14512" s="19"/>
      <c r="W14512" s="19"/>
      <c r="X14512" s="19">
        <v>6</v>
      </c>
      <c r="Y14512" s="19"/>
      <c r="Z14512" s="19"/>
      <c r="AA14512" s="19"/>
    </row>
    <row r="14513" spans="1:27" s="1" customFormat="1" ht="14.1" customHeight="1" outlineLevel="2" x14ac:dyDescent="0.2">
      <c r="A14513" s="17"/>
      <c r="B14513" s="17"/>
      <c r="C14513" s="17"/>
      <c r="D14513" s="18"/>
      <c r="E14513" s="18"/>
      <c r="F14513" s="18"/>
      <c r="G14513" s="18"/>
      <c r="H14513" s="18"/>
      <c r="I14513" s="18"/>
      <c r="J14513" s="18"/>
      <c r="K14513" s="18"/>
      <c r="L14513" s="18"/>
      <c r="M14513" s="18"/>
      <c r="N14513" s="18"/>
      <c r="O14513" s="18"/>
      <c r="P14513" s="20"/>
      <c r="Q14513" s="20"/>
      <c r="R14513" s="20"/>
      <c r="S14513" s="20"/>
      <c r="T14513" s="19"/>
      <c r="U14513" s="19"/>
      <c r="V14513" s="19"/>
      <c r="W14513" s="19"/>
      <c r="X14513" s="19"/>
      <c r="Y14513" s="19"/>
      <c r="Z14513" s="19"/>
      <c r="AA14513" s="19"/>
    </row>
    <row r="14514" spans="1:27" s="1" customFormat="1" ht="11.1" customHeight="1" outlineLevel="2" x14ac:dyDescent="0.2">
      <c r="A14514" s="17">
        <v>9196</v>
      </c>
      <c r="B14514" s="17"/>
      <c r="C14514" s="17"/>
      <c r="D14514" s="18" t="s">
        <v>7195</v>
      </c>
      <c r="E14514" s="18"/>
      <c r="F14514" s="18"/>
      <c r="G14514" s="18"/>
      <c r="H14514" s="18"/>
      <c r="I14514" s="18"/>
      <c r="J14514" s="18"/>
      <c r="K14514" s="18"/>
      <c r="L14514" s="18"/>
      <c r="M14514" s="18"/>
      <c r="N14514" s="18"/>
      <c r="O14514" s="18"/>
      <c r="P14514" s="20">
        <v>3900</v>
      </c>
      <c r="Q14514" s="20"/>
      <c r="R14514" s="20"/>
      <c r="S14514" s="20"/>
      <c r="T14514" s="20">
        <v>2950</v>
      </c>
      <c r="U14514" s="20"/>
      <c r="V14514" s="20"/>
      <c r="W14514" s="20"/>
      <c r="X14514" s="19">
        <v>28</v>
      </c>
      <c r="Y14514" s="19"/>
      <c r="Z14514" s="19"/>
      <c r="AA14514" s="19"/>
    </row>
    <row r="14515" spans="1:27" s="1" customFormat="1" ht="11.1" customHeight="1" outlineLevel="2" x14ac:dyDescent="0.2">
      <c r="A14515" s="17"/>
      <c r="B14515" s="17"/>
      <c r="C14515" s="17"/>
      <c r="D14515" s="18"/>
      <c r="E14515" s="18"/>
      <c r="F14515" s="18"/>
      <c r="G14515" s="18"/>
      <c r="H14515" s="18"/>
      <c r="I14515" s="18"/>
      <c r="J14515" s="18"/>
      <c r="K14515" s="18"/>
      <c r="L14515" s="18"/>
      <c r="M14515" s="18"/>
      <c r="N14515" s="18"/>
      <c r="O14515" s="18"/>
      <c r="P14515" s="20"/>
      <c r="Q14515" s="20"/>
      <c r="R14515" s="20"/>
      <c r="S14515" s="20"/>
      <c r="T14515" s="20"/>
      <c r="U14515" s="20"/>
      <c r="V14515" s="20"/>
      <c r="W14515" s="20"/>
      <c r="X14515" s="19"/>
      <c r="Y14515" s="19"/>
      <c r="Z14515" s="19"/>
      <c r="AA14515" s="19"/>
    </row>
    <row r="14516" spans="1:27" s="1" customFormat="1" ht="14.1" customHeight="1" outlineLevel="2" x14ac:dyDescent="0.2">
      <c r="A14516" s="17">
        <v>11375</v>
      </c>
      <c r="B14516" s="17"/>
      <c r="C14516" s="17"/>
      <c r="D14516" s="18" t="s">
        <v>7196</v>
      </c>
      <c r="E14516" s="18"/>
      <c r="F14516" s="18"/>
      <c r="G14516" s="18"/>
      <c r="H14516" s="18"/>
      <c r="I14516" s="18"/>
      <c r="J14516" s="18"/>
      <c r="K14516" s="18"/>
      <c r="L14516" s="18"/>
      <c r="M14516" s="18"/>
      <c r="N14516" s="18"/>
      <c r="O14516" s="18"/>
      <c r="P14516" s="20">
        <v>2200</v>
      </c>
      <c r="Q14516" s="20"/>
      <c r="R14516" s="20"/>
      <c r="S14516" s="20"/>
      <c r="T14516" s="20">
        <v>1850</v>
      </c>
      <c r="U14516" s="20"/>
      <c r="V14516" s="20"/>
      <c r="W14516" s="20"/>
      <c r="X14516" s="19">
        <v>2</v>
      </c>
      <c r="Y14516" s="19"/>
      <c r="Z14516" s="19"/>
      <c r="AA14516" s="19"/>
    </row>
    <row r="14517" spans="1:27" s="1" customFormat="1" ht="14.1" customHeight="1" outlineLevel="2" x14ac:dyDescent="0.2">
      <c r="A14517" s="17"/>
      <c r="B14517" s="17"/>
      <c r="C14517" s="17"/>
      <c r="D14517" s="18"/>
      <c r="E14517" s="18"/>
      <c r="F14517" s="18"/>
      <c r="G14517" s="18"/>
      <c r="H14517" s="18"/>
      <c r="I14517" s="18"/>
      <c r="J14517" s="18"/>
      <c r="K14517" s="18"/>
      <c r="L14517" s="18"/>
      <c r="M14517" s="18"/>
      <c r="N14517" s="18"/>
      <c r="O14517" s="18"/>
      <c r="P14517" s="20"/>
      <c r="Q14517" s="20"/>
      <c r="R14517" s="20"/>
      <c r="S14517" s="20"/>
      <c r="T14517" s="20"/>
      <c r="U14517" s="20"/>
      <c r="V14517" s="20"/>
      <c r="W14517" s="20"/>
      <c r="X14517" s="19"/>
      <c r="Y14517" s="19"/>
      <c r="Z14517" s="19"/>
      <c r="AA14517" s="19"/>
    </row>
    <row r="14518" spans="1:27" s="1" customFormat="1" ht="14.1" customHeight="1" outlineLevel="2" x14ac:dyDescent="0.2">
      <c r="A14518" s="17">
        <v>11252</v>
      </c>
      <c r="B14518" s="17"/>
      <c r="C14518" s="17"/>
      <c r="D14518" s="18" t="s">
        <v>7197</v>
      </c>
      <c r="E14518" s="18"/>
      <c r="F14518" s="18"/>
      <c r="G14518" s="18"/>
      <c r="H14518" s="18"/>
      <c r="I14518" s="18"/>
      <c r="J14518" s="18"/>
      <c r="K14518" s="18"/>
      <c r="L14518" s="18"/>
      <c r="M14518" s="18"/>
      <c r="N14518" s="18"/>
      <c r="O14518" s="18"/>
      <c r="P14518" s="20">
        <v>1800</v>
      </c>
      <c r="Q14518" s="20"/>
      <c r="R14518" s="20"/>
      <c r="S14518" s="20"/>
      <c r="T14518" s="20">
        <v>1400</v>
      </c>
      <c r="U14518" s="20"/>
      <c r="V14518" s="20"/>
      <c r="W14518" s="20"/>
      <c r="X14518" s="19">
        <v>4</v>
      </c>
      <c r="Y14518" s="19"/>
      <c r="Z14518" s="19"/>
      <c r="AA14518" s="19"/>
    </row>
    <row r="14519" spans="1:27" s="1" customFormat="1" ht="14.1" customHeight="1" outlineLevel="2" x14ac:dyDescent="0.2">
      <c r="A14519" s="17"/>
      <c r="B14519" s="17"/>
      <c r="C14519" s="17"/>
      <c r="D14519" s="18"/>
      <c r="E14519" s="18"/>
      <c r="F14519" s="18"/>
      <c r="G14519" s="18"/>
      <c r="H14519" s="18"/>
      <c r="I14519" s="18"/>
      <c r="J14519" s="18"/>
      <c r="K14519" s="18"/>
      <c r="L14519" s="18"/>
      <c r="M14519" s="18"/>
      <c r="N14519" s="18"/>
      <c r="O14519" s="18"/>
      <c r="P14519" s="20"/>
      <c r="Q14519" s="20"/>
      <c r="R14519" s="20"/>
      <c r="S14519" s="20"/>
      <c r="T14519" s="20"/>
      <c r="U14519" s="20"/>
      <c r="V14519" s="20"/>
      <c r="W14519" s="20"/>
      <c r="X14519" s="19"/>
      <c r="Y14519" s="19"/>
      <c r="Z14519" s="19"/>
      <c r="AA14519" s="19"/>
    </row>
    <row r="14520" spans="1:27" s="1" customFormat="1" ht="11.1" customHeight="1" outlineLevel="2" x14ac:dyDescent="0.2">
      <c r="A14520" s="17">
        <v>11377</v>
      </c>
      <c r="B14520" s="17"/>
      <c r="C14520" s="17"/>
      <c r="D14520" s="18" t="s">
        <v>7198</v>
      </c>
      <c r="E14520" s="18"/>
      <c r="F14520" s="18"/>
      <c r="G14520" s="18"/>
      <c r="H14520" s="18"/>
      <c r="I14520" s="18"/>
      <c r="J14520" s="18"/>
      <c r="K14520" s="18"/>
      <c r="L14520" s="18"/>
      <c r="M14520" s="18"/>
      <c r="N14520" s="18"/>
      <c r="O14520" s="18"/>
      <c r="P14520" s="19">
        <v>650</v>
      </c>
      <c r="Q14520" s="19"/>
      <c r="R14520" s="19"/>
      <c r="S14520" s="19"/>
      <c r="T14520" s="19">
        <v>450</v>
      </c>
      <c r="U14520" s="19"/>
      <c r="V14520" s="19"/>
      <c r="W14520" s="19"/>
      <c r="X14520" s="19">
        <v>27</v>
      </c>
      <c r="Y14520" s="19"/>
      <c r="Z14520" s="19"/>
      <c r="AA14520" s="19"/>
    </row>
    <row r="14521" spans="1:27" s="1" customFormat="1" ht="11.1" customHeight="1" outlineLevel="2" x14ac:dyDescent="0.2">
      <c r="A14521" s="17"/>
      <c r="B14521" s="17"/>
      <c r="C14521" s="17"/>
      <c r="D14521" s="18"/>
      <c r="E14521" s="18"/>
      <c r="F14521" s="18"/>
      <c r="G14521" s="18"/>
      <c r="H14521" s="18"/>
      <c r="I14521" s="18"/>
      <c r="J14521" s="18"/>
      <c r="K14521" s="18"/>
      <c r="L14521" s="18"/>
      <c r="M14521" s="18"/>
      <c r="N14521" s="18"/>
      <c r="O14521" s="18"/>
      <c r="P14521" s="19"/>
      <c r="Q14521" s="19"/>
      <c r="R14521" s="19"/>
      <c r="S14521" s="19"/>
      <c r="T14521" s="19"/>
      <c r="U14521" s="19"/>
      <c r="V14521" s="19"/>
      <c r="W14521" s="19"/>
      <c r="X14521" s="19"/>
      <c r="Y14521" s="19"/>
      <c r="Z14521" s="19"/>
      <c r="AA14521" s="19"/>
    </row>
    <row r="14522" spans="1:27" s="1" customFormat="1" ht="14.1" customHeight="1" outlineLevel="2" x14ac:dyDescent="0.2">
      <c r="A14522" s="17">
        <v>18107</v>
      </c>
      <c r="B14522" s="17"/>
      <c r="C14522" s="17"/>
      <c r="D14522" s="18" t="s">
        <v>7199</v>
      </c>
      <c r="E14522" s="18"/>
      <c r="F14522" s="18"/>
      <c r="G14522" s="18"/>
      <c r="H14522" s="18"/>
      <c r="I14522" s="18"/>
      <c r="J14522" s="18"/>
      <c r="K14522" s="18"/>
      <c r="L14522" s="18"/>
      <c r="M14522" s="18"/>
      <c r="N14522" s="18"/>
      <c r="O14522" s="18"/>
      <c r="P14522" s="20">
        <v>1550</v>
      </c>
      <c r="Q14522" s="20"/>
      <c r="R14522" s="20"/>
      <c r="S14522" s="20"/>
      <c r="T14522" s="20">
        <v>1300</v>
      </c>
      <c r="U14522" s="20"/>
      <c r="V14522" s="20"/>
      <c r="W14522" s="20"/>
      <c r="X14522" s="19">
        <v>1</v>
      </c>
      <c r="Y14522" s="19"/>
      <c r="Z14522" s="19"/>
      <c r="AA14522" s="19"/>
    </row>
    <row r="14523" spans="1:27" s="1" customFormat="1" ht="14.1" customHeight="1" outlineLevel="2" x14ac:dyDescent="0.2">
      <c r="A14523" s="17"/>
      <c r="B14523" s="17"/>
      <c r="C14523" s="17"/>
      <c r="D14523" s="18"/>
      <c r="E14523" s="18"/>
      <c r="F14523" s="18"/>
      <c r="G14523" s="18"/>
      <c r="H14523" s="18"/>
      <c r="I14523" s="18"/>
      <c r="J14523" s="18"/>
      <c r="K14523" s="18"/>
      <c r="L14523" s="18"/>
      <c r="M14523" s="18"/>
      <c r="N14523" s="18"/>
      <c r="O14523" s="18"/>
      <c r="P14523" s="20"/>
      <c r="Q14523" s="20"/>
      <c r="R14523" s="20"/>
      <c r="S14523" s="20"/>
      <c r="T14523" s="20"/>
      <c r="U14523" s="20"/>
      <c r="V14523" s="20"/>
      <c r="W14523" s="20"/>
      <c r="X14523" s="19"/>
      <c r="Y14523" s="19"/>
      <c r="Z14523" s="19"/>
      <c r="AA14523" s="19"/>
    </row>
    <row r="14524" spans="1:27" s="1" customFormat="1" ht="14.1" customHeight="1" outlineLevel="2" x14ac:dyDescent="0.2">
      <c r="A14524" s="17">
        <v>11337</v>
      </c>
      <c r="B14524" s="17"/>
      <c r="C14524" s="17"/>
      <c r="D14524" s="18" t="s">
        <v>7200</v>
      </c>
      <c r="E14524" s="18"/>
      <c r="F14524" s="18"/>
      <c r="G14524" s="18"/>
      <c r="H14524" s="18"/>
      <c r="I14524" s="18"/>
      <c r="J14524" s="18"/>
      <c r="K14524" s="18"/>
      <c r="L14524" s="18"/>
      <c r="M14524" s="18"/>
      <c r="N14524" s="18"/>
      <c r="O14524" s="18"/>
      <c r="P14524" s="20">
        <v>1600</v>
      </c>
      <c r="Q14524" s="20"/>
      <c r="R14524" s="20"/>
      <c r="S14524" s="20"/>
      <c r="T14524" s="20">
        <v>1100</v>
      </c>
      <c r="U14524" s="20"/>
      <c r="V14524" s="20"/>
      <c r="W14524" s="20"/>
      <c r="X14524" s="19">
        <v>4</v>
      </c>
      <c r="Y14524" s="19"/>
      <c r="Z14524" s="19"/>
      <c r="AA14524" s="19"/>
    </row>
    <row r="14525" spans="1:27" s="1" customFormat="1" ht="14.1" customHeight="1" outlineLevel="2" x14ac:dyDescent="0.2">
      <c r="A14525" s="17"/>
      <c r="B14525" s="17"/>
      <c r="C14525" s="17"/>
      <c r="D14525" s="18"/>
      <c r="E14525" s="18"/>
      <c r="F14525" s="18"/>
      <c r="G14525" s="18"/>
      <c r="H14525" s="18"/>
      <c r="I14525" s="18"/>
      <c r="J14525" s="18"/>
      <c r="K14525" s="18"/>
      <c r="L14525" s="18"/>
      <c r="M14525" s="18"/>
      <c r="N14525" s="18"/>
      <c r="O14525" s="18"/>
      <c r="P14525" s="20"/>
      <c r="Q14525" s="20"/>
      <c r="R14525" s="20"/>
      <c r="S14525" s="20"/>
      <c r="T14525" s="20"/>
      <c r="U14525" s="20"/>
      <c r="V14525" s="20"/>
      <c r="W14525" s="20"/>
      <c r="X14525" s="19"/>
      <c r="Y14525" s="19"/>
      <c r="Z14525" s="19"/>
      <c r="AA14525" s="19"/>
    </row>
    <row r="14526" spans="1:27" s="1" customFormat="1" ht="14.1" customHeight="1" outlineLevel="2" x14ac:dyDescent="0.2">
      <c r="A14526" s="17">
        <v>11336</v>
      </c>
      <c r="B14526" s="17"/>
      <c r="C14526" s="17"/>
      <c r="D14526" s="18" t="s">
        <v>7201</v>
      </c>
      <c r="E14526" s="18"/>
      <c r="F14526" s="18"/>
      <c r="G14526" s="18"/>
      <c r="H14526" s="18"/>
      <c r="I14526" s="18"/>
      <c r="J14526" s="18"/>
      <c r="K14526" s="18"/>
      <c r="L14526" s="18"/>
      <c r="M14526" s="18"/>
      <c r="N14526" s="18"/>
      <c r="O14526" s="18"/>
      <c r="P14526" s="20">
        <v>1900</v>
      </c>
      <c r="Q14526" s="20"/>
      <c r="R14526" s="20"/>
      <c r="S14526" s="20"/>
      <c r="T14526" s="20">
        <v>1350</v>
      </c>
      <c r="U14526" s="20"/>
      <c r="V14526" s="20"/>
      <c r="W14526" s="20"/>
      <c r="X14526" s="19">
        <v>5</v>
      </c>
      <c r="Y14526" s="19"/>
      <c r="Z14526" s="19"/>
      <c r="AA14526" s="19"/>
    </row>
    <row r="14527" spans="1:27" s="1" customFormat="1" ht="14.1" customHeight="1" outlineLevel="2" x14ac:dyDescent="0.2">
      <c r="A14527" s="17"/>
      <c r="B14527" s="17"/>
      <c r="C14527" s="17"/>
      <c r="D14527" s="18"/>
      <c r="E14527" s="18"/>
      <c r="F14527" s="18"/>
      <c r="G14527" s="18"/>
      <c r="H14527" s="18"/>
      <c r="I14527" s="18"/>
      <c r="J14527" s="18"/>
      <c r="K14527" s="18"/>
      <c r="L14527" s="18"/>
      <c r="M14527" s="18"/>
      <c r="N14527" s="18"/>
      <c r="O14527" s="18"/>
      <c r="P14527" s="20"/>
      <c r="Q14527" s="20"/>
      <c r="R14527" s="20"/>
      <c r="S14527" s="20"/>
      <c r="T14527" s="20"/>
      <c r="U14527" s="20"/>
      <c r="V14527" s="20"/>
      <c r="W14527" s="20"/>
      <c r="X14527" s="19"/>
      <c r="Y14527" s="19"/>
      <c r="Z14527" s="19"/>
      <c r="AA14527" s="19"/>
    </row>
    <row r="14528" spans="1:27" s="1" customFormat="1" ht="14.1" customHeight="1" outlineLevel="2" x14ac:dyDescent="0.2">
      <c r="A14528" s="17">
        <v>11011</v>
      </c>
      <c r="B14528" s="17"/>
      <c r="C14528" s="17"/>
      <c r="D14528" s="18" t="s">
        <v>7202</v>
      </c>
      <c r="E14528" s="18"/>
      <c r="F14528" s="18"/>
      <c r="G14528" s="18"/>
      <c r="H14528" s="18"/>
      <c r="I14528" s="18"/>
      <c r="J14528" s="18"/>
      <c r="K14528" s="18"/>
      <c r="L14528" s="18"/>
      <c r="M14528" s="18"/>
      <c r="N14528" s="18"/>
      <c r="O14528" s="18"/>
      <c r="P14528" s="20">
        <v>2280</v>
      </c>
      <c r="Q14528" s="20"/>
      <c r="R14528" s="20"/>
      <c r="S14528" s="20"/>
      <c r="T14528" s="20">
        <v>1740</v>
      </c>
      <c r="U14528" s="20"/>
      <c r="V14528" s="20"/>
      <c r="W14528" s="20"/>
      <c r="X14528" s="19">
        <v>3</v>
      </c>
      <c r="Y14528" s="19"/>
      <c r="Z14528" s="19"/>
      <c r="AA14528" s="19"/>
    </row>
    <row r="14529" spans="1:27" s="1" customFormat="1" ht="14.1" customHeight="1" outlineLevel="2" x14ac:dyDescent="0.2">
      <c r="A14529" s="17"/>
      <c r="B14529" s="17"/>
      <c r="C14529" s="17"/>
      <c r="D14529" s="18"/>
      <c r="E14529" s="18"/>
      <c r="F14529" s="18"/>
      <c r="G14529" s="18"/>
      <c r="H14529" s="18"/>
      <c r="I14529" s="18"/>
      <c r="J14529" s="18"/>
      <c r="K14529" s="18"/>
      <c r="L14529" s="18"/>
      <c r="M14529" s="18"/>
      <c r="N14529" s="18"/>
      <c r="O14529" s="18"/>
      <c r="P14529" s="20"/>
      <c r="Q14529" s="20"/>
      <c r="R14529" s="20"/>
      <c r="S14529" s="20"/>
      <c r="T14529" s="20"/>
      <c r="U14529" s="20"/>
      <c r="V14529" s="20"/>
      <c r="W14529" s="20"/>
      <c r="X14529" s="19"/>
      <c r="Y14529" s="19"/>
      <c r="Z14529" s="19"/>
      <c r="AA14529" s="19"/>
    </row>
    <row r="14530" spans="1:27" s="1" customFormat="1" ht="14.1" customHeight="1" outlineLevel="2" x14ac:dyDescent="0.2">
      <c r="A14530" s="17">
        <v>11378</v>
      </c>
      <c r="B14530" s="17"/>
      <c r="C14530" s="17"/>
      <c r="D14530" s="18" t="s">
        <v>7203</v>
      </c>
      <c r="E14530" s="18"/>
      <c r="F14530" s="18"/>
      <c r="G14530" s="18"/>
      <c r="H14530" s="18"/>
      <c r="I14530" s="18"/>
      <c r="J14530" s="18"/>
      <c r="K14530" s="18"/>
      <c r="L14530" s="18"/>
      <c r="M14530" s="18"/>
      <c r="N14530" s="18"/>
      <c r="O14530" s="18"/>
      <c r="P14530" s="20">
        <v>3400</v>
      </c>
      <c r="Q14530" s="20"/>
      <c r="R14530" s="20"/>
      <c r="S14530" s="20"/>
      <c r="T14530" s="20">
        <v>2800</v>
      </c>
      <c r="U14530" s="20"/>
      <c r="V14530" s="20"/>
      <c r="W14530" s="20"/>
      <c r="X14530" s="19">
        <v>1</v>
      </c>
      <c r="Y14530" s="19"/>
      <c r="Z14530" s="19"/>
      <c r="AA14530" s="19"/>
    </row>
    <row r="14531" spans="1:27" s="1" customFormat="1" ht="14.1" customHeight="1" outlineLevel="2" x14ac:dyDescent="0.2">
      <c r="A14531" s="17"/>
      <c r="B14531" s="17"/>
      <c r="C14531" s="17"/>
      <c r="D14531" s="18"/>
      <c r="E14531" s="18"/>
      <c r="F14531" s="18"/>
      <c r="G14531" s="18"/>
      <c r="H14531" s="18"/>
      <c r="I14531" s="18"/>
      <c r="J14531" s="18"/>
      <c r="K14531" s="18"/>
      <c r="L14531" s="18"/>
      <c r="M14531" s="18"/>
      <c r="N14531" s="18"/>
      <c r="O14531" s="18"/>
      <c r="P14531" s="20"/>
      <c r="Q14531" s="20"/>
      <c r="R14531" s="20"/>
      <c r="S14531" s="20"/>
      <c r="T14531" s="20"/>
      <c r="U14531" s="20"/>
      <c r="V14531" s="20"/>
      <c r="W14531" s="20"/>
      <c r="X14531" s="19"/>
      <c r="Y14531" s="19"/>
      <c r="Z14531" s="19"/>
      <c r="AA14531" s="19"/>
    </row>
    <row r="14532" spans="1:27" s="1" customFormat="1" ht="14.1" customHeight="1" outlineLevel="2" x14ac:dyDescent="0.2">
      <c r="A14532" s="17">
        <v>8706</v>
      </c>
      <c r="B14532" s="17"/>
      <c r="C14532" s="17"/>
      <c r="D14532" s="18" t="s">
        <v>7204</v>
      </c>
      <c r="E14532" s="18"/>
      <c r="F14532" s="18"/>
      <c r="G14532" s="18"/>
      <c r="H14532" s="18"/>
      <c r="I14532" s="18"/>
      <c r="J14532" s="18"/>
      <c r="K14532" s="18"/>
      <c r="L14532" s="18"/>
      <c r="M14532" s="18"/>
      <c r="N14532" s="18"/>
      <c r="O14532" s="18"/>
      <c r="P14532" s="19">
        <v>750</v>
      </c>
      <c r="Q14532" s="19"/>
      <c r="R14532" s="19"/>
      <c r="S14532" s="19"/>
      <c r="T14532" s="19">
        <v>590</v>
      </c>
      <c r="U14532" s="19"/>
      <c r="V14532" s="19"/>
      <c r="W14532" s="19"/>
      <c r="X14532" s="19">
        <v>11</v>
      </c>
      <c r="Y14532" s="19"/>
      <c r="Z14532" s="19"/>
      <c r="AA14532" s="19"/>
    </row>
    <row r="14533" spans="1:27" s="1" customFormat="1" ht="14.1" customHeight="1" outlineLevel="2" x14ac:dyDescent="0.2">
      <c r="A14533" s="17"/>
      <c r="B14533" s="17"/>
      <c r="C14533" s="17"/>
      <c r="D14533" s="18"/>
      <c r="E14533" s="18"/>
      <c r="F14533" s="18"/>
      <c r="G14533" s="18"/>
      <c r="H14533" s="18"/>
      <c r="I14533" s="18"/>
      <c r="J14533" s="18"/>
      <c r="K14533" s="18"/>
      <c r="L14533" s="18"/>
      <c r="M14533" s="18"/>
      <c r="N14533" s="18"/>
      <c r="O14533" s="18"/>
      <c r="P14533" s="19"/>
      <c r="Q14533" s="19"/>
      <c r="R14533" s="19"/>
      <c r="S14533" s="19"/>
      <c r="T14533" s="19"/>
      <c r="U14533" s="19"/>
      <c r="V14533" s="19"/>
      <c r="W14533" s="19"/>
      <c r="X14533" s="19"/>
      <c r="Y14533" s="19"/>
      <c r="Z14533" s="19"/>
      <c r="AA14533" s="19"/>
    </row>
    <row r="14534" spans="1:27" s="1" customFormat="1" ht="14.1" customHeight="1" outlineLevel="2" x14ac:dyDescent="0.2">
      <c r="A14534" s="17">
        <v>9075</v>
      </c>
      <c r="B14534" s="17"/>
      <c r="C14534" s="17"/>
      <c r="D14534" s="18" t="s">
        <v>7205</v>
      </c>
      <c r="E14534" s="18"/>
      <c r="F14534" s="18"/>
      <c r="G14534" s="18"/>
      <c r="H14534" s="18"/>
      <c r="I14534" s="18"/>
      <c r="J14534" s="18"/>
      <c r="K14534" s="18"/>
      <c r="L14534" s="18"/>
      <c r="M14534" s="18"/>
      <c r="N14534" s="18"/>
      <c r="O14534" s="18"/>
      <c r="P14534" s="20">
        <v>2100</v>
      </c>
      <c r="Q14534" s="20"/>
      <c r="R14534" s="20"/>
      <c r="S14534" s="20"/>
      <c r="T14534" s="20">
        <v>1100</v>
      </c>
      <c r="U14534" s="20"/>
      <c r="V14534" s="20"/>
      <c r="W14534" s="20"/>
      <c r="X14534" s="19">
        <v>3</v>
      </c>
      <c r="Y14534" s="19"/>
      <c r="Z14534" s="19"/>
      <c r="AA14534" s="19"/>
    </row>
    <row r="14535" spans="1:27" s="1" customFormat="1" ht="14.1" customHeight="1" outlineLevel="2" x14ac:dyDescent="0.2">
      <c r="A14535" s="17"/>
      <c r="B14535" s="17"/>
      <c r="C14535" s="17"/>
      <c r="D14535" s="18"/>
      <c r="E14535" s="18"/>
      <c r="F14535" s="18"/>
      <c r="G14535" s="18"/>
      <c r="H14535" s="18"/>
      <c r="I14535" s="18"/>
      <c r="J14535" s="18"/>
      <c r="K14535" s="18"/>
      <c r="L14535" s="18"/>
      <c r="M14535" s="18"/>
      <c r="N14535" s="18"/>
      <c r="O14535" s="18"/>
      <c r="P14535" s="20"/>
      <c r="Q14535" s="20"/>
      <c r="R14535" s="20"/>
      <c r="S14535" s="20"/>
      <c r="T14535" s="20"/>
      <c r="U14535" s="20"/>
      <c r="V14535" s="20"/>
      <c r="W14535" s="20"/>
      <c r="X14535" s="19"/>
      <c r="Y14535" s="19"/>
      <c r="Z14535" s="19"/>
      <c r="AA14535" s="19"/>
    </row>
    <row r="14536" spans="1:27" s="1" customFormat="1" ht="14.1" customHeight="1" outlineLevel="2" x14ac:dyDescent="0.2">
      <c r="A14536" s="17">
        <v>9156</v>
      </c>
      <c r="B14536" s="17"/>
      <c r="C14536" s="17"/>
      <c r="D14536" s="18" t="s">
        <v>7206</v>
      </c>
      <c r="E14536" s="18"/>
      <c r="F14536" s="18"/>
      <c r="G14536" s="18"/>
      <c r="H14536" s="18"/>
      <c r="I14536" s="18"/>
      <c r="J14536" s="18"/>
      <c r="K14536" s="18"/>
      <c r="L14536" s="18"/>
      <c r="M14536" s="18"/>
      <c r="N14536" s="18"/>
      <c r="O14536" s="18"/>
      <c r="P14536" s="20">
        <v>2600</v>
      </c>
      <c r="Q14536" s="20"/>
      <c r="R14536" s="20"/>
      <c r="S14536" s="20"/>
      <c r="T14536" s="20">
        <v>1600</v>
      </c>
      <c r="U14536" s="20"/>
      <c r="V14536" s="20"/>
      <c r="W14536" s="20"/>
      <c r="X14536" s="19">
        <v>1</v>
      </c>
      <c r="Y14536" s="19"/>
      <c r="Z14536" s="19"/>
      <c r="AA14536" s="19"/>
    </row>
    <row r="14537" spans="1:27" s="1" customFormat="1" ht="14.1" customHeight="1" outlineLevel="2" x14ac:dyDescent="0.2">
      <c r="A14537" s="17"/>
      <c r="B14537" s="17"/>
      <c r="C14537" s="17"/>
      <c r="D14537" s="18"/>
      <c r="E14537" s="18"/>
      <c r="F14537" s="18"/>
      <c r="G14537" s="18"/>
      <c r="H14537" s="18"/>
      <c r="I14537" s="18"/>
      <c r="J14537" s="18"/>
      <c r="K14537" s="18"/>
      <c r="L14537" s="18"/>
      <c r="M14537" s="18"/>
      <c r="N14537" s="18"/>
      <c r="O14537" s="18"/>
      <c r="P14537" s="20"/>
      <c r="Q14537" s="20"/>
      <c r="R14537" s="20"/>
      <c r="S14537" s="20"/>
      <c r="T14537" s="20"/>
      <c r="U14537" s="20"/>
      <c r="V14537" s="20"/>
      <c r="W14537" s="20"/>
      <c r="X14537" s="19"/>
      <c r="Y14537" s="19"/>
      <c r="Z14537" s="19"/>
      <c r="AA14537" s="19"/>
    </row>
    <row r="14538" spans="1:27" s="1" customFormat="1" ht="11.1" customHeight="1" outlineLevel="2" x14ac:dyDescent="0.2">
      <c r="A14538" s="17">
        <v>7287</v>
      </c>
      <c r="B14538" s="17"/>
      <c r="C14538" s="17"/>
      <c r="D14538" s="18" t="s">
        <v>7207</v>
      </c>
      <c r="E14538" s="18"/>
      <c r="F14538" s="18"/>
      <c r="G14538" s="18"/>
      <c r="H14538" s="18"/>
      <c r="I14538" s="18"/>
      <c r="J14538" s="18"/>
      <c r="K14538" s="18"/>
      <c r="L14538" s="18"/>
      <c r="M14538" s="18"/>
      <c r="N14538" s="18"/>
      <c r="O14538" s="18"/>
      <c r="P14538" s="19">
        <v>333</v>
      </c>
      <c r="Q14538" s="19"/>
      <c r="R14538" s="19"/>
      <c r="S14538" s="19"/>
      <c r="T14538" s="19">
        <v>233</v>
      </c>
      <c r="U14538" s="19"/>
      <c r="V14538" s="19"/>
      <c r="W14538" s="19"/>
      <c r="X14538" s="19">
        <v>1</v>
      </c>
      <c r="Y14538" s="19"/>
      <c r="Z14538" s="19"/>
      <c r="AA14538" s="19"/>
    </row>
    <row r="14539" spans="1:27" s="1" customFormat="1" ht="11.1" customHeight="1" outlineLevel="2" x14ac:dyDescent="0.2">
      <c r="A14539" s="17"/>
      <c r="B14539" s="17"/>
      <c r="C14539" s="17"/>
      <c r="D14539" s="18"/>
      <c r="E14539" s="18"/>
      <c r="F14539" s="18"/>
      <c r="G14539" s="18"/>
      <c r="H14539" s="18"/>
      <c r="I14539" s="18"/>
      <c r="J14539" s="18"/>
      <c r="K14539" s="18"/>
      <c r="L14539" s="18"/>
      <c r="M14539" s="18"/>
      <c r="N14539" s="18"/>
      <c r="O14539" s="18"/>
      <c r="P14539" s="19"/>
      <c r="Q14539" s="19"/>
      <c r="R14539" s="19"/>
      <c r="S14539" s="19"/>
      <c r="T14539" s="19"/>
      <c r="U14539" s="19"/>
      <c r="V14539" s="19"/>
      <c r="W14539" s="19"/>
      <c r="X14539" s="19"/>
      <c r="Y14539" s="19"/>
      <c r="Z14539" s="19"/>
      <c r="AA14539" s="19"/>
    </row>
    <row r="14540" spans="1:27" s="1" customFormat="1" ht="11.1" customHeight="1" outlineLevel="2" x14ac:dyDescent="0.2">
      <c r="A14540" s="17">
        <v>8348</v>
      </c>
      <c r="B14540" s="17"/>
      <c r="C14540" s="17"/>
      <c r="D14540" s="18" t="s">
        <v>7208</v>
      </c>
      <c r="E14540" s="18"/>
      <c r="F14540" s="18"/>
      <c r="G14540" s="18"/>
      <c r="H14540" s="18"/>
      <c r="I14540" s="18"/>
      <c r="J14540" s="18"/>
      <c r="K14540" s="18"/>
      <c r="L14540" s="18"/>
      <c r="M14540" s="18"/>
      <c r="N14540" s="18"/>
      <c r="O14540" s="18"/>
      <c r="P14540" s="20">
        <v>1200</v>
      </c>
      <c r="Q14540" s="20"/>
      <c r="R14540" s="20"/>
      <c r="S14540" s="20"/>
      <c r="T14540" s="19">
        <v>730</v>
      </c>
      <c r="U14540" s="19"/>
      <c r="V14540" s="19"/>
      <c r="W14540" s="19"/>
      <c r="X14540" s="19">
        <v>3</v>
      </c>
      <c r="Y14540" s="19"/>
      <c r="Z14540" s="19"/>
      <c r="AA14540" s="19"/>
    </row>
    <row r="14541" spans="1:27" s="1" customFormat="1" ht="11.1" customHeight="1" outlineLevel="2" x14ac:dyDescent="0.2">
      <c r="A14541" s="17"/>
      <c r="B14541" s="17"/>
      <c r="C14541" s="17"/>
      <c r="D14541" s="18"/>
      <c r="E14541" s="18"/>
      <c r="F14541" s="18"/>
      <c r="G14541" s="18"/>
      <c r="H14541" s="18"/>
      <c r="I14541" s="18"/>
      <c r="J14541" s="18"/>
      <c r="K14541" s="18"/>
      <c r="L14541" s="18"/>
      <c r="M14541" s="18"/>
      <c r="N14541" s="18"/>
      <c r="O14541" s="18"/>
      <c r="P14541" s="20"/>
      <c r="Q14541" s="20"/>
      <c r="R14541" s="20"/>
      <c r="S14541" s="20"/>
      <c r="T14541" s="19"/>
      <c r="U14541" s="19"/>
      <c r="V14541" s="19"/>
      <c r="W14541" s="19"/>
      <c r="X14541" s="19"/>
      <c r="Y14541" s="19"/>
      <c r="Z14541" s="19"/>
      <c r="AA14541" s="19"/>
    </row>
    <row r="14542" spans="1:27" s="1" customFormat="1" ht="11.1" customHeight="1" outlineLevel="2" x14ac:dyDescent="0.2">
      <c r="A14542" s="17">
        <v>7278</v>
      </c>
      <c r="B14542" s="17"/>
      <c r="C14542" s="17"/>
      <c r="D14542" s="18" t="s">
        <v>7209</v>
      </c>
      <c r="E14542" s="18"/>
      <c r="F14542" s="18"/>
      <c r="G14542" s="18"/>
      <c r="H14542" s="18"/>
      <c r="I14542" s="18"/>
      <c r="J14542" s="18"/>
      <c r="K14542" s="18"/>
      <c r="L14542" s="18"/>
      <c r="M14542" s="18"/>
      <c r="N14542" s="18"/>
      <c r="O14542" s="18"/>
      <c r="P14542" s="19">
        <v>410</v>
      </c>
      <c r="Q14542" s="19"/>
      <c r="R14542" s="19"/>
      <c r="S14542" s="19"/>
      <c r="T14542" s="19">
        <v>310</v>
      </c>
      <c r="U14542" s="19"/>
      <c r="V14542" s="19"/>
      <c r="W14542" s="19"/>
      <c r="X14542" s="19">
        <v>2</v>
      </c>
      <c r="Y14542" s="19"/>
      <c r="Z14542" s="19"/>
      <c r="AA14542" s="19"/>
    </row>
    <row r="14543" spans="1:27" s="1" customFormat="1" ht="11.1" customHeight="1" outlineLevel="2" x14ac:dyDescent="0.2">
      <c r="A14543" s="17"/>
      <c r="B14543" s="17"/>
      <c r="C14543" s="17"/>
      <c r="D14543" s="18"/>
      <c r="E14543" s="18"/>
      <c r="F14543" s="18"/>
      <c r="G14543" s="18"/>
      <c r="H14543" s="18"/>
      <c r="I14543" s="18"/>
      <c r="J14543" s="18"/>
      <c r="K14543" s="18"/>
      <c r="L14543" s="18"/>
      <c r="M14543" s="18"/>
      <c r="N14543" s="18"/>
      <c r="O14543" s="18"/>
      <c r="P14543" s="19"/>
      <c r="Q14543" s="19"/>
      <c r="R14543" s="19"/>
      <c r="S14543" s="19"/>
      <c r="T14543" s="19"/>
      <c r="U14543" s="19"/>
      <c r="V14543" s="19"/>
      <c r="W14543" s="19"/>
      <c r="X14543" s="19"/>
      <c r="Y14543" s="19"/>
      <c r="Z14543" s="19"/>
      <c r="AA14543" s="19"/>
    </row>
    <row r="14544" spans="1:27" s="1" customFormat="1" ht="11.1" customHeight="1" outlineLevel="2" x14ac:dyDescent="0.2">
      <c r="A14544" s="17">
        <v>7279</v>
      </c>
      <c r="B14544" s="17"/>
      <c r="C14544" s="17"/>
      <c r="D14544" s="18" t="s">
        <v>7210</v>
      </c>
      <c r="E14544" s="18"/>
      <c r="F14544" s="18"/>
      <c r="G14544" s="18"/>
      <c r="H14544" s="18"/>
      <c r="I14544" s="18"/>
      <c r="J14544" s="18"/>
      <c r="K14544" s="18"/>
      <c r="L14544" s="18"/>
      <c r="M14544" s="18"/>
      <c r="N14544" s="18"/>
      <c r="O14544" s="18"/>
      <c r="P14544" s="19">
        <v>402</v>
      </c>
      <c r="Q14544" s="19"/>
      <c r="R14544" s="19"/>
      <c r="S14544" s="19"/>
      <c r="T14544" s="19">
        <v>302</v>
      </c>
      <c r="U14544" s="19"/>
      <c r="V14544" s="19"/>
      <c r="W14544" s="19"/>
      <c r="X14544" s="19">
        <v>3</v>
      </c>
      <c r="Y14544" s="19"/>
      <c r="Z14544" s="19"/>
      <c r="AA14544" s="19"/>
    </row>
    <row r="14545" spans="1:27" s="1" customFormat="1" ht="11.1" customHeight="1" outlineLevel="2" x14ac:dyDescent="0.2">
      <c r="A14545" s="17"/>
      <c r="B14545" s="17"/>
      <c r="C14545" s="17"/>
      <c r="D14545" s="18"/>
      <c r="E14545" s="18"/>
      <c r="F14545" s="18"/>
      <c r="G14545" s="18"/>
      <c r="H14545" s="18"/>
      <c r="I14545" s="18"/>
      <c r="J14545" s="18"/>
      <c r="K14545" s="18"/>
      <c r="L14545" s="18"/>
      <c r="M14545" s="18"/>
      <c r="N14545" s="18"/>
      <c r="O14545" s="18"/>
      <c r="P14545" s="19"/>
      <c r="Q14545" s="19"/>
      <c r="R14545" s="19"/>
      <c r="S14545" s="19"/>
      <c r="T14545" s="19"/>
      <c r="U14545" s="19"/>
      <c r="V14545" s="19"/>
      <c r="W14545" s="19"/>
      <c r="X14545" s="19"/>
      <c r="Y14545" s="19"/>
      <c r="Z14545" s="19"/>
      <c r="AA14545" s="19"/>
    </row>
    <row r="14546" spans="1:27" s="1" customFormat="1" ht="11.1" customHeight="1" outlineLevel="2" x14ac:dyDescent="0.2">
      <c r="A14546" s="17">
        <v>7280</v>
      </c>
      <c r="B14546" s="17"/>
      <c r="C14546" s="17"/>
      <c r="D14546" s="18" t="s">
        <v>7211</v>
      </c>
      <c r="E14546" s="18"/>
      <c r="F14546" s="18"/>
      <c r="G14546" s="18"/>
      <c r="H14546" s="18"/>
      <c r="I14546" s="18"/>
      <c r="J14546" s="18"/>
      <c r="K14546" s="18"/>
      <c r="L14546" s="18"/>
      <c r="M14546" s="18"/>
      <c r="N14546" s="18"/>
      <c r="O14546" s="18"/>
      <c r="P14546" s="19">
        <v>477</v>
      </c>
      <c r="Q14546" s="19"/>
      <c r="R14546" s="19"/>
      <c r="S14546" s="19"/>
      <c r="T14546" s="19">
        <v>377</v>
      </c>
      <c r="U14546" s="19"/>
      <c r="V14546" s="19"/>
      <c r="W14546" s="19"/>
      <c r="X14546" s="19">
        <v>2</v>
      </c>
      <c r="Y14546" s="19"/>
      <c r="Z14546" s="19"/>
      <c r="AA14546" s="19"/>
    </row>
    <row r="14547" spans="1:27" s="1" customFormat="1" ht="11.1" customHeight="1" outlineLevel="2" x14ac:dyDescent="0.2">
      <c r="A14547" s="17"/>
      <c r="B14547" s="17"/>
      <c r="C14547" s="17"/>
      <c r="D14547" s="18"/>
      <c r="E14547" s="18"/>
      <c r="F14547" s="18"/>
      <c r="G14547" s="18"/>
      <c r="H14547" s="18"/>
      <c r="I14547" s="18"/>
      <c r="J14547" s="18"/>
      <c r="K14547" s="18"/>
      <c r="L14547" s="18"/>
      <c r="M14547" s="18"/>
      <c r="N14547" s="18"/>
      <c r="O14547" s="18"/>
      <c r="P14547" s="19"/>
      <c r="Q14547" s="19"/>
      <c r="R14547" s="19"/>
      <c r="S14547" s="19"/>
      <c r="T14547" s="19"/>
      <c r="U14547" s="19"/>
      <c r="V14547" s="19"/>
      <c r="W14547" s="19"/>
      <c r="X14547" s="19"/>
      <c r="Y14547" s="19"/>
      <c r="Z14547" s="19"/>
      <c r="AA14547" s="19"/>
    </row>
    <row r="14548" spans="1:27" s="1" customFormat="1" ht="11.1" customHeight="1" outlineLevel="2" x14ac:dyDescent="0.2">
      <c r="A14548" s="17">
        <v>13312</v>
      </c>
      <c r="B14548" s="17"/>
      <c r="C14548" s="17"/>
      <c r="D14548" s="18" t="s">
        <v>7212</v>
      </c>
      <c r="E14548" s="18"/>
      <c r="F14548" s="18"/>
      <c r="G14548" s="18"/>
      <c r="H14548" s="18"/>
      <c r="I14548" s="18"/>
      <c r="J14548" s="18"/>
      <c r="K14548" s="18"/>
      <c r="L14548" s="18"/>
      <c r="M14548" s="18"/>
      <c r="N14548" s="18"/>
      <c r="O14548" s="18"/>
      <c r="P14548" s="19">
        <v>490</v>
      </c>
      <c r="Q14548" s="19"/>
      <c r="R14548" s="19"/>
      <c r="S14548" s="19"/>
      <c r="T14548" s="19">
        <v>380</v>
      </c>
      <c r="U14548" s="19"/>
      <c r="V14548" s="19"/>
      <c r="W14548" s="19"/>
      <c r="X14548" s="19">
        <v>5</v>
      </c>
      <c r="Y14548" s="19"/>
      <c r="Z14548" s="19"/>
      <c r="AA14548" s="19"/>
    </row>
    <row r="14549" spans="1:27" s="1" customFormat="1" ht="11.1" customHeight="1" outlineLevel="2" x14ac:dyDescent="0.2">
      <c r="A14549" s="17"/>
      <c r="B14549" s="17"/>
      <c r="C14549" s="17"/>
      <c r="D14549" s="18"/>
      <c r="E14549" s="18"/>
      <c r="F14549" s="18"/>
      <c r="G14549" s="18"/>
      <c r="H14549" s="18"/>
      <c r="I14549" s="18"/>
      <c r="J14549" s="18"/>
      <c r="K14549" s="18"/>
      <c r="L14549" s="18"/>
      <c r="M14549" s="18"/>
      <c r="N14549" s="18"/>
      <c r="O14549" s="18"/>
      <c r="P14549" s="19"/>
      <c r="Q14549" s="19"/>
      <c r="R14549" s="19"/>
      <c r="S14549" s="19"/>
      <c r="T14549" s="19"/>
      <c r="U14549" s="19"/>
      <c r="V14549" s="19"/>
      <c r="W14549" s="19"/>
      <c r="X14549" s="19"/>
      <c r="Y14549" s="19"/>
      <c r="Z14549" s="19"/>
      <c r="AA14549" s="19"/>
    </row>
    <row r="14550" spans="1:27" s="1" customFormat="1" ht="11.1" customHeight="1" outlineLevel="2" x14ac:dyDescent="0.2">
      <c r="A14550" s="17">
        <v>13313</v>
      </c>
      <c r="B14550" s="17"/>
      <c r="C14550" s="17"/>
      <c r="D14550" s="18" t="s">
        <v>7213</v>
      </c>
      <c r="E14550" s="18"/>
      <c r="F14550" s="18"/>
      <c r="G14550" s="18"/>
      <c r="H14550" s="18"/>
      <c r="I14550" s="18"/>
      <c r="J14550" s="18"/>
      <c r="K14550" s="18"/>
      <c r="L14550" s="18"/>
      <c r="M14550" s="18"/>
      <c r="N14550" s="18"/>
      <c r="O14550" s="18"/>
      <c r="P14550" s="19">
        <v>560</v>
      </c>
      <c r="Q14550" s="19"/>
      <c r="R14550" s="19"/>
      <c r="S14550" s="19"/>
      <c r="T14550" s="19">
        <v>420</v>
      </c>
      <c r="U14550" s="19"/>
      <c r="V14550" s="19"/>
      <c r="W14550" s="19"/>
      <c r="X14550" s="19">
        <v>4</v>
      </c>
      <c r="Y14550" s="19"/>
      <c r="Z14550" s="19"/>
      <c r="AA14550" s="19"/>
    </row>
    <row r="14551" spans="1:27" s="1" customFormat="1" ht="11.1" customHeight="1" outlineLevel="2" x14ac:dyDescent="0.2">
      <c r="A14551" s="17"/>
      <c r="B14551" s="17"/>
      <c r="C14551" s="17"/>
      <c r="D14551" s="18"/>
      <c r="E14551" s="18"/>
      <c r="F14551" s="18"/>
      <c r="G14551" s="18"/>
      <c r="H14551" s="18"/>
      <c r="I14551" s="18"/>
      <c r="J14551" s="18"/>
      <c r="K14551" s="18"/>
      <c r="L14551" s="18"/>
      <c r="M14551" s="18"/>
      <c r="N14551" s="18"/>
      <c r="O14551" s="18"/>
      <c r="P14551" s="19"/>
      <c r="Q14551" s="19"/>
      <c r="R14551" s="19"/>
      <c r="S14551" s="19"/>
      <c r="T14551" s="19"/>
      <c r="U14551" s="19"/>
      <c r="V14551" s="19"/>
      <c r="W14551" s="19"/>
      <c r="X14551" s="19"/>
      <c r="Y14551" s="19"/>
      <c r="Z14551" s="19"/>
      <c r="AA14551" s="19"/>
    </row>
    <row r="14552" spans="1:27" s="1" customFormat="1" ht="11.1" customHeight="1" outlineLevel="2" x14ac:dyDescent="0.2">
      <c r="A14552" s="17">
        <v>7286</v>
      </c>
      <c r="B14552" s="17"/>
      <c r="C14552" s="17"/>
      <c r="D14552" s="18" t="s">
        <v>7214</v>
      </c>
      <c r="E14552" s="18"/>
      <c r="F14552" s="18"/>
      <c r="G14552" s="18"/>
      <c r="H14552" s="18"/>
      <c r="I14552" s="18"/>
      <c r="J14552" s="18"/>
      <c r="K14552" s="18"/>
      <c r="L14552" s="18"/>
      <c r="M14552" s="18"/>
      <c r="N14552" s="18"/>
      <c r="O14552" s="18"/>
      <c r="P14552" s="19">
        <v>580</v>
      </c>
      <c r="Q14552" s="19"/>
      <c r="R14552" s="19"/>
      <c r="S14552" s="19"/>
      <c r="T14552" s="19">
        <v>440</v>
      </c>
      <c r="U14552" s="19"/>
      <c r="V14552" s="19"/>
      <c r="W14552" s="19"/>
      <c r="X14552" s="19">
        <v>20</v>
      </c>
      <c r="Y14552" s="19"/>
      <c r="Z14552" s="19"/>
      <c r="AA14552" s="19"/>
    </row>
    <row r="14553" spans="1:27" s="1" customFormat="1" ht="11.1" customHeight="1" outlineLevel="2" x14ac:dyDescent="0.2">
      <c r="A14553" s="17"/>
      <c r="B14553" s="17"/>
      <c r="C14553" s="17"/>
      <c r="D14553" s="18"/>
      <c r="E14553" s="18"/>
      <c r="F14553" s="18"/>
      <c r="G14553" s="18"/>
      <c r="H14553" s="18"/>
      <c r="I14553" s="18"/>
      <c r="J14553" s="18"/>
      <c r="K14553" s="18"/>
      <c r="L14553" s="18"/>
      <c r="M14553" s="18"/>
      <c r="N14553" s="18"/>
      <c r="O14553" s="18"/>
      <c r="P14553" s="19"/>
      <c r="Q14553" s="19"/>
      <c r="R14553" s="19"/>
      <c r="S14553" s="19"/>
      <c r="T14553" s="19"/>
      <c r="U14553" s="19"/>
      <c r="V14553" s="19"/>
      <c r="W14553" s="19"/>
      <c r="X14553" s="19"/>
      <c r="Y14553" s="19"/>
      <c r="Z14553" s="19"/>
      <c r="AA14553" s="19"/>
    </row>
    <row r="14554" spans="1:27" s="1" customFormat="1" ht="11.1" customHeight="1" outlineLevel="2" x14ac:dyDescent="0.2">
      <c r="A14554" s="17">
        <v>13311</v>
      </c>
      <c r="B14554" s="17"/>
      <c r="C14554" s="17"/>
      <c r="D14554" s="18" t="s">
        <v>7215</v>
      </c>
      <c r="E14554" s="18"/>
      <c r="F14554" s="18"/>
      <c r="G14554" s="18"/>
      <c r="H14554" s="18"/>
      <c r="I14554" s="18"/>
      <c r="J14554" s="18"/>
      <c r="K14554" s="18"/>
      <c r="L14554" s="18"/>
      <c r="M14554" s="18"/>
      <c r="N14554" s="18"/>
      <c r="O14554" s="18"/>
      <c r="P14554" s="19">
        <v>700</v>
      </c>
      <c r="Q14554" s="19"/>
      <c r="R14554" s="19"/>
      <c r="S14554" s="19"/>
      <c r="T14554" s="19">
        <v>500</v>
      </c>
      <c r="U14554" s="19"/>
      <c r="V14554" s="19"/>
      <c r="W14554" s="19"/>
      <c r="X14554" s="19">
        <v>1</v>
      </c>
      <c r="Y14554" s="19"/>
      <c r="Z14554" s="19"/>
      <c r="AA14554" s="19"/>
    </row>
    <row r="14555" spans="1:27" s="1" customFormat="1" ht="11.1" customHeight="1" outlineLevel="2" x14ac:dyDescent="0.2">
      <c r="A14555" s="17"/>
      <c r="B14555" s="17"/>
      <c r="C14555" s="17"/>
      <c r="D14555" s="18"/>
      <c r="E14555" s="18"/>
      <c r="F14555" s="18"/>
      <c r="G14555" s="18"/>
      <c r="H14555" s="18"/>
      <c r="I14555" s="18"/>
      <c r="J14555" s="18"/>
      <c r="K14555" s="18"/>
      <c r="L14555" s="18"/>
      <c r="M14555" s="18"/>
      <c r="N14555" s="18"/>
      <c r="O14555" s="18"/>
      <c r="P14555" s="19"/>
      <c r="Q14555" s="19"/>
      <c r="R14555" s="19"/>
      <c r="S14555" s="19"/>
      <c r="T14555" s="19"/>
      <c r="U14555" s="19"/>
      <c r="V14555" s="19"/>
      <c r="W14555" s="19"/>
      <c r="X14555" s="19"/>
      <c r="Y14555" s="19"/>
      <c r="Z14555" s="19"/>
      <c r="AA14555" s="19"/>
    </row>
    <row r="14556" spans="1:27" s="1" customFormat="1" ht="11.1" customHeight="1" outlineLevel="2" x14ac:dyDescent="0.2">
      <c r="A14556" s="17">
        <v>8349</v>
      </c>
      <c r="B14556" s="17"/>
      <c r="C14556" s="17"/>
      <c r="D14556" s="18" t="s">
        <v>7216</v>
      </c>
      <c r="E14556" s="18"/>
      <c r="F14556" s="18"/>
      <c r="G14556" s="18"/>
      <c r="H14556" s="18"/>
      <c r="I14556" s="18"/>
      <c r="J14556" s="18"/>
      <c r="K14556" s="18"/>
      <c r="L14556" s="18"/>
      <c r="M14556" s="18"/>
      <c r="N14556" s="18"/>
      <c r="O14556" s="18"/>
      <c r="P14556" s="19">
        <v>395</v>
      </c>
      <c r="Q14556" s="19"/>
      <c r="R14556" s="19"/>
      <c r="S14556" s="19"/>
      <c r="T14556" s="19">
        <v>295</v>
      </c>
      <c r="U14556" s="19"/>
      <c r="V14556" s="19"/>
      <c r="W14556" s="19"/>
      <c r="X14556" s="19">
        <v>7</v>
      </c>
      <c r="Y14556" s="19"/>
      <c r="Z14556" s="19"/>
      <c r="AA14556" s="19"/>
    </row>
    <row r="14557" spans="1:27" s="1" customFormat="1" ht="11.1" customHeight="1" outlineLevel="2" x14ac:dyDescent="0.2">
      <c r="A14557" s="17"/>
      <c r="B14557" s="17"/>
      <c r="C14557" s="17"/>
      <c r="D14557" s="18"/>
      <c r="E14557" s="18"/>
      <c r="F14557" s="18"/>
      <c r="G14557" s="18"/>
      <c r="H14557" s="18"/>
      <c r="I14557" s="18"/>
      <c r="J14557" s="18"/>
      <c r="K14557" s="18"/>
      <c r="L14557" s="18"/>
      <c r="M14557" s="18"/>
      <c r="N14557" s="18"/>
      <c r="O14557" s="18"/>
      <c r="P14557" s="19"/>
      <c r="Q14557" s="19"/>
      <c r="R14557" s="19"/>
      <c r="S14557" s="19"/>
      <c r="T14557" s="19"/>
      <c r="U14557" s="19"/>
      <c r="V14557" s="19"/>
      <c r="W14557" s="19"/>
      <c r="X14557" s="19"/>
      <c r="Y14557" s="19"/>
      <c r="Z14557" s="19"/>
      <c r="AA14557" s="19"/>
    </row>
    <row r="14558" spans="1:27" s="1" customFormat="1" ht="14.1" customHeight="1" outlineLevel="2" x14ac:dyDescent="0.2">
      <c r="A14558" s="17">
        <v>10360</v>
      </c>
      <c r="B14558" s="17"/>
      <c r="C14558" s="17"/>
      <c r="D14558" s="18" t="s">
        <v>7217</v>
      </c>
      <c r="E14558" s="18"/>
      <c r="F14558" s="18"/>
      <c r="G14558" s="18"/>
      <c r="H14558" s="18"/>
      <c r="I14558" s="18"/>
      <c r="J14558" s="18"/>
      <c r="K14558" s="18"/>
      <c r="L14558" s="18"/>
      <c r="M14558" s="18"/>
      <c r="N14558" s="18"/>
      <c r="O14558" s="18"/>
      <c r="P14558" s="19">
        <v>690</v>
      </c>
      <c r="Q14558" s="19"/>
      <c r="R14558" s="19"/>
      <c r="S14558" s="19"/>
      <c r="T14558" s="19">
        <v>540</v>
      </c>
      <c r="U14558" s="19"/>
      <c r="V14558" s="19"/>
      <c r="W14558" s="19"/>
      <c r="X14558" s="19">
        <v>3</v>
      </c>
      <c r="Y14558" s="19"/>
      <c r="Z14558" s="19"/>
      <c r="AA14558" s="19"/>
    </row>
    <row r="14559" spans="1:27" s="1" customFormat="1" ht="14.1" customHeight="1" outlineLevel="2" x14ac:dyDescent="0.2">
      <c r="A14559" s="17"/>
      <c r="B14559" s="17"/>
      <c r="C14559" s="17"/>
      <c r="D14559" s="18"/>
      <c r="E14559" s="18"/>
      <c r="F14559" s="18"/>
      <c r="G14559" s="18"/>
      <c r="H14559" s="18"/>
      <c r="I14559" s="18"/>
      <c r="J14559" s="18"/>
      <c r="K14559" s="18"/>
      <c r="L14559" s="18"/>
      <c r="M14559" s="18"/>
      <c r="N14559" s="18"/>
      <c r="O14559" s="18"/>
      <c r="P14559" s="19"/>
      <c r="Q14559" s="19"/>
      <c r="R14559" s="19"/>
      <c r="S14559" s="19"/>
      <c r="T14559" s="19"/>
      <c r="U14559" s="19"/>
      <c r="V14559" s="19"/>
      <c r="W14559" s="19"/>
      <c r="X14559" s="19"/>
      <c r="Y14559" s="19"/>
      <c r="Z14559" s="19"/>
      <c r="AA14559" s="19"/>
    </row>
    <row r="14560" spans="1:27" s="1" customFormat="1" ht="14.1" customHeight="1" outlineLevel="2" x14ac:dyDescent="0.2">
      <c r="A14560" s="17">
        <v>10361</v>
      </c>
      <c r="B14560" s="17"/>
      <c r="C14560" s="17"/>
      <c r="D14560" s="18" t="s">
        <v>7218</v>
      </c>
      <c r="E14560" s="18"/>
      <c r="F14560" s="18"/>
      <c r="G14560" s="18"/>
      <c r="H14560" s="18"/>
      <c r="I14560" s="18"/>
      <c r="J14560" s="18"/>
      <c r="K14560" s="18"/>
      <c r="L14560" s="18"/>
      <c r="M14560" s="18"/>
      <c r="N14560" s="18"/>
      <c r="O14560" s="18"/>
      <c r="P14560" s="19">
        <v>850</v>
      </c>
      <c r="Q14560" s="19"/>
      <c r="R14560" s="19"/>
      <c r="S14560" s="19"/>
      <c r="T14560" s="19">
        <v>700</v>
      </c>
      <c r="U14560" s="19"/>
      <c r="V14560" s="19"/>
      <c r="W14560" s="19"/>
      <c r="X14560" s="19">
        <v>2</v>
      </c>
      <c r="Y14560" s="19"/>
      <c r="Z14560" s="19"/>
      <c r="AA14560" s="19"/>
    </row>
    <row r="14561" spans="1:27" s="1" customFormat="1" ht="14.1" customHeight="1" outlineLevel="2" x14ac:dyDescent="0.2">
      <c r="A14561" s="17"/>
      <c r="B14561" s="17"/>
      <c r="C14561" s="17"/>
      <c r="D14561" s="18"/>
      <c r="E14561" s="18"/>
      <c r="F14561" s="18"/>
      <c r="G14561" s="18"/>
      <c r="H14561" s="18"/>
      <c r="I14561" s="18"/>
      <c r="J14561" s="18"/>
      <c r="K14561" s="18"/>
      <c r="L14561" s="18"/>
      <c r="M14561" s="18"/>
      <c r="N14561" s="18"/>
      <c r="O14561" s="18"/>
      <c r="P14561" s="19"/>
      <c r="Q14561" s="19"/>
      <c r="R14561" s="19"/>
      <c r="S14561" s="19"/>
      <c r="T14561" s="19"/>
      <c r="U14561" s="19"/>
      <c r="V14561" s="19"/>
      <c r="W14561" s="19"/>
      <c r="X14561" s="19"/>
      <c r="Y14561" s="19"/>
      <c r="Z14561" s="19"/>
      <c r="AA14561" s="19"/>
    </row>
    <row r="14562" spans="1:27" s="1" customFormat="1" ht="11.1" customHeight="1" outlineLevel="2" x14ac:dyDescent="0.2">
      <c r="A14562" s="17">
        <v>10362</v>
      </c>
      <c r="B14562" s="17"/>
      <c r="C14562" s="17"/>
      <c r="D14562" s="18" t="s">
        <v>7219</v>
      </c>
      <c r="E14562" s="18"/>
      <c r="F14562" s="18"/>
      <c r="G14562" s="18"/>
      <c r="H14562" s="18"/>
      <c r="I14562" s="18"/>
      <c r="J14562" s="18"/>
      <c r="K14562" s="18"/>
      <c r="L14562" s="18"/>
      <c r="M14562" s="18"/>
      <c r="N14562" s="18"/>
      <c r="O14562" s="18"/>
      <c r="P14562" s="19">
        <v>420</v>
      </c>
      <c r="Q14562" s="19"/>
      <c r="R14562" s="19"/>
      <c r="S14562" s="19"/>
      <c r="T14562" s="19">
        <v>300</v>
      </c>
      <c r="U14562" s="19"/>
      <c r="V14562" s="19"/>
      <c r="W14562" s="19"/>
      <c r="X14562" s="19">
        <v>1</v>
      </c>
      <c r="Y14562" s="19"/>
      <c r="Z14562" s="19"/>
      <c r="AA14562" s="19"/>
    </row>
    <row r="14563" spans="1:27" s="1" customFormat="1" ht="11.1" customHeight="1" outlineLevel="2" x14ac:dyDescent="0.2">
      <c r="A14563" s="17"/>
      <c r="B14563" s="17"/>
      <c r="C14563" s="17"/>
      <c r="D14563" s="18"/>
      <c r="E14563" s="18"/>
      <c r="F14563" s="18"/>
      <c r="G14563" s="18"/>
      <c r="H14563" s="18"/>
      <c r="I14563" s="18"/>
      <c r="J14563" s="18"/>
      <c r="K14563" s="18"/>
      <c r="L14563" s="18"/>
      <c r="M14563" s="18"/>
      <c r="N14563" s="18"/>
      <c r="O14563" s="18"/>
      <c r="P14563" s="19"/>
      <c r="Q14563" s="19"/>
      <c r="R14563" s="19"/>
      <c r="S14563" s="19"/>
      <c r="T14563" s="19"/>
      <c r="U14563" s="19"/>
      <c r="V14563" s="19"/>
      <c r="W14563" s="19"/>
      <c r="X14563" s="19"/>
      <c r="Y14563" s="19"/>
      <c r="Z14563" s="19"/>
      <c r="AA14563" s="19"/>
    </row>
    <row r="14564" spans="1:27" s="1" customFormat="1" ht="14.1" customHeight="1" outlineLevel="2" x14ac:dyDescent="0.2">
      <c r="A14564" s="17">
        <v>12985</v>
      </c>
      <c r="B14564" s="17"/>
      <c r="C14564" s="17"/>
      <c r="D14564" s="18" t="s">
        <v>7220</v>
      </c>
      <c r="E14564" s="18"/>
      <c r="F14564" s="18"/>
      <c r="G14564" s="18"/>
      <c r="H14564" s="18"/>
      <c r="I14564" s="18"/>
      <c r="J14564" s="18"/>
      <c r="K14564" s="18"/>
      <c r="L14564" s="18"/>
      <c r="M14564" s="18"/>
      <c r="N14564" s="18"/>
      <c r="O14564" s="18"/>
      <c r="P14564" s="19">
        <v>340</v>
      </c>
      <c r="Q14564" s="19"/>
      <c r="R14564" s="19"/>
      <c r="S14564" s="19"/>
      <c r="T14564" s="19">
        <v>220</v>
      </c>
      <c r="U14564" s="19"/>
      <c r="V14564" s="19"/>
      <c r="W14564" s="19"/>
      <c r="X14564" s="19">
        <v>9</v>
      </c>
      <c r="Y14564" s="19"/>
      <c r="Z14564" s="19"/>
      <c r="AA14564" s="19"/>
    </row>
    <row r="14565" spans="1:27" s="1" customFormat="1" ht="14.1" customHeight="1" outlineLevel="2" x14ac:dyDescent="0.2">
      <c r="A14565" s="17"/>
      <c r="B14565" s="17"/>
      <c r="C14565" s="17"/>
      <c r="D14565" s="18"/>
      <c r="E14565" s="18"/>
      <c r="F14565" s="18"/>
      <c r="G14565" s="18"/>
      <c r="H14565" s="18"/>
      <c r="I14565" s="18"/>
      <c r="J14565" s="18"/>
      <c r="K14565" s="18"/>
      <c r="L14565" s="18"/>
      <c r="M14565" s="18"/>
      <c r="N14565" s="18"/>
      <c r="O14565" s="18"/>
      <c r="P14565" s="19"/>
      <c r="Q14565" s="19"/>
      <c r="R14565" s="19"/>
      <c r="S14565" s="19"/>
      <c r="T14565" s="19"/>
      <c r="U14565" s="19"/>
      <c r="V14565" s="19"/>
      <c r="W14565" s="19"/>
      <c r="X14565" s="19"/>
      <c r="Y14565" s="19"/>
      <c r="Z14565" s="19"/>
      <c r="AA14565" s="19"/>
    </row>
    <row r="14566" spans="1:27" s="1" customFormat="1" ht="14.1" customHeight="1" outlineLevel="2" x14ac:dyDescent="0.2">
      <c r="A14566" s="17">
        <v>12984</v>
      </c>
      <c r="B14566" s="17"/>
      <c r="C14566" s="17"/>
      <c r="D14566" s="18" t="s">
        <v>7221</v>
      </c>
      <c r="E14566" s="18"/>
      <c r="F14566" s="18"/>
      <c r="G14566" s="18"/>
      <c r="H14566" s="18"/>
      <c r="I14566" s="18"/>
      <c r="J14566" s="18"/>
      <c r="K14566" s="18"/>
      <c r="L14566" s="18"/>
      <c r="M14566" s="18"/>
      <c r="N14566" s="18"/>
      <c r="O14566" s="18"/>
      <c r="P14566" s="19">
        <v>290</v>
      </c>
      <c r="Q14566" s="19"/>
      <c r="R14566" s="19"/>
      <c r="S14566" s="19"/>
      <c r="T14566" s="19">
        <v>180</v>
      </c>
      <c r="U14566" s="19"/>
      <c r="V14566" s="19"/>
      <c r="W14566" s="19"/>
      <c r="X14566" s="19">
        <v>3</v>
      </c>
      <c r="Y14566" s="19"/>
      <c r="Z14566" s="19"/>
      <c r="AA14566" s="19"/>
    </row>
    <row r="14567" spans="1:27" s="1" customFormat="1" ht="14.1" customHeight="1" outlineLevel="2" x14ac:dyDescent="0.2">
      <c r="A14567" s="17"/>
      <c r="B14567" s="17"/>
      <c r="C14567" s="17"/>
      <c r="D14567" s="18"/>
      <c r="E14567" s="18"/>
      <c r="F14567" s="18"/>
      <c r="G14567" s="18"/>
      <c r="H14567" s="18"/>
      <c r="I14567" s="18"/>
      <c r="J14567" s="18"/>
      <c r="K14567" s="18"/>
      <c r="L14567" s="18"/>
      <c r="M14567" s="18"/>
      <c r="N14567" s="18"/>
      <c r="O14567" s="18"/>
      <c r="P14567" s="19"/>
      <c r="Q14567" s="19"/>
      <c r="R14567" s="19"/>
      <c r="S14567" s="19"/>
      <c r="T14567" s="19"/>
      <c r="U14567" s="19"/>
      <c r="V14567" s="19"/>
      <c r="W14567" s="19"/>
      <c r="X14567" s="19"/>
      <c r="Y14567" s="19"/>
      <c r="Z14567" s="19"/>
      <c r="AA14567" s="19"/>
    </row>
    <row r="14568" spans="1:27" s="1" customFormat="1" ht="11.1" customHeight="1" outlineLevel="2" x14ac:dyDescent="0.2">
      <c r="A14568" s="17">
        <v>11896</v>
      </c>
      <c r="B14568" s="17"/>
      <c r="C14568" s="17"/>
      <c r="D14568" s="18" t="s">
        <v>7222</v>
      </c>
      <c r="E14568" s="18"/>
      <c r="F14568" s="18"/>
      <c r="G14568" s="18"/>
      <c r="H14568" s="18"/>
      <c r="I14568" s="18"/>
      <c r="J14568" s="18"/>
      <c r="K14568" s="18"/>
      <c r="L14568" s="18"/>
      <c r="M14568" s="18"/>
      <c r="N14568" s="18"/>
      <c r="O14568" s="18"/>
      <c r="P14568" s="19">
        <v>450</v>
      </c>
      <c r="Q14568" s="19"/>
      <c r="R14568" s="19"/>
      <c r="S14568" s="19"/>
      <c r="T14568" s="19">
        <v>320</v>
      </c>
      <c r="U14568" s="19"/>
      <c r="V14568" s="19"/>
      <c r="W14568" s="19"/>
      <c r="X14568" s="19">
        <v>4</v>
      </c>
      <c r="Y14568" s="19"/>
      <c r="Z14568" s="19"/>
      <c r="AA14568" s="19"/>
    </row>
    <row r="14569" spans="1:27" s="1" customFormat="1" ht="11.1" customHeight="1" outlineLevel="2" x14ac:dyDescent="0.2">
      <c r="A14569" s="17"/>
      <c r="B14569" s="17"/>
      <c r="C14569" s="17"/>
      <c r="D14569" s="18"/>
      <c r="E14569" s="18"/>
      <c r="F14569" s="18"/>
      <c r="G14569" s="18"/>
      <c r="H14569" s="18"/>
      <c r="I14569" s="18"/>
      <c r="J14569" s="18"/>
      <c r="K14569" s="18"/>
      <c r="L14569" s="18"/>
      <c r="M14569" s="18"/>
      <c r="N14569" s="18"/>
      <c r="O14569" s="18"/>
      <c r="P14569" s="19"/>
      <c r="Q14569" s="19"/>
      <c r="R14569" s="19"/>
      <c r="S14569" s="19"/>
      <c r="T14569" s="19"/>
      <c r="U14569" s="19"/>
      <c r="V14569" s="19"/>
      <c r="W14569" s="19"/>
      <c r="X14569" s="19"/>
      <c r="Y14569" s="19"/>
      <c r="Z14569" s="19"/>
      <c r="AA14569" s="19"/>
    </row>
    <row r="14570" spans="1:27" s="1" customFormat="1" ht="11.1" customHeight="1" outlineLevel="2" x14ac:dyDescent="0.2">
      <c r="A14570" s="17">
        <v>11895</v>
      </c>
      <c r="B14570" s="17"/>
      <c r="C14570" s="17"/>
      <c r="D14570" s="18" t="s">
        <v>7223</v>
      </c>
      <c r="E14570" s="18"/>
      <c r="F14570" s="18"/>
      <c r="G14570" s="18"/>
      <c r="H14570" s="18"/>
      <c r="I14570" s="18"/>
      <c r="J14570" s="18"/>
      <c r="K14570" s="18"/>
      <c r="L14570" s="18"/>
      <c r="M14570" s="18"/>
      <c r="N14570" s="18"/>
      <c r="O14570" s="18"/>
      <c r="P14570" s="19">
        <v>340</v>
      </c>
      <c r="Q14570" s="19"/>
      <c r="R14570" s="19"/>
      <c r="S14570" s="19"/>
      <c r="T14570" s="19">
        <v>230</v>
      </c>
      <c r="U14570" s="19"/>
      <c r="V14570" s="19"/>
      <c r="W14570" s="19"/>
      <c r="X14570" s="19">
        <v>3</v>
      </c>
      <c r="Y14570" s="19"/>
      <c r="Z14570" s="19"/>
      <c r="AA14570" s="19"/>
    </row>
    <row r="14571" spans="1:27" s="1" customFormat="1" ht="11.1" customHeight="1" outlineLevel="2" x14ac:dyDescent="0.2">
      <c r="A14571" s="17"/>
      <c r="B14571" s="17"/>
      <c r="C14571" s="17"/>
      <c r="D14571" s="18"/>
      <c r="E14571" s="18"/>
      <c r="F14571" s="18"/>
      <c r="G14571" s="18"/>
      <c r="H14571" s="18"/>
      <c r="I14571" s="18"/>
      <c r="J14571" s="18"/>
      <c r="K14571" s="18"/>
      <c r="L14571" s="18"/>
      <c r="M14571" s="18"/>
      <c r="N14571" s="18"/>
      <c r="O14571" s="18"/>
      <c r="P14571" s="19"/>
      <c r="Q14571" s="19"/>
      <c r="R14571" s="19"/>
      <c r="S14571" s="19"/>
      <c r="T14571" s="19"/>
      <c r="U14571" s="19"/>
      <c r="V14571" s="19"/>
      <c r="W14571" s="19"/>
      <c r="X14571" s="19"/>
      <c r="Y14571" s="19"/>
      <c r="Z14571" s="19"/>
      <c r="AA14571" s="19"/>
    </row>
    <row r="14572" spans="1:27" s="1" customFormat="1" ht="11.1" customHeight="1" outlineLevel="2" x14ac:dyDescent="0.2">
      <c r="A14572" s="17">
        <v>9106</v>
      </c>
      <c r="B14572" s="17"/>
      <c r="C14572" s="17"/>
      <c r="D14572" s="18" t="s">
        <v>7224</v>
      </c>
      <c r="E14572" s="18"/>
      <c r="F14572" s="18"/>
      <c r="G14572" s="18"/>
      <c r="H14572" s="18"/>
      <c r="I14572" s="18"/>
      <c r="J14572" s="18"/>
      <c r="K14572" s="18"/>
      <c r="L14572" s="18"/>
      <c r="M14572" s="18"/>
      <c r="N14572" s="18"/>
      <c r="O14572" s="18"/>
      <c r="P14572" s="20">
        <v>1150</v>
      </c>
      <c r="Q14572" s="20"/>
      <c r="R14572" s="20"/>
      <c r="S14572" s="20"/>
      <c r="T14572" s="19">
        <v>750</v>
      </c>
      <c r="U14572" s="19"/>
      <c r="V14572" s="19"/>
      <c r="W14572" s="19"/>
      <c r="X14572" s="19">
        <v>1</v>
      </c>
      <c r="Y14572" s="19"/>
      <c r="Z14572" s="19"/>
      <c r="AA14572" s="19"/>
    </row>
    <row r="14573" spans="1:27" s="1" customFormat="1" ht="11.1" customHeight="1" outlineLevel="2" x14ac:dyDescent="0.2">
      <c r="A14573" s="17"/>
      <c r="B14573" s="17"/>
      <c r="C14573" s="17"/>
      <c r="D14573" s="18"/>
      <c r="E14573" s="18"/>
      <c r="F14573" s="18"/>
      <c r="G14573" s="18"/>
      <c r="H14573" s="18"/>
      <c r="I14573" s="18"/>
      <c r="J14573" s="18"/>
      <c r="K14573" s="18"/>
      <c r="L14573" s="18"/>
      <c r="M14573" s="18"/>
      <c r="N14573" s="18"/>
      <c r="O14573" s="18"/>
      <c r="P14573" s="20"/>
      <c r="Q14573" s="20"/>
      <c r="R14573" s="20"/>
      <c r="S14573" s="20"/>
      <c r="T14573" s="19"/>
      <c r="U14573" s="19"/>
      <c r="V14573" s="19"/>
      <c r="W14573" s="19"/>
      <c r="X14573" s="19"/>
      <c r="Y14573" s="19"/>
      <c r="Z14573" s="19"/>
      <c r="AA14573" s="19"/>
    </row>
    <row r="14574" spans="1:27" s="1" customFormat="1" ht="11.1" customHeight="1" outlineLevel="2" x14ac:dyDescent="0.2">
      <c r="A14574" s="17">
        <v>9105</v>
      </c>
      <c r="B14574" s="17"/>
      <c r="C14574" s="17"/>
      <c r="D14574" s="18" t="s">
        <v>7225</v>
      </c>
      <c r="E14574" s="18"/>
      <c r="F14574" s="18"/>
      <c r="G14574" s="18"/>
      <c r="H14574" s="18"/>
      <c r="I14574" s="18"/>
      <c r="J14574" s="18"/>
      <c r="K14574" s="18"/>
      <c r="L14574" s="18"/>
      <c r="M14574" s="18"/>
      <c r="N14574" s="18"/>
      <c r="O14574" s="18"/>
      <c r="P14574" s="19">
        <v>750</v>
      </c>
      <c r="Q14574" s="19"/>
      <c r="R14574" s="19"/>
      <c r="S14574" s="19"/>
      <c r="T14574" s="19">
        <v>490</v>
      </c>
      <c r="U14574" s="19"/>
      <c r="V14574" s="19"/>
      <c r="W14574" s="19"/>
      <c r="X14574" s="19">
        <v>8</v>
      </c>
      <c r="Y14574" s="19"/>
      <c r="Z14574" s="19"/>
      <c r="AA14574" s="19"/>
    </row>
    <row r="14575" spans="1:27" s="1" customFormat="1" ht="11.1" customHeight="1" outlineLevel="2" x14ac:dyDescent="0.2">
      <c r="A14575" s="17"/>
      <c r="B14575" s="17"/>
      <c r="C14575" s="17"/>
      <c r="D14575" s="18"/>
      <c r="E14575" s="18"/>
      <c r="F14575" s="18"/>
      <c r="G14575" s="18"/>
      <c r="H14575" s="18"/>
      <c r="I14575" s="18"/>
      <c r="J14575" s="18"/>
      <c r="K14575" s="18"/>
      <c r="L14575" s="18"/>
      <c r="M14575" s="18"/>
      <c r="N14575" s="18"/>
      <c r="O14575" s="18"/>
      <c r="P14575" s="19"/>
      <c r="Q14575" s="19"/>
      <c r="R14575" s="19"/>
      <c r="S14575" s="19"/>
      <c r="T14575" s="19"/>
      <c r="U14575" s="19"/>
      <c r="V14575" s="19"/>
      <c r="W14575" s="19"/>
      <c r="X14575" s="19"/>
      <c r="Y14575" s="19"/>
      <c r="Z14575" s="19"/>
      <c r="AA14575" s="19"/>
    </row>
    <row r="14576" spans="1:27" s="1" customFormat="1" ht="14.1" customHeight="1" outlineLevel="2" x14ac:dyDescent="0.2">
      <c r="A14576" s="17">
        <v>12376</v>
      </c>
      <c r="B14576" s="17"/>
      <c r="C14576" s="17"/>
      <c r="D14576" s="18" t="s">
        <v>7226</v>
      </c>
      <c r="E14576" s="18"/>
      <c r="F14576" s="18"/>
      <c r="G14576" s="18"/>
      <c r="H14576" s="18"/>
      <c r="I14576" s="18"/>
      <c r="J14576" s="18"/>
      <c r="K14576" s="18"/>
      <c r="L14576" s="18"/>
      <c r="M14576" s="18"/>
      <c r="N14576" s="18"/>
      <c r="O14576" s="18"/>
      <c r="P14576" s="19">
        <v>490</v>
      </c>
      <c r="Q14576" s="19"/>
      <c r="R14576" s="19"/>
      <c r="S14576" s="19"/>
      <c r="T14576" s="19">
        <v>350</v>
      </c>
      <c r="U14576" s="19"/>
      <c r="V14576" s="19"/>
      <c r="W14576" s="19"/>
      <c r="X14576" s="19">
        <v>3</v>
      </c>
      <c r="Y14576" s="19"/>
      <c r="Z14576" s="19"/>
      <c r="AA14576" s="19"/>
    </row>
    <row r="14577" spans="1:27" s="1" customFormat="1" ht="14.1" customHeight="1" outlineLevel="2" x14ac:dyDescent="0.2">
      <c r="A14577" s="17"/>
      <c r="B14577" s="17"/>
      <c r="C14577" s="17"/>
      <c r="D14577" s="18"/>
      <c r="E14577" s="18"/>
      <c r="F14577" s="18"/>
      <c r="G14577" s="18"/>
      <c r="H14577" s="18"/>
      <c r="I14577" s="18"/>
      <c r="J14577" s="18"/>
      <c r="K14577" s="18"/>
      <c r="L14577" s="18"/>
      <c r="M14577" s="18"/>
      <c r="N14577" s="18"/>
      <c r="O14577" s="18"/>
      <c r="P14577" s="19"/>
      <c r="Q14577" s="19"/>
      <c r="R14577" s="19"/>
      <c r="S14577" s="19"/>
      <c r="T14577" s="19"/>
      <c r="U14577" s="19"/>
      <c r="V14577" s="19"/>
      <c r="W14577" s="19"/>
      <c r="X14577" s="19"/>
      <c r="Y14577" s="19"/>
      <c r="Z14577" s="19"/>
      <c r="AA14577" s="19"/>
    </row>
    <row r="14578" spans="1:27" s="1" customFormat="1" ht="14.1" customHeight="1" outlineLevel="2" x14ac:dyDescent="0.2">
      <c r="A14578" s="17">
        <v>12379</v>
      </c>
      <c r="B14578" s="17"/>
      <c r="C14578" s="17"/>
      <c r="D14578" s="18" t="s">
        <v>7227</v>
      </c>
      <c r="E14578" s="18"/>
      <c r="F14578" s="18"/>
      <c r="G14578" s="18"/>
      <c r="H14578" s="18"/>
      <c r="I14578" s="18"/>
      <c r="J14578" s="18"/>
      <c r="K14578" s="18"/>
      <c r="L14578" s="18"/>
      <c r="M14578" s="18"/>
      <c r="N14578" s="18"/>
      <c r="O14578" s="18"/>
      <c r="P14578" s="19">
        <v>300</v>
      </c>
      <c r="Q14578" s="19"/>
      <c r="R14578" s="19"/>
      <c r="S14578" s="19"/>
      <c r="T14578" s="19">
        <v>180</v>
      </c>
      <c r="U14578" s="19"/>
      <c r="V14578" s="19"/>
      <c r="W14578" s="19"/>
      <c r="X14578" s="19">
        <v>6</v>
      </c>
      <c r="Y14578" s="19"/>
      <c r="Z14578" s="19"/>
      <c r="AA14578" s="19"/>
    </row>
    <row r="14579" spans="1:27" s="1" customFormat="1" ht="14.1" customHeight="1" outlineLevel="2" x14ac:dyDescent="0.2">
      <c r="A14579" s="17"/>
      <c r="B14579" s="17"/>
      <c r="C14579" s="17"/>
      <c r="D14579" s="18"/>
      <c r="E14579" s="18"/>
      <c r="F14579" s="18"/>
      <c r="G14579" s="18"/>
      <c r="H14579" s="18"/>
      <c r="I14579" s="18"/>
      <c r="J14579" s="18"/>
      <c r="K14579" s="18"/>
      <c r="L14579" s="18"/>
      <c r="M14579" s="18"/>
      <c r="N14579" s="18"/>
      <c r="O14579" s="18"/>
      <c r="P14579" s="19"/>
      <c r="Q14579" s="19"/>
      <c r="R14579" s="19"/>
      <c r="S14579" s="19"/>
      <c r="T14579" s="19"/>
      <c r="U14579" s="19"/>
      <c r="V14579" s="19"/>
      <c r="W14579" s="19"/>
      <c r="X14579" s="19"/>
      <c r="Y14579" s="19"/>
      <c r="Z14579" s="19"/>
      <c r="AA14579" s="19"/>
    </row>
    <row r="14580" spans="1:27" s="1" customFormat="1" ht="11.1" customHeight="1" outlineLevel="2" x14ac:dyDescent="0.2">
      <c r="A14580" s="17">
        <v>12377</v>
      </c>
      <c r="B14580" s="17"/>
      <c r="C14580" s="17"/>
      <c r="D14580" s="18" t="s">
        <v>7228</v>
      </c>
      <c r="E14580" s="18"/>
      <c r="F14580" s="18"/>
      <c r="G14580" s="18"/>
      <c r="H14580" s="18"/>
      <c r="I14580" s="18"/>
      <c r="J14580" s="18"/>
      <c r="K14580" s="18"/>
      <c r="L14580" s="18"/>
      <c r="M14580" s="18"/>
      <c r="N14580" s="18"/>
      <c r="O14580" s="18"/>
      <c r="P14580" s="19">
        <v>300</v>
      </c>
      <c r="Q14580" s="19"/>
      <c r="R14580" s="19"/>
      <c r="S14580" s="19"/>
      <c r="T14580" s="19">
        <v>180</v>
      </c>
      <c r="U14580" s="19"/>
      <c r="V14580" s="19"/>
      <c r="W14580" s="19"/>
      <c r="X14580" s="19">
        <v>10</v>
      </c>
      <c r="Y14580" s="19"/>
      <c r="Z14580" s="19"/>
      <c r="AA14580" s="19"/>
    </row>
    <row r="14581" spans="1:27" s="1" customFormat="1" ht="11.1" customHeight="1" outlineLevel="2" x14ac:dyDescent="0.2">
      <c r="A14581" s="17"/>
      <c r="B14581" s="17"/>
      <c r="C14581" s="17"/>
      <c r="D14581" s="18"/>
      <c r="E14581" s="18"/>
      <c r="F14581" s="18"/>
      <c r="G14581" s="18"/>
      <c r="H14581" s="18"/>
      <c r="I14581" s="18"/>
      <c r="J14581" s="18"/>
      <c r="K14581" s="18"/>
      <c r="L14581" s="18"/>
      <c r="M14581" s="18"/>
      <c r="N14581" s="18"/>
      <c r="O14581" s="18"/>
      <c r="P14581" s="19"/>
      <c r="Q14581" s="19"/>
      <c r="R14581" s="19"/>
      <c r="S14581" s="19"/>
      <c r="T14581" s="19"/>
      <c r="U14581" s="19"/>
      <c r="V14581" s="19"/>
      <c r="W14581" s="19"/>
      <c r="X14581" s="19"/>
      <c r="Y14581" s="19"/>
      <c r="Z14581" s="19"/>
      <c r="AA14581" s="19"/>
    </row>
    <row r="14582" spans="1:27" s="1" customFormat="1" ht="11.1" customHeight="1" outlineLevel="2" x14ac:dyDescent="0.2">
      <c r="A14582" s="17">
        <v>12378</v>
      </c>
      <c r="B14582" s="17"/>
      <c r="C14582" s="17"/>
      <c r="D14582" s="18" t="s">
        <v>7229</v>
      </c>
      <c r="E14582" s="18"/>
      <c r="F14582" s="18"/>
      <c r="G14582" s="18"/>
      <c r="H14582" s="18"/>
      <c r="I14582" s="18"/>
      <c r="J14582" s="18"/>
      <c r="K14582" s="18"/>
      <c r="L14582" s="18"/>
      <c r="M14582" s="18"/>
      <c r="N14582" s="18"/>
      <c r="O14582" s="18"/>
      <c r="P14582" s="19">
        <v>300</v>
      </c>
      <c r="Q14582" s="19"/>
      <c r="R14582" s="19"/>
      <c r="S14582" s="19"/>
      <c r="T14582" s="19">
        <v>180</v>
      </c>
      <c r="U14582" s="19"/>
      <c r="V14582" s="19"/>
      <c r="W14582" s="19"/>
      <c r="X14582" s="19">
        <v>8</v>
      </c>
      <c r="Y14582" s="19"/>
      <c r="Z14582" s="19"/>
      <c r="AA14582" s="19"/>
    </row>
    <row r="14583" spans="1:27" s="1" customFormat="1" ht="11.1" customHeight="1" outlineLevel="2" x14ac:dyDescent="0.2">
      <c r="A14583" s="17"/>
      <c r="B14583" s="17"/>
      <c r="C14583" s="17"/>
      <c r="D14583" s="18"/>
      <c r="E14583" s="18"/>
      <c r="F14583" s="18"/>
      <c r="G14583" s="18"/>
      <c r="H14583" s="18"/>
      <c r="I14583" s="18"/>
      <c r="J14583" s="18"/>
      <c r="K14583" s="18"/>
      <c r="L14583" s="18"/>
      <c r="M14583" s="18"/>
      <c r="N14583" s="18"/>
      <c r="O14583" s="18"/>
      <c r="P14583" s="19"/>
      <c r="Q14583" s="19"/>
      <c r="R14583" s="19"/>
      <c r="S14583" s="19"/>
      <c r="T14583" s="19"/>
      <c r="U14583" s="19"/>
      <c r="V14583" s="19"/>
      <c r="W14583" s="19"/>
      <c r="X14583" s="19"/>
      <c r="Y14583" s="19"/>
      <c r="Z14583" s="19"/>
      <c r="AA14583" s="19"/>
    </row>
    <row r="14584" spans="1:27" s="1" customFormat="1" ht="11.1" customHeight="1" outlineLevel="2" x14ac:dyDescent="0.2">
      <c r="A14584" s="17">
        <v>12436</v>
      </c>
      <c r="B14584" s="17"/>
      <c r="C14584" s="17"/>
      <c r="D14584" s="18" t="s">
        <v>7230</v>
      </c>
      <c r="E14584" s="18"/>
      <c r="F14584" s="18"/>
      <c r="G14584" s="18"/>
      <c r="H14584" s="18"/>
      <c r="I14584" s="18"/>
      <c r="J14584" s="18"/>
      <c r="K14584" s="18"/>
      <c r="L14584" s="18"/>
      <c r="M14584" s="18"/>
      <c r="N14584" s="18"/>
      <c r="O14584" s="18"/>
      <c r="P14584" s="19">
        <v>150</v>
      </c>
      <c r="Q14584" s="19"/>
      <c r="R14584" s="19"/>
      <c r="S14584" s="19"/>
      <c r="T14584" s="19">
        <v>90</v>
      </c>
      <c r="U14584" s="19"/>
      <c r="V14584" s="19"/>
      <c r="W14584" s="19"/>
      <c r="X14584" s="19">
        <v>8</v>
      </c>
      <c r="Y14584" s="19"/>
      <c r="Z14584" s="19"/>
      <c r="AA14584" s="19"/>
    </row>
    <row r="14585" spans="1:27" s="1" customFormat="1" ht="11.1" customHeight="1" outlineLevel="2" x14ac:dyDescent="0.2">
      <c r="A14585" s="17"/>
      <c r="B14585" s="17"/>
      <c r="C14585" s="17"/>
      <c r="D14585" s="18"/>
      <c r="E14585" s="18"/>
      <c r="F14585" s="18"/>
      <c r="G14585" s="18"/>
      <c r="H14585" s="18"/>
      <c r="I14585" s="18"/>
      <c r="J14585" s="18"/>
      <c r="K14585" s="18"/>
      <c r="L14585" s="18"/>
      <c r="M14585" s="18"/>
      <c r="N14585" s="18"/>
      <c r="O14585" s="18"/>
      <c r="P14585" s="19"/>
      <c r="Q14585" s="19"/>
      <c r="R14585" s="19"/>
      <c r="S14585" s="19"/>
      <c r="T14585" s="19"/>
      <c r="U14585" s="19"/>
      <c r="V14585" s="19"/>
      <c r="W14585" s="19"/>
      <c r="X14585" s="19"/>
      <c r="Y14585" s="19"/>
      <c r="Z14585" s="19"/>
      <c r="AA14585" s="19"/>
    </row>
    <row r="14586" spans="1:27" s="1" customFormat="1" ht="11.1" customHeight="1" outlineLevel="2" x14ac:dyDescent="0.2">
      <c r="A14586" s="17">
        <v>12187</v>
      </c>
      <c r="B14586" s="17"/>
      <c r="C14586" s="17"/>
      <c r="D14586" s="18" t="s">
        <v>7231</v>
      </c>
      <c r="E14586" s="18"/>
      <c r="F14586" s="18"/>
      <c r="G14586" s="18"/>
      <c r="H14586" s="18"/>
      <c r="I14586" s="18"/>
      <c r="J14586" s="18"/>
      <c r="K14586" s="18"/>
      <c r="L14586" s="18"/>
      <c r="M14586" s="18"/>
      <c r="N14586" s="18"/>
      <c r="O14586" s="18"/>
      <c r="P14586" s="19">
        <v>670</v>
      </c>
      <c r="Q14586" s="19"/>
      <c r="R14586" s="19"/>
      <c r="S14586" s="19"/>
      <c r="T14586" s="19">
        <v>540</v>
      </c>
      <c r="U14586" s="19"/>
      <c r="V14586" s="19"/>
      <c r="W14586" s="19"/>
      <c r="X14586" s="19">
        <v>6</v>
      </c>
      <c r="Y14586" s="19"/>
      <c r="Z14586" s="19"/>
      <c r="AA14586" s="19"/>
    </row>
    <row r="14587" spans="1:27" s="1" customFormat="1" ht="11.1" customHeight="1" outlineLevel="2" x14ac:dyDescent="0.2">
      <c r="A14587" s="17"/>
      <c r="B14587" s="17"/>
      <c r="C14587" s="17"/>
      <c r="D14587" s="18"/>
      <c r="E14587" s="18"/>
      <c r="F14587" s="18"/>
      <c r="G14587" s="18"/>
      <c r="H14587" s="18"/>
      <c r="I14587" s="18"/>
      <c r="J14587" s="18"/>
      <c r="K14587" s="18"/>
      <c r="L14587" s="18"/>
      <c r="M14587" s="18"/>
      <c r="N14587" s="18"/>
      <c r="O14587" s="18"/>
      <c r="P14587" s="19"/>
      <c r="Q14587" s="19"/>
      <c r="R14587" s="19"/>
      <c r="S14587" s="19"/>
      <c r="T14587" s="19"/>
      <c r="U14587" s="19"/>
      <c r="V14587" s="19"/>
      <c r="W14587" s="19"/>
      <c r="X14587" s="19"/>
      <c r="Y14587" s="19"/>
      <c r="Z14587" s="19"/>
      <c r="AA14587" s="19"/>
    </row>
    <row r="14588" spans="1:27" s="1" customFormat="1" ht="11.1" customHeight="1" outlineLevel="2" x14ac:dyDescent="0.2">
      <c r="A14588" s="17">
        <v>12189</v>
      </c>
      <c r="B14588" s="17"/>
      <c r="C14588" s="17"/>
      <c r="D14588" s="18" t="s">
        <v>7232</v>
      </c>
      <c r="E14588" s="18"/>
      <c r="F14588" s="18"/>
      <c r="G14588" s="18"/>
      <c r="H14588" s="18"/>
      <c r="I14588" s="18"/>
      <c r="J14588" s="18"/>
      <c r="K14588" s="18"/>
      <c r="L14588" s="18"/>
      <c r="M14588" s="18"/>
      <c r="N14588" s="18"/>
      <c r="O14588" s="18"/>
      <c r="P14588" s="19">
        <v>460</v>
      </c>
      <c r="Q14588" s="19"/>
      <c r="R14588" s="19"/>
      <c r="S14588" s="19"/>
      <c r="T14588" s="19">
        <v>430</v>
      </c>
      <c r="U14588" s="19"/>
      <c r="V14588" s="19"/>
      <c r="W14588" s="19"/>
      <c r="X14588" s="19">
        <v>8</v>
      </c>
      <c r="Y14588" s="19"/>
      <c r="Z14588" s="19"/>
      <c r="AA14588" s="19"/>
    </row>
    <row r="14589" spans="1:27" s="1" customFormat="1" ht="11.1" customHeight="1" outlineLevel="2" x14ac:dyDescent="0.2">
      <c r="A14589" s="17"/>
      <c r="B14589" s="17"/>
      <c r="C14589" s="17"/>
      <c r="D14589" s="18"/>
      <c r="E14589" s="18"/>
      <c r="F14589" s="18"/>
      <c r="G14589" s="18"/>
      <c r="H14589" s="18"/>
      <c r="I14589" s="18"/>
      <c r="J14589" s="18"/>
      <c r="K14589" s="18"/>
      <c r="L14589" s="18"/>
      <c r="M14589" s="18"/>
      <c r="N14589" s="18"/>
      <c r="O14589" s="18"/>
      <c r="P14589" s="19"/>
      <c r="Q14589" s="19"/>
      <c r="R14589" s="19"/>
      <c r="S14589" s="19"/>
      <c r="T14589" s="19"/>
      <c r="U14589" s="19"/>
      <c r="V14589" s="19"/>
      <c r="W14589" s="19"/>
      <c r="X14589" s="19"/>
      <c r="Y14589" s="19"/>
      <c r="Z14589" s="19"/>
      <c r="AA14589" s="19"/>
    </row>
    <row r="14590" spans="1:27" s="1" customFormat="1" ht="11.1" customHeight="1" outlineLevel="2" x14ac:dyDescent="0.2">
      <c r="A14590" s="17">
        <v>11911</v>
      </c>
      <c r="B14590" s="17"/>
      <c r="C14590" s="17"/>
      <c r="D14590" s="18" t="s">
        <v>7233</v>
      </c>
      <c r="E14590" s="18"/>
      <c r="F14590" s="18"/>
      <c r="G14590" s="18"/>
      <c r="H14590" s="18"/>
      <c r="I14590" s="18"/>
      <c r="J14590" s="18"/>
      <c r="K14590" s="18"/>
      <c r="L14590" s="18"/>
      <c r="M14590" s="18"/>
      <c r="N14590" s="18"/>
      <c r="O14590" s="18"/>
      <c r="P14590" s="19">
        <v>240</v>
      </c>
      <c r="Q14590" s="19"/>
      <c r="R14590" s="19"/>
      <c r="S14590" s="19"/>
      <c r="T14590" s="19">
        <v>140</v>
      </c>
      <c r="U14590" s="19"/>
      <c r="V14590" s="19"/>
      <c r="W14590" s="19"/>
      <c r="X14590" s="19">
        <v>4</v>
      </c>
      <c r="Y14590" s="19"/>
      <c r="Z14590" s="19"/>
      <c r="AA14590" s="19"/>
    </row>
    <row r="14591" spans="1:27" s="1" customFormat="1" ht="11.1" customHeight="1" outlineLevel="2" x14ac:dyDescent="0.2">
      <c r="A14591" s="17"/>
      <c r="B14591" s="17"/>
      <c r="C14591" s="17"/>
      <c r="D14591" s="18"/>
      <c r="E14591" s="18"/>
      <c r="F14591" s="18"/>
      <c r="G14591" s="18"/>
      <c r="H14591" s="18"/>
      <c r="I14591" s="18"/>
      <c r="J14591" s="18"/>
      <c r="K14591" s="18"/>
      <c r="L14591" s="18"/>
      <c r="M14591" s="18"/>
      <c r="N14591" s="18"/>
      <c r="O14591" s="18"/>
      <c r="P14591" s="19"/>
      <c r="Q14591" s="19"/>
      <c r="R14591" s="19"/>
      <c r="S14591" s="19"/>
      <c r="T14591" s="19"/>
      <c r="U14591" s="19"/>
      <c r="V14591" s="19"/>
      <c r="W14591" s="19"/>
      <c r="X14591" s="19"/>
      <c r="Y14591" s="19"/>
      <c r="Z14591" s="19"/>
      <c r="AA14591" s="19"/>
    </row>
    <row r="14592" spans="1:27" s="1" customFormat="1" ht="11.1" customHeight="1" outlineLevel="2" x14ac:dyDescent="0.2">
      <c r="A14592" s="17">
        <v>12188</v>
      </c>
      <c r="B14592" s="17"/>
      <c r="C14592" s="17"/>
      <c r="D14592" s="18" t="s">
        <v>7234</v>
      </c>
      <c r="E14592" s="18"/>
      <c r="F14592" s="18"/>
      <c r="G14592" s="18"/>
      <c r="H14592" s="18"/>
      <c r="I14592" s="18"/>
      <c r="J14592" s="18"/>
      <c r="K14592" s="18"/>
      <c r="L14592" s="18"/>
      <c r="M14592" s="18"/>
      <c r="N14592" s="18"/>
      <c r="O14592" s="18"/>
      <c r="P14592" s="19">
        <v>180</v>
      </c>
      <c r="Q14592" s="19"/>
      <c r="R14592" s="19"/>
      <c r="S14592" s="19"/>
      <c r="T14592" s="19">
        <v>110</v>
      </c>
      <c r="U14592" s="19"/>
      <c r="V14592" s="19"/>
      <c r="W14592" s="19"/>
      <c r="X14592" s="19">
        <v>11</v>
      </c>
      <c r="Y14592" s="19"/>
      <c r="Z14592" s="19"/>
      <c r="AA14592" s="19"/>
    </row>
    <row r="14593" spans="1:27" s="1" customFormat="1" ht="11.1" customHeight="1" outlineLevel="2" x14ac:dyDescent="0.2">
      <c r="A14593" s="17"/>
      <c r="B14593" s="17"/>
      <c r="C14593" s="17"/>
      <c r="D14593" s="18"/>
      <c r="E14593" s="18"/>
      <c r="F14593" s="18"/>
      <c r="G14593" s="18"/>
      <c r="H14593" s="18"/>
      <c r="I14593" s="18"/>
      <c r="J14593" s="18"/>
      <c r="K14593" s="18"/>
      <c r="L14593" s="18"/>
      <c r="M14593" s="18"/>
      <c r="N14593" s="18"/>
      <c r="O14593" s="18"/>
      <c r="P14593" s="19"/>
      <c r="Q14593" s="19"/>
      <c r="R14593" s="19"/>
      <c r="S14593" s="19"/>
      <c r="T14593" s="19"/>
      <c r="U14593" s="19"/>
      <c r="V14593" s="19"/>
      <c r="W14593" s="19"/>
      <c r="X14593" s="19"/>
      <c r="Y14593" s="19"/>
      <c r="Z14593" s="19"/>
      <c r="AA14593" s="19"/>
    </row>
    <row r="14594" spans="1:27" s="1" customFormat="1" ht="11.1" customHeight="1" outlineLevel="2" x14ac:dyDescent="0.2">
      <c r="A14594" s="17">
        <v>13628</v>
      </c>
      <c r="B14594" s="17"/>
      <c r="C14594" s="17"/>
      <c r="D14594" s="18" t="s">
        <v>7235</v>
      </c>
      <c r="E14594" s="18"/>
      <c r="F14594" s="18"/>
      <c r="G14594" s="18"/>
      <c r="H14594" s="18"/>
      <c r="I14594" s="18"/>
      <c r="J14594" s="18"/>
      <c r="K14594" s="18"/>
      <c r="L14594" s="18"/>
      <c r="M14594" s="18"/>
      <c r="N14594" s="18"/>
      <c r="O14594" s="18"/>
      <c r="P14594" s="19">
        <v>240</v>
      </c>
      <c r="Q14594" s="19"/>
      <c r="R14594" s="19"/>
      <c r="S14594" s="19"/>
      <c r="T14594" s="19">
        <v>180</v>
      </c>
      <c r="U14594" s="19"/>
      <c r="V14594" s="19"/>
      <c r="W14594" s="19"/>
      <c r="X14594" s="19">
        <v>10</v>
      </c>
      <c r="Y14594" s="19"/>
      <c r="Z14594" s="19"/>
      <c r="AA14594" s="19"/>
    </row>
    <row r="14595" spans="1:27" s="1" customFormat="1" ht="11.1" customHeight="1" outlineLevel="2" x14ac:dyDescent="0.2">
      <c r="A14595" s="17"/>
      <c r="B14595" s="17"/>
      <c r="C14595" s="17"/>
      <c r="D14595" s="18"/>
      <c r="E14595" s="18"/>
      <c r="F14595" s="18"/>
      <c r="G14595" s="18"/>
      <c r="H14595" s="18"/>
      <c r="I14595" s="18"/>
      <c r="J14595" s="18"/>
      <c r="K14595" s="18"/>
      <c r="L14595" s="18"/>
      <c r="M14595" s="18"/>
      <c r="N14595" s="18"/>
      <c r="O14595" s="18"/>
      <c r="P14595" s="19"/>
      <c r="Q14595" s="19"/>
      <c r="R14595" s="19"/>
      <c r="S14595" s="19"/>
      <c r="T14595" s="19"/>
      <c r="U14595" s="19"/>
      <c r="V14595" s="19"/>
      <c r="W14595" s="19"/>
      <c r="X14595" s="19"/>
      <c r="Y14595" s="19"/>
      <c r="Z14595" s="19"/>
      <c r="AA14595" s="19"/>
    </row>
    <row r="14596" spans="1:27" s="1" customFormat="1" ht="11.1" customHeight="1" outlineLevel="2" x14ac:dyDescent="0.2">
      <c r="A14596" s="17">
        <v>13629</v>
      </c>
      <c r="B14596" s="17"/>
      <c r="C14596" s="17"/>
      <c r="D14596" s="18" t="s">
        <v>7236</v>
      </c>
      <c r="E14596" s="18"/>
      <c r="F14596" s="18"/>
      <c r="G14596" s="18"/>
      <c r="H14596" s="18"/>
      <c r="I14596" s="18"/>
      <c r="J14596" s="18"/>
      <c r="K14596" s="18"/>
      <c r="L14596" s="18"/>
      <c r="M14596" s="18"/>
      <c r="N14596" s="18"/>
      <c r="O14596" s="18"/>
      <c r="P14596" s="19">
        <v>590</v>
      </c>
      <c r="Q14596" s="19"/>
      <c r="R14596" s="19"/>
      <c r="S14596" s="19"/>
      <c r="T14596" s="19">
        <v>440</v>
      </c>
      <c r="U14596" s="19"/>
      <c r="V14596" s="19"/>
      <c r="W14596" s="19"/>
      <c r="X14596" s="19">
        <v>2</v>
      </c>
      <c r="Y14596" s="19"/>
      <c r="Z14596" s="19"/>
      <c r="AA14596" s="19"/>
    </row>
    <row r="14597" spans="1:27" s="1" customFormat="1" ht="11.1" customHeight="1" outlineLevel="2" x14ac:dyDescent="0.2">
      <c r="A14597" s="17"/>
      <c r="B14597" s="17"/>
      <c r="C14597" s="17"/>
      <c r="D14597" s="18"/>
      <c r="E14597" s="18"/>
      <c r="F14597" s="18"/>
      <c r="G14597" s="18"/>
      <c r="H14597" s="18"/>
      <c r="I14597" s="18"/>
      <c r="J14597" s="18"/>
      <c r="K14597" s="18"/>
      <c r="L14597" s="18"/>
      <c r="M14597" s="18"/>
      <c r="N14597" s="18"/>
      <c r="O14597" s="18"/>
      <c r="P14597" s="19"/>
      <c r="Q14597" s="19"/>
      <c r="R14597" s="19"/>
      <c r="S14597" s="19"/>
      <c r="T14597" s="19"/>
      <c r="U14597" s="19"/>
      <c r="V14597" s="19"/>
      <c r="W14597" s="19"/>
      <c r="X14597" s="19"/>
      <c r="Y14597" s="19"/>
      <c r="Z14597" s="19"/>
      <c r="AA14597" s="19"/>
    </row>
    <row r="14598" spans="1:27" s="1" customFormat="1" ht="11.1" customHeight="1" outlineLevel="2" x14ac:dyDescent="0.2">
      <c r="A14598" s="17">
        <v>9990</v>
      </c>
      <c r="B14598" s="17"/>
      <c r="C14598" s="17"/>
      <c r="D14598" s="18" t="s">
        <v>7237</v>
      </c>
      <c r="E14598" s="18"/>
      <c r="F14598" s="18"/>
      <c r="G14598" s="18"/>
      <c r="H14598" s="18"/>
      <c r="I14598" s="18"/>
      <c r="J14598" s="18"/>
      <c r="K14598" s="18"/>
      <c r="L14598" s="18"/>
      <c r="M14598" s="18"/>
      <c r="N14598" s="18"/>
      <c r="O14598" s="18"/>
      <c r="P14598" s="19">
        <v>500</v>
      </c>
      <c r="Q14598" s="19"/>
      <c r="R14598" s="19"/>
      <c r="S14598" s="19"/>
      <c r="T14598" s="19">
        <v>400</v>
      </c>
      <c r="U14598" s="19"/>
      <c r="V14598" s="19"/>
      <c r="W14598" s="19"/>
      <c r="X14598" s="19">
        <v>58</v>
      </c>
      <c r="Y14598" s="19"/>
      <c r="Z14598" s="19"/>
      <c r="AA14598" s="19"/>
    </row>
    <row r="14599" spans="1:27" s="1" customFormat="1" ht="11.1" customHeight="1" outlineLevel="2" x14ac:dyDescent="0.2">
      <c r="A14599" s="17"/>
      <c r="B14599" s="17"/>
      <c r="C14599" s="17"/>
      <c r="D14599" s="18"/>
      <c r="E14599" s="18"/>
      <c r="F14599" s="18"/>
      <c r="G14599" s="18"/>
      <c r="H14599" s="18"/>
      <c r="I14599" s="18"/>
      <c r="J14599" s="18"/>
      <c r="K14599" s="18"/>
      <c r="L14599" s="18"/>
      <c r="M14599" s="18"/>
      <c r="N14599" s="18"/>
      <c r="O14599" s="18"/>
      <c r="P14599" s="19"/>
      <c r="Q14599" s="19"/>
      <c r="R14599" s="19"/>
      <c r="S14599" s="19"/>
      <c r="T14599" s="19"/>
      <c r="U14599" s="19"/>
      <c r="V14599" s="19"/>
      <c r="W14599" s="19"/>
      <c r="X14599" s="19"/>
      <c r="Y14599" s="19"/>
      <c r="Z14599" s="19"/>
      <c r="AA14599" s="19"/>
    </row>
    <row r="14600" spans="1:27" s="1" customFormat="1" ht="11.1" customHeight="1" outlineLevel="1" x14ac:dyDescent="0.2">
      <c r="A14600" s="16" t="s">
        <v>7238</v>
      </c>
      <c r="B14600" s="16"/>
      <c r="C14600" s="16"/>
      <c r="D14600" s="16"/>
      <c r="E14600" s="16"/>
      <c r="F14600" s="16"/>
      <c r="G14600" s="16"/>
      <c r="H14600" s="16"/>
      <c r="I14600" s="16"/>
      <c r="J14600" s="16"/>
      <c r="K14600" s="16"/>
      <c r="L14600" s="16"/>
      <c r="M14600" s="16"/>
      <c r="N14600" s="16"/>
      <c r="O14600" s="16"/>
      <c r="P14600" s="16"/>
      <c r="Q14600" s="16"/>
      <c r="R14600" s="16"/>
      <c r="S14600" s="16"/>
      <c r="T14600" s="16"/>
      <c r="U14600" s="16"/>
      <c r="V14600" s="16"/>
      <c r="W14600" s="16"/>
      <c r="X14600" s="16"/>
      <c r="Y14600" s="16"/>
      <c r="Z14600" s="16"/>
      <c r="AA14600" s="16"/>
    </row>
    <row r="14601" spans="1:27" s="1" customFormat="1" ht="11.1" customHeight="1" outlineLevel="1" x14ac:dyDescent="0.2">
      <c r="A14601" s="16"/>
      <c r="B14601" s="16"/>
      <c r="C14601" s="16"/>
      <c r="D14601" s="16"/>
      <c r="E14601" s="16"/>
      <c r="F14601" s="16"/>
      <c r="G14601" s="16"/>
      <c r="H14601" s="16"/>
      <c r="I14601" s="16"/>
      <c r="J14601" s="16"/>
      <c r="K14601" s="16"/>
      <c r="L14601" s="16"/>
      <c r="M14601" s="16"/>
      <c r="N14601" s="16"/>
      <c r="O14601" s="16"/>
      <c r="P14601" s="16"/>
      <c r="Q14601" s="16"/>
      <c r="R14601" s="16"/>
      <c r="S14601" s="16"/>
      <c r="T14601" s="16"/>
      <c r="U14601" s="16"/>
      <c r="V14601" s="16"/>
      <c r="W14601" s="16"/>
      <c r="X14601" s="16"/>
      <c r="Y14601" s="16"/>
      <c r="Z14601" s="16"/>
      <c r="AA14601" s="16"/>
    </row>
    <row r="14602" spans="1:27" s="1" customFormat="1" ht="11.1" customHeight="1" outlineLevel="2" x14ac:dyDescent="0.2">
      <c r="A14602" s="16" t="s">
        <v>7239</v>
      </c>
      <c r="B14602" s="16"/>
      <c r="C14602" s="16"/>
      <c r="D14602" s="16"/>
      <c r="E14602" s="16"/>
      <c r="F14602" s="16"/>
      <c r="G14602" s="16"/>
      <c r="H14602" s="16"/>
      <c r="I14602" s="16"/>
      <c r="J14602" s="16"/>
      <c r="K14602" s="16"/>
      <c r="L14602" s="16"/>
      <c r="M14602" s="16"/>
      <c r="N14602" s="16"/>
      <c r="O14602" s="16"/>
      <c r="P14602" s="16"/>
      <c r="Q14602" s="16"/>
      <c r="R14602" s="16"/>
      <c r="S14602" s="16"/>
      <c r="T14602" s="16"/>
      <c r="U14602" s="16"/>
      <c r="V14602" s="16"/>
      <c r="W14602" s="16"/>
      <c r="X14602" s="16"/>
      <c r="Y14602" s="16"/>
      <c r="Z14602" s="16"/>
      <c r="AA14602" s="16"/>
    </row>
    <row r="14603" spans="1:27" s="1" customFormat="1" ht="11.1" customHeight="1" outlineLevel="2" x14ac:dyDescent="0.2">
      <c r="A14603" s="16"/>
      <c r="B14603" s="16"/>
      <c r="C14603" s="16"/>
      <c r="D14603" s="16"/>
      <c r="E14603" s="16"/>
      <c r="F14603" s="16"/>
      <c r="G14603" s="16"/>
      <c r="H14603" s="16"/>
      <c r="I14603" s="16"/>
      <c r="J14603" s="16"/>
      <c r="K14603" s="16"/>
      <c r="L14603" s="16"/>
      <c r="M14603" s="16"/>
      <c r="N14603" s="16"/>
      <c r="O14603" s="16"/>
      <c r="P14603" s="16"/>
      <c r="Q14603" s="16"/>
      <c r="R14603" s="16"/>
      <c r="S14603" s="16"/>
      <c r="T14603" s="16"/>
      <c r="U14603" s="16"/>
      <c r="V14603" s="16"/>
      <c r="W14603" s="16"/>
      <c r="X14603" s="16"/>
      <c r="Y14603" s="16"/>
      <c r="Z14603" s="16"/>
      <c r="AA14603" s="16"/>
    </row>
    <row r="14604" spans="1:27" s="1" customFormat="1" ht="11.1" customHeight="1" outlineLevel="3" x14ac:dyDescent="0.2">
      <c r="A14604" s="17">
        <v>14535</v>
      </c>
      <c r="B14604" s="17"/>
      <c r="C14604" s="17"/>
      <c r="D14604" s="18" t="s">
        <v>7240</v>
      </c>
      <c r="E14604" s="18"/>
      <c r="F14604" s="18"/>
      <c r="G14604" s="18"/>
      <c r="H14604" s="18"/>
      <c r="I14604" s="18"/>
      <c r="J14604" s="18"/>
      <c r="K14604" s="18"/>
      <c r="L14604" s="18"/>
      <c r="M14604" s="18"/>
      <c r="N14604" s="18"/>
      <c r="O14604" s="18"/>
      <c r="P14604" s="20">
        <v>1200</v>
      </c>
      <c r="Q14604" s="20"/>
      <c r="R14604" s="20"/>
      <c r="S14604" s="20"/>
      <c r="T14604" s="19">
        <v>890</v>
      </c>
      <c r="U14604" s="19"/>
      <c r="V14604" s="19"/>
      <c r="W14604" s="19"/>
      <c r="X14604" s="19">
        <v>1</v>
      </c>
      <c r="Y14604" s="19"/>
      <c r="Z14604" s="19"/>
      <c r="AA14604" s="19"/>
    </row>
    <row r="14605" spans="1:27" s="1" customFormat="1" ht="11.1" customHeight="1" outlineLevel="3" x14ac:dyDescent="0.2">
      <c r="A14605" s="17"/>
      <c r="B14605" s="17"/>
      <c r="C14605" s="17"/>
      <c r="D14605" s="18"/>
      <c r="E14605" s="18"/>
      <c r="F14605" s="18"/>
      <c r="G14605" s="18"/>
      <c r="H14605" s="18"/>
      <c r="I14605" s="18"/>
      <c r="J14605" s="18"/>
      <c r="K14605" s="18"/>
      <c r="L14605" s="18"/>
      <c r="M14605" s="18"/>
      <c r="N14605" s="18"/>
      <c r="O14605" s="18"/>
      <c r="P14605" s="20"/>
      <c r="Q14605" s="20"/>
      <c r="R14605" s="20"/>
      <c r="S14605" s="20"/>
      <c r="T14605" s="19"/>
      <c r="U14605" s="19"/>
      <c r="V14605" s="19"/>
      <c r="W14605" s="19"/>
      <c r="X14605" s="19"/>
      <c r="Y14605" s="19"/>
      <c r="Z14605" s="19"/>
      <c r="AA14605" s="19"/>
    </row>
    <row r="14606" spans="1:27" s="1" customFormat="1" ht="11.1" customHeight="1" outlineLevel="3" x14ac:dyDescent="0.2">
      <c r="A14606" s="17">
        <v>18084</v>
      </c>
      <c r="B14606" s="17"/>
      <c r="C14606" s="17"/>
      <c r="D14606" s="18" t="s">
        <v>7241</v>
      </c>
      <c r="E14606" s="18"/>
      <c r="F14606" s="18"/>
      <c r="G14606" s="18"/>
      <c r="H14606" s="18"/>
      <c r="I14606" s="18"/>
      <c r="J14606" s="18"/>
      <c r="K14606" s="18"/>
      <c r="L14606" s="18"/>
      <c r="M14606" s="18"/>
      <c r="N14606" s="18"/>
      <c r="O14606" s="18"/>
      <c r="P14606" s="20">
        <v>1100</v>
      </c>
      <c r="Q14606" s="20"/>
      <c r="R14606" s="20"/>
      <c r="S14606" s="20"/>
      <c r="T14606" s="19">
        <v>750</v>
      </c>
      <c r="U14606" s="19"/>
      <c r="V14606" s="19"/>
      <c r="W14606" s="19"/>
      <c r="X14606" s="19">
        <v>10</v>
      </c>
      <c r="Y14606" s="19"/>
      <c r="Z14606" s="19"/>
      <c r="AA14606" s="19"/>
    </row>
    <row r="14607" spans="1:27" s="1" customFormat="1" ht="11.1" customHeight="1" outlineLevel="3" x14ac:dyDescent="0.2">
      <c r="A14607" s="17"/>
      <c r="B14607" s="17"/>
      <c r="C14607" s="17"/>
      <c r="D14607" s="18"/>
      <c r="E14607" s="18"/>
      <c r="F14607" s="18"/>
      <c r="G14607" s="18"/>
      <c r="H14607" s="18"/>
      <c r="I14607" s="18"/>
      <c r="J14607" s="18"/>
      <c r="K14607" s="18"/>
      <c r="L14607" s="18"/>
      <c r="M14607" s="18"/>
      <c r="N14607" s="18"/>
      <c r="O14607" s="18"/>
      <c r="P14607" s="20"/>
      <c r="Q14607" s="20"/>
      <c r="R14607" s="20"/>
      <c r="S14607" s="20"/>
      <c r="T14607" s="19"/>
      <c r="U14607" s="19"/>
      <c r="V14607" s="19"/>
      <c r="W14607" s="19"/>
      <c r="X14607" s="19"/>
      <c r="Y14607" s="19"/>
      <c r="Z14607" s="19"/>
      <c r="AA14607" s="19"/>
    </row>
    <row r="14608" spans="1:27" s="1" customFormat="1" ht="11.1" customHeight="1" outlineLevel="3" x14ac:dyDescent="0.2">
      <c r="A14608" s="17">
        <v>18088</v>
      </c>
      <c r="B14608" s="17"/>
      <c r="C14608" s="17"/>
      <c r="D14608" s="18" t="s">
        <v>7242</v>
      </c>
      <c r="E14608" s="18"/>
      <c r="F14608" s="18"/>
      <c r="G14608" s="18"/>
      <c r="H14608" s="18"/>
      <c r="I14608" s="18"/>
      <c r="J14608" s="18"/>
      <c r="K14608" s="18"/>
      <c r="L14608" s="18"/>
      <c r="M14608" s="18"/>
      <c r="N14608" s="18"/>
      <c r="O14608" s="18"/>
      <c r="P14608" s="20">
        <v>1400</v>
      </c>
      <c r="Q14608" s="20"/>
      <c r="R14608" s="20"/>
      <c r="S14608" s="20"/>
      <c r="T14608" s="19">
        <v>990</v>
      </c>
      <c r="U14608" s="19"/>
      <c r="V14608" s="19"/>
      <c r="W14608" s="19"/>
      <c r="X14608" s="19">
        <v>10</v>
      </c>
      <c r="Y14608" s="19"/>
      <c r="Z14608" s="19"/>
      <c r="AA14608" s="19"/>
    </row>
    <row r="14609" spans="1:27" s="1" customFormat="1" ht="11.1" customHeight="1" outlineLevel="3" x14ac:dyDescent="0.2">
      <c r="A14609" s="17"/>
      <c r="B14609" s="17"/>
      <c r="C14609" s="17"/>
      <c r="D14609" s="18"/>
      <c r="E14609" s="18"/>
      <c r="F14609" s="18"/>
      <c r="G14609" s="18"/>
      <c r="H14609" s="18"/>
      <c r="I14609" s="18"/>
      <c r="J14609" s="18"/>
      <c r="K14609" s="18"/>
      <c r="L14609" s="18"/>
      <c r="M14609" s="18"/>
      <c r="N14609" s="18"/>
      <c r="O14609" s="18"/>
      <c r="P14609" s="20"/>
      <c r="Q14609" s="20"/>
      <c r="R14609" s="20"/>
      <c r="S14609" s="20"/>
      <c r="T14609" s="19"/>
      <c r="U14609" s="19"/>
      <c r="V14609" s="19"/>
      <c r="W14609" s="19"/>
      <c r="X14609" s="19"/>
      <c r="Y14609" s="19"/>
      <c r="Z14609" s="19"/>
      <c r="AA14609" s="19"/>
    </row>
    <row r="14610" spans="1:27" s="1" customFormat="1" ht="11.1" customHeight="1" outlineLevel="3" x14ac:dyDescent="0.2">
      <c r="A14610" s="17">
        <v>15224</v>
      </c>
      <c r="B14610" s="17"/>
      <c r="C14610" s="17"/>
      <c r="D14610" s="18" t="s">
        <v>7243</v>
      </c>
      <c r="E14610" s="18"/>
      <c r="F14610" s="18"/>
      <c r="G14610" s="18"/>
      <c r="H14610" s="18"/>
      <c r="I14610" s="18"/>
      <c r="J14610" s="18"/>
      <c r="K14610" s="18"/>
      <c r="L14610" s="18"/>
      <c r="M14610" s="18"/>
      <c r="N14610" s="18"/>
      <c r="O14610" s="18"/>
      <c r="P14610" s="20">
        <v>1050</v>
      </c>
      <c r="Q14610" s="20"/>
      <c r="R14610" s="20"/>
      <c r="S14610" s="20"/>
      <c r="T14610" s="19">
        <v>730</v>
      </c>
      <c r="U14610" s="19"/>
      <c r="V14610" s="19"/>
      <c r="W14610" s="19"/>
      <c r="X14610" s="19">
        <v>1</v>
      </c>
      <c r="Y14610" s="19"/>
      <c r="Z14610" s="19"/>
      <c r="AA14610" s="19"/>
    </row>
    <row r="14611" spans="1:27" s="1" customFormat="1" ht="11.1" customHeight="1" outlineLevel="3" x14ac:dyDescent="0.2">
      <c r="A14611" s="17"/>
      <c r="B14611" s="17"/>
      <c r="C14611" s="17"/>
      <c r="D14611" s="18"/>
      <c r="E14611" s="18"/>
      <c r="F14611" s="18"/>
      <c r="G14611" s="18"/>
      <c r="H14611" s="18"/>
      <c r="I14611" s="18"/>
      <c r="J14611" s="18"/>
      <c r="K14611" s="18"/>
      <c r="L14611" s="18"/>
      <c r="M14611" s="18"/>
      <c r="N14611" s="18"/>
      <c r="O14611" s="18"/>
      <c r="P14611" s="20"/>
      <c r="Q14611" s="20"/>
      <c r="R14611" s="20"/>
      <c r="S14611" s="20"/>
      <c r="T14611" s="19"/>
      <c r="U14611" s="19"/>
      <c r="V14611" s="19"/>
      <c r="W14611" s="19"/>
      <c r="X14611" s="19"/>
      <c r="Y14611" s="19"/>
      <c r="Z14611" s="19"/>
      <c r="AA14611" s="19"/>
    </row>
    <row r="14612" spans="1:27" s="1" customFormat="1" ht="11.1" customHeight="1" outlineLevel="3" x14ac:dyDescent="0.2">
      <c r="A14612" s="17">
        <v>18007</v>
      </c>
      <c r="B14612" s="17"/>
      <c r="C14612" s="17"/>
      <c r="D14612" s="18" t="s">
        <v>7244</v>
      </c>
      <c r="E14612" s="18"/>
      <c r="F14612" s="18"/>
      <c r="G14612" s="18"/>
      <c r="H14612" s="18"/>
      <c r="I14612" s="18"/>
      <c r="J14612" s="18"/>
      <c r="K14612" s="18"/>
      <c r="L14612" s="18"/>
      <c r="M14612" s="18"/>
      <c r="N14612" s="18"/>
      <c r="O14612" s="18"/>
      <c r="P14612" s="19">
        <v>650</v>
      </c>
      <c r="Q14612" s="19"/>
      <c r="R14612" s="19"/>
      <c r="S14612" s="19"/>
      <c r="T14612" s="19">
        <v>420</v>
      </c>
      <c r="U14612" s="19"/>
      <c r="V14612" s="19"/>
      <c r="W14612" s="19"/>
      <c r="X14612" s="19">
        <v>1</v>
      </c>
      <c r="Y14612" s="19"/>
      <c r="Z14612" s="19"/>
      <c r="AA14612" s="19"/>
    </row>
    <row r="14613" spans="1:27" s="1" customFormat="1" ht="11.1" customHeight="1" outlineLevel="3" x14ac:dyDescent="0.2">
      <c r="A14613" s="17"/>
      <c r="B14613" s="17"/>
      <c r="C14613" s="17"/>
      <c r="D14613" s="18"/>
      <c r="E14613" s="18"/>
      <c r="F14613" s="18"/>
      <c r="G14613" s="18"/>
      <c r="H14613" s="18"/>
      <c r="I14613" s="18"/>
      <c r="J14613" s="18"/>
      <c r="K14613" s="18"/>
      <c r="L14613" s="18"/>
      <c r="M14613" s="18"/>
      <c r="N14613" s="18"/>
      <c r="O14613" s="18"/>
      <c r="P14613" s="19"/>
      <c r="Q14613" s="19"/>
      <c r="R14613" s="19"/>
      <c r="S14613" s="19"/>
      <c r="T14613" s="19"/>
      <c r="U14613" s="19"/>
      <c r="V14613" s="19"/>
      <c r="W14613" s="19"/>
      <c r="X14613" s="19"/>
      <c r="Y14613" s="19"/>
      <c r="Z14613" s="19"/>
      <c r="AA14613" s="19"/>
    </row>
    <row r="14614" spans="1:27" s="1" customFormat="1" ht="11.1" customHeight="1" outlineLevel="3" x14ac:dyDescent="0.2">
      <c r="A14614" s="17">
        <v>18085</v>
      </c>
      <c r="B14614" s="17"/>
      <c r="C14614" s="17"/>
      <c r="D14614" s="18" t="s">
        <v>7245</v>
      </c>
      <c r="E14614" s="18"/>
      <c r="F14614" s="18"/>
      <c r="G14614" s="18"/>
      <c r="H14614" s="18"/>
      <c r="I14614" s="18"/>
      <c r="J14614" s="18"/>
      <c r="K14614" s="18"/>
      <c r="L14614" s="18"/>
      <c r="M14614" s="18"/>
      <c r="N14614" s="18"/>
      <c r="O14614" s="18"/>
      <c r="P14614" s="19">
        <v>570</v>
      </c>
      <c r="Q14614" s="19"/>
      <c r="R14614" s="19"/>
      <c r="S14614" s="19"/>
      <c r="T14614" s="19">
        <v>390</v>
      </c>
      <c r="U14614" s="19"/>
      <c r="V14614" s="19"/>
      <c r="W14614" s="19"/>
      <c r="X14614" s="19">
        <v>13</v>
      </c>
      <c r="Y14614" s="19"/>
      <c r="Z14614" s="19"/>
      <c r="AA14614" s="19"/>
    </row>
    <row r="14615" spans="1:27" s="1" customFormat="1" ht="11.1" customHeight="1" outlineLevel="3" x14ac:dyDescent="0.2">
      <c r="A14615" s="17"/>
      <c r="B14615" s="17"/>
      <c r="C14615" s="17"/>
      <c r="D14615" s="18"/>
      <c r="E14615" s="18"/>
      <c r="F14615" s="18"/>
      <c r="G14615" s="18"/>
      <c r="H14615" s="18"/>
      <c r="I14615" s="18"/>
      <c r="J14615" s="18"/>
      <c r="K14615" s="18"/>
      <c r="L14615" s="18"/>
      <c r="M14615" s="18"/>
      <c r="N14615" s="18"/>
      <c r="O14615" s="18"/>
      <c r="P14615" s="19"/>
      <c r="Q14615" s="19"/>
      <c r="R14615" s="19"/>
      <c r="S14615" s="19"/>
      <c r="T14615" s="19"/>
      <c r="U14615" s="19"/>
      <c r="V14615" s="19"/>
      <c r="W14615" s="19"/>
      <c r="X14615" s="19"/>
      <c r="Y14615" s="19"/>
      <c r="Z14615" s="19"/>
      <c r="AA14615" s="19"/>
    </row>
    <row r="14616" spans="1:27" s="1" customFormat="1" ht="11.1" customHeight="1" outlineLevel="3" x14ac:dyDescent="0.2">
      <c r="A14616" s="17">
        <v>18081</v>
      </c>
      <c r="B14616" s="17"/>
      <c r="C14616" s="17"/>
      <c r="D14616" s="18" t="s">
        <v>7246</v>
      </c>
      <c r="E14616" s="18"/>
      <c r="F14616" s="18"/>
      <c r="G14616" s="18"/>
      <c r="H14616" s="18"/>
      <c r="I14616" s="18"/>
      <c r="J14616" s="18"/>
      <c r="K14616" s="18"/>
      <c r="L14616" s="18"/>
      <c r="M14616" s="18"/>
      <c r="N14616" s="18"/>
      <c r="O14616" s="18"/>
      <c r="P14616" s="19">
        <v>550</v>
      </c>
      <c r="Q14616" s="19"/>
      <c r="R14616" s="19"/>
      <c r="S14616" s="19"/>
      <c r="T14616" s="19">
        <v>360</v>
      </c>
      <c r="U14616" s="19"/>
      <c r="V14616" s="19"/>
      <c r="W14616" s="19"/>
      <c r="X14616" s="19">
        <v>18</v>
      </c>
      <c r="Y14616" s="19"/>
      <c r="Z14616" s="19"/>
      <c r="AA14616" s="19"/>
    </row>
    <row r="14617" spans="1:27" s="1" customFormat="1" ht="11.1" customHeight="1" outlineLevel="3" x14ac:dyDescent="0.2">
      <c r="A14617" s="17"/>
      <c r="B14617" s="17"/>
      <c r="C14617" s="17"/>
      <c r="D14617" s="18"/>
      <c r="E14617" s="18"/>
      <c r="F14617" s="18"/>
      <c r="G14617" s="18"/>
      <c r="H14617" s="18"/>
      <c r="I14617" s="18"/>
      <c r="J14617" s="18"/>
      <c r="K14617" s="18"/>
      <c r="L14617" s="18"/>
      <c r="M14617" s="18"/>
      <c r="N14617" s="18"/>
      <c r="O14617" s="18"/>
      <c r="P14617" s="19"/>
      <c r="Q14617" s="19"/>
      <c r="R14617" s="19"/>
      <c r="S14617" s="19"/>
      <c r="T14617" s="19"/>
      <c r="U14617" s="19"/>
      <c r="V14617" s="19"/>
      <c r="W14617" s="19"/>
      <c r="X14617" s="19"/>
      <c r="Y14617" s="19"/>
      <c r="Z14617" s="19"/>
      <c r="AA14617" s="19"/>
    </row>
    <row r="14618" spans="1:27" s="1" customFormat="1" ht="11.1" customHeight="1" outlineLevel="3" x14ac:dyDescent="0.2">
      <c r="A14618" s="17">
        <v>18089</v>
      </c>
      <c r="B14618" s="17"/>
      <c r="C14618" s="17"/>
      <c r="D14618" s="18" t="s">
        <v>7247</v>
      </c>
      <c r="E14618" s="18"/>
      <c r="F14618" s="18"/>
      <c r="G14618" s="18"/>
      <c r="H14618" s="18"/>
      <c r="I14618" s="18"/>
      <c r="J14618" s="18"/>
      <c r="K14618" s="18"/>
      <c r="L14618" s="18"/>
      <c r="M14618" s="18"/>
      <c r="N14618" s="18"/>
      <c r="O14618" s="18"/>
      <c r="P14618" s="20">
        <v>1900</v>
      </c>
      <c r="Q14618" s="20"/>
      <c r="R14618" s="20"/>
      <c r="S14618" s="20"/>
      <c r="T14618" s="20">
        <v>1300</v>
      </c>
      <c r="U14618" s="20"/>
      <c r="V14618" s="20"/>
      <c r="W14618" s="20"/>
      <c r="X14618" s="19">
        <v>3</v>
      </c>
      <c r="Y14618" s="19"/>
      <c r="Z14618" s="19"/>
      <c r="AA14618" s="19"/>
    </row>
    <row r="14619" spans="1:27" s="1" customFormat="1" ht="11.1" customHeight="1" outlineLevel="3" x14ac:dyDescent="0.2">
      <c r="A14619" s="17"/>
      <c r="B14619" s="17"/>
      <c r="C14619" s="17"/>
      <c r="D14619" s="18"/>
      <c r="E14619" s="18"/>
      <c r="F14619" s="18"/>
      <c r="G14619" s="18"/>
      <c r="H14619" s="18"/>
      <c r="I14619" s="18"/>
      <c r="J14619" s="18"/>
      <c r="K14619" s="18"/>
      <c r="L14619" s="18"/>
      <c r="M14619" s="18"/>
      <c r="N14619" s="18"/>
      <c r="O14619" s="18"/>
      <c r="P14619" s="20"/>
      <c r="Q14619" s="20"/>
      <c r="R14619" s="20"/>
      <c r="S14619" s="20"/>
      <c r="T14619" s="20"/>
      <c r="U14619" s="20"/>
      <c r="V14619" s="20"/>
      <c r="W14619" s="20"/>
      <c r="X14619" s="19"/>
      <c r="Y14619" s="19"/>
      <c r="Z14619" s="19"/>
      <c r="AA14619" s="19"/>
    </row>
    <row r="14620" spans="1:27" s="1" customFormat="1" ht="11.1" customHeight="1" outlineLevel="3" x14ac:dyDescent="0.2">
      <c r="A14620" s="17">
        <v>10382</v>
      </c>
      <c r="B14620" s="17"/>
      <c r="C14620" s="17"/>
      <c r="D14620" s="18" t="s">
        <v>7248</v>
      </c>
      <c r="E14620" s="18"/>
      <c r="F14620" s="18"/>
      <c r="G14620" s="18"/>
      <c r="H14620" s="18"/>
      <c r="I14620" s="18"/>
      <c r="J14620" s="18"/>
      <c r="K14620" s="18"/>
      <c r="L14620" s="18"/>
      <c r="M14620" s="18"/>
      <c r="N14620" s="18"/>
      <c r="O14620" s="18"/>
      <c r="P14620" s="19">
        <v>380</v>
      </c>
      <c r="Q14620" s="19"/>
      <c r="R14620" s="19"/>
      <c r="S14620" s="19"/>
      <c r="T14620" s="19">
        <v>290</v>
      </c>
      <c r="U14620" s="19"/>
      <c r="V14620" s="19"/>
      <c r="W14620" s="19"/>
      <c r="X14620" s="19">
        <v>2</v>
      </c>
      <c r="Y14620" s="19"/>
      <c r="Z14620" s="19"/>
      <c r="AA14620" s="19"/>
    </row>
    <row r="14621" spans="1:27" s="1" customFormat="1" ht="11.1" customHeight="1" outlineLevel="3" x14ac:dyDescent="0.2">
      <c r="A14621" s="17"/>
      <c r="B14621" s="17"/>
      <c r="C14621" s="17"/>
      <c r="D14621" s="18"/>
      <c r="E14621" s="18"/>
      <c r="F14621" s="18"/>
      <c r="G14621" s="18"/>
      <c r="H14621" s="18"/>
      <c r="I14621" s="18"/>
      <c r="J14621" s="18"/>
      <c r="K14621" s="18"/>
      <c r="L14621" s="18"/>
      <c r="M14621" s="18"/>
      <c r="N14621" s="18"/>
      <c r="O14621" s="18"/>
      <c r="P14621" s="19"/>
      <c r="Q14621" s="19"/>
      <c r="R14621" s="19"/>
      <c r="S14621" s="19"/>
      <c r="T14621" s="19"/>
      <c r="U14621" s="19"/>
      <c r="V14621" s="19"/>
      <c r="W14621" s="19"/>
      <c r="X14621" s="19"/>
      <c r="Y14621" s="19"/>
      <c r="Z14621" s="19"/>
      <c r="AA14621" s="19"/>
    </row>
    <row r="14622" spans="1:27" s="1" customFormat="1" ht="11.1" customHeight="1" outlineLevel="3" x14ac:dyDescent="0.2">
      <c r="A14622" s="17">
        <v>14978</v>
      </c>
      <c r="B14622" s="17"/>
      <c r="C14622" s="17"/>
      <c r="D14622" s="18" t="s">
        <v>7249</v>
      </c>
      <c r="E14622" s="18"/>
      <c r="F14622" s="18"/>
      <c r="G14622" s="18"/>
      <c r="H14622" s="18"/>
      <c r="I14622" s="18"/>
      <c r="J14622" s="18"/>
      <c r="K14622" s="18"/>
      <c r="L14622" s="18"/>
      <c r="M14622" s="18"/>
      <c r="N14622" s="18"/>
      <c r="O14622" s="18"/>
      <c r="P14622" s="19">
        <v>890</v>
      </c>
      <c r="Q14622" s="19"/>
      <c r="R14622" s="19"/>
      <c r="S14622" s="19"/>
      <c r="T14622" s="19">
        <v>650</v>
      </c>
      <c r="U14622" s="19"/>
      <c r="V14622" s="19"/>
      <c r="W14622" s="19"/>
      <c r="X14622" s="19">
        <v>2</v>
      </c>
      <c r="Y14622" s="19"/>
      <c r="Z14622" s="19"/>
      <c r="AA14622" s="19"/>
    </row>
    <row r="14623" spans="1:27" s="1" customFormat="1" ht="11.1" customHeight="1" outlineLevel="3" x14ac:dyDescent="0.2">
      <c r="A14623" s="17"/>
      <c r="B14623" s="17"/>
      <c r="C14623" s="17"/>
      <c r="D14623" s="18"/>
      <c r="E14623" s="18"/>
      <c r="F14623" s="18"/>
      <c r="G14623" s="18"/>
      <c r="H14623" s="18"/>
      <c r="I14623" s="18"/>
      <c r="J14623" s="18"/>
      <c r="K14623" s="18"/>
      <c r="L14623" s="18"/>
      <c r="M14623" s="18"/>
      <c r="N14623" s="18"/>
      <c r="O14623" s="18"/>
      <c r="P14623" s="19"/>
      <c r="Q14623" s="19"/>
      <c r="R14623" s="19"/>
      <c r="S14623" s="19"/>
      <c r="T14623" s="19"/>
      <c r="U14623" s="19"/>
      <c r="V14623" s="19"/>
      <c r="W14623" s="19"/>
      <c r="X14623" s="19"/>
      <c r="Y14623" s="19"/>
      <c r="Z14623" s="19"/>
      <c r="AA14623" s="19"/>
    </row>
    <row r="14624" spans="1:27" s="1" customFormat="1" ht="11.1" customHeight="1" outlineLevel="3" x14ac:dyDescent="0.2">
      <c r="A14624" s="17">
        <v>17642</v>
      </c>
      <c r="B14624" s="17"/>
      <c r="C14624" s="17"/>
      <c r="D14624" s="18" t="s">
        <v>7250</v>
      </c>
      <c r="E14624" s="18"/>
      <c r="F14624" s="18"/>
      <c r="G14624" s="18"/>
      <c r="H14624" s="18"/>
      <c r="I14624" s="18"/>
      <c r="J14624" s="18"/>
      <c r="K14624" s="18"/>
      <c r="L14624" s="18"/>
      <c r="M14624" s="18"/>
      <c r="N14624" s="18"/>
      <c r="O14624" s="18"/>
      <c r="P14624" s="19">
        <v>700</v>
      </c>
      <c r="Q14624" s="19"/>
      <c r="R14624" s="19"/>
      <c r="S14624" s="19"/>
      <c r="T14624" s="19">
        <v>480</v>
      </c>
      <c r="U14624" s="19"/>
      <c r="V14624" s="19"/>
      <c r="W14624" s="19"/>
      <c r="X14624" s="19">
        <v>1</v>
      </c>
      <c r="Y14624" s="19"/>
      <c r="Z14624" s="19"/>
      <c r="AA14624" s="19"/>
    </row>
    <row r="14625" spans="1:27" s="1" customFormat="1" ht="11.1" customHeight="1" outlineLevel="3" x14ac:dyDescent="0.2">
      <c r="A14625" s="17"/>
      <c r="B14625" s="17"/>
      <c r="C14625" s="17"/>
      <c r="D14625" s="18"/>
      <c r="E14625" s="18"/>
      <c r="F14625" s="18"/>
      <c r="G14625" s="18"/>
      <c r="H14625" s="18"/>
      <c r="I14625" s="18"/>
      <c r="J14625" s="18"/>
      <c r="K14625" s="18"/>
      <c r="L14625" s="18"/>
      <c r="M14625" s="18"/>
      <c r="N14625" s="18"/>
      <c r="O14625" s="18"/>
      <c r="P14625" s="19"/>
      <c r="Q14625" s="19"/>
      <c r="R14625" s="19"/>
      <c r="S14625" s="19"/>
      <c r="T14625" s="19"/>
      <c r="U14625" s="19"/>
      <c r="V14625" s="19"/>
      <c r="W14625" s="19"/>
      <c r="X14625" s="19"/>
      <c r="Y14625" s="19"/>
      <c r="Z14625" s="19"/>
      <c r="AA14625" s="19"/>
    </row>
    <row r="14626" spans="1:27" s="1" customFormat="1" ht="11.1" customHeight="1" outlineLevel="3" x14ac:dyDescent="0.2">
      <c r="A14626" s="17">
        <v>18080</v>
      </c>
      <c r="B14626" s="17"/>
      <c r="C14626" s="17"/>
      <c r="D14626" s="18" t="s">
        <v>7251</v>
      </c>
      <c r="E14626" s="18"/>
      <c r="F14626" s="18"/>
      <c r="G14626" s="18"/>
      <c r="H14626" s="18"/>
      <c r="I14626" s="18"/>
      <c r="J14626" s="18"/>
      <c r="K14626" s="18"/>
      <c r="L14626" s="18"/>
      <c r="M14626" s="18"/>
      <c r="N14626" s="18"/>
      <c r="O14626" s="18"/>
      <c r="P14626" s="19">
        <v>690</v>
      </c>
      <c r="Q14626" s="19"/>
      <c r="R14626" s="19"/>
      <c r="S14626" s="19"/>
      <c r="T14626" s="19">
        <v>412</v>
      </c>
      <c r="U14626" s="19"/>
      <c r="V14626" s="19"/>
      <c r="W14626" s="19"/>
      <c r="X14626" s="19">
        <v>9</v>
      </c>
      <c r="Y14626" s="19"/>
      <c r="Z14626" s="19"/>
      <c r="AA14626" s="19"/>
    </row>
    <row r="14627" spans="1:27" s="1" customFormat="1" ht="11.1" customHeight="1" outlineLevel="3" x14ac:dyDescent="0.2">
      <c r="A14627" s="17"/>
      <c r="B14627" s="17"/>
      <c r="C14627" s="17"/>
      <c r="D14627" s="18"/>
      <c r="E14627" s="18"/>
      <c r="F14627" s="18"/>
      <c r="G14627" s="18"/>
      <c r="H14627" s="18"/>
      <c r="I14627" s="18"/>
      <c r="J14627" s="18"/>
      <c r="K14627" s="18"/>
      <c r="L14627" s="18"/>
      <c r="M14627" s="18"/>
      <c r="N14627" s="18"/>
      <c r="O14627" s="18"/>
      <c r="P14627" s="19"/>
      <c r="Q14627" s="19"/>
      <c r="R14627" s="19"/>
      <c r="S14627" s="19"/>
      <c r="T14627" s="19"/>
      <c r="U14627" s="19"/>
      <c r="V14627" s="19"/>
      <c r="W14627" s="19"/>
      <c r="X14627" s="19"/>
      <c r="Y14627" s="19"/>
      <c r="Z14627" s="19"/>
      <c r="AA14627" s="19"/>
    </row>
    <row r="14628" spans="1:27" s="1" customFormat="1" ht="11.1" customHeight="1" outlineLevel="3" x14ac:dyDescent="0.2">
      <c r="A14628" s="17">
        <v>18091</v>
      </c>
      <c r="B14628" s="17"/>
      <c r="C14628" s="17"/>
      <c r="D14628" s="18" t="s">
        <v>7252</v>
      </c>
      <c r="E14628" s="18"/>
      <c r="F14628" s="18"/>
      <c r="G14628" s="18"/>
      <c r="H14628" s="18"/>
      <c r="I14628" s="18"/>
      <c r="J14628" s="18"/>
      <c r="K14628" s="18"/>
      <c r="L14628" s="18"/>
      <c r="M14628" s="18"/>
      <c r="N14628" s="18"/>
      <c r="O14628" s="18"/>
      <c r="P14628" s="19">
        <v>790</v>
      </c>
      <c r="Q14628" s="19"/>
      <c r="R14628" s="19"/>
      <c r="S14628" s="19"/>
      <c r="T14628" s="19">
        <v>490</v>
      </c>
      <c r="U14628" s="19"/>
      <c r="V14628" s="19"/>
      <c r="W14628" s="19"/>
      <c r="X14628" s="19">
        <v>10</v>
      </c>
      <c r="Y14628" s="19"/>
      <c r="Z14628" s="19"/>
      <c r="AA14628" s="19"/>
    </row>
    <row r="14629" spans="1:27" s="1" customFormat="1" ht="11.1" customHeight="1" outlineLevel="3" x14ac:dyDescent="0.2">
      <c r="A14629" s="17"/>
      <c r="B14629" s="17"/>
      <c r="C14629" s="17"/>
      <c r="D14629" s="18"/>
      <c r="E14629" s="18"/>
      <c r="F14629" s="18"/>
      <c r="G14629" s="18"/>
      <c r="H14629" s="18"/>
      <c r="I14629" s="18"/>
      <c r="J14629" s="18"/>
      <c r="K14629" s="18"/>
      <c r="L14629" s="18"/>
      <c r="M14629" s="18"/>
      <c r="N14629" s="18"/>
      <c r="O14629" s="18"/>
      <c r="P14629" s="19"/>
      <c r="Q14629" s="19"/>
      <c r="R14629" s="19"/>
      <c r="S14629" s="19"/>
      <c r="T14629" s="19"/>
      <c r="U14629" s="19"/>
      <c r="V14629" s="19"/>
      <c r="W14629" s="19"/>
      <c r="X14629" s="19"/>
      <c r="Y14629" s="19"/>
      <c r="Z14629" s="19"/>
      <c r="AA14629" s="19"/>
    </row>
    <row r="14630" spans="1:27" s="1" customFormat="1" ht="14.1" customHeight="1" outlineLevel="3" x14ac:dyDescent="0.2">
      <c r="A14630" s="17">
        <v>14417</v>
      </c>
      <c r="B14630" s="17"/>
      <c r="C14630" s="17"/>
      <c r="D14630" s="18" t="s">
        <v>7253</v>
      </c>
      <c r="E14630" s="18"/>
      <c r="F14630" s="18"/>
      <c r="G14630" s="18"/>
      <c r="H14630" s="18"/>
      <c r="I14630" s="18"/>
      <c r="J14630" s="18"/>
      <c r="K14630" s="18"/>
      <c r="L14630" s="18"/>
      <c r="M14630" s="18"/>
      <c r="N14630" s="18"/>
      <c r="O14630" s="18"/>
      <c r="P14630" s="19">
        <v>940</v>
      </c>
      <c r="Q14630" s="19"/>
      <c r="R14630" s="19"/>
      <c r="S14630" s="19"/>
      <c r="T14630" s="19">
        <v>710</v>
      </c>
      <c r="U14630" s="19"/>
      <c r="V14630" s="19"/>
      <c r="W14630" s="19"/>
      <c r="X14630" s="19">
        <v>3</v>
      </c>
      <c r="Y14630" s="19"/>
      <c r="Z14630" s="19"/>
      <c r="AA14630" s="19"/>
    </row>
    <row r="14631" spans="1:27" s="1" customFormat="1" ht="14.1" customHeight="1" outlineLevel="3" x14ac:dyDescent="0.2">
      <c r="A14631" s="17"/>
      <c r="B14631" s="17"/>
      <c r="C14631" s="17"/>
      <c r="D14631" s="18"/>
      <c r="E14631" s="18"/>
      <c r="F14631" s="18"/>
      <c r="G14631" s="18"/>
      <c r="H14631" s="18"/>
      <c r="I14631" s="18"/>
      <c r="J14631" s="18"/>
      <c r="K14631" s="18"/>
      <c r="L14631" s="18"/>
      <c r="M14631" s="18"/>
      <c r="N14631" s="18"/>
      <c r="O14631" s="18"/>
      <c r="P14631" s="19"/>
      <c r="Q14631" s="19"/>
      <c r="R14631" s="19"/>
      <c r="S14631" s="19"/>
      <c r="T14631" s="19"/>
      <c r="U14631" s="19"/>
      <c r="V14631" s="19"/>
      <c r="W14631" s="19"/>
      <c r="X14631" s="19"/>
      <c r="Y14631" s="19"/>
      <c r="Z14631" s="19"/>
      <c r="AA14631" s="19"/>
    </row>
    <row r="14632" spans="1:27" s="1" customFormat="1" ht="11.1" customHeight="1" outlineLevel="3" x14ac:dyDescent="0.2">
      <c r="A14632" s="17">
        <v>10381</v>
      </c>
      <c r="B14632" s="17"/>
      <c r="C14632" s="17"/>
      <c r="D14632" s="18" t="s">
        <v>7254</v>
      </c>
      <c r="E14632" s="18"/>
      <c r="F14632" s="18"/>
      <c r="G14632" s="18"/>
      <c r="H14632" s="18"/>
      <c r="I14632" s="18"/>
      <c r="J14632" s="18"/>
      <c r="K14632" s="18"/>
      <c r="L14632" s="18"/>
      <c r="M14632" s="18"/>
      <c r="N14632" s="18"/>
      <c r="O14632" s="18"/>
      <c r="P14632" s="19">
        <v>450</v>
      </c>
      <c r="Q14632" s="19"/>
      <c r="R14632" s="19"/>
      <c r="S14632" s="19"/>
      <c r="T14632" s="19">
        <v>325</v>
      </c>
      <c r="U14632" s="19"/>
      <c r="V14632" s="19"/>
      <c r="W14632" s="19"/>
      <c r="X14632" s="19">
        <v>1</v>
      </c>
      <c r="Y14632" s="19"/>
      <c r="Z14632" s="19"/>
      <c r="AA14632" s="19"/>
    </row>
    <row r="14633" spans="1:27" s="1" customFormat="1" ht="11.1" customHeight="1" outlineLevel="3" x14ac:dyDescent="0.2">
      <c r="A14633" s="17"/>
      <c r="B14633" s="17"/>
      <c r="C14633" s="17"/>
      <c r="D14633" s="18"/>
      <c r="E14633" s="18"/>
      <c r="F14633" s="18"/>
      <c r="G14633" s="18"/>
      <c r="H14633" s="18"/>
      <c r="I14633" s="18"/>
      <c r="J14633" s="18"/>
      <c r="K14633" s="18"/>
      <c r="L14633" s="18"/>
      <c r="M14633" s="18"/>
      <c r="N14633" s="18"/>
      <c r="O14633" s="18"/>
      <c r="P14633" s="19"/>
      <c r="Q14633" s="19"/>
      <c r="R14633" s="19"/>
      <c r="S14633" s="19"/>
      <c r="T14633" s="19"/>
      <c r="U14633" s="19"/>
      <c r="V14633" s="19"/>
      <c r="W14633" s="19"/>
      <c r="X14633" s="19"/>
      <c r="Y14633" s="19"/>
      <c r="Z14633" s="19"/>
      <c r="AA14633" s="19"/>
    </row>
    <row r="14634" spans="1:27" s="1" customFormat="1" ht="11.1" customHeight="1" outlineLevel="3" x14ac:dyDescent="0.2">
      <c r="A14634" s="17">
        <v>8018</v>
      </c>
      <c r="B14634" s="17"/>
      <c r="C14634" s="17"/>
      <c r="D14634" s="18" t="s">
        <v>7255</v>
      </c>
      <c r="E14634" s="18"/>
      <c r="F14634" s="18"/>
      <c r="G14634" s="18"/>
      <c r="H14634" s="18"/>
      <c r="I14634" s="18"/>
      <c r="J14634" s="18"/>
      <c r="K14634" s="18"/>
      <c r="L14634" s="18"/>
      <c r="M14634" s="18"/>
      <c r="N14634" s="18"/>
      <c r="O14634" s="18"/>
      <c r="P14634" s="19">
        <v>410</v>
      </c>
      <c r="Q14634" s="19"/>
      <c r="R14634" s="19"/>
      <c r="S14634" s="19"/>
      <c r="T14634" s="19">
        <v>255</v>
      </c>
      <c r="U14634" s="19"/>
      <c r="V14634" s="19"/>
      <c r="W14634" s="19"/>
      <c r="X14634" s="19">
        <v>2</v>
      </c>
      <c r="Y14634" s="19"/>
      <c r="Z14634" s="19"/>
      <c r="AA14634" s="19"/>
    </row>
    <row r="14635" spans="1:27" s="1" customFormat="1" ht="11.1" customHeight="1" outlineLevel="3" x14ac:dyDescent="0.2">
      <c r="A14635" s="17"/>
      <c r="B14635" s="17"/>
      <c r="C14635" s="17"/>
      <c r="D14635" s="18"/>
      <c r="E14635" s="18"/>
      <c r="F14635" s="18"/>
      <c r="G14635" s="18"/>
      <c r="H14635" s="18"/>
      <c r="I14635" s="18"/>
      <c r="J14635" s="18"/>
      <c r="K14635" s="18"/>
      <c r="L14635" s="18"/>
      <c r="M14635" s="18"/>
      <c r="N14635" s="18"/>
      <c r="O14635" s="18"/>
      <c r="P14635" s="19"/>
      <c r="Q14635" s="19"/>
      <c r="R14635" s="19"/>
      <c r="S14635" s="19"/>
      <c r="T14635" s="19"/>
      <c r="U14635" s="19"/>
      <c r="V14635" s="19"/>
      <c r="W14635" s="19"/>
      <c r="X14635" s="19"/>
      <c r="Y14635" s="19"/>
      <c r="Z14635" s="19"/>
      <c r="AA14635" s="19"/>
    </row>
    <row r="14636" spans="1:27" s="1" customFormat="1" ht="11.1" customHeight="1" outlineLevel="3" x14ac:dyDescent="0.2">
      <c r="A14636" s="17">
        <v>10386</v>
      </c>
      <c r="B14636" s="17"/>
      <c r="C14636" s="17"/>
      <c r="D14636" s="18" t="s">
        <v>7256</v>
      </c>
      <c r="E14636" s="18"/>
      <c r="F14636" s="18"/>
      <c r="G14636" s="18"/>
      <c r="H14636" s="18"/>
      <c r="I14636" s="18"/>
      <c r="J14636" s="18"/>
      <c r="K14636" s="18"/>
      <c r="L14636" s="18"/>
      <c r="M14636" s="18"/>
      <c r="N14636" s="18"/>
      <c r="O14636" s="18"/>
      <c r="P14636" s="19">
        <v>420</v>
      </c>
      <c r="Q14636" s="19"/>
      <c r="R14636" s="19"/>
      <c r="S14636" s="19"/>
      <c r="T14636" s="19">
        <v>310</v>
      </c>
      <c r="U14636" s="19"/>
      <c r="V14636" s="19"/>
      <c r="W14636" s="19"/>
      <c r="X14636" s="19">
        <v>1</v>
      </c>
      <c r="Y14636" s="19"/>
      <c r="Z14636" s="19"/>
      <c r="AA14636" s="19"/>
    </row>
    <row r="14637" spans="1:27" s="1" customFormat="1" ht="11.1" customHeight="1" outlineLevel="3" x14ac:dyDescent="0.2">
      <c r="A14637" s="17"/>
      <c r="B14637" s="17"/>
      <c r="C14637" s="17"/>
      <c r="D14637" s="18"/>
      <c r="E14637" s="18"/>
      <c r="F14637" s="18"/>
      <c r="G14637" s="18"/>
      <c r="H14637" s="18"/>
      <c r="I14637" s="18"/>
      <c r="J14637" s="18"/>
      <c r="K14637" s="18"/>
      <c r="L14637" s="18"/>
      <c r="M14637" s="18"/>
      <c r="N14637" s="18"/>
      <c r="O14637" s="18"/>
      <c r="P14637" s="19"/>
      <c r="Q14637" s="19"/>
      <c r="R14637" s="19"/>
      <c r="S14637" s="19"/>
      <c r="T14637" s="19"/>
      <c r="U14637" s="19"/>
      <c r="V14637" s="19"/>
      <c r="W14637" s="19"/>
      <c r="X14637" s="19"/>
      <c r="Y14637" s="19"/>
      <c r="Z14637" s="19"/>
      <c r="AA14637" s="19"/>
    </row>
    <row r="14638" spans="1:27" s="1" customFormat="1" ht="11.1" customHeight="1" outlineLevel="3" x14ac:dyDescent="0.2">
      <c r="A14638" s="17">
        <v>18087</v>
      </c>
      <c r="B14638" s="17"/>
      <c r="C14638" s="17"/>
      <c r="D14638" s="18" t="s">
        <v>7257</v>
      </c>
      <c r="E14638" s="18"/>
      <c r="F14638" s="18"/>
      <c r="G14638" s="18"/>
      <c r="H14638" s="18"/>
      <c r="I14638" s="18"/>
      <c r="J14638" s="18"/>
      <c r="K14638" s="18"/>
      <c r="L14638" s="18"/>
      <c r="M14638" s="18"/>
      <c r="N14638" s="18"/>
      <c r="O14638" s="18"/>
      <c r="P14638" s="19">
        <v>460</v>
      </c>
      <c r="Q14638" s="19"/>
      <c r="R14638" s="19"/>
      <c r="S14638" s="19"/>
      <c r="T14638" s="19">
        <v>320</v>
      </c>
      <c r="U14638" s="19"/>
      <c r="V14638" s="19"/>
      <c r="W14638" s="19"/>
      <c r="X14638" s="19">
        <v>15</v>
      </c>
      <c r="Y14638" s="19"/>
      <c r="Z14638" s="19"/>
      <c r="AA14638" s="19"/>
    </row>
    <row r="14639" spans="1:27" s="1" customFormat="1" ht="11.1" customHeight="1" outlineLevel="3" x14ac:dyDescent="0.2">
      <c r="A14639" s="17"/>
      <c r="B14639" s="17"/>
      <c r="C14639" s="17"/>
      <c r="D14639" s="18"/>
      <c r="E14639" s="18"/>
      <c r="F14639" s="18"/>
      <c r="G14639" s="18"/>
      <c r="H14639" s="18"/>
      <c r="I14639" s="18"/>
      <c r="J14639" s="18"/>
      <c r="K14639" s="18"/>
      <c r="L14639" s="18"/>
      <c r="M14639" s="18"/>
      <c r="N14639" s="18"/>
      <c r="O14639" s="18"/>
      <c r="P14639" s="19"/>
      <c r="Q14639" s="19"/>
      <c r="R14639" s="19"/>
      <c r="S14639" s="19"/>
      <c r="T14639" s="19"/>
      <c r="U14639" s="19"/>
      <c r="V14639" s="19"/>
      <c r="W14639" s="19"/>
      <c r="X14639" s="19"/>
      <c r="Y14639" s="19"/>
      <c r="Z14639" s="19"/>
      <c r="AA14639" s="19"/>
    </row>
    <row r="14640" spans="1:27" s="1" customFormat="1" ht="11.1" customHeight="1" outlineLevel="3" x14ac:dyDescent="0.2">
      <c r="A14640" s="17">
        <v>18079</v>
      </c>
      <c r="B14640" s="17"/>
      <c r="C14640" s="17"/>
      <c r="D14640" s="18" t="s">
        <v>7258</v>
      </c>
      <c r="E14640" s="18"/>
      <c r="F14640" s="18"/>
      <c r="G14640" s="18"/>
      <c r="H14640" s="18"/>
      <c r="I14640" s="18"/>
      <c r="J14640" s="18"/>
      <c r="K14640" s="18"/>
      <c r="L14640" s="18"/>
      <c r="M14640" s="18"/>
      <c r="N14640" s="18"/>
      <c r="O14640" s="18"/>
      <c r="P14640" s="19">
        <v>450</v>
      </c>
      <c r="Q14640" s="19"/>
      <c r="R14640" s="19"/>
      <c r="S14640" s="19"/>
      <c r="T14640" s="19">
        <v>300</v>
      </c>
      <c r="U14640" s="19"/>
      <c r="V14640" s="19"/>
      <c r="W14640" s="19"/>
      <c r="X14640" s="19">
        <v>8</v>
      </c>
      <c r="Y14640" s="19"/>
      <c r="Z14640" s="19"/>
      <c r="AA14640" s="19"/>
    </row>
    <row r="14641" spans="1:27" s="1" customFormat="1" ht="11.1" customHeight="1" outlineLevel="3" x14ac:dyDescent="0.2">
      <c r="A14641" s="17"/>
      <c r="B14641" s="17"/>
      <c r="C14641" s="17"/>
      <c r="D14641" s="18"/>
      <c r="E14641" s="18"/>
      <c r="F14641" s="18"/>
      <c r="G14641" s="18"/>
      <c r="H14641" s="18"/>
      <c r="I14641" s="18"/>
      <c r="J14641" s="18"/>
      <c r="K14641" s="18"/>
      <c r="L14641" s="18"/>
      <c r="M14641" s="18"/>
      <c r="N14641" s="18"/>
      <c r="O14641" s="18"/>
      <c r="P14641" s="19"/>
      <c r="Q14641" s="19"/>
      <c r="R14641" s="19"/>
      <c r="S14641" s="19"/>
      <c r="T14641" s="19"/>
      <c r="U14641" s="19"/>
      <c r="V14641" s="19"/>
      <c r="W14641" s="19"/>
      <c r="X14641" s="19"/>
      <c r="Y14641" s="19"/>
      <c r="Z14641" s="19"/>
      <c r="AA14641" s="19"/>
    </row>
    <row r="14642" spans="1:27" s="1" customFormat="1" ht="11.1" customHeight="1" outlineLevel="3" x14ac:dyDescent="0.2">
      <c r="A14642" s="17">
        <v>14977</v>
      </c>
      <c r="B14642" s="17"/>
      <c r="C14642" s="17"/>
      <c r="D14642" s="18" t="s">
        <v>7259</v>
      </c>
      <c r="E14642" s="18"/>
      <c r="F14642" s="18"/>
      <c r="G14642" s="18"/>
      <c r="H14642" s="18"/>
      <c r="I14642" s="18"/>
      <c r="J14642" s="18"/>
      <c r="K14642" s="18"/>
      <c r="L14642" s="18"/>
      <c r="M14642" s="18"/>
      <c r="N14642" s="18"/>
      <c r="O14642" s="18"/>
      <c r="P14642" s="20">
        <v>1100</v>
      </c>
      <c r="Q14642" s="20"/>
      <c r="R14642" s="20"/>
      <c r="S14642" s="20"/>
      <c r="T14642" s="19">
        <v>770</v>
      </c>
      <c r="U14642" s="19"/>
      <c r="V14642" s="19"/>
      <c r="W14642" s="19"/>
      <c r="X14642" s="19">
        <v>1</v>
      </c>
      <c r="Y14642" s="19"/>
      <c r="Z14642" s="19"/>
      <c r="AA14642" s="19"/>
    </row>
    <row r="14643" spans="1:27" s="1" customFormat="1" ht="11.1" customHeight="1" outlineLevel="3" x14ac:dyDescent="0.2">
      <c r="A14643" s="17"/>
      <c r="B14643" s="17"/>
      <c r="C14643" s="17"/>
      <c r="D14643" s="18"/>
      <c r="E14643" s="18"/>
      <c r="F14643" s="18"/>
      <c r="G14643" s="18"/>
      <c r="H14643" s="18"/>
      <c r="I14643" s="18"/>
      <c r="J14643" s="18"/>
      <c r="K14643" s="18"/>
      <c r="L14643" s="18"/>
      <c r="M14643" s="18"/>
      <c r="N14643" s="18"/>
      <c r="O14643" s="18"/>
      <c r="P14643" s="20"/>
      <c r="Q14643" s="20"/>
      <c r="R14643" s="20"/>
      <c r="S14643" s="20"/>
      <c r="T14643" s="19"/>
      <c r="U14643" s="19"/>
      <c r="V14643" s="19"/>
      <c r="W14643" s="19"/>
      <c r="X14643" s="19"/>
      <c r="Y14643" s="19"/>
      <c r="Z14643" s="19"/>
      <c r="AA14643" s="19"/>
    </row>
    <row r="14644" spans="1:27" s="1" customFormat="1" ht="11.1" customHeight="1" outlineLevel="3" x14ac:dyDescent="0.2">
      <c r="A14644" s="17">
        <v>8523</v>
      </c>
      <c r="B14644" s="17"/>
      <c r="C14644" s="17"/>
      <c r="D14644" s="18" t="s">
        <v>7260</v>
      </c>
      <c r="E14644" s="18"/>
      <c r="F14644" s="18"/>
      <c r="G14644" s="18"/>
      <c r="H14644" s="18"/>
      <c r="I14644" s="18"/>
      <c r="J14644" s="18"/>
      <c r="K14644" s="18"/>
      <c r="L14644" s="18"/>
      <c r="M14644" s="18"/>
      <c r="N14644" s="18"/>
      <c r="O14644" s="18"/>
      <c r="P14644" s="19">
        <v>990</v>
      </c>
      <c r="Q14644" s="19"/>
      <c r="R14644" s="19"/>
      <c r="S14644" s="19"/>
      <c r="T14644" s="19">
        <v>615</v>
      </c>
      <c r="U14644" s="19"/>
      <c r="V14644" s="19"/>
      <c r="W14644" s="19"/>
      <c r="X14644" s="19">
        <v>2</v>
      </c>
      <c r="Y14644" s="19"/>
      <c r="Z14644" s="19"/>
      <c r="AA14644" s="19"/>
    </row>
    <row r="14645" spans="1:27" s="1" customFormat="1" ht="11.1" customHeight="1" outlineLevel="3" x14ac:dyDescent="0.2">
      <c r="A14645" s="17"/>
      <c r="B14645" s="17"/>
      <c r="C14645" s="17"/>
      <c r="D14645" s="18"/>
      <c r="E14645" s="18"/>
      <c r="F14645" s="18"/>
      <c r="G14645" s="18"/>
      <c r="H14645" s="18"/>
      <c r="I14645" s="18"/>
      <c r="J14645" s="18"/>
      <c r="K14645" s="18"/>
      <c r="L14645" s="18"/>
      <c r="M14645" s="18"/>
      <c r="N14645" s="18"/>
      <c r="O14645" s="18"/>
      <c r="P14645" s="19"/>
      <c r="Q14645" s="19"/>
      <c r="R14645" s="19"/>
      <c r="S14645" s="19"/>
      <c r="T14645" s="19"/>
      <c r="U14645" s="19"/>
      <c r="V14645" s="19"/>
      <c r="W14645" s="19"/>
      <c r="X14645" s="19"/>
      <c r="Y14645" s="19"/>
      <c r="Z14645" s="19"/>
      <c r="AA14645" s="19"/>
    </row>
    <row r="14646" spans="1:27" s="1" customFormat="1" ht="11.1" customHeight="1" outlineLevel="3" x14ac:dyDescent="0.2">
      <c r="A14646" s="17">
        <v>17643</v>
      </c>
      <c r="B14646" s="17"/>
      <c r="C14646" s="17"/>
      <c r="D14646" s="18" t="s">
        <v>7261</v>
      </c>
      <c r="E14646" s="18"/>
      <c r="F14646" s="18"/>
      <c r="G14646" s="18"/>
      <c r="H14646" s="18"/>
      <c r="I14646" s="18"/>
      <c r="J14646" s="18"/>
      <c r="K14646" s="18"/>
      <c r="L14646" s="18"/>
      <c r="M14646" s="18"/>
      <c r="N14646" s="18"/>
      <c r="O14646" s="18"/>
      <c r="P14646" s="19">
        <v>900</v>
      </c>
      <c r="Q14646" s="19"/>
      <c r="R14646" s="19"/>
      <c r="S14646" s="19"/>
      <c r="T14646" s="19">
        <v>590</v>
      </c>
      <c r="U14646" s="19"/>
      <c r="V14646" s="19"/>
      <c r="W14646" s="19"/>
      <c r="X14646" s="19">
        <v>1</v>
      </c>
      <c r="Y14646" s="19"/>
      <c r="Z14646" s="19"/>
      <c r="AA14646" s="19"/>
    </row>
    <row r="14647" spans="1:27" s="1" customFormat="1" ht="11.1" customHeight="1" outlineLevel="3" x14ac:dyDescent="0.2">
      <c r="A14647" s="17"/>
      <c r="B14647" s="17"/>
      <c r="C14647" s="17"/>
      <c r="D14647" s="18"/>
      <c r="E14647" s="18"/>
      <c r="F14647" s="18"/>
      <c r="G14647" s="18"/>
      <c r="H14647" s="18"/>
      <c r="I14647" s="18"/>
      <c r="J14647" s="18"/>
      <c r="K14647" s="18"/>
      <c r="L14647" s="18"/>
      <c r="M14647" s="18"/>
      <c r="N14647" s="18"/>
      <c r="O14647" s="18"/>
      <c r="P14647" s="19"/>
      <c r="Q14647" s="19"/>
      <c r="R14647" s="19"/>
      <c r="S14647" s="19"/>
      <c r="T14647" s="19"/>
      <c r="U14647" s="19"/>
      <c r="V14647" s="19"/>
      <c r="W14647" s="19"/>
      <c r="X14647" s="19"/>
      <c r="Y14647" s="19"/>
      <c r="Z14647" s="19"/>
      <c r="AA14647" s="19"/>
    </row>
    <row r="14648" spans="1:27" s="1" customFormat="1" ht="11.1" customHeight="1" outlineLevel="3" x14ac:dyDescent="0.2">
      <c r="A14648" s="17">
        <v>18083</v>
      </c>
      <c r="B14648" s="17"/>
      <c r="C14648" s="17"/>
      <c r="D14648" s="18" t="s">
        <v>7262</v>
      </c>
      <c r="E14648" s="18"/>
      <c r="F14648" s="18"/>
      <c r="G14648" s="18"/>
      <c r="H14648" s="18"/>
      <c r="I14648" s="18"/>
      <c r="J14648" s="18"/>
      <c r="K14648" s="18"/>
      <c r="L14648" s="18"/>
      <c r="M14648" s="18"/>
      <c r="N14648" s="18"/>
      <c r="O14648" s="18"/>
      <c r="P14648" s="19">
        <v>850</v>
      </c>
      <c r="Q14648" s="19"/>
      <c r="R14648" s="19"/>
      <c r="S14648" s="19"/>
      <c r="T14648" s="19">
        <v>510</v>
      </c>
      <c r="U14648" s="19"/>
      <c r="V14648" s="19"/>
      <c r="W14648" s="19"/>
      <c r="X14648" s="19">
        <v>10</v>
      </c>
      <c r="Y14648" s="19"/>
      <c r="Z14648" s="19"/>
      <c r="AA14648" s="19"/>
    </row>
    <row r="14649" spans="1:27" s="1" customFormat="1" ht="11.1" customHeight="1" outlineLevel="3" x14ac:dyDescent="0.2">
      <c r="A14649" s="17"/>
      <c r="B14649" s="17"/>
      <c r="C14649" s="17"/>
      <c r="D14649" s="18"/>
      <c r="E14649" s="18"/>
      <c r="F14649" s="18"/>
      <c r="G14649" s="18"/>
      <c r="H14649" s="18"/>
      <c r="I14649" s="18"/>
      <c r="J14649" s="18"/>
      <c r="K14649" s="18"/>
      <c r="L14649" s="18"/>
      <c r="M14649" s="18"/>
      <c r="N14649" s="18"/>
      <c r="O14649" s="18"/>
      <c r="P14649" s="19"/>
      <c r="Q14649" s="19"/>
      <c r="R14649" s="19"/>
      <c r="S14649" s="19"/>
      <c r="T14649" s="19"/>
      <c r="U14649" s="19"/>
      <c r="V14649" s="19"/>
      <c r="W14649" s="19"/>
      <c r="X14649" s="19"/>
      <c r="Y14649" s="19"/>
      <c r="Z14649" s="19"/>
      <c r="AA14649" s="19"/>
    </row>
    <row r="14650" spans="1:27" s="1" customFormat="1" ht="14.1" customHeight="1" outlineLevel="3" x14ac:dyDescent="0.2">
      <c r="A14650" s="17">
        <v>18090</v>
      </c>
      <c r="B14650" s="17"/>
      <c r="C14650" s="17"/>
      <c r="D14650" s="18" t="s">
        <v>7263</v>
      </c>
      <c r="E14650" s="18"/>
      <c r="F14650" s="18"/>
      <c r="G14650" s="18"/>
      <c r="H14650" s="18"/>
      <c r="I14650" s="18"/>
      <c r="J14650" s="18"/>
      <c r="K14650" s="18"/>
      <c r="L14650" s="18"/>
      <c r="M14650" s="18"/>
      <c r="N14650" s="18"/>
      <c r="O14650" s="18"/>
      <c r="P14650" s="20">
        <v>1200</v>
      </c>
      <c r="Q14650" s="20"/>
      <c r="R14650" s="20"/>
      <c r="S14650" s="20"/>
      <c r="T14650" s="19">
        <v>800</v>
      </c>
      <c r="U14650" s="19"/>
      <c r="V14650" s="19"/>
      <c r="W14650" s="19"/>
      <c r="X14650" s="19">
        <v>9</v>
      </c>
      <c r="Y14650" s="19"/>
      <c r="Z14650" s="19"/>
      <c r="AA14650" s="19"/>
    </row>
    <row r="14651" spans="1:27" s="1" customFormat="1" ht="14.1" customHeight="1" outlineLevel="3" x14ac:dyDescent="0.2">
      <c r="A14651" s="17"/>
      <c r="B14651" s="17"/>
      <c r="C14651" s="17"/>
      <c r="D14651" s="18"/>
      <c r="E14651" s="18"/>
      <c r="F14651" s="18"/>
      <c r="G14651" s="18"/>
      <c r="H14651" s="18"/>
      <c r="I14651" s="18"/>
      <c r="J14651" s="18"/>
      <c r="K14651" s="18"/>
      <c r="L14651" s="18"/>
      <c r="M14651" s="18"/>
      <c r="N14651" s="18"/>
      <c r="O14651" s="18"/>
      <c r="P14651" s="20"/>
      <c r="Q14651" s="20"/>
      <c r="R14651" s="20"/>
      <c r="S14651" s="20"/>
      <c r="T14651" s="19"/>
      <c r="U14651" s="19"/>
      <c r="V14651" s="19"/>
      <c r="W14651" s="19"/>
      <c r="X14651" s="19"/>
      <c r="Y14651" s="19"/>
      <c r="Z14651" s="19"/>
      <c r="AA14651" s="19"/>
    </row>
    <row r="14652" spans="1:27" s="1" customFormat="1" ht="11.1" customHeight="1" outlineLevel="3" x14ac:dyDescent="0.2">
      <c r="A14652" s="17">
        <v>10380</v>
      </c>
      <c r="B14652" s="17"/>
      <c r="C14652" s="17"/>
      <c r="D14652" s="18" t="s">
        <v>7264</v>
      </c>
      <c r="E14652" s="18"/>
      <c r="F14652" s="18"/>
      <c r="G14652" s="18"/>
      <c r="H14652" s="18"/>
      <c r="I14652" s="18"/>
      <c r="J14652" s="18"/>
      <c r="K14652" s="18"/>
      <c r="L14652" s="18"/>
      <c r="M14652" s="18"/>
      <c r="N14652" s="18"/>
      <c r="O14652" s="18"/>
      <c r="P14652" s="19">
        <v>480</v>
      </c>
      <c r="Q14652" s="19"/>
      <c r="R14652" s="19"/>
      <c r="S14652" s="19"/>
      <c r="T14652" s="19">
        <v>340</v>
      </c>
      <c r="U14652" s="19"/>
      <c r="V14652" s="19"/>
      <c r="W14652" s="19"/>
      <c r="X14652" s="19">
        <v>1</v>
      </c>
      <c r="Y14652" s="19"/>
      <c r="Z14652" s="19"/>
      <c r="AA14652" s="19"/>
    </row>
    <row r="14653" spans="1:27" s="1" customFormat="1" ht="11.1" customHeight="1" outlineLevel="3" x14ac:dyDescent="0.2">
      <c r="A14653" s="17"/>
      <c r="B14653" s="17"/>
      <c r="C14653" s="17"/>
      <c r="D14653" s="18"/>
      <c r="E14653" s="18"/>
      <c r="F14653" s="18"/>
      <c r="G14653" s="18"/>
      <c r="H14653" s="18"/>
      <c r="I14653" s="18"/>
      <c r="J14653" s="18"/>
      <c r="K14653" s="18"/>
      <c r="L14653" s="18"/>
      <c r="M14653" s="18"/>
      <c r="N14653" s="18"/>
      <c r="O14653" s="18"/>
      <c r="P14653" s="19"/>
      <c r="Q14653" s="19"/>
      <c r="R14653" s="19"/>
      <c r="S14653" s="19"/>
      <c r="T14653" s="19"/>
      <c r="U14653" s="19"/>
      <c r="V14653" s="19"/>
      <c r="W14653" s="19"/>
      <c r="X14653" s="19"/>
      <c r="Y14653" s="19"/>
      <c r="Z14653" s="19"/>
      <c r="AA14653" s="19"/>
    </row>
    <row r="14654" spans="1:27" s="1" customFormat="1" ht="11.1" customHeight="1" outlineLevel="3" x14ac:dyDescent="0.2">
      <c r="A14654" s="17">
        <v>10387</v>
      </c>
      <c r="B14654" s="17"/>
      <c r="C14654" s="17"/>
      <c r="D14654" s="18" t="s">
        <v>7265</v>
      </c>
      <c r="E14654" s="18"/>
      <c r="F14654" s="18"/>
      <c r="G14654" s="18"/>
      <c r="H14654" s="18"/>
      <c r="I14654" s="18"/>
      <c r="J14654" s="18"/>
      <c r="K14654" s="18"/>
      <c r="L14654" s="18"/>
      <c r="M14654" s="18"/>
      <c r="N14654" s="18"/>
      <c r="O14654" s="18"/>
      <c r="P14654" s="19">
        <v>500</v>
      </c>
      <c r="Q14654" s="19"/>
      <c r="R14654" s="19"/>
      <c r="S14654" s="19"/>
      <c r="T14654" s="19">
        <v>350</v>
      </c>
      <c r="U14654" s="19"/>
      <c r="V14654" s="19"/>
      <c r="W14654" s="19"/>
      <c r="X14654" s="19">
        <v>1</v>
      </c>
      <c r="Y14654" s="19"/>
      <c r="Z14654" s="19"/>
      <c r="AA14654" s="19"/>
    </row>
    <row r="14655" spans="1:27" s="1" customFormat="1" ht="11.1" customHeight="1" outlineLevel="3" x14ac:dyDescent="0.2">
      <c r="A14655" s="17"/>
      <c r="B14655" s="17"/>
      <c r="C14655" s="17"/>
      <c r="D14655" s="18"/>
      <c r="E14655" s="18"/>
      <c r="F14655" s="18"/>
      <c r="G14655" s="18"/>
      <c r="H14655" s="18"/>
      <c r="I14655" s="18"/>
      <c r="J14655" s="18"/>
      <c r="K14655" s="18"/>
      <c r="L14655" s="18"/>
      <c r="M14655" s="18"/>
      <c r="N14655" s="18"/>
      <c r="O14655" s="18"/>
      <c r="P14655" s="19"/>
      <c r="Q14655" s="19"/>
      <c r="R14655" s="19"/>
      <c r="S14655" s="19"/>
      <c r="T14655" s="19"/>
      <c r="U14655" s="19"/>
      <c r="V14655" s="19"/>
      <c r="W14655" s="19"/>
      <c r="X14655" s="19"/>
      <c r="Y14655" s="19"/>
      <c r="Z14655" s="19"/>
      <c r="AA14655" s="19"/>
    </row>
    <row r="14656" spans="1:27" s="1" customFormat="1" ht="11.1" customHeight="1" outlineLevel="3" x14ac:dyDescent="0.2">
      <c r="A14656" s="17">
        <v>18086</v>
      </c>
      <c r="B14656" s="17"/>
      <c r="C14656" s="17"/>
      <c r="D14656" s="18" t="s">
        <v>7266</v>
      </c>
      <c r="E14656" s="18"/>
      <c r="F14656" s="18"/>
      <c r="G14656" s="18"/>
      <c r="H14656" s="18"/>
      <c r="I14656" s="18"/>
      <c r="J14656" s="18"/>
      <c r="K14656" s="18"/>
      <c r="L14656" s="18"/>
      <c r="M14656" s="18"/>
      <c r="N14656" s="18"/>
      <c r="O14656" s="18"/>
      <c r="P14656" s="19">
        <v>520</v>
      </c>
      <c r="Q14656" s="19"/>
      <c r="R14656" s="19"/>
      <c r="S14656" s="19"/>
      <c r="T14656" s="19">
        <v>350</v>
      </c>
      <c r="U14656" s="19"/>
      <c r="V14656" s="19"/>
      <c r="W14656" s="19"/>
      <c r="X14656" s="19">
        <v>8</v>
      </c>
      <c r="Y14656" s="19"/>
      <c r="Z14656" s="19"/>
      <c r="AA14656" s="19"/>
    </row>
    <row r="14657" spans="1:27" s="1" customFormat="1" ht="11.1" customHeight="1" outlineLevel="3" x14ac:dyDescent="0.2">
      <c r="A14657" s="17"/>
      <c r="B14657" s="17"/>
      <c r="C14657" s="17"/>
      <c r="D14657" s="18"/>
      <c r="E14657" s="18"/>
      <c r="F14657" s="18"/>
      <c r="G14657" s="18"/>
      <c r="H14657" s="18"/>
      <c r="I14657" s="18"/>
      <c r="J14657" s="18"/>
      <c r="K14657" s="18"/>
      <c r="L14657" s="18"/>
      <c r="M14657" s="18"/>
      <c r="N14657" s="18"/>
      <c r="O14657" s="18"/>
      <c r="P14657" s="19"/>
      <c r="Q14657" s="19"/>
      <c r="R14657" s="19"/>
      <c r="S14657" s="19"/>
      <c r="T14657" s="19"/>
      <c r="U14657" s="19"/>
      <c r="V14657" s="19"/>
      <c r="W14657" s="19"/>
      <c r="X14657" s="19"/>
      <c r="Y14657" s="19"/>
      <c r="Z14657" s="19"/>
      <c r="AA14657" s="19"/>
    </row>
    <row r="14658" spans="1:27" s="1" customFormat="1" ht="11.1" customHeight="1" outlineLevel="3" x14ac:dyDescent="0.2">
      <c r="A14658" s="17">
        <v>18082</v>
      </c>
      <c r="B14658" s="17"/>
      <c r="C14658" s="17"/>
      <c r="D14658" s="18" t="s">
        <v>7267</v>
      </c>
      <c r="E14658" s="18"/>
      <c r="F14658" s="18"/>
      <c r="G14658" s="18"/>
      <c r="H14658" s="18"/>
      <c r="I14658" s="18"/>
      <c r="J14658" s="18"/>
      <c r="K14658" s="18"/>
      <c r="L14658" s="18"/>
      <c r="M14658" s="18"/>
      <c r="N14658" s="18"/>
      <c r="O14658" s="18"/>
      <c r="P14658" s="19">
        <v>490</v>
      </c>
      <c r="Q14658" s="19"/>
      <c r="R14658" s="19"/>
      <c r="S14658" s="19"/>
      <c r="T14658" s="19">
        <v>330</v>
      </c>
      <c r="U14658" s="19"/>
      <c r="V14658" s="19"/>
      <c r="W14658" s="19"/>
      <c r="X14658" s="19">
        <v>10</v>
      </c>
      <c r="Y14658" s="19"/>
      <c r="Z14658" s="19"/>
      <c r="AA14658" s="19"/>
    </row>
    <row r="14659" spans="1:27" s="1" customFormat="1" ht="11.1" customHeight="1" outlineLevel="3" x14ac:dyDescent="0.2">
      <c r="A14659" s="17"/>
      <c r="B14659" s="17"/>
      <c r="C14659" s="17"/>
      <c r="D14659" s="18"/>
      <c r="E14659" s="18"/>
      <c r="F14659" s="18"/>
      <c r="G14659" s="18"/>
      <c r="H14659" s="18"/>
      <c r="I14659" s="18"/>
      <c r="J14659" s="18"/>
      <c r="K14659" s="18"/>
      <c r="L14659" s="18"/>
      <c r="M14659" s="18"/>
      <c r="N14659" s="18"/>
      <c r="O14659" s="18"/>
      <c r="P14659" s="19"/>
      <c r="Q14659" s="19"/>
      <c r="R14659" s="19"/>
      <c r="S14659" s="19"/>
      <c r="T14659" s="19"/>
      <c r="U14659" s="19"/>
      <c r="V14659" s="19"/>
      <c r="W14659" s="19"/>
      <c r="X14659" s="19"/>
      <c r="Y14659" s="19"/>
      <c r="Z14659" s="19"/>
      <c r="AA14659" s="19"/>
    </row>
    <row r="14660" spans="1:27" s="1" customFormat="1" ht="11.1" customHeight="1" outlineLevel="3" x14ac:dyDescent="0.2">
      <c r="A14660" s="17">
        <v>7307</v>
      </c>
      <c r="B14660" s="17"/>
      <c r="C14660" s="17"/>
      <c r="D14660" s="18" t="s">
        <v>7268</v>
      </c>
      <c r="E14660" s="18"/>
      <c r="F14660" s="18"/>
      <c r="G14660" s="18"/>
      <c r="H14660" s="18"/>
      <c r="I14660" s="18"/>
      <c r="J14660" s="18"/>
      <c r="K14660" s="18"/>
      <c r="L14660" s="18"/>
      <c r="M14660" s="18"/>
      <c r="N14660" s="18"/>
      <c r="O14660" s="18"/>
      <c r="P14660" s="19">
        <v>450</v>
      </c>
      <c r="Q14660" s="19"/>
      <c r="R14660" s="19"/>
      <c r="S14660" s="19"/>
      <c r="T14660" s="19">
        <v>275</v>
      </c>
      <c r="U14660" s="19"/>
      <c r="V14660" s="19"/>
      <c r="W14660" s="19"/>
      <c r="X14660" s="19">
        <v>1</v>
      </c>
      <c r="Y14660" s="19"/>
      <c r="Z14660" s="19"/>
      <c r="AA14660" s="19"/>
    </row>
    <row r="14661" spans="1:27" s="1" customFormat="1" ht="11.1" customHeight="1" outlineLevel="3" x14ac:dyDescent="0.2">
      <c r="A14661" s="17"/>
      <c r="B14661" s="17"/>
      <c r="C14661" s="17"/>
      <c r="D14661" s="18"/>
      <c r="E14661" s="18"/>
      <c r="F14661" s="18"/>
      <c r="G14661" s="18"/>
      <c r="H14661" s="18"/>
      <c r="I14661" s="18"/>
      <c r="J14661" s="18"/>
      <c r="K14661" s="18"/>
      <c r="L14661" s="18"/>
      <c r="M14661" s="18"/>
      <c r="N14661" s="18"/>
      <c r="O14661" s="18"/>
      <c r="P14661" s="19"/>
      <c r="Q14661" s="19"/>
      <c r="R14661" s="19"/>
      <c r="S14661" s="19"/>
      <c r="T14661" s="19"/>
      <c r="U14661" s="19"/>
      <c r="V14661" s="19"/>
      <c r="W14661" s="19"/>
      <c r="X14661" s="19"/>
      <c r="Y14661" s="19"/>
      <c r="Z14661" s="19"/>
      <c r="AA14661" s="19"/>
    </row>
    <row r="14662" spans="1:27" s="1" customFormat="1" ht="14.1" customHeight="1" outlineLevel="3" x14ac:dyDescent="0.2">
      <c r="A14662" s="17">
        <v>16432</v>
      </c>
      <c r="B14662" s="17"/>
      <c r="C14662" s="17"/>
      <c r="D14662" s="18" t="s">
        <v>7269</v>
      </c>
      <c r="E14662" s="18"/>
      <c r="F14662" s="18"/>
      <c r="G14662" s="18"/>
      <c r="H14662" s="18"/>
      <c r="I14662" s="18"/>
      <c r="J14662" s="18"/>
      <c r="K14662" s="18"/>
      <c r="L14662" s="18"/>
      <c r="M14662" s="18"/>
      <c r="N14662" s="18"/>
      <c r="O14662" s="18"/>
      <c r="P14662" s="20">
        <v>1950</v>
      </c>
      <c r="Q14662" s="20"/>
      <c r="R14662" s="20"/>
      <c r="S14662" s="20"/>
      <c r="T14662" s="20">
        <v>1350</v>
      </c>
      <c r="U14662" s="20"/>
      <c r="V14662" s="20"/>
      <c r="W14662" s="20"/>
      <c r="X14662" s="19">
        <v>6</v>
      </c>
      <c r="Y14662" s="19"/>
      <c r="Z14662" s="19"/>
      <c r="AA14662" s="19"/>
    </row>
    <row r="14663" spans="1:27" s="1" customFormat="1" ht="14.1" customHeight="1" outlineLevel="3" x14ac:dyDescent="0.2">
      <c r="A14663" s="17"/>
      <c r="B14663" s="17"/>
      <c r="C14663" s="17"/>
      <c r="D14663" s="18"/>
      <c r="E14663" s="18"/>
      <c r="F14663" s="18"/>
      <c r="G14663" s="18"/>
      <c r="H14663" s="18"/>
      <c r="I14663" s="18"/>
      <c r="J14663" s="18"/>
      <c r="K14663" s="18"/>
      <c r="L14663" s="18"/>
      <c r="M14663" s="18"/>
      <c r="N14663" s="18"/>
      <c r="O14663" s="18"/>
      <c r="P14663" s="20"/>
      <c r="Q14663" s="20"/>
      <c r="R14663" s="20"/>
      <c r="S14663" s="20"/>
      <c r="T14663" s="20"/>
      <c r="U14663" s="20"/>
      <c r="V14663" s="20"/>
      <c r="W14663" s="20"/>
      <c r="X14663" s="19"/>
      <c r="Y14663" s="19"/>
      <c r="Z14663" s="19"/>
      <c r="AA14663" s="19"/>
    </row>
    <row r="14664" spans="1:27" s="1" customFormat="1" ht="14.1" customHeight="1" outlineLevel="3" x14ac:dyDescent="0.2">
      <c r="A14664" s="17">
        <v>16436</v>
      </c>
      <c r="B14664" s="17"/>
      <c r="C14664" s="17"/>
      <c r="D14664" s="18" t="s">
        <v>7270</v>
      </c>
      <c r="E14664" s="18"/>
      <c r="F14664" s="18"/>
      <c r="G14664" s="18"/>
      <c r="H14664" s="18"/>
      <c r="I14664" s="18"/>
      <c r="J14664" s="18"/>
      <c r="K14664" s="18"/>
      <c r="L14664" s="18"/>
      <c r="M14664" s="18"/>
      <c r="N14664" s="18"/>
      <c r="O14664" s="18"/>
      <c r="P14664" s="20">
        <v>2450</v>
      </c>
      <c r="Q14664" s="20"/>
      <c r="R14664" s="20"/>
      <c r="S14664" s="20"/>
      <c r="T14664" s="20">
        <v>1900</v>
      </c>
      <c r="U14664" s="20"/>
      <c r="V14664" s="20"/>
      <c r="W14664" s="20"/>
      <c r="X14664" s="19">
        <v>3</v>
      </c>
      <c r="Y14664" s="19"/>
      <c r="Z14664" s="19"/>
      <c r="AA14664" s="19"/>
    </row>
    <row r="14665" spans="1:27" s="1" customFormat="1" ht="14.1" customHeight="1" outlineLevel="3" x14ac:dyDescent="0.2">
      <c r="A14665" s="17"/>
      <c r="B14665" s="17"/>
      <c r="C14665" s="17"/>
      <c r="D14665" s="18"/>
      <c r="E14665" s="18"/>
      <c r="F14665" s="18"/>
      <c r="G14665" s="18"/>
      <c r="H14665" s="18"/>
      <c r="I14665" s="18"/>
      <c r="J14665" s="18"/>
      <c r="K14665" s="18"/>
      <c r="L14665" s="18"/>
      <c r="M14665" s="18"/>
      <c r="N14665" s="18"/>
      <c r="O14665" s="18"/>
      <c r="P14665" s="20"/>
      <c r="Q14665" s="20"/>
      <c r="R14665" s="20"/>
      <c r="S14665" s="20"/>
      <c r="T14665" s="20"/>
      <c r="U14665" s="20"/>
      <c r="V14665" s="20"/>
      <c r="W14665" s="20"/>
      <c r="X14665" s="19"/>
      <c r="Y14665" s="19"/>
      <c r="Z14665" s="19"/>
      <c r="AA14665" s="19"/>
    </row>
    <row r="14666" spans="1:27" s="1" customFormat="1" ht="14.1" customHeight="1" outlineLevel="3" x14ac:dyDescent="0.2">
      <c r="A14666" s="17">
        <v>16433</v>
      </c>
      <c r="B14666" s="17"/>
      <c r="C14666" s="17"/>
      <c r="D14666" s="18" t="s">
        <v>7271</v>
      </c>
      <c r="E14666" s="18"/>
      <c r="F14666" s="18"/>
      <c r="G14666" s="18"/>
      <c r="H14666" s="18"/>
      <c r="I14666" s="18"/>
      <c r="J14666" s="18"/>
      <c r="K14666" s="18"/>
      <c r="L14666" s="18"/>
      <c r="M14666" s="18"/>
      <c r="N14666" s="18"/>
      <c r="O14666" s="18"/>
      <c r="P14666" s="20">
        <v>1250</v>
      </c>
      <c r="Q14666" s="20"/>
      <c r="R14666" s="20"/>
      <c r="S14666" s="20"/>
      <c r="T14666" s="19">
        <v>990</v>
      </c>
      <c r="U14666" s="19"/>
      <c r="V14666" s="19"/>
      <c r="W14666" s="19"/>
      <c r="X14666" s="19">
        <v>6</v>
      </c>
      <c r="Y14666" s="19"/>
      <c r="Z14666" s="19"/>
      <c r="AA14666" s="19"/>
    </row>
    <row r="14667" spans="1:27" s="1" customFormat="1" ht="14.1" customHeight="1" outlineLevel="3" x14ac:dyDescent="0.2">
      <c r="A14667" s="17"/>
      <c r="B14667" s="17"/>
      <c r="C14667" s="17"/>
      <c r="D14667" s="18"/>
      <c r="E14667" s="18"/>
      <c r="F14667" s="18"/>
      <c r="G14667" s="18"/>
      <c r="H14667" s="18"/>
      <c r="I14667" s="18"/>
      <c r="J14667" s="18"/>
      <c r="K14667" s="18"/>
      <c r="L14667" s="18"/>
      <c r="M14667" s="18"/>
      <c r="N14667" s="18"/>
      <c r="O14667" s="18"/>
      <c r="P14667" s="20"/>
      <c r="Q14667" s="20"/>
      <c r="R14667" s="20"/>
      <c r="S14667" s="20"/>
      <c r="T14667" s="19"/>
      <c r="U14667" s="19"/>
      <c r="V14667" s="19"/>
      <c r="W14667" s="19"/>
      <c r="X14667" s="19"/>
      <c r="Y14667" s="19"/>
      <c r="Z14667" s="19"/>
      <c r="AA14667" s="19"/>
    </row>
    <row r="14668" spans="1:27" s="1" customFormat="1" ht="14.1" customHeight="1" outlineLevel="3" x14ac:dyDescent="0.2">
      <c r="A14668" s="17">
        <v>16437</v>
      </c>
      <c r="B14668" s="17"/>
      <c r="C14668" s="17"/>
      <c r="D14668" s="18" t="s">
        <v>7272</v>
      </c>
      <c r="E14668" s="18"/>
      <c r="F14668" s="18"/>
      <c r="G14668" s="18"/>
      <c r="H14668" s="18"/>
      <c r="I14668" s="18"/>
      <c r="J14668" s="18"/>
      <c r="K14668" s="18"/>
      <c r="L14668" s="18"/>
      <c r="M14668" s="18"/>
      <c r="N14668" s="18"/>
      <c r="O14668" s="18"/>
      <c r="P14668" s="20">
        <v>1650</v>
      </c>
      <c r="Q14668" s="20"/>
      <c r="R14668" s="20"/>
      <c r="S14668" s="20"/>
      <c r="T14668" s="20">
        <v>1250</v>
      </c>
      <c r="U14668" s="20"/>
      <c r="V14668" s="20"/>
      <c r="W14668" s="20"/>
      <c r="X14668" s="19">
        <v>5</v>
      </c>
      <c r="Y14668" s="19"/>
      <c r="Z14668" s="19"/>
      <c r="AA14668" s="19"/>
    </row>
    <row r="14669" spans="1:27" s="1" customFormat="1" ht="14.1" customHeight="1" outlineLevel="3" x14ac:dyDescent="0.2">
      <c r="A14669" s="17"/>
      <c r="B14669" s="17"/>
      <c r="C14669" s="17"/>
      <c r="D14669" s="18"/>
      <c r="E14669" s="18"/>
      <c r="F14669" s="18"/>
      <c r="G14669" s="18"/>
      <c r="H14669" s="18"/>
      <c r="I14669" s="18"/>
      <c r="J14669" s="18"/>
      <c r="K14669" s="18"/>
      <c r="L14669" s="18"/>
      <c r="M14669" s="18"/>
      <c r="N14669" s="18"/>
      <c r="O14669" s="18"/>
      <c r="P14669" s="20"/>
      <c r="Q14669" s="20"/>
      <c r="R14669" s="20"/>
      <c r="S14669" s="20"/>
      <c r="T14669" s="20"/>
      <c r="U14669" s="20"/>
      <c r="V14669" s="20"/>
      <c r="W14669" s="20"/>
      <c r="X14669" s="19"/>
      <c r="Y14669" s="19"/>
      <c r="Z14669" s="19"/>
      <c r="AA14669" s="19"/>
    </row>
    <row r="14670" spans="1:27" s="1" customFormat="1" ht="14.1" customHeight="1" outlineLevel="3" x14ac:dyDescent="0.2">
      <c r="A14670" s="17">
        <v>16434</v>
      </c>
      <c r="B14670" s="17"/>
      <c r="C14670" s="17"/>
      <c r="D14670" s="18" t="s">
        <v>7273</v>
      </c>
      <c r="E14670" s="18"/>
      <c r="F14670" s="18"/>
      <c r="G14670" s="18"/>
      <c r="H14670" s="18"/>
      <c r="I14670" s="18"/>
      <c r="J14670" s="18"/>
      <c r="K14670" s="18"/>
      <c r="L14670" s="18"/>
      <c r="M14670" s="18"/>
      <c r="N14670" s="18"/>
      <c r="O14670" s="18"/>
      <c r="P14670" s="20">
        <v>1850</v>
      </c>
      <c r="Q14670" s="20"/>
      <c r="R14670" s="20"/>
      <c r="S14670" s="20"/>
      <c r="T14670" s="20">
        <v>1350</v>
      </c>
      <c r="U14670" s="20"/>
      <c r="V14670" s="20"/>
      <c r="W14670" s="20"/>
      <c r="X14670" s="19">
        <v>6</v>
      </c>
      <c r="Y14670" s="19"/>
      <c r="Z14670" s="19"/>
      <c r="AA14670" s="19"/>
    </row>
    <row r="14671" spans="1:27" s="1" customFormat="1" ht="14.1" customHeight="1" outlineLevel="3" x14ac:dyDescent="0.2">
      <c r="A14671" s="17"/>
      <c r="B14671" s="17"/>
      <c r="C14671" s="17"/>
      <c r="D14671" s="18"/>
      <c r="E14671" s="18"/>
      <c r="F14671" s="18"/>
      <c r="G14671" s="18"/>
      <c r="H14671" s="18"/>
      <c r="I14671" s="18"/>
      <c r="J14671" s="18"/>
      <c r="K14671" s="18"/>
      <c r="L14671" s="18"/>
      <c r="M14671" s="18"/>
      <c r="N14671" s="18"/>
      <c r="O14671" s="18"/>
      <c r="P14671" s="20"/>
      <c r="Q14671" s="20"/>
      <c r="R14671" s="20"/>
      <c r="S14671" s="20"/>
      <c r="T14671" s="20"/>
      <c r="U14671" s="20"/>
      <c r="V14671" s="20"/>
      <c r="W14671" s="20"/>
      <c r="X14671" s="19"/>
      <c r="Y14671" s="19"/>
      <c r="Z14671" s="19"/>
      <c r="AA14671" s="19"/>
    </row>
    <row r="14672" spans="1:27" s="1" customFormat="1" ht="14.1" customHeight="1" outlineLevel="3" x14ac:dyDescent="0.2">
      <c r="A14672" s="17">
        <v>16438</v>
      </c>
      <c r="B14672" s="17"/>
      <c r="C14672" s="17"/>
      <c r="D14672" s="18" t="s">
        <v>7274</v>
      </c>
      <c r="E14672" s="18"/>
      <c r="F14672" s="18"/>
      <c r="G14672" s="18"/>
      <c r="H14672" s="18"/>
      <c r="I14672" s="18"/>
      <c r="J14672" s="18"/>
      <c r="K14672" s="18"/>
      <c r="L14672" s="18"/>
      <c r="M14672" s="18"/>
      <c r="N14672" s="18"/>
      <c r="O14672" s="18"/>
      <c r="P14672" s="20">
        <v>1550</v>
      </c>
      <c r="Q14672" s="20"/>
      <c r="R14672" s="20"/>
      <c r="S14672" s="20"/>
      <c r="T14672" s="20">
        <v>1150</v>
      </c>
      <c r="U14672" s="20"/>
      <c r="V14672" s="20"/>
      <c r="W14672" s="20"/>
      <c r="X14672" s="19">
        <v>4</v>
      </c>
      <c r="Y14672" s="19"/>
      <c r="Z14672" s="19"/>
      <c r="AA14672" s="19"/>
    </row>
    <row r="14673" spans="1:27" s="1" customFormat="1" ht="14.1" customHeight="1" outlineLevel="3" x14ac:dyDescent="0.2">
      <c r="A14673" s="17"/>
      <c r="B14673" s="17"/>
      <c r="C14673" s="17"/>
      <c r="D14673" s="18"/>
      <c r="E14673" s="18"/>
      <c r="F14673" s="18"/>
      <c r="G14673" s="18"/>
      <c r="H14673" s="18"/>
      <c r="I14673" s="18"/>
      <c r="J14673" s="18"/>
      <c r="K14673" s="18"/>
      <c r="L14673" s="18"/>
      <c r="M14673" s="18"/>
      <c r="N14673" s="18"/>
      <c r="O14673" s="18"/>
      <c r="P14673" s="20"/>
      <c r="Q14673" s="20"/>
      <c r="R14673" s="20"/>
      <c r="S14673" s="20"/>
      <c r="T14673" s="20"/>
      <c r="U14673" s="20"/>
      <c r="V14673" s="20"/>
      <c r="W14673" s="20"/>
      <c r="X14673" s="19"/>
      <c r="Y14673" s="19"/>
      <c r="Z14673" s="19"/>
      <c r="AA14673" s="19"/>
    </row>
    <row r="14674" spans="1:27" s="1" customFormat="1" ht="11.1" customHeight="1" outlineLevel="3" x14ac:dyDescent="0.2">
      <c r="A14674" s="17">
        <v>16435</v>
      </c>
      <c r="B14674" s="17"/>
      <c r="C14674" s="17"/>
      <c r="D14674" s="18" t="s">
        <v>7275</v>
      </c>
      <c r="E14674" s="18"/>
      <c r="F14674" s="18"/>
      <c r="G14674" s="18"/>
      <c r="H14674" s="18"/>
      <c r="I14674" s="18"/>
      <c r="J14674" s="18"/>
      <c r="K14674" s="18"/>
      <c r="L14674" s="18"/>
      <c r="M14674" s="18"/>
      <c r="N14674" s="18"/>
      <c r="O14674" s="18"/>
      <c r="P14674" s="20">
        <v>1850</v>
      </c>
      <c r="Q14674" s="20"/>
      <c r="R14674" s="20"/>
      <c r="S14674" s="20"/>
      <c r="T14674" s="20">
        <v>1350</v>
      </c>
      <c r="U14674" s="20"/>
      <c r="V14674" s="20"/>
      <c r="W14674" s="20"/>
      <c r="X14674" s="19">
        <v>3</v>
      </c>
      <c r="Y14674" s="19"/>
      <c r="Z14674" s="19"/>
      <c r="AA14674" s="19"/>
    </row>
    <row r="14675" spans="1:27" s="1" customFormat="1" ht="11.1" customHeight="1" outlineLevel="3" x14ac:dyDescent="0.2">
      <c r="A14675" s="17"/>
      <c r="B14675" s="17"/>
      <c r="C14675" s="17"/>
      <c r="D14675" s="18"/>
      <c r="E14675" s="18"/>
      <c r="F14675" s="18"/>
      <c r="G14675" s="18"/>
      <c r="H14675" s="18"/>
      <c r="I14675" s="18"/>
      <c r="J14675" s="18"/>
      <c r="K14675" s="18"/>
      <c r="L14675" s="18"/>
      <c r="M14675" s="18"/>
      <c r="N14675" s="18"/>
      <c r="O14675" s="18"/>
      <c r="P14675" s="20"/>
      <c r="Q14675" s="20"/>
      <c r="R14675" s="20"/>
      <c r="S14675" s="20"/>
      <c r="T14675" s="20"/>
      <c r="U14675" s="20"/>
      <c r="V14675" s="20"/>
      <c r="W14675" s="20"/>
      <c r="X14675" s="19"/>
      <c r="Y14675" s="19"/>
      <c r="Z14675" s="19"/>
      <c r="AA14675" s="19"/>
    </row>
    <row r="14676" spans="1:27" s="1" customFormat="1" ht="11.1" customHeight="1" outlineLevel="3" x14ac:dyDescent="0.2">
      <c r="A14676" s="17">
        <v>16439</v>
      </c>
      <c r="B14676" s="17"/>
      <c r="C14676" s="17"/>
      <c r="D14676" s="18" t="s">
        <v>7276</v>
      </c>
      <c r="E14676" s="18"/>
      <c r="F14676" s="18"/>
      <c r="G14676" s="18"/>
      <c r="H14676" s="18"/>
      <c r="I14676" s="18"/>
      <c r="J14676" s="18"/>
      <c r="K14676" s="18"/>
      <c r="L14676" s="18"/>
      <c r="M14676" s="18"/>
      <c r="N14676" s="18"/>
      <c r="O14676" s="18"/>
      <c r="P14676" s="20">
        <v>1550</v>
      </c>
      <c r="Q14676" s="20"/>
      <c r="R14676" s="20"/>
      <c r="S14676" s="20"/>
      <c r="T14676" s="20">
        <v>1150</v>
      </c>
      <c r="U14676" s="20"/>
      <c r="V14676" s="20"/>
      <c r="W14676" s="20"/>
      <c r="X14676" s="19">
        <v>7</v>
      </c>
      <c r="Y14676" s="19"/>
      <c r="Z14676" s="19"/>
      <c r="AA14676" s="19"/>
    </row>
    <row r="14677" spans="1:27" s="1" customFormat="1" ht="11.1" customHeight="1" outlineLevel="3" x14ac:dyDescent="0.2">
      <c r="A14677" s="17"/>
      <c r="B14677" s="17"/>
      <c r="C14677" s="17"/>
      <c r="D14677" s="18"/>
      <c r="E14677" s="18"/>
      <c r="F14677" s="18"/>
      <c r="G14677" s="18"/>
      <c r="H14677" s="18"/>
      <c r="I14677" s="18"/>
      <c r="J14677" s="18"/>
      <c r="K14677" s="18"/>
      <c r="L14677" s="18"/>
      <c r="M14677" s="18"/>
      <c r="N14677" s="18"/>
      <c r="O14677" s="18"/>
      <c r="P14677" s="20"/>
      <c r="Q14677" s="20"/>
      <c r="R14677" s="20"/>
      <c r="S14677" s="20"/>
      <c r="T14677" s="20"/>
      <c r="U14677" s="20"/>
      <c r="V14677" s="20"/>
      <c r="W14677" s="20"/>
      <c r="X14677" s="19"/>
      <c r="Y14677" s="19"/>
      <c r="Z14677" s="19"/>
      <c r="AA14677" s="19"/>
    </row>
    <row r="14678" spans="1:27" s="1" customFormat="1" ht="11.1" customHeight="1" outlineLevel="2" x14ac:dyDescent="0.2">
      <c r="A14678" s="16" t="s">
        <v>7277</v>
      </c>
      <c r="B14678" s="16"/>
      <c r="C14678" s="16"/>
      <c r="D14678" s="16"/>
      <c r="E14678" s="16"/>
      <c r="F14678" s="16"/>
      <c r="G14678" s="16"/>
      <c r="H14678" s="16"/>
      <c r="I14678" s="16"/>
      <c r="J14678" s="16"/>
      <c r="K14678" s="16"/>
      <c r="L14678" s="16"/>
      <c r="M14678" s="16"/>
      <c r="N14678" s="16"/>
      <c r="O14678" s="16"/>
      <c r="P14678" s="16"/>
      <c r="Q14678" s="16"/>
      <c r="R14678" s="16"/>
      <c r="S14678" s="16"/>
      <c r="T14678" s="16"/>
      <c r="U14678" s="16"/>
      <c r="V14678" s="16"/>
      <c r="W14678" s="16"/>
      <c r="X14678" s="16"/>
      <c r="Y14678" s="16"/>
      <c r="Z14678" s="16"/>
      <c r="AA14678" s="16"/>
    </row>
    <row r="14679" spans="1:27" s="1" customFormat="1" ht="11.1" customHeight="1" outlineLevel="2" x14ac:dyDescent="0.2">
      <c r="A14679" s="16"/>
      <c r="B14679" s="16"/>
      <c r="C14679" s="16"/>
      <c r="D14679" s="16"/>
      <c r="E14679" s="16"/>
      <c r="F14679" s="16"/>
      <c r="G14679" s="16"/>
      <c r="H14679" s="16"/>
      <c r="I14679" s="16"/>
      <c r="J14679" s="16"/>
      <c r="K14679" s="16"/>
      <c r="L14679" s="16"/>
      <c r="M14679" s="16"/>
      <c r="N14679" s="16"/>
      <c r="O14679" s="16"/>
      <c r="P14679" s="16"/>
      <c r="Q14679" s="16"/>
      <c r="R14679" s="16"/>
      <c r="S14679" s="16"/>
      <c r="T14679" s="16"/>
      <c r="U14679" s="16"/>
      <c r="V14679" s="16"/>
      <c r="W14679" s="16"/>
      <c r="X14679" s="16"/>
      <c r="Y14679" s="16"/>
      <c r="Z14679" s="16"/>
      <c r="AA14679" s="16"/>
    </row>
    <row r="14680" spans="1:27" s="1" customFormat="1" ht="11.1" customHeight="1" outlineLevel="3" x14ac:dyDescent="0.2">
      <c r="A14680" s="17">
        <v>17305</v>
      </c>
      <c r="B14680" s="17"/>
      <c r="C14680" s="17"/>
      <c r="D14680" s="18" t="s">
        <v>7278</v>
      </c>
      <c r="E14680" s="18"/>
      <c r="F14680" s="18"/>
      <c r="G14680" s="18"/>
      <c r="H14680" s="18"/>
      <c r="I14680" s="18"/>
      <c r="J14680" s="18"/>
      <c r="K14680" s="18"/>
      <c r="L14680" s="18"/>
      <c r="M14680" s="18"/>
      <c r="N14680" s="18"/>
      <c r="O14680" s="18"/>
      <c r="P14680" s="19">
        <v>150</v>
      </c>
      <c r="Q14680" s="19"/>
      <c r="R14680" s="19"/>
      <c r="S14680" s="19"/>
      <c r="T14680" s="19">
        <v>60</v>
      </c>
      <c r="U14680" s="19"/>
      <c r="V14680" s="19"/>
      <c r="W14680" s="19"/>
      <c r="X14680" s="19">
        <v>7</v>
      </c>
      <c r="Y14680" s="19"/>
      <c r="Z14680" s="19"/>
      <c r="AA14680" s="19"/>
    </row>
    <row r="14681" spans="1:27" s="1" customFormat="1" ht="11.1" customHeight="1" outlineLevel="3" x14ac:dyDescent="0.2">
      <c r="A14681" s="17"/>
      <c r="B14681" s="17"/>
      <c r="C14681" s="17"/>
      <c r="D14681" s="18"/>
      <c r="E14681" s="18"/>
      <c r="F14681" s="18"/>
      <c r="G14681" s="18"/>
      <c r="H14681" s="18"/>
      <c r="I14681" s="18"/>
      <c r="J14681" s="18"/>
      <c r="K14681" s="18"/>
      <c r="L14681" s="18"/>
      <c r="M14681" s="18"/>
      <c r="N14681" s="18"/>
      <c r="O14681" s="18"/>
      <c r="P14681" s="19"/>
      <c r="Q14681" s="19"/>
      <c r="R14681" s="19"/>
      <c r="S14681" s="19"/>
      <c r="T14681" s="19"/>
      <c r="U14681" s="19"/>
      <c r="V14681" s="19"/>
      <c r="W14681" s="19"/>
      <c r="X14681" s="19"/>
      <c r="Y14681" s="19"/>
      <c r="Z14681" s="19"/>
      <c r="AA14681" s="19"/>
    </row>
    <row r="14682" spans="1:27" s="1" customFormat="1" ht="11.1" customHeight="1" outlineLevel="3" x14ac:dyDescent="0.2">
      <c r="A14682" s="17">
        <v>17307</v>
      </c>
      <c r="B14682" s="17"/>
      <c r="C14682" s="17"/>
      <c r="D14682" s="18" t="s">
        <v>7279</v>
      </c>
      <c r="E14682" s="18"/>
      <c r="F14682" s="18"/>
      <c r="G14682" s="18"/>
      <c r="H14682" s="18"/>
      <c r="I14682" s="18"/>
      <c r="J14682" s="18"/>
      <c r="K14682" s="18"/>
      <c r="L14682" s="18"/>
      <c r="M14682" s="18"/>
      <c r="N14682" s="18"/>
      <c r="O14682" s="18"/>
      <c r="P14682" s="19">
        <v>350</v>
      </c>
      <c r="Q14682" s="19"/>
      <c r="R14682" s="19"/>
      <c r="S14682" s="19"/>
      <c r="T14682" s="19">
        <v>210</v>
      </c>
      <c r="U14682" s="19"/>
      <c r="V14682" s="19"/>
      <c r="W14682" s="19"/>
      <c r="X14682" s="19">
        <v>1</v>
      </c>
      <c r="Y14682" s="19"/>
      <c r="Z14682" s="19"/>
      <c r="AA14682" s="19"/>
    </row>
    <row r="14683" spans="1:27" s="1" customFormat="1" ht="11.1" customHeight="1" outlineLevel="3" x14ac:dyDescent="0.2">
      <c r="A14683" s="17"/>
      <c r="B14683" s="17"/>
      <c r="C14683" s="17"/>
      <c r="D14683" s="18"/>
      <c r="E14683" s="18"/>
      <c r="F14683" s="18"/>
      <c r="G14683" s="18"/>
      <c r="H14683" s="18"/>
      <c r="I14683" s="18"/>
      <c r="J14683" s="18"/>
      <c r="K14683" s="18"/>
      <c r="L14683" s="18"/>
      <c r="M14683" s="18"/>
      <c r="N14683" s="18"/>
      <c r="O14683" s="18"/>
      <c r="P14683" s="19"/>
      <c r="Q14683" s="19"/>
      <c r="R14683" s="19"/>
      <c r="S14683" s="19"/>
      <c r="T14683" s="19"/>
      <c r="U14683" s="19"/>
      <c r="V14683" s="19"/>
      <c r="W14683" s="19"/>
      <c r="X14683" s="19"/>
      <c r="Y14683" s="19"/>
      <c r="Z14683" s="19"/>
      <c r="AA14683" s="19"/>
    </row>
    <row r="14684" spans="1:27" s="1" customFormat="1" ht="11.1" customHeight="1" outlineLevel="3" x14ac:dyDescent="0.2">
      <c r="A14684" s="17">
        <v>4615</v>
      </c>
      <c r="B14684" s="17"/>
      <c r="C14684" s="17"/>
      <c r="D14684" s="18" t="s">
        <v>7280</v>
      </c>
      <c r="E14684" s="18"/>
      <c r="F14684" s="18"/>
      <c r="G14684" s="18"/>
      <c r="H14684" s="18"/>
      <c r="I14684" s="18"/>
      <c r="J14684" s="18"/>
      <c r="K14684" s="18"/>
      <c r="L14684" s="18"/>
      <c r="M14684" s="18"/>
      <c r="N14684" s="18"/>
      <c r="O14684" s="18"/>
      <c r="P14684" s="19">
        <v>60</v>
      </c>
      <c r="Q14684" s="19"/>
      <c r="R14684" s="19"/>
      <c r="S14684" s="19"/>
      <c r="T14684" s="19">
        <v>20</v>
      </c>
      <c r="U14684" s="19"/>
      <c r="V14684" s="19"/>
      <c r="W14684" s="19"/>
      <c r="X14684" s="19">
        <v>24</v>
      </c>
      <c r="Y14684" s="19"/>
      <c r="Z14684" s="19"/>
      <c r="AA14684" s="19"/>
    </row>
    <row r="14685" spans="1:27" s="1" customFormat="1" ht="11.1" customHeight="1" outlineLevel="3" x14ac:dyDescent="0.2">
      <c r="A14685" s="17"/>
      <c r="B14685" s="17"/>
      <c r="C14685" s="17"/>
      <c r="D14685" s="18"/>
      <c r="E14685" s="18"/>
      <c r="F14685" s="18"/>
      <c r="G14685" s="18"/>
      <c r="H14685" s="18"/>
      <c r="I14685" s="18"/>
      <c r="J14685" s="18"/>
      <c r="K14685" s="18"/>
      <c r="L14685" s="18"/>
      <c r="M14685" s="18"/>
      <c r="N14685" s="18"/>
      <c r="O14685" s="18"/>
      <c r="P14685" s="19"/>
      <c r="Q14685" s="19"/>
      <c r="R14685" s="19"/>
      <c r="S14685" s="19"/>
      <c r="T14685" s="19"/>
      <c r="U14685" s="19"/>
      <c r="V14685" s="19"/>
      <c r="W14685" s="19"/>
      <c r="X14685" s="19"/>
      <c r="Y14685" s="19"/>
      <c r="Z14685" s="19"/>
      <c r="AA14685" s="19"/>
    </row>
    <row r="14686" spans="1:27" s="1" customFormat="1" ht="11.1" customHeight="1" outlineLevel="3" x14ac:dyDescent="0.2">
      <c r="A14686" s="17">
        <v>14973</v>
      </c>
      <c r="B14686" s="17"/>
      <c r="C14686" s="17"/>
      <c r="D14686" s="18" t="s">
        <v>7281</v>
      </c>
      <c r="E14686" s="18"/>
      <c r="F14686" s="18"/>
      <c r="G14686" s="18"/>
      <c r="H14686" s="18"/>
      <c r="I14686" s="18"/>
      <c r="J14686" s="18"/>
      <c r="K14686" s="18"/>
      <c r="L14686" s="18"/>
      <c r="M14686" s="18"/>
      <c r="N14686" s="18"/>
      <c r="O14686" s="18"/>
      <c r="P14686" s="19">
        <v>170</v>
      </c>
      <c r="Q14686" s="19"/>
      <c r="R14686" s="19"/>
      <c r="S14686" s="19"/>
      <c r="T14686" s="19">
        <v>120</v>
      </c>
      <c r="U14686" s="19"/>
      <c r="V14686" s="19"/>
      <c r="W14686" s="19"/>
      <c r="X14686" s="19">
        <v>1</v>
      </c>
      <c r="Y14686" s="19"/>
      <c r="Z14686" s="19"/>
      <c r="AA14686" s="19"/>
    </row>
    <row r="14687" spans="1:27" s="1" customFormat="1" ht="11.1" customHeight="1" outlineLevel="3" x14ac:dyDescent="0.2">
      <c r="A14687" s="17"/>
      <c r="B14687" s="17"/>
      <c r="C14687" s="17"/>
      <c r="D14687" s="18"/>
      <c r="E14687" s="18"/>
      <c r="F14687" s="18"/>
      <c r="G14687" s="18"/>
      <c r="H14687" s="18"/>
      <c r="I14687" s="18"/>
      <c r="J14687" s="18"/>
      <c r="K14687" s="18"/>
      <c r="L14687" s="18"/>
      <c r="M14687" s="18"/>
      <c r="N14687" s="18"/>
      <c r="O14687" s="18"/>
      <c r="P14687" s="19"/>
      <c r="Q14687" s="19"/>
      <c r="R14687" s="19"/>
      <c r="S14687" s="19"/>
      <c r="T14687" s="19"/>
      <c r="U14687" s="19"/>
      <c r="V14687" s="19"/>
      <c r="W14687" s="19"/>
      <c r="X14687" s="19"/>
      <c r="Y14687" s="19"/>
      <c r="Z14687" s="19"/>
      <c r="AA14687" s="19"/>
    </row>
    <row r="14688" spans="1:27" s="1" customFormat="1" ht="11.1" customHeight="1" outlineLevel="3" x14ac:dyDescent="0.2">
      <c r="A14688" s="17">
        <v>17306</v>
      </c>
      <c r="B14688" s="17"/>
      <c r="C14688" s="17"/>
      <c r="D14688" s="18" t="s">
        <v>7282</v>
      </c>
      <c r="E14688" s="18"/>
      <c r="F14688" s="18"/>
      <c r="G14688" s="18"/>
      <c r="H14688" s="18"/>
      <c r="I14688" s="18"/>
      <c r="J14688" s="18"/>
      <c r="K14688" s="18"/>
      <c r="L14688" s="18"/>
      <c r="M14688" s="18"/>
      <c r="N14688" s="18"/>
      <c r="O14688" s="18"/>
      <c r="P14688" s="19">
        <v>490</v>
      </c>
      <c r="Q14688" s="19"/>
      <c r="R14688" s="19"/>
      <c r="S14688" s="19"/>
      <c r="T14688" s="19">
        <v>390</v>
      </c>
      <c r="U14688" s="19"/>
      <c r="V14688" s="19"/>
      <c r="W14688" s="19"/>
      <c r="X14688" s="19">
        <v>1</v>
      </c>
      <c r="Y14688" s="19"/>
      <c r="Z14688" s="19"/>
      <c r="AA14688" s="19"/>
    </row>
    <row r="14689" spans="1:27" s="1" customFormat="1" ht="11.1" customHeight="1" outlineLevel="3" x14ac:dyDescent="0.2">
      <c r="A14689" s="17"/>
      <c r="B14689" s="17"/>
      <c r="C14689" s="17"/>
      <c r="D14689" s="18"/>
      <c r="E14689" s="18"/>
      <c r="F14689" s="18"/>
      <c r="G14689" s="18"/>
      <c r="H14689" s="18"/>
      <c r="I14689" s="18"/>
      <c r="J14689" s="18"/>
      <c r="K14689" s="18"/>
      <c r="L14689" s="18"/>
      <c r="M14689" s="18"/>
      <c r="N14689" s="18"/>
      <c r="O14689" s="18"/>
      <c r="P14689" s="19"/>
      <c r="Q14689" s="19"/>
      <c r="R14689" s="19"/>
      <c r="S14689" s="19"/>
      <c r="T14689" s="19"/>
      <c r="U14689" s="19"/>
      <c r="V14689" s="19"/>
      <c r="W14689" s="19"/>
      <c r="X14689" s="19"/>
      <c r="Y14689" s="19"/>
      <c r="Z14689" s="19"/>
      <c r="AA14689" s="19"/>
    </row>
    <row r="14690" spans="1:27" s="1" customFormat="1" ht="14.1" customHeight="1" outlineLevel="3" x14ac:dyDescent="0.2">
      <c r="A14690" s="17">
        <v>13037</v>
      </c>
      <c r="B14690" s="17"/>
      <c r="C14690" s="17"/>
      <c r="D14690" s="18" t="s">
        <v>7283</v>
      </c>
      <c r="E14690" s="18"/>
      <c r="F14690" s="18"/>
      <c r="G14690" s="18"/>
      <c r="H14690" s="18"/>
      <c r="I14690" s="18"/>
      <c r="J14690" s="18"/>
      <c r="K14690" s="18"/>
      <c r="L14690" s="18"/>
      <c r="M14690" s="18"/>
      <c r="N14690" s="18"/>
      <c r="O14690" s="18"/>
      <c r="P14690" s="19">
        <v>170</v>
      </c>
      <c r="Q14690" s="19"/>
      <c r="R14690" s="19"/>
      <c r="S14690" s="19"/>
      <c r="T14690" s="19">
        <v>130</v>
      </c>
      <c r="U14690" s="19"/>
      <c r="V14690" s="19"/>
      <c r="W14690" s="19"/>
      <c r="X14690" s="19">
        <v>3</v>
      </c>
      <c r="Y14690" s="19"/>
      <c r="Z14690" s="19"/>
      <c r="AA14690" s="19"/>
    </row>
    <row r="14691" spans="1:27" s="1" customFormat="1" ht="14.1" customHeight="1" outlineLevel="3" x14ac:dyDescent="0.2">
      <c r="A14691" s="17"/>
      <c r="B14691" s="17"/>
      <c r="C14691" s="17"/>
      <c r="D14691" s="18"/>
      <c r="E14691" s="18"/>
      <c r="F14691" s="18"/>
      <c r="G14691" s="18"/>
      <c r="H14691" s="18"/>
      <c r="I14691" s="18"/>
      <c r="J14691" s="18"/>
      <c r="K14691" s="18"/>
      <c r="L14691" s="18"/>
      <c r="M14691" s="18"/>
      <c r="N14691" s="18"/>
      <c r="O14691" s="18"/>
      <c r="P14691" s="19"/>
      <c r="Q14691" s="19"/>
      <c r="R14691" s="19"/>
      <c r="S14691" s="19"/>
      <c r="T14691" s="19"/>
      <c r="U14691" s="19"/>
      <c r="V14691" s="19"/>
      <c r="W14691" s="19"/>
      <c r="X14691" s="19"/>
      <c r="Y14691" s="19"/>
      <c r="Z14691" s="19"/>
      <c r="AA14691" s="19"/>
    </row>
    <row r="14692" spans="1:27" s="1" customFormat="1" ht="11.1" customHeight="1" outlineLevel="3" x14ac:dyDescent="0.2">
      <c r="A14692" s="17">
        <v>13039</v>
      </c>
      <c r="B14692" s="17"/>
      <c r="C14692" s="17"/>
      <c r="D14692" s="18" t="s">
        <v>7284</v>
      </c>
      <c r="E14692" s="18"/>
      <c r="F14692" s="18"/>
      <c r="G14692" s="18"/>
      <c r="H14692" s="18"/>
      <c r="I14692" s="18"/>
      <c r="J14692" s="18"/>
      <c r="K14692" s="18"/>
      <c r="L14692" s="18"/>
      <c r="M14692" s="18"/>
      <c r="N14692" s="18"/>
      <c r="O14692" s="18"/>
      <c r="P14692" s="19">
        <v>130</v>
      </c>
      <c r="Q14692" s="19"/>
      <c r="R14692" s="19"/>
      <c r="S14692" s="19"/>
      <c r="T14692" s="19">
        <v>99</v>
      </c>
      <c r="U14692" s="19"/>
      <c r="V14692" s="19"/>
      <c r="W14692" s="19"/>
      <c r="X14692" s="19">
        <v>4</v>
      </c>
      <c r="Y14692" s="19"/>
      <c r="Z14692" s="19"/>
      <c r="AA14692" s="19"/>
    </row>
    <row r="14693" spans="1:27" s="1" customFormat="1" ht="11.1" customHeight="1" outlineLevel="3" x14ac:dyDescent="0.2">
      <c r="A14693" s="17"/>
      <c r="B14693" s="17"/>
      <c r="C14693" s="17"/>
      <c r="D14693" s="18"/>
      <c r="E14693" s="18"/>
      <c r="F14693" s="18"/>
      <c r="G14693" s="18"/>
      <c r="H14693" s="18"/>
      <c r="I14693" s="18"/>
      <c r="J14693" s="18"/>
      <c r="K14693" s="18"/>
      <c r="L14693" s="18"/>
      <c r="M14693" s="18"/>
      <c r="N14693" s="18"/>
      <c r="O14693" s="18"/>
      <c r="P14693" s="19"/>
      <c r="Q14693" s="19"/>
      <c r="R14693" s="19"/>
      <c r="S14693" s="19"/>
      <c r="T14693" s="19"/>
      <c r="U14693" s="19"/>
      <c r="V14693" s="19"/>
      <c r="W14693" s="19"/>
      <c r="X14693" s="19"/>
      <c r="Y14693" s="19"/>
      <c r="Z14693" s="19"/>
      <c r="AA14693" s="19"/>
    </row>
    <row r="14694" spans="1:27" s="1" customFormat="1" ht="11.1" customHeight="1" outlineLevel="3" x14ac:dyDescent="0.2">
      <c r="A14694" s="17">
        <v>9277</v>
      </c>
      <c r="B14694" s="17"/>
      <c r="C14694" s="17"/>
      <c r="D14694" s="18" t="s">
        <v>7285</v>
      </c>
      <c r="E14694" s="18"/>
      <c r="F14694" s="18"/>
      <c r="G14694" s="18"/>
      <c r="H14694" s="18"/>
      <c r="I14694" s="18"/>
      <c r="J14694" s="18"/>
      <c r="K14694" s="18"/>
      <c r="L14694" s="18"/>
      <c r="M14694" s="18"/>
      <c r="N14694" s="18"/>
      <c r="O14694" s="18"/>
      <c r="P14694" s="19">
        <v>80</v>
      </c>
      <c r="Q14694" s="19"/>
      <c r="R14694" s="19"/>
      <c r="S14694" s="19"/>
      <c r="T14694" s="19">
        <v>42</v>
      </c>
      <c r="U14694" s="19"/>
      <c r="V14694" s="19"/>
      <c r="W14694" s="19"/>
      <c r="X14694" s="19">
        <v>7</v>
      </c>
      <c r="Y14694" s="19"/>
      <c r="Z14694" s="19"/>
      <c r="AA14694" s="19"/>
    </row>
    <row r="14695" spans="1:27" s="1" customFormat="1" ht="11.1" customHeight="1" outlineLevel="3" x14ac:dyDescent="0.2">
      <c r="A14695" s="17"/>
      <c r="B14695" s="17"/>
      <c r="C14695" s="17"/>
      <c r="D14695" s="18"/>
      <c r="E14695" s="18"/>
      <c r="F14695" s="18"/>
      <c r="G14695" s="18"/>
      <c r="H14695" s="18"/>
      <c r="I14695" s="18"/>
      <c r="J14695" s="18"/>
      <c r="K14695" s="18"/>
      <c r="L14695" s="18"/>
      <c r="M14695" s="18"/>
      <c r="N14695" s="18"/>
      <c r="O14695" s="18"/>
      <c r="P14695" s="19"/>
      <c r="Q14695" s="19"/>
      <c r="R14695" s="19"/>
      <c r="S14695" s="19"/>
      <c r="T14695" s="19"/>
      <c r="U14695" s="19"/>
      <c r="V14695" s="19"/>
      <c r="W14695" s="19"/>
      <c r="X14695" s="19"/>
      <c r="Y14695" s="19"/>
      <c r="Z14695" s="19"/>
      <c r="AA14695" s="19"/>
    </row>
    <row r="14696" spans="1:27" s="1" customFormat="1" ht="14.1" customHeight="1" outlineLevel="3" x14ac:dyDescent="0.2">
      <c r="A14696" s="17">
        <v>11886</v>
      </c>
      <c r="B14696" s="17"/>
      <c r="C14696" s="17"/>
      <c r="D14696" s="18" t="s">
        <v>7286</v>
      </c>
      <c r="E14696" s="18"/>
      <c r="F14696" s="18"/>
      <c r="G14696" s="18"/>
      <c r="H14696" s="18"/>
      <c r="I14696" s="18"/>
      <c r="J14696" s="18"/>
      <c r="K14696" s="18"/>
      <c r="L14696" s="18"/>
      <c r="M14696" s="18"/>
      <c r="N14696" s="18"/>
      <c r="O14696" s="18"/>
      <c r="P14696" s="19">
        <v>150</v>
      </c>
      <c r="Q14696" s="19"/>
      <c r="R14696" s="19"/>
      <c r="S14696" s="19"/>
      <c r="T14696" s="19">
        <v>95</v>
      </c>
      <c r="U14696" s="19"/>
      <c r="V14696" s="19"/>
      <c r="W14696" s="19"/>
      <c r="X14696" s="19">
        <v>19</v>
      </c>
      <c r="Y14696" s="19"/>
      <c r="Z14696" s="19"/>
      <c r="AA14696" s="19"/>
    </row>
    <row r="14697" spans="1:27" s="1" customFormat="1" ht="14.1" customHeight="1" outlineLevel="3" x14ac:dyDescent="0.2">
      <c r="A14697" s="17"/>
      <c r="B14697" s="17"/>
      <c r="C14697" s="17"/>
      <c r="D14697" s="18"/>
      <c r="E14697" s="18"/>
      <c r="F14697" s="18"/>
      <c r="G14697" s="18"/>
      <c r="H14697" s="18"/>
      <c r="I14697" s="18"/>
      <c r="J14697" s="18"/>
      <c r="K14697" s="18"/>
      <c r="L14697" s="18"/>
      <c r="M14697" s="18"/>
      <c r="N14697" s="18"/>
      <c r="O14697" s="18"/>
      <c r="P14697" s="19"/>
      <c r="Q14697" s="19"/>
      <c r="R14697" s="19"/>
      <c r="S14697" s="19"/>
      <c r="T14697" s="19"/>
      <c r="U14697" s="19"/>
      <c r="V14697" s="19"/>
      <c r="W14697" s="19"/>
      <c r="X14697" s="19"/>
      <c r="Y14697" s="19"/>
      <c r="Z14697" s="19"/>
      <c r="AA14697" s="19"/>
    </row>
    <row r="14698" spans="1:27" s="1" customFormat="1" ht="11.1" customHeight="1" outlineLevel="3" x14ac:dyDescent="0.2">
      <c r="A14698" s="17">
        <v>17998</v>
      </c>
      <c r="B14698" s="17"/>
      <c r="C14698" s="17"/>
      <c r="D14698" s="18" t="s">
        <v>7287</v>
      </c>
      <c r="E14698" s="18"/>
      <c r="F14698" s="18"/>
      <c r="G14698" s="18"/>
      <c r="H14698" s="18"/>
      <c r="I14698" s="18"/>
      <c r="J14698" s="18"/>
      <c r="K14698" s="18"/>
      <c r="L14698" s="18"/>
      <c r="M14698" s="18"/>
      <c r="N14698" s="18"/>
      <c r="O14698" s="18"/>
      <c r="P14698" s="19">
        <v>150</v>
      </c>
      <c r="Q14698" s="19"/>
      <c r="R14698" s="19"/>
      <c r="S14698" s="19"/>
      <c r="T14698" s="19">
        <v>90</v>
      </c>
      <c r="U14698" s="19"/>
      <c r="V14698" s="19"/>
      <c r="W14698" s="19"/>
      <c r="X14698" s="19">
        <v>4</v>
      </c>
      <c r="Y14698" s="19"/>
      <c r="Z14698" s="19"/>
      <c r="AA14698" s="19"/>
    </row>
    <row r="14699" spans="1:27" s="1" customFormat="1" ht="11.1" customHeight="1" outlineLevel="3" x14ac:dyDescent="0.2">
      <c r="A14699" s="17"/>
      <c r="B14699" s="17"/>
      <c r="C14699" s="17"/>
      <c r="D14699" s="18"/>
      <c r="E14699" s="18"/>
      <c r="F14699" s="18"/>
      <c r="G14699" s="18"/>
      <c r="H14699" s="18"/>
      <c r="I14699" s="18"/>
      <c r="J14699" s="18"/>
      <c r="K14699" s="18"/>
      <c r="L14699" s="18"/>
      <c r="M14699" s="18"/>
      <c r="N14699" s="18"/>
      <c r="O14699" s="18"/>
      <c r="P14699" s="19"/>
      <c r="Q14699" s="19"/>
      <c r="R14699" s="19"/>
      <c r="S14699" s="19"/>
      <c r="T14699" s="19"/>
      <c r="U14699" s="19"/>
      <c r="V14699" s="19"/>
      <c r="W14699" s="19"/>
      <c r="X14699" s="19"/>
      <c r="Y14699" s="19"/>
      <c r="Z14699" s="19"/>
      <c r="AA14699" s="19"/>
    </row>
    <row r="14700" spans="1:27" s="1" customFormat="1" ht="11.1" customHeight="1" outlineLevel="3" x14ac:dyDescent="0.2">
      <c r="A14700" s="17">
        <v>9278</v>
      </c>
      <c r="B14700" s="17"/>
      <c r="C14700" s="17"/>
      <c r="D14700" s="18" t="s">
        <v>7288</v>
      </c>
      <c r="E14700" s="18"/>
      <c r="F14700" s="18"/>
      <c r="G14700" s="18"/>
      <c r="H14700" s="18"/>
      <c r="I14700" s="18"/>
      <c r="J14700" s="18"/>
      <c r="K14700" s="18"/>
      <c r="L14700" s="18"/>
      <c r="M14700" s="18"/>
      <c r="N14700" s="18"/>
      <c r="O14700" s="18"/>
      <c r="P14700" s="19">
        <v>90</v>
      </c>
      <c r="Q14700" s="19"/>
      <c r="R14700" s="19"/>
      <c r="S14700" s="19"/>
      <c r="T14700" s="19">
        <v>55</v>
      </c>
      <c r="U14700" s="19"/>
      <c r="V14700" s="19"/>
      <c r="W14700" s="19"/>
      <c r="X14700" s="19">
        <v>3</v>
      </c>
      <c r="Y14700" s="19"/>
      <c r="Z14700" s="19"/>
      <c r="AA14700" s="19"/>
    </row>
    <row r="14701" spans="1:27" s="1" customFormat="1" ht="11.1" customHeight="1" outlineLevel="3" x14ac:dyDescent="0.2">
      <c r="A14701" s="17"/>
      <c r="B14701" s="17"/>
      <c r="C14701" s="17"/>
      <c r="D14701" s="18"/>
      <c r="E14701" s="18"/>
      <c r="F14701" s="18"/>
      <c r="G14701" s="18"/>
      <c r="H14701" s="18"/>
      <c r="I14701" s="18"/>
      <c r="J14701" s="18"/>
      <c r="K14701" s="18"/>
      <c r="L14701" s="18"/>
      <c r="M14701" s="18"/>
      <c r="N14701" s="18"/>
      <c r="O14701" s="18"/>
      <c r="P14701" s="19"/>
      <c r="Q14701" s="19"/>
      <c r="R14701" s="19"/>
      <c r="S14701" s="19"/>
      <c r="T14701" s="19"/>
      <c r="U14701" s="19"/>
      <c r="V14701" s="19"/>
      <c r="W14701" s="19"/>
      <c r="X14701" s="19"/>
      <c r="Y14701" s="19"/>
      <c r="Z14701" s="19"/>
      <c r="AA14701" s="19"/>
    </row>
    <row r="14702" spans="1:27" s="1" customFormat="1" ht="11.1" customHeight="1" outlineLevel="3" x14ac:dyDescent="0.2">
      <c r="A14702" s="17">
        <v>9276</v>
      </c>
      <c r="B14702" s="17"/>
      <c r="C14702" s="17"/>
      <c r="D14702" s="18" t="s">
        <v>7289</v>
      </c>
      <c r="E14702" s="18"/>
      <c r="F14702" s="18"/>
      <c r="G14702" s="18"/>
      <c r="H14702" s="18"/>
      <c r="I14702" s="18"/>
      <c r="J14702" s="18"/>
      <c r="K14702" s="18"/>
      <c r="L14702" s="18"/>
      <c r="M14702" s="18"/>
      <c r="N14702" s="18"/>
      <c r="O14702" s="18"/>
      <c r="P14702" s="19">
        <v>100</v>
      </c>
      <c r="Q14702" s="19"/>
      <c r="R14702" s="19"/>
      <c r="S14702" s="19"/>
      <c r="T14702" s="19">
        <v>40</v>
      </c>
      <c r="U14702" s="19"/>
      <c r="V14702" s="19"/>
      <c r="W14702" s="19"/>
      <c r="X14702" s="19">
        <v>52</v>
      </c>
      <c r="Y14702" s="19"/>
      <c r="Z14702" s="19"/>
      <c r="AA14702" s="19"/>
    </row>
    <row r="14703" spans="1:27" s="1" customFormat="1" ht="11.1" customHeight="1" outlineLevel="3" x14ac:dyDescent="0.2">
      <c r="A14703" s="17"/>
      <c r="B14703" s="17"/>
      <c r="C14703" s="17"/>
      <c r="D14703" s="18"/>
      <c r="E14703" s="18"/>
      <c r="F14703" s="18"/>
      <c r="G14703" s="18"/>
      <c r="H14703" s="18"/>
      <c r="I14703" s="18"/>
      <c r="J14703" s="18"/>
      <c r="K14703" s="18"/>
      <c r="L14703" s="18"/>
      <c r="M14703" s="18"/>
      <c r="N14703" s="18"/>
      <c r="O14703" s="18"/>
      <c r="P14703" s="19"/>
      <c r="Q14703" s="19"/>
      <c r="R14703" s="19"/>
      <c r="S14703" s="19"/>
      <c r="T14703" s="19"/>
      <c r="U14703" s="19"/>
      <c r="V14703" s="19"/>
      <c r="W14703" s="19"/>
      <c r="X14703" s="19"/>
      <c r="Y14703" s="19"/>
      <c r="Z14703" s="19"/>
      <c r="AA14703" s="19"/>
    </row>
    <row r="14704" spans="1:27" s="1" customFormat="1" ht="11.1" customHeight="1" outlineLevel="2" x14ac:dyDescent="0.2">
      <c r="A14704" s="16" t="s">
        <v>7290</v>
      </c>
      <c r="B14704" s="16"/>
      <c r="C14704" s="16"/>
      <c r="D14704" s="16"/>
      <c r="E14704" s="16"/>
      <c r="F14704" s="16"/>
      <c r="G14704" s="16"/>
      <c r="H14704" s="16"/>
      <c r="I14704" s="16"/>
      <c r="J14704" s="16"/>
      <c r="K14704" s="16"/>
      <c r="L14704" s="16"/>
      <c r="M14704" s="16"/>
      <c r="N14704" s="16"/>
      <c r="O14704" s="16"/>
      <c r="P14704" s="16"/>
      <c r="Q14704" s="16"/>
      <c r="R14704" s="16"/>
      <c r="S14704" s="16"/>
      <c r="T14704" s="16"/>
      <c r="U14704" s="16"/>
      <c r="V14704" s="16"/>
      <c r="W14704" s="16"/>
      <c r="X14704" s="16"/>
      <c r="Y14704" s="16"/>
      <c r="Z14704" s="16"/>
      <c r="AA14704" s="16"/>
    </row>
    <row r="14705" spans="1:27" s="1" customFormat="1" ht="11.1" customHeight="1" outlineLevel="2" x14ac:dyDescent="0.2">
      <c r="A14705" s="16"/>
      <c r="B14705" s="16"/>
      <c r="C14705" s="16"/>
      <c r="D14705" s="16"/>
      <c r="E14705" s="16"/>
      <c r="F14705" s="16"/>
      <c r="G14705" s="16"/>
      <c r="H14705" s="16"/>
      <c r="I14705" s="16"/>
      <c r="J14705" s="16"/>
      <c r="K14705" s="16"/>
      <c r="L14705" s="16"/>
      <c r="M14705" s="16"/>
      <c r="N14705" s="16"/>
      <c r="O14705" s="16"/>
      <c r="P14705" s="16"/>
      <c r="Q14705" s="16"/>
      <c r="R14705" s="16"/>
      <c r="S14705" s="16"/>
      <c r="T14705" s="16"/>
      <c r="U14705" s="16"/>
      <c r="V14705" s="16"/>
      <c r="W14705" s="16"/>
      <c r="X14705" s="16"/>
      <c r="Y14705" s="16"/>
      <c r="Z14705" s="16"/>
      <c r="AA14705" s="16"/>
    </row>
    <row r="14706" spans="1:27" s="1" customFormat="1" ht="14.1" customHeight="1" outlineLevel="3" x14ac:dyDescent="0.2">
      <c r="A14706" s="17">
        <v>18077</v>
      </c>
      <c r="B14706" s="17"/>
      <c r="C14706" s="17"/>
      <c r="D14706" s="18" t="s">
        <v>7291</v>
      </c>
      <c r="E14706" s="18"/>
      <c r="F14706" s="18"/>
      <c r="G14706" s="18"/>
      <c r="H14706" s="18"/>
      <c r="I14706" s="18"/>
      <c r="J14706" s="18"/>
      <c r="K14706" s="18"/>
      <c r="L14706" s="18"/>
      <c r="M14706" s="18"/>
      <c r="N14706" s="18"/>
      <c r="O14706" s="18"/>
      <c r="P14706" s="20">
        <v>1100</v>
      </c>
      <c r="Q14706" s="20"/>
      <c r="R14706" s="20"/>
      <c r="S14706" s="20"/>
      <c r="T14706" s="19">
        <v>650</v>
      </c>
      <c r="U14706" s="19"/>
      <c r="V14706" s="19"/>
      <c r="W14706" s="19"/>
      <c r="X14706" s="19">
        <v>9</v>
      </c>
      <c r="Y14706" s="19"/>
      <c r="Z14706" s="19"/>
      <c r="AA14706" s="19"/>
    </row>
    <row r="14707" spans="1:27" s="1" customFormat="1" ht="14.1" customHeight="1" outlineLevel="3" x14ac:dyDescent="0.2">
      <c r="A14707" s="17"/>
      <c r="B14707" s="17"/>
      <c r="C14707" s="17"/>
      <c r="D14707" s="18"/>
      <c r="E14707" s="18"/>
      <c r="F14707" s="18"/>
      <c r="G14707" s="18"/>
      <c r="H14707" s="18"/>
      <c r="I14707" s="18"/>
      <c r="J14707" s="18"/>
      <c r="K14707" s="18"/>
      <c r="L14707" s="18"/>
      <c r="M14707" s="18"/>
      <c r="N14707" s="18"/>
      <c r="O14707" s="18"/>
      <c r="P14707" s="20"/>
      <c r="Q14707" s="20"/>
      <c r="R14707" s="20"/>
      <c r="S14707" s="20"/>
      <c r="T14707" s="19"/>
      <c r="U14707" s="19"/>
      <c r="V14707" s="19"/>
      <c r="W14707" s="19"/>
      <c r="X14707" s="19"/>
      <c r="Y14707" s="19"/>
      <c r="Z14707" s="19"/>
      <c r="AA14707" s="19"/>
    </row>
    <row r="14708" spans="1:27" s="1" customFormat="1" ht="11.1" customHeight="1" outlineLevel="3" x14ac:dyDescent="0.2">
      <c r="A14708" s="17">
        <v>18092</v>
      </c>
      <c r="B14708" s="17"/>
      <c r="C14708" s="17"/>
      <c r="D14708" s="18" t="s">
        <v>7292</v>
      </c>
      <c r="E14708" s="18"/>
      <c r="F14708" s="18"/>
      <c r="G14708" s="18"/>
      <c r="H14708" s="18"/>
      <c r="I14708" s="18"/>
      <c r="J14708" s="18"/>
      <c r="K14708" s="18"/>
      <c r="L14708" s="18"/>
      <c r="M14708" s="18"/>
      <c r="N14708" s="18"/>
      <c r="O14708" s="18"/>
      <c r="P14708" s="20">
        <v>1400</v>
      </c>
      <c r="Q14708" s="20"/>
      <c r="R14708" s="20"/>
      <c r="S14708" s="20"/>
      <c r="T14708" s="19">
        <v>990</v>
      </c>
      <c r="U14708" s="19"/>
      <c r="V14708" s="19"/>
      <c r="W14708" s="19"/>
      <c r="X14708" s="19">
        <v>10</v>
      </c>
      <c r="Y14708" s="19"/>
      <c r="Z14708" s="19"/>
      <c r="AA14708" s="19"/>
    </row>
    <row r="14709" spans="1:27" s="1" customFormat="1" ht="11.1" customHeight="1" outlineLevel="3" x14ac:dyDescent="0.2">
      <c r="A14709" s="17"/>
      <c r="B14709" s="17"/>
      <c r="C14709" s="17"/>
      <c r="D14709" s="18"/>
      <c r="E14709" s="18"/>
      <c r="F14709" s="18"/>
      <c r="G14709" s="18"/>
      <c r="H14709" s="18"/>
      <c r="I14709" s="18"/>
      <c r="J14709" s="18"/>
      <c r="K14709" s="18"/>
      <c r="L14709" s="18"/>
      <c r="M14709" s="18"/>
      <c r="N14709" s="18"/>
      <c r="O14709" s="18"/>
      <c r="P14709" s="20"/>
      <c r="Q14709" s="20"/>
      <c r="R14709" s="20"/>
      <c r="S14709" s="20"/>
      <c r="T14709" s="19"/>
      <c r="U14709" s="19"/>
      <c r="V14709" s="19"/>
      <c r="W14709" s="19"/>
      <c r="X14709" s="19"/>
      <c r="Y14709" s="19"/>
      <c r="Z14709" s="19"/>
      <c r="AA14709" s="19"/>
    </row>
    <row r="14710" spans="1:27" s="1" customFormat="1" ht="11.1" customHeight="1" outlineLevel="3" x14ac:dyDescent="0.2">
      <c r="A14710" s="17">
        <v>18078</v>
      </c>
      <c r="B14710" s="17"/>
      <c r="C14710" s="17"/>
      <c r="D14710" s="18" t="s">
        <v>7293</v>
      </c>
      <c r="E14710" s="18"/>
      <c r="F14710" s="18"/>
      <c r="G14710" s="18"/>
      <c r="H14710" s="18"/>
      <c r="I14710" s="18"/>
      <c r="J14710" s="18"/>
      <c r="K14710" s="18"/>
      <c r="L14710" s="18"/>
      <c r="M14710" s="18"/>
      <c r="N14710" s="18"/>
      <c r="O14710" s="18"/>
      <c r="P14710" s="19">
        <v>550</v>
      </c>
      <c r="Q14710" s="19"/>
      <c r="R14710" s="19"/>
      <c r="S14710" s="19"/>
      <c r="T14710" s="19">
        <v>370</v>
      </c>
      <c r="U14710" s="19"/>
      <c r="V14710" s="19"/>
      <c r="W14710" s="19"/>
      <c r="X14710" s="19">
        <v>11</v>
      </c>
      <c r="Y14710" s="19"/>
      <c r="Z14710" s="19"/>
      <c r="AA14710" s="19"/>
    </row>
    <row r="14711" spans="1:27" s="1" customFormat="1" ht="11.1" customHeight="1" outlineLevel="3" x14ac:dyDescent="0.2">
      <c r="A14711" s="17"/>
      <c r="B14711" s="17"/>
      <c r="C14711" s="17"/>
      <c r="D14711" s="18"/>
      <c r="E14711" s="18"/>
      <c r="F14711" s="18"/>
      <c r="G14711" s="18"/>
      <c r="H14711" s="18"/>
      <c r="I14711" s="18"/>
      <c r="J14711" s="18"/>
      <c r="K14711" s="18"/>
      <c r="L14711" s="18"/>
      <c r="M14711" s="18"/>
      <c r="N14711" s="18"/>
      <c r="O14711" s="18"/>
      <c r="P14711" s="19"/>
      <c r="Q14711" s="19"/>
      <c r="R14711" s="19"/>
      <c r="S14711" s="19"/>
      <c r="T14711" s="19"/>
      <c r="U14711" s="19"/>
      <c r="V14711" s="19"/>
      <c r="W14711" s="19"/>
      <c r="X14711" s="19"/>
      <c r="Y14711" s="19"/>
      <c r="Z14711" s="19"/>
      <c r="AA14711" s="19"/>
    </row>
    <row r="14712" spans="1:27" s="1" customFormat="1" ht="11.1" customHeight="1" outlineLevel="3" x14ac:dyDescent="0.2">
      <c r="A14712" s="17">
        <v>13991</v>
      </c>
      <c r="B14712" s="17"/>
      <c r="C14712" s="17"/>
      <c r="D14712" s="18" t="s">
        <v>7294</v>
      </c>
      <c r="E14712" s="18"/>
      <c r="F14712" s="18"/>
      <c r="G14712" s="18"/>
      <c r="H14712" s="18"/>
      <c r="I14712" s="18"/>
      <c r="J14712" s="18"/>
      <c r="K14712" s="18"/>
      <c r="L14712" s="18"/>
      <c r="M14712" s="18"/>
      <c r="N14712" s="18"/>
      <c r="O14712" s="18"/>
      <c r="P14712" s="19">
        <v>590</v>
      </c>
      <c r="Q14712" s="19"/>
      <c r="R14712" s="19"/>
      <c r="S14712" s="19"/>
      <c r="T14712" s="19">
        <v>390</v>
      </c>
      <c r="U14712" s="19"/>
      <c r="V14712" s="19"/>
      <c r="W14712" s="19"/>
      <c r="X14712" s="19">
        <v>15</v>
      </c>
      <c r="Y14712" s="19"/>
      <c r="Z14712" s="19"/>
      <c r="AA14712" s="19"/>
    </row>
    <row r="14713" spans="1:27" s="1" customFormat="1" ht="11.1" customHeight="1" outlineLevel="3" x14ac:dyDescent="0.2">
      <c r="A14713" s="17"/>
      <c r="B14713" s="17"/>
      <c r="C14713" s="17"/>
      <c r="D14713" s="18"/>
      <c r="E14713" s="18"/>
      <c r="F14713" s="18"/>
      <c r="G14713" s="18"/>
      <c r="H14713" s="18"/>
      <c r="I14713" s="18"/>
      <c r="J14713" s="18"/>
      <c r="K14713" s="18"/>
      <c r="L14713" s="18"/>
      <c r="M14713" s="18"/>
      <c r="N14713" s="18"/>
      <c r="O14713" s="18"/>
      <c r="P14713" s="19"/>
      <c r="Q14713" s="19"/>
      <c r="R14713" s="19"/>
      <c r="S14713" s="19"/>
      <c r="T14713" s="19"/>
      <c r="U14713" s="19"/>
      <c r="V14713" s="19"/>
      <c r="W14713" s="19"/>
      <c r="X14713" s="19"/>
      <c r="Y14713" s="19"/>
      <c r="Z14713" s="19"/>
      <c r="AA14713" s="19"/>
    </row>
    <row r="14714" spans="1:27" s="1" customFormat="1" ht="11.1" customHeight="1" outlineLevel="3" x14ac:dyDescent="0.2">
      <c r="A14714" s="17">
        <v>13993</v>
      </c>
      <c r="B14714" s="17"/>
      <c r="C14714" s="17"/>
      <c r="D14714" s="18" t="s">
        <v>7295</v>
      </c>
      <c r="E14714" s="18"/>
      <c r="F14714" s="18"/>
      <c r="G14714" s="18"/>
      <c r="H14714" s="18"/>
      <c r="I14714" s="18"/>
      <c r="J14714" s="18"/>
      <c r="K14714" s="18"/>
      <c r="L14714" s="18"/>
      <c r="M14714" s="18"/>
      <c r="N14714" s="18"/>
      <c r="O14714" s="18"/>
      <c r="P14714" s="19">
        <v>450</v>
      </c>
      <c r="Q14714" s="19"/>
      <c r="R14714" s="19"/>
      <c r="S14714" s="19"/>
      <c r="T14714" s="19">
        <v>340</v>
      </c>
      <c r="U14714" s="19"/>
      <c r="V14714" s="19"/>
      <c r="W14714" s="19"/>
      <c r="X14714" s="19">
        <v>14</v>
      </c>
      <c r="Y14714" s="19"/>
      <c r="Z14714" s="19"/>
      <c r="AA14714" s="19"/>
    </row>
    <row r="14715" spans="1:27" s="1" customFormat="1" ht="11.1" customHeight="1" outlineLevel="3" x14ac:dyDescent="0.2">
      <c r="A14715" s="17"/>
      <c r="B14715" s="17"/>
      <c r="C14715" s="17"/>
      <c r="D14715" s="18"/>
      <c r="E14715" s="18"/>
      <c r="F14715" s="18"/>
      <c r="G14715" s="18"/>
      <c r="H14715" s="18"/>
      <c r="I14715" s="18"/>
      <c r="J14715" s="18"/>
      <c r="K14715" s="18"/>
      <c r="L14715" s="18"/>
      <c r="M14715" s="18"/>
      <c r="N14715" s="18"/>
      <c r="O14715" s="18"/>
      <c r="P14715" s="19"/>
      <c r="Q14715" s="19"/>
      <c r="R14715" s="19"/>
      <c r="S14715" s="19"/>
      <c r="T14715" s="19"/>
      <c r="U14715" s="19"/>
      <c r="V14715" s="19"/>
      <c r="W14715" s="19"/>
      <c r="X14715" s="19"/>
      <c r="Y14715" s="19"/>
      <c r="Z14715" s="19"/>
      <c r="AA14715" s="19"/>
    </row>
    <row r="14716" spans="1:27" s="1" customFormat="1" ht="11.1" customHeight="1" outlineLevel="3" x14ac:dyDescent="0.2">
      <c r="A14716" s="17">
        <v>9179</v>
      </c>
      <c r="B14716" s="17"/>
      <c r="C14716" s="17"/>
      <c r="D14716" s="18" t="s">
        <v>7296</v>
      </c>
      <c r="E14716" s="18"/>
      <c r="F14716" s="18"/>
      <c r="G14716" s="18"/>
      <c r="H14716" s="18"/>
      <c r="I14716" s="18"/>
      <c r="J14716" s="18"/>
      <c r="K14716" s="18"/>
      <c r="L14716" s="18"/>
      <c r="M14716" s="18"/>
      <c r="N14716" s="18"/>
      <c r="O14716" s="18"/>
      <c r="P14716" s="19">
        <v>330</v>
      </c>
      <c r="Q14716" s="19"/>
      <c r="R14716" s="19"/>
      <c r="S14716" s="19"/>
      <c r="T14716" s="19">
        <v>265</v>
      </c>
      <c r="U14716" s="19"/>
      <c r="V14716" s="19"/>
      <c r="W14716" s="19"/>
      <c r="X14716" s="19">
        <v>4</v>
      </c>
      <c r="Y14716" s="19"/>
      <c r="Z14716" s="19"/>
      <c r="AA14716" s="19"/>
    </row>
    <row r="14717" spans="1:27" s="1" customFormat="1" ht="11.1" customHeight="1" outlineLevel="3" x14ac:dyDescent="0.2">
      <c r="A14717" s="17"/>
      <c r="B14717" s="17"/>
      <c r="C14717" s="17"/>
      <c r="D14717" s="18"/>
      <c r="E14717" s="18"/>
      <c r="F14717" s="18"/>
      <c r="G14717" s="18"/>
      <c r="H14717" s="18"/>
      <c r="I14717" s="18"/>
      <c r="J14717" s="18"/>
      <c r="K14717" s="18"/>
      <c r="L14717" s="18"/>
      <c r="M14717" s="18"/>
      <c r="N14717" s="18"/>
      <c r="O14717" s="18"/>
      <c r="P14717" s="19"/>
      <c r="Q14717" s="19"/>
      <c r="R14717" s="19"/>
      <c r="S14717" s="19"/>
      <c r="T14717" s="19"/>
      <c r="U14717" s="19"/>
      <c r="V14717" s="19"/>
      <c r="W14717" s="19"/>
      <c r="X14717" s="19"/>
      <c r="Y14717" s="19"/>
      <c r="Z14717" s="19"/>
      <c r="AA14717" s="19"/>
    </row>
    <row r="14718" spans="1:27" s="1" customFormat="1" ht="11.1" customHeight="1" outlineLevel="3" x14ac:dyDescent="0.2">
      <c r="A14718" s="17">
        <v>9180</v>
      </c>
      <c r="B14718" s="17"/>
      <c r="C14718" s="17"/>
      <c r="D14718" s="18" t="s">
        <v>7297</v>
      </c>
      <c r="E14718" s="18"/>
      <c r="F14718" s="18"/>
      <c r="G14718" s="18"/>
      <c r="H14718" s="18"/>
      <c r="I14718" s="18"/>
      <c r="J14718" s="18"/>
      <c r="K14718" s="18"/>
      <c r="L14718" s="18"/>
      <c r="M14718" s="18"/>
      <c r="N14718" s="18"/>
      <c r="O14718" s="18"/>
      <c r="P14718" s="19">
        <v>400</v>
      </c>
      <c r="Q14718" s="19"/>
      <c r="R14718" s="19"/>
      <c r="S14718" s="19"/>
      <c r="T14718" s="19">
        <v>280</v>
      </c>
      <c r="U14718" s="19"/>
      <c r="V14718" s="19"/>
      <c r="W14718" s="19"/>
      <c r="X14718" s="19">
        <v>28</v>
      </c>
      <c r="Y14718" s="19"/>
      <c r="Z14718" s="19"/>
      <c r="AA14718" s="19"/>
    </row>
    <row r="14719" spans="1:27" s="1" customFormat="1" ht="11.1" customHeight="1" outlineLevel="3" x14ac:dyDescent="0.2">
      <c r="A14719" s="17"/>
      <c r="B14719" s="17"/>
      <c r="C14719" s="17"/>
      <c r="D14719" s="18"/>
      <c r="E14719" s="18"/>
      <c r="F14719" s="18"/>
      <c r="G14719" s="18"/>
      <c r="H14719" s="18"/>
      <c r="I14719" s="18"/>
      <c r="J14719" s="18"/>
      <c r="K14719" s="18"/>
      <c r="L14719" s="18"/>
      <c r="M14719" s="18"/>
      <c r="N14719" s="18"/>
      <c r="O14719" s="18"/>
      <c r="P14719" s="19"/>
      <c r="Q14719" s="19"/>
      <c r="R14719" s="19"/>
      <c r="S14719" s="19"/>
      <c r="T14719" s="19"/>
      <c r="U14719" s="19"/>
      <c r="V14719" s="19"/>
      <c r="W14719" s="19"/>
      <c r="X14719" s="19"/>
      <c r="Y14719" s="19"/>
      <c r="Z14719" s="19"/>
      <c r="AA14719" s="19"/>
    </row>
    <row r="14720" spans="1:27" s="1" customFormat="1" ht="11.1" customHeight="1" outlineLevel="3" x14ac:dyDescent="0.2">
      <c r="A14720" s="17">
        <v>10383</v>
      </c>
      <c r="B14720" s="17"/>
      <c r="C14720" s="17"/>
      <c r="D14720" s="18" t="s">
        <v>7298</v>
      </c>
      <c r="E14720" s="18"/>
      <c r="F14720" s="18"/>
      <c r="G14720" s="18"/>
      <c r="H14720" s="18"/>
      <c r="I14720" s="18"/>
      <c r="J14720" s="18"/>
      <c r="K14720" s="18"/>
      <c r="L14720" s="18"/>
      <c r="M14720" s="18"/>
      <c r="N14720" s="18"/>
      <c r="O14720" s="18"/>
      <c r="P14720" s="19">
        <v>420</v>
      </c>
      <c r="Q14720" s="19"/>
      <c r="R14720" s="19"/>
      <c r="S14720" s="19"/>
      <c r="T14720" s="19">
        <v>290</v>
      </c>
      <c r="U14720" s="19"/>
      <c r="V14720" s="19"/>
      <c r="W14720" s="19"/>
      <c r="X14720" s="19">
        <v>8</v>
      </c>
      <c r="Y14720" s="19"/>
      <c r="Z14720" s="19"/>
      <c r="AA14720" s="19"/>
    </row>
    <row r="14721" spans="1:27" s="1" customFormat="1" ht="11.1" customHeight="1" outlineLevel="3" x14ac:dyDescent="0.2">
      <c r="A14721" s="17"/>
      <c r="B14721" s="17"/>
      <c r="C14721" s="17"/>
      <c r="D14721" s="18"/>
      <c r="E14721" s="18"/>
      <c r="F14721" s="18"/>
      <c r="G14721" s="18"/>
      <c r="H14721" s="18"/>
      <c r="I14721" s="18"/>
      <c r="J14721" s="18"/>
      <c r="K14721" s="18"/>
      <c r="L14721" s="18"/>
      <c r="M14721" s="18"/>
      <c r="N14721" s="18"/>
      <c r="O14721" s="18"/>
      <c r="P14721" s="19"/>
      <c r="Q14721" s="19"/>
      <c r="R14721" s="19"/>
      <c r="S14721" s="19"/>
      <c r="T14721" s="19"/>
      <c r="U14721" s="19"/>
      <c r="V14721" s="19"/>
      <c r="W14721" s="19"/>
      <c r="X14721" s="19"/>
      <c r="Y14721" s="19"/>
      <c r="Z14721" s="19"/>
      <c r="AA14721" s="19"/>
    </row>
    <row r="14722" spans="1:27" s="1" customFormat="1" ht="11.1" customHeight="1" outlineLevel="3" x14ac:dyDescent="0.2">
      <c r="A14722" s="17">
        <v>9181</v>
      </c>
      <c r="B14722" s="17"/>
      <c r="C14722" s="17"/>
      <c r="D14722" s="18" t="s">
        <v>7299</v>
      </c>
      <c r="E14722" s="18"/>
      <c r="F14722" s="18"/>
      <c r="G14722" s="18"/>
      <c r="H14722" s="18"/>
      <c r="I14722" s="18"/>
      <c r="J14722" s="18"/>
      <c r="K14722" s="18"/>
      <c r="L14722" s="18"/>
      <c r="M14722" s="18"/>
      <c r="N14722" s="18"/>
      <c r="O14722" s="18"/>
      <c r="P14722" s="19">
        <v>390</v>
      </c>
      <c r="Q14722" s="19"/>
      <c r="R14722" s="19"/>
      <c r="S14722" s="19"/>
      <c r="T14722" s="19">
        <v>295</v>
      </c>
      <c r="U14722" s="19"/>
      <c r="V14722" s="19"/>
      <c r="W14722" s="19"/>
      <c r="X14722" s="19">
        <v>3</v>
      </c>
      <c r="Y14722" s="19"/>
      <c r="Z14722" s="19"/>
      <c r="AA14722" s="19"/>
    </row>
    <row r="14723" spans="1:27" s="1" customFormat="1" ht="11.1" customHeight="1" outlineLevel="3" x14ac:dyDescent="0.2">
      <c r="A14723" s="17"/>
      <c r="B14723" s="17"/>
      <c r="C14723" s="17"/>
      <c r="D14723" s="18"/>
      <c r="E14723" s="18"/>
      <c r="F14723" s="18"/>
      <c r="G14723" s="18"/>
      <c r="H14723" s="18"/>
      <c r="I14723" s="18"/>
      <c r="J14723" s="18"/>
      <c r="K14723" s="18"/>
      <c r="L14723" s="18"/>
      <c r="M14723" s="18"/>
      <c r="N14723" s="18"/>
      <c r="O14723" s="18"/>
      <c r="P14723" s="19"/>
      <c r="Q14723" s="19"/>
      <c r="R14723" s="19"/>
      <c r="S14723" s="19"/>
      <c r="T14723" s="19"/>
      <c r="U14723" s="19"/>
      <c r="V14723" s="19"/>
      <c r="W14723" s="19"/>
      <c r="X14723" s="19"/>
      <c r="Y14723" s="19"/>
      <c r="Z14723" s="19"/>
      <c r="AA14723" s="19"/>
    </row>
    <row r="14724" spans="1:27" s="1" customFormat="1" ht="11.1" customHeight="1" outlineLevel="3" x14ac:dyDescent="0.2">
      <c r="A14724" s="17">
        <v>9182</v>
      </c>
      <c r="B14724" s="17"/>
      <c r="C14724" s="17"/>
      <c r="D14724" s="18" t="s">
        <v>7300</v>
      </c>
      <c r="E14724" s="18"/>
      <c r="F14724" s="18"/>
      <c r="G14724" s="18"/>
      <c r="H14724" s="18"/>
      <c r="I14724" s="18"/>
      <c r="J14724" s="18"/>
      <c r="K14724" s="18"/>
      <c r="L14724" s="18"/>
      <c r="M14724" s="18"/>
      <c r="N14724" s="18"/>
      <c r="O14724" s="18"/>
      <c r="P14724" s="19">
        <v>500</v>
      </c>
      <c r="Q14724" s="19"/>
      <c r="R14724" s="19"/>
      <c r="S14724" s="19"/>
      <c r="T14724" s="19">
        <v>330</v>
      </c>
      <c r="U14724" s="19"/>
      <c r="V14724" s="19"/>
      <c r="W14724" s="19"/>
      <c r="X14724" s="19">
        <v>16</v>
      </c>
      <c r="Y14724" s="19"/>
      <c r="Z14724" s="19"/>
      <c r="AA14724" s="19"/>
    </row>
    <row r="14725" spans="1:27" s="1" customFormat="1" ht="11.1" customHeight="1" outlineLevel="3" x14ac:dyDescent="0.2">
      <c r="A14725" s="17"/>
      <c r="B14725" s="17"/>
      <c r="C14725" s="17"/>
      <c r="D14725" s="18"/>
      <c r="E14725" s="18"/>
      <c r="F14725" s="18"/>
      <c r="G14725" s="18"/>
      <c r="H14725" s="18"/>
      <c r="I14725" s="18"/>
      <c r="J14725" s="18"/>
      <c r="K14725" s="18"/>
      <c r="L14725" s="18"/>
      <c r="M14725" s="18"/>
      <c r="N14725" s="18"/>
      <c r="O14725" s="18"/>
      <c r="P14725" s="19"/>
      <c r="Q14725" s="19"/>
      <c r="R14725" s="19"/>
      <c r="S14725" s="19"/>
      <c r="T14725" s="19"/>
      <c r="U14725" s="19"/>
      <c r="V14725" s="19"/>
      <c r="W14725" s="19"/>
      <c r="X14725" s="19"/>
      <c r="Y14725" s="19"/>
      <c r="Z14725" s="19"/>
      <c r="AA14725" s="19"/>
    </row>
    <row r="14726" spans="1:27" s="1" customFormat="1" ht="11.1" customHeight="1" outlineLevel="3" x14ac:dyDescent="0.2">
      <c r="A14726" s="17">
        <v>7303</v>
      </c>
      <c r="B14726" s="17"/>
      <c r="C14726" s="17"/>
      <c r="D14726" s="18" t="s">
        <v>7301</v>
      </c>
      <c r="E14726" s="18"/>
      <c r="F14726" s="18"/>
      <c r="G14726" s="18"/>
      <c r="H14726" s="18"/>
      <c r="I14726" s="18"/>
      <c r="J14726" s="18"/>
      <c r="K14726" s="18"/>
      <c r="L14726" s="18"/>
      <c r="M14726" s="18"/>
      <c r="N14726" s="18"/>
      <c r="O14726" s="18"/>
      <c r="P14726" s="19">
        <v>420</v>
      </c>
      <c r="Q14726" s="19"/>
      <c r="R14726" s="19"/>
      <c r="S14726" s="19"/>
      <c r="T14726" s="19">
        <v>280</v>
      </c>
      <c r="U14726" s="19"/>
      <c r="V14726" s="19"/>
      <c r="W14726" s="19"/>
      <c r="X14726" s="19">
        <v>11</v>
      </c>
      <c r="Y14726" s="19"/>
      <c r="Z14726" s="19"/>
      <c r="AA14726" s="19"/>
    </row>
    <row r="14727" spans="1:27" s="1" customFormat="1" ht="11.1" customHeight="1" outlineLevel="3" x14ac:dyDescent="0.2">
      <c r="A14727" s="17"/>
      <c r="B14727" s="17"/>
      <c r="C14727" s="17"/>
      <c r="D14727" s="18"/>
      <c r="E14727" s="18"/>
      <c r="F14727" s="18"/>
      <c r="G14727" s="18"/>
      <c r="H14727" s="18"/>
      <c r="I14727" s="18"/>
      <c r="J14727" s="18"/>
      <c r="K14727" s="18"/>
      <c r="L14727" s="18"/>
      <c r="M14727" s="18"/>
      <c r="N14727" s="18"/>
      <c r="O14727" s="18"/>
      <c r="P14727" s="19"/>
      <c r="Q14727" s="19"/>
      <c r="R14727" s="19"/>
      <c r="S14727" s="19"/>
      <c r="T14727" s="19"/>
      <c r="U14727" s="19"/>
      <c r="V14727" s="19"/>
      <c r="W14727" s="19"/>
      <c r="X14727" s="19"/>
      <c r="Y14727" s="19"/>
      <c r="Z14727" s="19"/>
      <c r="AA14727" s="19"/>
    </row>
    <row r="14728" spans="1:27" s="1" customFormat="1" ht="11.1" customHeight="1" outlineLevel="3" x14ac:dyDescent="0.2">
      <c r="A14728" s="17">
        <v>7302</v>
      </c>
      <c r="B14728" s="17"/>
      <c r="C14728" s="17"/>
      <c r="D14728" s="18" t="s">
        <v>7302</v>
      </c>
      <c r="E14728" s="18"/>
      <c r="F14728" s="18"/>
      <c r="G14728" s="18"/>
      <c r="H14728" s="18"/>
      <c r="I14728" s="18"/>
      <c r="J14728" s="18"/>
      <c r="K14728" s="18"/>
      <c r="L14728" s="18"/>
      <c r="M14728" s="18"/>
      <c r="N14728" s="18"/>
      <c r="O14728" s="18"/>
      <c r="P14728" s="19">
        <v>390</v>
      </c>
      <c r="Q14728" s="19"/>
      <c r="R14728" s="19"/>
      <c r="S14728" s="19"/>
      <c r="T14728" s="19">
        <v>250</v>
      </c>
      <c r="U14728" s="19"/>
      <c r="V14728" s="19"/>
      <c r="W14728" s="19"/>
      <c r="X14728" s="19">
        <v>11</v>
      </c>
      <c r="Y14728" s="19"/>
      <c r="Z14728" s="19"/>
      <c r="AA14728" s="19"/>
    </row>
    <row r="14729" spans="1:27" s="1" customFormat="1" ht="11.1" customHeight="1" outlineLevel="3" x14ac:dyDescent="0.2">
      <c r="A14729" s="17"/>
      <c r="B14729" s="17"/>
      <c r="C14729" s="17"/>
      <c r="D14729" s="18"/>
      <c r="E14729" s="18"/>
      <c r="F14729" s="18"/>
      <c r="G14729" s="18"/>
      <c r="H14729" s="18"/>
      <c r="I14729" s="18"/>
      <c r="J14729" s="18"/>
      <c r="K14729" s="18"/>
      <c r="L14729" s="18"/>
      <c r="M14729" s="18"/>
      <c r="N14729" s="18"/>
      <c r="O14729" s="18"/>
      <c r="P14729" s="19"/>
      <c r="Q14729" s="19"/>
      <c r="R14729" s="19"/>
      <c r="S14729" s="19"/>
      <c r="T14729" s="19"/>
      <c r="U14729" s="19"/>
      <c r="V14729" s="19"/>
      <c r="W14729" s="19"/>
      <c r="X14729" s="19"/>
      <c r="Y14729" s="19"/>
      <c r="Z14729" s="19"/>
      <c r="AA14729" s="19"/>
    </row>
    <row r="14730" spans="1:27" s="1" customFormat="1" ht="11.1" customHeight="1" outlineLevel="3" x14ac:dyDescent="0.2">
      <c r="A14730" s="17">
        <v>8513</v>
      </c>
      <c r="B14730" s="17"/>
      <c r="C14730" s="17"/>
      <c r="D14730" s="18" t="s">
        <v>7303</v>
      </c>
      <c r="E14730" s="18"/>
      <c r="F14730" s="18"/>
      <c r="G14730" s="18"/>
      <c r="H14730" s="18"/>
      <c r="I14730" s="18"/>
      <c r="J14730" s="18"/>
      <c r="K14730" s="18"/>
      <c r="L14730" s="18"/>
      <c r="M14730" s="18"/>
      <c r="N14730" s="18"/>
      <c r="O14730" s="18"/>
      <c r="P14730" s="19">
        <v>330</v>
      </c>
      <c r="Q14730" s="19"/>
      <c r="R14730" s="19"/>
      <c r="S14730" s="19"/>
      <c r="T14730" s="19">
        <v>215</v>
      </c>
      <c r="U14730" s="19"/>
      <c r="V14730" s="19"/>
      <c r="W14730" s="19"/>
      <c r="X14730" s="19">
        <v>2</v>
      </c>
      <c r="Y14730" s="19"/>
      <c r="Z14730" s="19"/>
      <c r="AA14730" s="19"/>
    </row>
    <row r="14731" spans="1:27" s="1" customFormat="1" ht="11.1" customHeight="1" outlineLevel="3" x14ac:dyDescent="0.2">
      <c r="A14731" s="17"/>
      <c r="B14731" s="17"/>
      <c r="C14731" s="17"/>
      <c r="D14731" s="18"/>
      <c r="E14731" s="18"/>
      <c r="F14731" s="18"/>
      <c r="G14731" s="18"/>
      <c r="H14731" s="18"/>
      <c r="I14731" s="18"/>
      <c r="J14731" s="18"/>
      <c r="K14731" s="18"/>
      <c r="L14731" s="18"/>
      <c r="M14731" s="18"/>
      <c r="N14731" s="18"/>
      <c r="O14731" s="18"/>
      <c r="P14731" s="19"/>
      <c r="Q14731" s="19"/>
      <c r="R14731" s="19"/>
      <c r="S14731" s="19"/>
      <c r="T14731" s="19"/>
      <c r="U14731" s="19"/>
      <c r="V14731" s="19"/>
      <c r="W14731" s="19"/>
      <c r="X14731" s="19"/>
      <c r="Y14731" s="19"/>
      <c r="Z14731" s="19"/>
      <c r="AA14731" s="19"/>
    </row>
    <row r="14732" spans="1:27" s="1" customFormat="1" ht="11.1" customHeight="1" outlineLevel="3" x14ac:dyDescent="0.2">
      <c r="A14732" s="17">
        <v>8013</v>
      </c>
      <c r="B14732" s="17"/>
      <c r="C14732" s="17"/>
      <c r="D14732" s="18" t="s">
        <v>7304</v>
      </c>
      <c r="E14732" s="18"/>
      <c r="F14732" s="18"/>
      <c r="G14732" s="18"/>
      <c r="H14732" s="18"/>
      <c r="I14732" s="18"/>
      <c r="J14732" s="18"/>
      <c r="K14732" s="18"/>
      <c r="L14732" s="18"/>
      <c r="M14732" s="18"/>
      <c r="N14732" s="18"/>
      <c r="O14732" s="18"/>
      <c r="P14732" s="19">
        <v>320</v>
      </c>
      <c r="Q14732" s="19"/>
      <c r="R14732" s="19"/>
      <c r="S14732" s="19"/>
      <c r="T14732" s="19">
        <v>210</v>
      </c>
      <c r="U14732" s="19"/>
      <c r="V14732" s="19"/>
      <c r="W14732" s="19"/>
      <c r="X14732" s="19">
        <v>3</v>
      </c>
      <c r="Y14732" s="19"/>
      <c r="Z14732" s="19"/>
      <c r="AA14732" s="19"/>
    </row>
    <row r="14733" spans="1:27" s="1" customFormat="1" ht="11.1" customHeight="1" outlineLevel="3" x14ac:dyDescent="0.2">
      <c r="A14733" s="17"/>
      <c r="B14733" s="17"/>
      <c r="C14733" s="17"/>
      <c r="D14733" s="18"/>
      <c r="E14733" s="18"/>
      <c r="F14733" s="18"/>
      <c r="G14733" s="18"/>
      <c r="H14733" s="18"/>
      <c r="I14733" s="18"/>
      <c r="J14733" s="18"/>
      <c r="K14733" s="18"/>
      <c r="L14733" s="18"/>
      <c r="M14733" s="18"/>
      <c r="N14733" s="18"/>
      <c r="O14733" s="18"/>
      <c r="P14733" s="19"/>
      <c r="Q14733" s="19"/>
      <c r="R14733" s="19"/>
      <c r="S14733" s="19"/>
      <c r="T14733" s="19"/>
      <c r="U14733" s="19"/>
      <c r="V14733" s="19"/>
      <c r="W14733" s="19"/>
      <c r="X14733" s="19"/>
      <c r="Y14733" s="19"/>
      <c r="Z14733" s="19"/>
      <c r="AA14733" s="19"/>
    </row>
    <row r="14734" spans="1:27" s="1" customFormat="1" ht="11.1" customHeight="1" outlineLevel="3" x14ac:dyDescent="0.2">
      <c r="A14734" s="17">
        <v>6745</v>
      </c>
      <c r="B14734" s="17"/>
      <c r="C14734" s="17"/>
      <c r="D14734" s="18" t="s">
        <v>7305</v>
      </c>
      <c r="E14734" s="18"/>
      <c r="F14734" s="18"/>
      <c r="G14734" s="18"/>
      <c r="H14734" s="18"/>
      <c r="I14734" s="18"/>
      <c r="J14734" s="18"/>
      <c r="K14734" s="18"/>
      <c r="L14734" s="18"/>
      <c r="M14734" s="18"/>
      <c r="N14734" s="18"/>
      <c r="O14734" s="18"/>
      <c r="P14734" s="19">
        <v>470</v>
      </c>
      <c r="Q14734" s="19"/>
      <c r="R14734" s="19"/>
      <c r="S14734" s="19"/>
      <c r="T14734" s="19">
        <v>320</v>
      </c>
      <c r="U14734" s="19"/>
      <c r="V14734" s="19"/>
      <c r="W14734" s="19"/>
      <c r="X14734" s="19">
        <v>14</v>
      </c>
      <c r="Y14734" s="19"/>
      <c r="Z14734" s="19"/>
      <c r="AA14734" s="19"/>
    </row>
    <row r="14735" spans="1:27" s="1" customFormat="1" ht="11.1" customHeight="1" outlineLevel="3" x14ac:dyDescent="0.2">
      <c r="A14735" s="17"/>
      <c r="B14735" s="17"/>
      <c r="C14735" s="17"/>
      <c r="D14735" s="18"/>
      <c r="E14735" s="18"/>
      <c r="F14735" s="18"/>
      <c r="G14735" s="18"/>
      <c r="H14735" s="18"/>
      <c r="I14735" s="18"/>
      <c r="J14735" s="18"/>
      <c r="K14735" s="18"/>
      <c r="L14735" s="18"/>
      <c r="M14735" s="18"/>
      <c r="N14735" s="18"/>
      <c r="O14735" s="18"/>
      <c r="P14735" s="19"/>
      <c r="Q14735" s="19"/>
      <c r="R14735" s="19"/>
      <c r="S14735" s="19"/>
      <c r="T14735" s="19"/>
      <c r="U14735" s="19"/>
      <c r="V14735" s="19"/>
      <c r="W14735" s="19"/>
      <c r="X14735" s="19"/>
      <c r="Y14735" s="19"/>
      <c r="Z14735" s="19"/>
      <c r="AA14735" s="19"/>
    </row>
    <row r="14736" spans="1:27" s="1" customFormat="1" ht="11.1" customHeight="1" outlineLevel="3" x14ac:dyDescent="0.2">
      <c r="A14736" s="17">
        <v>6746</v>
      </c>
      <c r="B14736" s="17"/>
      <c r="C14736" s="17"/>
      <c r="D14736" s="18" t="s">
        <v>7306</v>
      </c>
      <c r="E14736" s="18"/>
      <c r="F14736" s="18"/>
      <c r="G14736" s="18"/>
      <c r="H14736" s="18"/>
      <c r="I14736" s="18"/>
      <c r="J14736" s="18"/>
      <c r="K14736" s="18"/>
      <c r="L14736" s="18"/>
      <c r="M14736" s="18"/>
      <c r="N14736" s="18"/>
      <c r="O14736" s="18"/>
      <c r="P14736" s="19">
        <v>490</v>
      </c>
      <c r="Q14736" s="19"/>
      <c r="R14736" s="19"/>
      <c r="S14736" s="19"/>
      <c r="T14736" s="19">
        <v>340</v>
      </c>
      <c r="U14736" s="19"/>
      <c r="V14736" s="19"/>
      <c r="W14736" s="19"/>
      <c r="X14736" s="19">
        <v>1</v>
      </c>
      <c r="Y14736" s="19"/>
      <c r="Z14736" s="19"/>
      <c r="AA14736" s="19"/>
    </row>
    <row r="14737" spans="1:27" s="1" customFormat="1" ht="11.1" customHeight="1" outlineLevel="3" x14ac:dyDescent="0.2">
      <c r="A14737" s="17"/>
      <c r="B14737" s="17"/>
      <c r="C14737" s="17"/>
      <c r="D14737" s="18"/>
      <c r="E14737" s="18"/>
      <c r="F14737" s="18"/>
      <c r="G14737" s="18"/>
      <c r="H14737" s="18"/>
      <c r="I14737" s="18"/>
      <c r="J14737" s="18"/>
      <c r="K14737" s="18"/>
      <c r="L14737" s="18"/>
      <c r="M14737" s="18"/>
      <c r="N14737" s="18"/>
      <c r="O14737" s="18"/>
      <c r="P14737" s="19"/>
      <c r="Q14737" s="19"/>
      <c r="R14737" s="19"/>
      <c r="S14737" s="19"/>
      <c r="T14737" s="19"/>
      <c r="U14737" s="19"/>
      <c r="V14737" s="19"/>
      <c r="W14737" s="19"/>
      <c r="X14737" s="19"/>
      <c r="Y14737" s="19"/>
      <c r="Z14737" s="19"/>
      <c r="AA14737" s="19"/>
    </row>
    <row r="14738" spans="1:27" s="1" customFormat="1" ht="11.1" customHeight="1" outlineLevel="3" x14ac:dyDescent="0.2">
      <c r="A14738" s="17">
        <v>17762</v>
      </c>
      <c r="B14738" s="17"/>
      <c r="C14738" s="17"/>
      <c r="D14738" s="18" t="s">
        <v>7307</v>
      </c>
      <c r="E14738" s="18"/>
      <c r="F14738" s="18"/>
      <c r="G14738" s="18"/>
      <c r="H14738" s="18"/>
      <c r="I14738" s="18"/>
      <c r="J14738" s="18"/>
      <c r="K14738" s="18"/>
      <c r="L14738" s="18"/>
      <c r="M14738" s="18"/>
      <c r="N14738" s="18"/>
      <c r="O14738" s="18"/>
      <c r="P14738" s="19">
        <v>790</v>
      </c>
      <c r="Q14738" s="19"/>
      <c r="R14738" s="19"/>
      <c r="S14738" s="19"/>
      <c r="T14738" s="21"/>
      <c r="U14738" s="21"/>
      <c r="V14738" s="21"/>
      <c r="W14738" s="21"/>
      <c r="X14738" s="19">
        <v>11</v>
      </c>
      <c r="Y14738" s="19"/>
      <c r="Z14738" s="19"/>
      <c r="AA14738" s="19"/>
    </row>
    <row r="14739" spans="1:27" s="1" customFormat="1" ht="11.1" customHeight="1" outlineLevel="3" x14ac:dyDescent="0.2">
      <c r="A14739" s="17"/>
      <c r="B14739" s="17"/>
      <c r="C14739" s="17"/>
      <c r="D14739" s="18"/>
      <c r="E14739" s="18"/>
      <c r="F14739" s="18"/>
      <c r="G14739" s="18"/>
      <c r="H14739" s="18"/>
      <c r="I14739" s="18"/>
      <c r="J14739" s="18"/>
      <c r="K14739" s="18"/>
      <c r="L14739" s="18"/>
      <c r="M14739" s="18"/>
      <c r="N14739" s="18"/>
      <c r="O14739" s="18"/>
      <c r="P14739" s="19"/>
      <c r="Q14739" s="19"/>
      <c r="R14739" s="19"/>
      <c r="S14739" s="19"/>
      <c r="T14739" s="21"/>
      <c r="U14739" s="21"/>
      <c r="V14739" s="21"/>
      <c r="W14739" s="21"/>
      <c r="X14739" s="19"/>
      <c r="Y14739" s="19"/>
      <c r="Z14739" s="19"/>
      <c r="AA14739" s="19"/>
    </row>
    <row r="14740" spans="1:27" s="1" customFormat="1" ht="11.1" customHeight="1" outlineLevel="3" x14ac:dyDescent="0.2">
      <c r="A14740" s="17">
        <v>17760</v>
      </c>
      <c r="B14740" s="17"/>
      <c r="C14740" s="17"/>
      <c r="D14740" s="18" t="s">
        <v>7308</v>
      </c>
      <c r="E14740" s="18"/>
      <c r="F14740" s="18"/>
      <c r="G14740" s="18"/>
      <c r="H14740" s="18"/>
      <c r="I14740" s="18"/>
      <c r="J14740" s="18"/>
      <c r="K14740" s="18"/>
      <c r="L14740" s="18"/>
      <c r="M14740" s="18"/>
      <c r="N14740" s="18"/>
      <c r="O14740" s="18"/>
      <c r="P14740" s="19">
        <v>400</v>
      </c>
      <c r="Q14740" s="19"/>
      <c r="R14740" s="19"/>
      <c r="S14740" s="19"/>
      <c r="T14740" s="19">
        <v>300</v>
      </c>
      <c r="U14740" s="19"/>
      <c r="V14740" s="19"/>
      <c r="W14740" s="19"/>
      <c r="X14740" s="19">
        <v>20</v>
      </c>
      <c r="Y14740" s="19"/>
      <c r="Z14740" s="19"/>
      <c r="AA14740" s="19"/>
    </row>
    <row r="14741" spans="1:27" s="1" customFormat="1" ht="11.1" customHeight="1" outlineLevel="3" x14ac:dyDescent="0.2">
      <c r="A14741" s="17"/>
      <c r="B14741" s="17"/>
      <c r="C14741" s="17"/>
      <c r="D14741" s="18"/>
      <c r="E14741" s="18"/>
      <c r="F14741" s="18"/>
      <c r="G14741" s="18"/>
      <c r="H14741" s="18"/>
      <c r="I14741" s="18"/>
      <c r="J14741" s="18"/>
      <c r="K14741" s="18"/>
      <c r="L14741" s="18"/>
      <c r="M14741" s="18"/>
      <c r="N14741" s="18"/>
      <c r="O14741" s="18"/>
      <c r="P14741" s="19"/>
      <c r="Q14741" s="19"/>
      <c r="R14741" s="19"/>
      <c r="S14741" s="19"/>
      <c r="T14741" s="19"/>
      <c r="U14741" s="19"/>
      <c r="V14741" s="19"/>
      <c r="W14741" s="19"/>
      <c r="X14741" s="19"/>
      <c r="Y14741" s="19"/>
      <c r="Z14741" s="19"/>
      <c r="AA14741" s="19"/>
    </row>
    <row r="14742" spans="1:27" s="1" customFormat="1" ht="11.1" customHeight="1" outlineLevel="3" x14ac:dyDescent="0.2">
      <c r="A14742" s="17">
        <v>17761</v>
      </c>
      <c r="B14742" s="17"/>
      <c r="C14742" s="17"/>
      <c r="D14742" s="18" t="s">
        <v>7309</v>
      </c>
      <c r="E14742" s="18"/>
      <c r="F14742" s="18"/>
      <c r="G14742" s="18"/>
      <c r="H14742" s="18"/>
      <c r="I14742" s="18"/>
      <c r="J14742" s="18"/>
      <c r="K14742" s="18"/>
      <c r="L14742" s="18"/>
      <c r="M14742" s="18"/>
      <c r="N14742" s="18"/>
      <c r="O14742" s="18"/>
      <c r="P14742" s="19">
        <v>490</v>
      </c>
      <c r="Q14742" s="19"/>
      <c r="R14742" s="19"/>
      <c r="S14742" s="19"/>
      <c r="T14742" s="19">
        <v>400</v>
      </c>
      <c r="U14742" s="19"/>
      <c r="V14742" s="19"/>
      <c r="W14742" s="19"/>
      <c r="X14742" s="19">
        <v>21</v>
      </c>
      <c r="Y14742" s="19"/>
      <c r="Z14742" s="19"/>
      <c r="AA14742" s="19"/>
    </row>
    <row r="14743" spans="1:27" s="1" customFormat="1" ht="11.1" customHeight="1" outlineLevel="3" x14ac:dyDescent="0.2">
      <c r="A14743" s="17"/>
      <c r="B14743" s="17"/>
      <c r="C14743" s="17"/>
      <c r="D14743" s="18"/>
      <c r="E14743" s="18"/>
      <c r="F14743" s="18"/>
      <c r="G14743" s="18"/>
      <c r="H14743" s="18"/>
      <c r="I14743" s="18"/>
      <c r="J14743" s="18"/>
      <c r="K14743" s="18"/>
      <c r="L14743" s="18"/>
      <c r="M14743" s="18"/>
      <c r="N14743" s="18"/>
      <c r="O14743" s="18"/>
      <c r="P14743" s="19"/>
      <c r="Q14743" s="19"/>
      <c r="R14743" s="19"/>
      <c r="S14743" s="19"/>
      <c r="T14743" s="19"/>
      <c r="U14743" s="19"/>
      <c r="V14743" s="19"/>
      <c r="W14743" s="19"/>
      <c r="X14743" s="19"/>
      <c r="Y14743" s="19"/>
      <c r="Z14743" s="19"/>
      <c r="AA14743" s="19"/>
    </row>
    <row r="14744" spans="1:27" s="1" customFormat="1" ht="11.1" customHeight="1" outlineLevel="3" x14ac:dyDescent="0.2">
      <c r="A14744" s="17">
        <v>17759</v>
      </c>
      <c r="B14744" s="17"/>
      <c r="C14744" s="17"/>
      <c r="D14744" s="18" t="s">
        <v>7310</v>
      </c>
      <c r="E14744" s="18"/>
      <c r="F14744" s="18"/>
      <c r="G14744" s="18"/>
      <c r="H14744" s="18"/>
      <c r="I14744" s="18"/>
      <c r="J14744" s="18"/>
      <c r="K14744" s="18"/>
      <c r="L14744" s="18"/>
      <c r="M14744" s="18"/>
      <c r="N14744" s="18"/>
      <c r="O14744" s="18"/>
      <c r="P14744" s="19">
        <v>350</v>
      </c>
      <c r="Q14744" s="19"/>
      <c r="R14744" s="19"/>
      <c r="S14744" s="19"/>
      <c r="T14744" s="19">
        <v>250</v>
      </c>
      <c r="U14744" s="19"/>
      <c r="V14744" s="19"/>
      <c r="W14744" s="19"/>
      <c r="X14744" s="19">
        <v>21</v>
      </c>
      <c r="Y14744" s="19"/>
      <c r="Z14744" s="19"/>
      <c r="AA14744" s="19"/>
    </row>
    <row r="14745" spans="1:27" s="1" customFormat="1" ht="11.1" customHeight="1" outlineLevel="3" x14ac:dyDescent="0.2">
      <c r="A14745" s="17"/>
      <c r="B14745" s="17"/>
      <c r="C14745" s="17"/>
      <c r="D14745" s="18"/>
      <c r="E14745" s="18"/>
      <c r="F14745" s="18"/>
      <c r="G14745" s="18"/>
      <c r="H14745" s="18"/>
      <c r="I14745" s="18"/>
      <c r="J14745" s="18"/>
      <c r="K14745" s="18"/>
      <c r="L14745" s="18"/>
      <c r="M14745" s="18"/>
      <c r="N14745" s="18"/>
      <c r="O14745" s="18"/>
      <c r="P14745" s="19"/>
      <c r="Q14745" s="19"/>
      <c r="R14745" s="19"/>
      <c r="S14745" s="19"/>
      <c r="T14745" s="19"/>
      <c r="U14745" s="19"/>
      <c r="V14745" s="19"/>
      <c r="W14745" s="19"/>
      <c r="X14745" s="19"/>
      <c r="Y14745" s="19"/>
      <c r="Z14745" s="19"/>
      <c r="AA14745" s="19"/>
    </row>
    <row r="14746" spans="1:27" s="1" customFormat="1" ht="11.1" customHeight="1" outlineLevel="3" x14ac:dyDescent="0.2">
      <c r="A14746" s="17">
        <v>15634</v>
      </c>
      <c r="B14746" s="17"/>
      <c r="C14746" s="17"/>
      <c r="D14746" s="18" t="s">
        <v>7311</v>
      </c>
      <c r="E14746" s="18"/>
      <c r="F14746" s="18"/>
      <c r="G14746" s="18"/>
      <c r="H14746" s="18"/>
      <c r="I14746" s="18"/>
      <c r="J14746" s="18"/>
      <c r="K14746" s="18"/>
      <c r="L14746" s="18"/>
      <c r="M14746" s="18"/>
      <c r="N14746" s="18"/>
      <c r="O14746" s="18"/>
      <c r="P14746" s="19">
        <v>350</v>
      </c>
      <c r="Q14746" s="19"/>
      <c r="R14746" s="19"/>
      <c r="S14746" s="19"/>
      <c r="T14746" s="19">
        <v>270</v>
      </c>
      <c r="U14746" s="19"/>
      <c r="V14746" s="19"/>
      <c r="W14746" s="19"/>
      <c r="X14746" s="19">
        <v>27</v>
      </c>
      <c r="Y14746" s="19"/>
      <c r="Z14746" s="19"/>
      <c r="AA14746" s="19"/>
    </row>
    <row r="14747" spans="1:27" s="1" customFormat="1" ht="11.1" customHeight="1" outlineLevel="3" x14ac:dyDescent="0.2">
      <c r="A14747" s="17"/>
      <c r="B14747" s="17"/>
      <c r="C14747" s="17"/>
      <c r="D14747" s="18"/>
      <c r="E14747" s="18"/>
      <c r="F14747" s="18"/>
      <c r="G14747" s="18"/>
      <c r="H14747" s="18"/>
      <c r="I14747" s="18"/>
      <c r="J14747" s="18"/>
      <c r="K14747" s="18"/>
      <c r="L14747" s="18"/>
      <c r="M14747" s="18"/>
      <c r="N14747" s="18"/>
      <c r="O14747" s="18"/>
      <c r="P14747" s="19"/>
      <c r="Q14747" s="19"/>
      <c r="R14747" s="19"/>
      <c r="S14747" s="19"/>
      <c r="T14747" s="19"/>
      <c r="U14747" s="19"/>
      <c r="V14747" s="19"/>
      <c r="W14747" s="19"/>
      <c r="X14747" s="19"/>
      <c r="Y14747" s="19"/>
      <c r="Z14747" s="19"/>
      <c r="AA14747" s="19"/>
    </row>
    <row r="14748" spans="1:27" s="1" customFormat="1" ht="14.1" customHeight="1" outlineLevel="3" x14ac:dyDescent="0.2">
      <c r="A14748" s="17">
        <v>8498</v>
      </c>
      <c r="B14748" s="17"/>
      <c r="C14748" s="17"/>
      <c r="D14748" s="18" t="s">
        <v>7312</v>
      </c>
      <c r="E14748" s="18"/>
      <c r="F14748" s="18"/>
      <c r="G14748" s="18"/>
      <c r="H14748" s="18"/>
      <c r="I14748" s="18"/>
      <c r="J14748" s="18"/>
      <c r="K14748" s="18"/>
      <c r="L14748" s="18"/>
      <c r="M14748" s="18"/>
      <c r="N14748" s="18"/>
      <c r="O14748" s="18"/>
      <c r="P14748" s="19">
        <v>220</v>
      </c>
      <c r="Q14748" s="19"/>
      <c r="R14748" s="19"/>
      <c r="S14748" s="19"/>
      <c r="T14748" s="19">
        <v>110</v>
      </c>
      <c r="U14748" s="19"/>
      <c r="V14748" s="19"/>
      <c r="W14748" s="19"/>
      <c r="X14748" s="19">
        <v>6</v>
      </c>
      <c r="Y14748" s="19"/>
      <c r="Z14748" s="19"/>
      <c r="AA14748" s="19"/>
    </row>
    <row r="14749" spans="1:27" s="1" customFormat="1" ht="14.1" customHeight="1" outlineLevel="3" x14ac:dyDescent="0.2">
      <c r="A14749" s="17"/>
      <c r="B14749" s="17"/>
      <c r="C14749" s="17"/>
      <c r="D14749" s="18"/>
      <c r="E14749" s="18"/>
      <c r="F14749" s="18"/>
      <c r="G14749" s="18"/>
      <c r="H14749" s="18"/>
      <c r="I14749" s="18"/>
      <c r="J14749" s="18"/>
      <c r="K14749" s="18"/>
      <c r="L14749" s="18"/>
      <c r="M14749" s="18"/>
      <c r="N14749" s="18"/>
      <c r="O14749" s="18"/>
      <c r="P14749" s="19"/>
      <c r="Q14749" s="19"/>
      <c r="R14749" s="19"/>
      <c r="S14749" s="19"/>
      <c r="T14749" s="19"/>
      <c r="U14749" s="19"/>
      <c r="V14749" s="19"/>
      <c r="W14749" s="19"/>
      <c r="X14749" s="19"/>
      <c r="Y14749" s="19"/>
      <c r="Z14749" s="19"/>
      <c r="AA14749" s="19"/>
    </row>
    <row r="14750" spans="1:27" s="1" customFormat="1" ht="11.1" customHeight="1" outlineLevel="3" x14ac:dyDescent="0.2">
      <c r="A14750" s="17">
        <v>15635</v>
      </c>
      <c r="B14750" s="17"/>
      <c r="C14750" s="17"/>
      <c r="D14750" s="18" t="s">
        <v>7313</v>
      </c>
      <c r="E14750" s="18"/>
      <c r="F14750" s="18"/>
      <c r="G14750" s="18"/>
      <c r="H14750" s="18"/>
      <c r="I14750" s="18"/>
      <c r="J14750" s="18"/>
      <c r="K14750" s="18"/>
      <c r="L14750" s="18"/>
      <c r="M14750" s="18"/>
      <c r="N14750" s="18"/>
      <c r="O14750" s="18"/>
      <c r="P14750" s="19">
        <v>450</v>
      </c>
      <c r="Q14750" s="19"/>
      <c r="R14750" s="19"/>
      <c r="S14750" s="19"/>
      <c r="T14750" s="19">
        <v>300</v>
      </c>
      <c r="U14750" s="19"/>
      <c r="V14750" s="19"/>
      <c r="W14750" s="19"/>
      <c r="X14750" s="19">
        <v>20</v>
      </c>
      <c r="Y14750" s="19"/>
      <c r="Z14750" s="19"/>
      <c r="AA14750" s="19"/>
    </row>
    <row r="14751" spans="1:27" s="1" customFormat="1" ht="11.1" customHeight="1" outlineLevel="3" x14ac:dyDescent="0.2">
      <c r="A14751" s="17"/>
      <c r="B14751" s="17"/>
      <c r="C14751" s="17"/>
      <c r="D14751" s="18"/>
      <c r="E14751" s="18"/>
      <c r="F14751" s="18"/>
      <c r="G14751" s="18"/>
      <c r="H14751" s="18"/>
      <c r="I14751" s="18"/>
      <c r="J14751" s="18"/>
      <c r="K14751" s="18"/>
      <c r="L14751" s="18"/>
      <c r="M14751" s="18"/>
      <c r="N14751" s="18"/>
      <c r="O14751" s="18"/>
      <c r="P14751" s="19"/>
      <c r="Q14751" s="19"/>
      <c r="R14751" s="19"/>
      <c r="S14751" s="19"/>
      <c r="T14751" s="19"/>
      <c r="U14751" s="19"/>
      <c r="V14751" s="19"/>
      <c r="W14751" s="19"/>
      <c r="X14751" s="19"/>
      <c r="Y14751" s="19"/>
      <c r="Z14751" s="19"/>
      <c r="AA14751" s="19"/>
    </row>
    <row r="14752" spans="1:27" s="1" customFormat="1" ht="11.1" customHeight="1" outlineLevel="3" x14ac:dyDescent="0.2">
      <c r="A14752" s="17">
        <v>8501</v>
      </c>
      <c r="B14752" s="17"/>
      <c r="C14752" s="17"/>
      <c r="D14752" s="18" t="s">
        <v>7314</v>
      </c>
      <c r="E14752" s="18"/>
      <c r="F14752" s="18"/>
      <c r="G14752" s="18"/>
      <c r="H14752" s="18"/>
      <c r="I14752" s="18"/>
      <c r="J14752" s="18"/>
      <c r="K14752" s="18"/>
      <c r="L14752" s="18"/>
      <c r="M14752" s="18"/>
      <c r="N14752" s="18"/>
      <c r="O14752" s="18"/>
      <c r="P14752" s="19">
        <v>320</v>
      </c>
      <c r="Q14752" s="19"/>
      <c r="R14752" s="19"/>
      <c r="S14752" s="19"/>
      <c r="T14752" s="19">
        <v>250</v>
      </c>
      <c r="U14752" s="19"/>
      <c r="V14752" s="19"/>
      <c r="W14752" s="19"/>
      <c r="X14752" s="19">
        <v>18</v>
      </c>
      <c r="Y14752" s="19"/>
      <c r="Z14752" s="19"/>
      <c r="AA14752" s="19"/>
    </row>
    <row r="14753" spans="1:27" s="1" customFormat="1" ht="11.1" customHeight="1" outlineLevel="3" x14ac:dyDescent="0.2">
      <c r="A14753" s="17"/>
      <c r="B14753" s="17"/>
      <c r="C14753" s="17"/>
      <c r="D14753" s="18"/>
      <c r="E14753" s="18"/>
      <c r="F14753" s="18"/>
      <c r="G14753" s="18"/>
      <c r="H14753" s="18"/>
      <c r="I14753" s="18"/>
      <c r="J14753" s="18"/>
      <c r="K14753" s="18"/>
      <c r="L14753" s="18"/>
      <c r="M14753" s="18"/>
      <c r="N14753" s="18"/>
      <c r="O14753" s="18"/>
      <c r="P14753" s="19"/>
      <c r="Q14753" s="19"/>
      <c r="R14753" s="19"/>
      <c r="S14753" s="19"/>
      <c r="T14753" s="19"/>
      <c r="U14753" s="19"/>
      <c r="V14753" s="19"/>
      <c r="W14753" s="19"/>
      <c r="X14753" s="19"/>
      <c r="Y14753" s="19"/>
      <c r="Z14753" s="19"/>
      <c r="AA14753" s="19"/>
    </row>
    <row r="14754" spans="1:27" s="1" customFormat="1" ht="11.1" customHeight="1" outlineLevel="3" x14ac:dyDescent="0.2">
      <c r="A14754" s="17">
        <v>14380</v>
      </c>
      <c r="B14754" s="17"/>
      <c r="C14754" s="17"/>
      <c r="D14754" s="18" t="s">
        <v>7315</v>
      </c>
      <c r="E14754" s="18"/>
      <c r="F14754" s="18"/>
      <c r="G14754" s="18"/>
      <c r="H14754" s="18"/>
      <c r="I14754" s="18"/>
      <c r="J14754" s="18"/>
      <c r="K14754" s="18"/>
      <c r="L14754" s="18"/>
      <c r="M14754" s="18"/>
      <c r="N14754" s="18"/>
      <c r="O14754" s="18"/>
      <c r="P14754" s="19">
        <v>550</v>
      </c>
      <c r="Q14754" s="19"/>
      <c r="R14754" s="19"/>
      <c r="S14754" s="19"/>
      <c r="T14754" s="19">
        <v>350</v>
      </c>
      <c r="U14754" s="19"/>
      <c r="V14754" s="19"/>
      <c r="W14754" s="19"/>
      <c r="X14754" s="19">
        <v>13</v>
      </c>
      <c r="Y14754" s="19"/>
      <c r="Z14754" s="19"/>
      <c r="AA14754" s="19"/>
    </row>
    <row r="14755" spans="1:27" s="1" customFormat="1" ht="11.1" customHeight="1" outlineLevel="3" x14ac:dyDescent="0.2">
      <c r="A14755" s="17"/>
      <c r="B14755" s="17"/>
      <c r="C14755" s="17"/>
      <c r="D14755" s="18"/>
      <c r="E14755" s="18"/>
      <c r="F14755" s="18"/>
      <c r="G14755" s="18"/>
      <c r="H14755" s="18"/>
      <c r="I14755" s="18"/>
      <c r="J14755" s="18"/>
      <c r="K14755" s="18"/>
      <c r="L14755" s="18"/>
      <c r="M14755" s="18"/>
      <c r="N14755" s="18"/>
      <c r="O14755" s="18"/>
      <c r="P14755" s="19"/>
      <c r="Q14755" s="19"/>
      <c r="R14755" s="19"/>
      <c r="S14755" s="19"/>
      <c r="T14755" s="19"/>
      <c r="U14755" s="19"/>
      <c r="V14755" s="19"/>
      <c r="W14755" s="19"/>
      <c r="X14755" s="19"/>
      <c r="Y14755" s="19"/>
      <c r="Z14755" s="19"/>
      <c r="AA14755" s="19"/>
    </row>
    <row r="14756" spans="1:27" s="1" customFormat="1" ht="14.1" customHeight="1" outlineLevel="3" x14ac:dyDescent="0.2">
      <c r="A14756" s="17">
        <v>8504</v>
      </c>
      <c r="B14756" s="17"/>
      <c r="C14756" s="17"/>
      <c r="D14756" s="18" t="s">
        <v>7316</v>
      </c>
      <c r="E14756" s="18"/>
      <c r="F14756" s="18"/>
      <c r="G14756" s="18"/>
      <c r="H14756" s="18"/>
      <c r="I14756" s="18"/>
      <c r="J14756" s="18"/>
      <c r="K14756" s="18"/>
      <c r="L14756" s="18"/>
      <c r="M14756" s="18"/>
      <c r="N14756" s="18"/>
      <c r="O14756" s="18"/>
      <c r="P14756" s="19">
        <v>220</v>
      </c>
      <c r="Q14756" s="19"/>
      <c r="R14756" s="19"/>
      <c r="S14756" s="19"/>
      <c r="T14756" s="19">
        <v>120</v>
      </c>
      <c r="U14756" s="19"/>
      <c r="V14756" s="19"/>
      <c r="W14756" s="19"/>
      <c r="X14756" s="19">
        <v>3</v>
      </c>
      <c r="Y14756" s="19"/>
      <c r="Z14756" s="19"/>
      <c r="AA14756" s="19"/>
    </row>
    <row r="14757" spans="1:27" s="1" customFormat="1" ht="14.1" customHeight="1" outlineLevel="3" x14ac:dyDescent="0.2">
      <c r="A14757" s="17"/>
      <c r="B14757" s="17"/>
      <c r="C14757" s="17"/>
      <c r="D14757" s="18"/>
      <c r="E14757" s="18"/>
      <c r="F14757" s="18"/>
      <c r="G14757" s="18"/>
      <c r="H14757" s="18"/>
      <c r="I14757" s="18"/>
      <c r="J14757" s="18"/>
      <c r="K14757" s="18"/>
      <c r="L14757" s="18"/>
      <c r="M14757" s="18"/>
      <c r="N14757" s="18"/>
      <c r="O14757" s="18"/>
      <c r="P14757" s="19"/>
      <c r="Q14757" s="19"/>
      <c r="R14757" s="19"/>
      <c r="S14757" s="19"/>
      <c r="T14757" s="19"/>
      <c r="U14757" s="19"/>
      <c r="V14757" s="19"/>
      <c r="W14757" s="19"/>
      <c r="X14757" s="19"/>
      <c r="Y14757" s="19"/>
      <c r="Z14757" s="19"/>
      <c r="AA14757" s="19"/>
    </row>
    <row r="14758" spans="1:27" s="1" customFormat="1" ht="14.1" customHeight="1" outlineLevel="3" x14ac:dyDescent="0.2">
      <c r="A14758" s="17">
        <v>8509</v>
      </c>
      <c r="B14758" s="17"/>
      <c r="C14758" s="17"/>
      <c r="D14758" s="18" t="s">
        <v>7317</v>
      </c>
      <c r="E14758" s="18"/>
      <c r="F14758" s="18"/>
      <c r="G14758" s="18"/>
      <c r="H14758" s="18"/>
      <c r="I14758" s="18"/>
      <c r="J14758" s="18"/>
      <c r="K14758" s="18"/>
      <c r="L14758" s="18"/>
      <c r="M14758" s="18"/>
      <c r="N14758" s="18"/>
      <c r="O14758" s="18"/>
      <c r="P14758" s="19">
        <v>320</v>
      </c>
      <c r="Q14758" s="19"/>
      <c r="R14758" s="19"/>
      <c r="S14758" s="19"/>
      <c r="T14758" s="19">
        <v>165</v>
      </c>
      <c r="U14758" s="19"/>
      <c r="V14758" s="19"/>
      <c r="W14758" s="19"/>
      <c r="X14758" s="19">
        <v>1</v>
      </c>
      <c r="Y14758" s="19"/>
      <c r="Z14758" s="19"/>
      <c r="AA14758" s="19"/>
    </row>
    <row r="14759" spans="1:27" s="1" customFormat="1" ht="14.1" customHeight="1" outlineLevel="3" x14ac:dyDescent="0.2">
      <c r="A14759" s="17"/>
      <c r="B14759" s="17"/>
      <c r="C14759" s="17"/>
      <c r="D14759" s="18"/>
      <c r="E14759" s="18"/>
      <c r="F14759" s="18"/>
      <c r="G14759" s="18"/>
      <c r="H14759" s="18"/>
      <c r="I14759" s="18"/>
      <c r="J14759" s="18"/>
      <c r="K14759" s="18"/>
      <c r="L14759" s="18"/>
      <c r="M14759" s="18"/>
      <c r="N14759" s="18"/>
      <c r="O14759" s="18"/>
      <c r="P14759" s="19"/>
      <c r="Q14759" s="19"/>
      <c r="R14759" s="19"/>
      <c r="S14759" s="19"/>
      <c r="T14759" s="19"/>
      <c r="U14759" s="19"/>
      <c r="V14759" s="19"/>
      <c r="W14759" s="19"/>
      <c r="X14759" s="19"/>
      <c r="Y14759" s="19"/>
      <c r="Z14759" s="19"/>
      <c r="AA14759" s="19"/>
    </row>
    <row r="14760" spans="1:27" s="1" customFormat="1" ht="14.1" customHeight="1" outlineLevel="3" x14ac:dyDescent="0.2">
      <c r="A14760" s="17">
        <v>8506</v>
      </c>
      <c r="B14760" s="17"/>
      <c r="C14760" s="17"/>
      <c r="D14760" s="18" t="s">
        <v>7318</v>
      </c>
      <c r="E14760" s="18"/>
      <c r="F14760" s="18"/>
      <c r="G14760" s="18"/>
      <c r="H14760" s="18"/>
      <c r="I14760" s="18"/>
      <c r="J14760" s="18"/>
      <c r="K14760" s="18"/>
      <c r="L14760" s="18"/>
      <c r="M14760" s="18"/>
      <c r="N14760" s="18"/>
      <c r="O14760" s="18"/>
      <c r="P14760" s="19">
        <v>240</v>
      </c>
      <c r="Q14760" s="19"/>
      <c r="R14760" s="19"/>
      <c r="S14760" s="19"/>
      <c r="T14760" s="19">
        <v>130</v>
      </c>
      <c r="U14760" s="19"/>
      <c r="V14760" s="19"/>
      <c r="W14760" s="19"/>
      <c r="X14760" s="19">
        <v>1</v>
      </c>
      <c r="Y14760" s="19"/>
      <c r="Z14760" s="19"/>
      <c r="AA14760" s="19"/>
    </row>
    <row r="14761" spans="1:27" s="1" customFormat="1" ht="14.1" customHeight="1" outlineLevel="3" x14ac:dyDescent="0.2">
      <c r="A14761" s="17"/>
      <c r="B14761" s="17"/>
      <c r="C14761" s="17"/>
      <c r="D14761" s="18"/>
      <c r="E14761" s="18"/>
      <c r="F14761" s="18"/>
      <c r="G14761" s="18"/>
      <c r="H14761" s="18"/>
      <c r="I14761" s="18"/>
      <c r="J14761" s="18"/>
      <c r="K14761" s="18"/>
      <c r="L14761" s="18"/>
      <c r="M14761" s="18"/>
      <c r="N14761" s="18"/>
      <c r="O14761" s="18"/>
      <c r="P14761" s="19"/>
      <c r="Q14761" s="19"/>
      <c r="R14761" s="19"/>
      <c r="S14761" s="19"/>
      <c r="T14761" s="19"/>
      <c r="U14761" s="19"/>
      <c r="V14761" s="19"/>
      <c r="W14761" s="19"/>
      <c r="X14761" s="19"/>
      <c r="Y14761" s="19"/>
      <c r="Z14761" s="19"/>
      <c r="AA14761" s="19"/>
    </row>
    <row r="14762" spans="1:27" s="1" customFormat="1" ht="11.1" customHeight="1" outlineLevel="1" x14ac:dyDescent="0.2">
      <c r="A14762" s="16" t="s">
        <v>7319</v>
      </c>
      <c r="B14762" s="16"/>
      <c r="C14762" s="16"/>
      <c r="D14762" s="16"/>
      <c r="E14762" s="16"/>
      <c r="F14762" s="16"/>
      <c r="G14762" s="16"/>
      <c r="H14762" s="16"/>
      <c r="I14762" s="16"/>
      <c r="J14762" s="16"/>
      <c r="K14762" s="16"/>
      <c r="L14762" s="16"/>
      <c r="M14762" s="16"/>
      <c r="N14762" s="16"/>
      <c r="O14762" s="16"/>
      <c r="P14762" s="16"/>
      <c r="Q14762" s="16"/>
      <c r="R14762" s="16"/>
      <c r="S14762" s="16"/>
      <c r="T14762" s="16"/>
      <c r="U14762" s="16"/>
      <c r="V14762" s="16"/>
      <c r="W14762" s="16"/>
      <c r="X14762" s="16"/>
      <c r="Y14762" s="16"/>
      <c r="Z14762" s="16"/>
      <c r="AA14762" s="16"/>
    </row>
    <row r="14763" spans="1:27" s="1" customFormat="1" ht="11.1" customHeight="1" outlineLevel="1" x14ac:dyDescent="0.2">
      <c r="A14763" s="16"/>
      <c r="B14763" s="16"/>
      <c r="C14763" s="16"/>
      <c r="D14763" s="16"/>
      <c r="E14763" s="16"/>
      <c r="F14763" s="16"/>
      <c r="G14763" s="16"/>
      <c r="H14763" s="16"/>
      <c r="I14763" s="16"/>
      <c r="J14763" s="16"/>
      <c r="K14763" s="16"/>
      <c r="L14763" s="16"/>
      <c r="M14763" s="16"/>
      <c r="N14763" s="16"/>
      <c r="O14763" s="16"/>
      <c r="P14763" s="16"/>
      <c r="Q14763" s="16"/>
      <c r="R14763" s="16"/>
      <c r="S14763" s="16"/>
      <c r="T14763" s="16"/>
      <c r="U14763" s="16"/>
      <c r="V14763" s="16"/>
      <c r="W14763" s="16"/>
      <c r="X14763" s="16"/>
      <c r="Y14763" s="16"/>
      <c r="Z14763" s="16"/>
      <c r="AA14763" s="16"/>
    </row>
    <row r="14764" spans="1:27" s="1" customFormat="1" ht="11.1" customHeight="1" outlineLevel="2" x14ac:dyDescent="0.2">
      <c r="A14764" s="16" t="s">
        <v>7320</v>
      </c>
      <c r="B14764" s="16"/>
      <c r="C14764" s="16"/>
      <c r="D14764" s="16"/>
      <c r="E14764" s="16"/>
      <c r="F14764" s="16"/>
      <c r="G14764" s="16"/>
      <c r="H14764" s="16"/>
      <c r="I14764" s="16"/>
      <c r="J14764" s="16"/>
      <c r="K14764" s="16"/>
      <c r="L14764" s="16"/>
      <c r="M14764" s="16"/>
      <c r="N14764" s="16"/>
      <c r="O14764" s="16"/>
      <c r="P14764" s="16"/>
      <c r="Q14764" s="16"/>
      <c r="R14764" s="16"/>
      <c r="S14764" s="16"/>
      <c r="T14764" s="16"/>
      <c r="U14764" s="16"/>
      <c r="V14764" s="16"/>
      <c r="W14764" s="16"/>
      <c r="X14764" s="16"/>
      <c r="Y14764" s="16"/>
      <c r="Z14764" s="16"/>
      <c r="AA14764" s="16"/>
    </row>
    <row r="14765" spans="1:27" s="1" customFormat="1" ht="11.1" customHeight="1" outlineLevel="2" x14ac:dyDescent="0.2">
      <c r="A14765" s="16"/>
      <c r="B14765" s="16"/>
      <c r="C14765" s="16"/>
      <c r="D14765" s="16"/>
      <c r="E14765" s="16"/>
      <c r="F14765" s="16"/>
      <c r="G14765" s="16"/>
      <c r="H14765" s="16"/>
      <c r="I14765" s="16"/>
      <c r="J14765" s="16"/>
      <c r="K14765" s="16"/>
      <c r="L14765" s="16"/>
      <c r="M14765" s="16"/>
      <c r="N14765" s="16"/>
      <c r="O14765" s="16"/>
      <c r="P14765" s="16"/>
      <c r="Q14765" s="16"/>
      <c r="R14765" s="16"/>
      <c r="S14765" s="16"/>
      <c r="T14765" s="16"/>
      <c r="U14765" s="16"/>
      <c r="V14765" s="16"/>
      <c r="W14765" s="16"/>
      <c r="X14765" s="16"/>
      <c r="Y14765" s="16"/>
      <c r="Z14765" s="16"/>
      <c r="AA14765" s="16"/>
    </row>
    <row r="14766" spans="1:27" s="1" customFormat="1" ht="11.1" customHeight="1" outlineLevel="3" x14ac:dyDescent="0.2">
      <c r="A14766" s="17">
        <v>10288</v>
      </c>
      <c r="B14766" s="17"/>
      <c r="C14766" s="17"/>
      <c r="D14766" s="18" t="s">
        <v>7321</v>
      </c>
      <c r="E14766" s="18"/>
      <c r="F14766" s="18"/>
      <c r="G14766" s="18"/>
      <c r="H14766" s="18"/>
      <c r="I14766" s="18"/>
      <c r="J14766" s="18"/>
      <c r="K14766" s="18"/>
      <c r="L14766" s="18"/>
      <c r="M14766" s="18"/>
      <c r="N14766" s="18"/>
      <c r="O14766" s="18"/>
      <c r="P14766" s="19">
        <v>220</v>
      </c>
      <c r="Q14766" s="19"/>
      <c r="R14766" s="19"/>
      <c r="S14766" s="19"/>
      <c r="T14766" s="19">
        <v>200</v>
      </c>
      <c r="U14766" s="19"/>
      <c r="V14766" s="19"/>
      <c r="W14766" s="19"/>
      <c r="X14766" s="19">
        <v>3</v>
      </c>
      <c r="Y14766" s="19"/>
      <c r="Z14766" s="19"/>
      <c r="AA14766" s="19"/>
    </row>
    <row r="14767" spans="1:27" s="1" customFormat="1" ht="11.1" customHeight="1" outlineLevel="3" x14ac:dyDescent="0.2">
      <c r="A14767" s="17"/>
      <c r="B14767" s="17"/>
      <c r="C14767" s="17"/>
      <c r="D14767" s="18"/>
      <c r="E14767" s="18"/>
      <c r="F14767" s="18"/>
      <c r="G14767" s="18"/>
      <c r="H14767" s="18"/>
      <c r="I14767" s="18"/>
      <c r="J14767" s="18"/>
      <c r="K14767" s="18"/>
      <c r="L14767" s="18"/>
      <c r="M14767" s="18"/>
      <c r="N14767" s="18"/>
      <c r="O14767" s="18"/>
      <c r="P14767" s="19"/>
      <c r="Q14767" s="19"/>
      <c r="R14767" s="19"/>
      <c r="S14767" s="19"/>
      <c r="T14767" s="19"/>
      <c r="U14767" s="19"/>
      <c r="V14767" s="19"/>
      <c r="W14767" s="19"/>
      <c r="X14767" s="19"/>
      <c r="Y14767" s="19"/>
      <c r="Z14767" s="19"/>
      <c r="AA14767" s="19"/>
    </row>
    <row r="14768" spans="1:27" s="1" customFormat="1" ht="11.1" customHeight="1" outlineLevel="3" x14ac:dyDescent="0.2">
      <c r="A14768" s="17">
        <v>14412</v>
      </c>
      <c r="B14768" s="17"/>
      <c r="C14768" s="17"/>
      <c r="D14768" s="18" t="s">
        <v>7322</v>
      </c>
      <c r="E14768" s="18"/>
      <c r="F14768" s="18"/>
      <c r="G14768" s="18"/>
      <c r="H14768" s="18"/>
      <c r="I14768" s="18"/>
      <c r="J14768" s="18"/>
      <c r="K14768" s="18"/>
      <c r="L14768" s="18"/>
      <c r="M14768" s="18"/>
      <c r="N14768" s="18"/>
      <c r="O14768" s="18"/>
      <c r="P14768" s="19">
        <v>940</v>
      </c>
      <c r="Q14768" s="19"/>
      <c r="R14768" s="19"/>
      <c r="S14768" s="19"/>
      <c r="T14768" s="19">
        <v>850</v>
      </c>
      <c r="U14768" s="19"/>
      <c r="V14768" s="19"/>
      <c r="W14768" s="19"/>
      <c r="X14768" s="19">
        <v>1</v>
      </c>
      <c r="Y14768" s="19"/>
      <c r="Z14768" s="19"/>
      <c r="AA14768" s="19"/>
    </row>
    <row r="14769" spans="1:27" s="1" customFormat="1" ht="11.1" customHeight="1" outlineLevel="3" x14ac:dyDescent="0.2">
      <c r="A14769" s="17"/>
      <c r="B14769" s="17"/>
      <c r="C14769" s="17"/>
      <c r="D14769" s="18"/>
      <c r="E14769" s="18"/>
      <c r="F14769" s="18"/>
      <c r="G14769" s="18"/>
      <c r="H14769" s="18"/>
      <c r="I14769" s="18"/>
      <c r="J14769" s="18"/>
      <c r="K14769" s="18"/>
      <c r="L14769" s="18"/>
      <c r="M14769" s="18"/>
      <c r="N14769" s="18"/>
      <c r="O14769" s="18"/>
      <c r="P14769" s="19"/>
      <c r="Q14769" s="19"/>
      <c r="R14769" s="19"/>
      <c r="S14769" s="19"/>
      <c r="T14769" s="19"/>
      <c r="U14769" s="19"/>
      <c r="V14769" s="19"/>
      <c r="W14769" s="19"/>
      <c r="X14769" s="19"/>
      <c r="Y14769" s="19"/>
      <c r="Z14769" s="19"/>
      <c r="AA14769" s="19"/>
    </row>
    <row r="14770" spans="1:27" s="1" customFormat="1" ht="11.1" customHeight="1" outlineLevel="3" x14ac:dyDescent="0.2">
      <c r="A14770" s="17">
        <v>17317</v>
      </c>
      <c r="B14770" s="17"/>
      <c r="C14770" s="17"/>
      <c r="D14770" s="18" t="s">
        <v>7323</v>
      </c>
      <c r="E14770" s="18"/>
      <c r="F14770" s="18"/>
      <c r="G14770" s="18"/>
      <c r="H14770" s="18"/>
      <c r="I14770" s="18"/>
      <c r="J14770" s="18"/>
      <c r="K14770" s="18"/>
      <c r="L14770" s="18"/>
      <c r="M14770" s="18"/>
      <c r="N14770" s="18"/>
      <c r="O14770" s="18"/>
      <c r="P14770" s="19">
        <v>590</v>
      </c>
      <c r="Q14770" s="19"/>
      <c r="R14770" s="19"/>
      <c r="S14770" s="19"/>
      <c r="T14770" s="19">
        <v>490</v>
      </c>
      <c r="U14770" s="19"/>
      <c r="V14770" s="19"/>
      <c r="W14770" s="19"/>
      <c r="X14770" s="19">
        <v>9</v>
      </c>
      <c r="Y14770" s="19"/>
      <c r="Z14770" s="19"/>
      <c r="AA14770" s="19"/>
    </row>
    <row r="14771" spans="1:27" s="1" customFormat="1" ht="11.1" customHeight="1" outlineLevel="3" x14ac:dyDescent="0.2">
      <c r="A14771" s="17"/>
      <c r="B14771" s="17"/>
      <c r="C14771" s="17"/>
      <c r="D14771" s="18"/>
      <c r="E14771" s="18"/>
      <c r="F14771" s="18"/>
      <c r="G14771" s="18"/>
      <c r="H14771" s="18"/>
      <c r="I14771" s="18"/>
      <c r="J14771" s="18"/>
      <c r="K14771" s="18"/>
      <c r="L14771" s="18"/>
      <c r="M14771" s="18"/>
      <c r="N14771" s="18"/>
      <c r="O14771" s="18"/>
      <c r="P14771" s="19"/>
      <c r="Q14771" s="19"/>
      <c r="R14771" s="19"/>
      <c r="S14771" s="19"/>
      <c r="T14771" s="19"/>
      <c r="U14771" s="19"/>
      <c r="V14771" s="19"/>
      <c r="W14771" s="19"/>
      <c r="X14771" s="19"/>
      <c r="Y14771" s="19"/>
      <c r="Z14771" s="19"/>
      <c r="AA14771" s="19"/>
    </row>
    <row r="14772" spans="1:27" s="1" customFormat="1" ht="11.1" customHeight="1" outlineLevel="3" x14ac:dyDescent="0.2">
      <c r="A14772" s="17">
        <v>17318</v>
      </c>
      <c r="B14772" s="17"/>
      <c r="C14772" s="17"/>
      <c r="D14772" s="18" t="s">
        <v>7324</v>
      </c>
      <c r="E14772" s="18"/>
      <c r="F14772" s="18"/>
      <c r="G14772" s="18"/>
      <c r="H14772" s="18"/>
      <c r="I14772" s="18"/>
      <c r="J14772" s="18"/>
      <c r="K14772" s="18"/>
      <c r="L14772" s="18"/>
      <c r="M14772" s="18"/>
      <c r="N14772" s="18"/>
      <c r="O14772" s="18"/>
      <c r="P14772" s="19">
        <v>590</v>
      </c>
      <c r="Q14772" s="19"/>
      <c r="R14772" s="19"/>
      <c r="S14772" s="19"/>
      <c r="T14772" s="19">
        <v>490</v>
      </c>
      <c r="U14772" s="19"/>
      <c r="V14772" s="19"/>
      <c r="W14772" s="19"/>
      <c r="X14772" s="19">
        <v>8</v>
      </c>
      <c r="Y14772" s="19"/>
      <c r="Z14772" s="19"/>
      <c r="AA14772" s="19"/>
    </row>
    <row r="14773" spans="1:27" s="1" customFormat="1" ht="11.1" customHeight="1" outlineLevel="3" x14ac:dyDescent="0.2">
      <c r="A14773" s="17"/>
      <c r="B14773" s="17"/>
      <c r="C14773" s="17"/>
      <c r="D14773" s="18"/>
      <c r="E14773" s="18"/>
      <c r="F14773" s="18"/>
      <c r="G14773" s="18"/>
      <c r="H14773" s="18"/>
      <c r="I14773" s="18"/>
      <c r="J14773" s="18"/>
      <c r="K14773" s="18"/>
      <c r="L14773" s="18"/>
      <c r="M14773" s="18"/>
      <c r="N14773" s="18"/>
      <c r="O14773" s="18"/>
      <c r="P14773" s="19"/>
      <c r="Q14773" s="19"/>
      <c r="R14773" s="19"/>
      <c r="S14773" s="19"/>
      <c r="T14773" s="19"/>
      <c r="U14773" s="19"/>
      <c r="V14773" s="19"/>
      <c r="W14773" s="19"/>
      <c r="X14773" s="19"/>
      <c r="Y14773" s="19"/>
      <c r="Z14773" s="19"/>
      <c r="AA14773" s="19"/>
    </row>
    <row r="14774" spans="1:27" s="1" customFormat="1" ht="11.1" customHeight="1" outlineLevel="3" x14ac:dyDescent="0.2">
      <c r="A14774" s="17">
        <v>14416</v>
      </c>
      <c r="B14774" s="17"/>
      <c r="C14774" s="17"/>
      <c r="D14774" s="18" t="s">
        <v>7325</v>
      </c>
      <c r="E14774" s="18"/>
      <c r="F14774" s="18"/>
      <c r="G14774" s="18"/>
      <c r="H14774" s="18"/>
      <c r="I14774" s="18"/>
      <c r="J14774" s="18"/>
      <c r="K14774" s="18"/>
      <c r="L14774" s="18"/>
      <c r="M14774" s="18"/>
      <c r="N14774" s="18"/>
      <c r="O14774" s="18"/>
      <c r="P14774" s="19">
        <v>830</v>
      </c>
      <c r="Q14774" s="19"/>
      <c r="R14774" s="19"/>
      <c r="S14774" s="19"/>
      <c r="T14774" s="19">
        <v>750</v>
      </c>
      <c r="U14774" s="19"/>
      <c r="V14774" s="19"/>
      <c r="W14774" s="19"/>
      <c r="X14774" s="19">
        <v>1</v>
      </c>
      <c r="Y14774" s="19"/>
      <c r="Z14774" s="19"/>
      <c r="AA14774" s="19"/>
    </row>
    <row r="14775" spans="1:27" s="1" customFormat="1" ht="11.1" customHeight="1" outlineLevel="3" x14ac:dyDescent="0.2">
      <c r="A14775" s="17"/>
      <c r="B14775" s="17"/>
      <c r="C14775" s="17"/>
      <c r="D14775" s="18"/>
      <c r="E14775" s="18"/>
      <c r="F14775" s="18"/>
      <c r="G14775" s="18"/>
      <c r="H14775" s="18"/>
      <c r="I14775" s="18"/>
      <c r="J14775" s="18"/>
      <c r="K14775" s="18"/>
      <c r="L14775" s="18"/>
      <c r="M14775" s="18"/>
      <c r="N14775" s="18"/>
      <c r="O14775" s="18"/>
      <c r="P14775" s="19"/>
      <c r="Q14775" s="19"/>
      <c r="R14775" s="19"/>
      <c r="S14775" s="19"/>
      <c r="T14775" s="19"/>
      <c r="U14775" s="19"/>
      <c r="V14775" s="19"/>
      <c r="W14775" s="19"/>
      <c r="X14775" s="19"/>
      <c r="Y14775" s="19"/>
      <c r="Z14775" s="19"/>
      <c r="AA14775" s="19"/>
    </row>
    <row r="14776" spans="1:27" s="1" customFormat="1" ht="11.1" customHeight="1" outlineLevel="3" x14ac:dyDescent="0.2">
      <c r="A14776" s="17">
        <v>14414</v>
      </c>
      <c r="B14776" s="17"/>
      <c r="C14776" s="17"/>
      <c r="D14776" s="18" t="s">
        <v>7326</v>
      </c>
      <c r="E14776" s="18"/>
      <c r="F14776" s="18"/>
      <c r="G14776" s="18"/>
      <c r="H14776" s="18"/>
      <c r="I14776" s="18"/>
      <c r="J14776" s="18"/>
      <c r="K14776" s="18"/>
      <c r="L14776" s="18"/>
      <c r="M14776" s="18"/>
      <c r="N14776" s="18"/>
      <c r="O14776" s="18"/>
      <c r="P14776" s="19">
        <v>830</v>
      </c>
      <c r="Q14776" s="19"/>
      <c r="R14776" s="19"/>
      <c r="S14776" s="19"/>
      <c r="T14776" s="19">
        <v>750</v>
      </c>
      <c r="U14776" s="19"/>
      <c r="V14776" s="19"/>
      <c r="W14776" s="19"/>
      <c r="X14776" s="19">
        <v>1</v>
      </c>
      <c r="Y14776" s="19"/>
      <c r="Z14776" s="19"/>
      <c r="AA14776" s="19"/>
    </row>
    <row r="14777" spans="1:27" s="1" customFormat="1" ht="11.1" customHeight="1" outlineLevel="3" x14ac:dyDescent="0.2">
      <c r="A14777" s="17"/>
      <c r="B14777" s="17"/>
      <c r="C14777" s="17"/>
      <c r="D14777" s="18"/>
      <c r="E14777" s="18"/>
      <c r="F14777" s="18"/>
      <c r="G14777" s="18"/>
      <c r="H14777" s="18"/>
      <c r="I14777" s="18"/>
      <c r="J14777" s="18"/>
      <c r="K14777" s="18"/>
      <c r="L14777" s="18"/>
      <c r="M14777" s="18"/>
      <c r="N14777" s="18"/>
      <c r="O14777" s="18"/>
      <c r="P14777" s="19"/>
      <c r="Q14777" s="19"/>
      <c r="R14777" s="19"/>
      <c r="S14777" s="19"/>
      <c r="T14777" s="19"/>
      <c r="U14777" s="19"/>
      <c r="V14777" s="19"/>
      <c r="W14777" s="19"/>
      <c r="X14777" s="19"/>
      <c r="Y14777" s="19"/>
      <c r="Z14777" s="19"/>
      <c r="AA14777" s="19"/>
    </row>
    <row r="14778" spans="1:27" s="1" customFormat="1" ht="11.1" customHeight="1" outlineLevel="3" x14ac:dyDescent="0.2">
      <c r="A14778" s="17">
        <v>14415</v>
      </c>
      <c r="B14778" s="17"/>
      <c r="C14778" s="17"/>
      <c r="D14778" s="18" t="s">
        <v>7327</v>
      </c>
      <c r="E14778" s="18"/>
      <c r="F14778" s="18"/>
      <c r="G14778" s="18"/>
      <c r="H14778" s="18"/>
      <c r="I14778" s="18"/>
      <c r="J14778" s="18"/>
      <c r="K14778" s="18"/>
      <c r="L14778" s="18"/>
      <c r="M14778" s="18"/>
      <c r="N14778" s="18"/>
      <c r="O14778" s="18"/>
      <c r="P14778" s="19">
        <v>830</v>
      </c>
      <c r="Q14778" s="19"/>
      <c r="R14778" s="19"/>
      <c r="S14778" s="19"/>
      <c r="T14778" s="19">
        <v>750</v>
      </c>
      <c r="U14778" s="19"/>
      <c r="V14778" s="19"/>
      <c r="W14778" s="19"/>
      <c r="X14778" s="19">
        <v>1</v>
      </c>
      <c r="Y14778" s="19"/>
      <c r="Z14778" s="19"/>
      <c r="AA14778" s="19"/>
    </row>
    <row r="14779" spans="1:27" s="1" customFormat="1" ht="11.1" customHeight="1" outlineLevel="3" x14ac:dyDescent="0.2">
      <c r="A14779" s="17"/>
      <c r="B14779" s="17"/>
      <c r="C14779" s="17"/>
      <c r="D14779" s="18"/>
      <c r="E14779" s="18"/>
      <c r="F14779" s="18"/>
      <c r="G14779" s="18"/>
      <c r="H14779" s="18"/>
      <c r="I14779" s="18"/>
      <c r="J14779" s="18"/>
      <c r="K14779" s="18"/>
      <c r="L14779" s="18"/>
      <c r="M14779" s="18"/>
      <c r="N14779" s="18"/>
      <c r="O14779" s="18"/>
      <c r="P14779" s="19"/>
      <c r="Q14779" s="19"/>
      <c r="R14779" s="19"/>
      <c r="S14779" s="19"/>
      <c r="T14779" s="19"/>
      <c r="U14779" s="19"/>
      <c r="V14779" s="19"/>
      <c r="W14779" s="19"/>
      <c r="X14779" s="19"/>
      <c r="Y14779" s="19"/>
      <c r="Z14779" s="19"/>
      <c r="AA14779" s="19"/>
    </row>
    <row r="14780" spans="1:27" s="1" customFormat="1" ht="14.1" customHeight="1" outlineLevel="3" x14ac:dyDescent="0.2">
      <c r="A14780" s="17">
        <v>10406</v>
      </c>
      <c r="B14780" s="17"/>
      <c r="C14780" s="17"/>
      <c r="D14780" s="18" t="s">
        <v>7328</v>
      </c>
      <c r="E14780" s="18"/>
      <c r="F14780" s="18"/>
      <c r="G14780" s="18"/>
      <c r="H14780" s="18"/>
      <c r="I14780" s="18"/>
      <c r="J14780" s="18"/>
      <c r="K14780" s="18"/>
      <c r="L14780" s="18"/>
      <c r="M14780" s="18"/>
      <c r="N14780" s="18"/>
      <c r="O14780" s="18"/>
      <c r="P14780" s="19">
        <v>210</v>
      </c>
      <c r="Q14780" s="19"/>
      <c r="R14780" s="19"/>
      <c r="S14780" s="19"/>
      <c r="T14780" s="19">
        <v>180</v>
      </c>
      <c r="U14780" s="19"/>
      <c r="V14780" s="19"/>
      <c r="W14780" s="19"/>
      <c r="X14780" s="19">
        <v>1</v>
      </c>
      <c r="Y14780" s="19"/>
      <c r="Z14780" s="19"/>
      <c r="AA14780" s="19"/>
    </row>
    <row r="14781" spans="1:27" s="1" customFormat="1" ht="14.1" customHeight="1" outlineLevel="3" x14ac:dyDescent="0.2">
      <c r="A14781" s="17"/>
      <c r="B14781" s="17"/>
      <c r="C14781" s="17"/>
      <c r="D14781" s="18"/>
      <c r="E14781" s="18"/>
      <c r="F14781" s="18"/>
      <c r="G14781" s="18"/>
      <c r="H14781" s="18"/>
      <c r="I14781" s="18"/>
      <c r="J14781" s="18"/>
      <c r="K14781" s="18"/>
      <c r="L14781" s="18"/>
      <c r="M14781" s="18"/>
      <c r="N14781" s="18"/>
      <c r="O14781" s="18"/>
      <c r="P14781" s="19"/>
      <c r="Q14781" s="19"/>
      <c r="R14781" s="19"/>
      <c r="S14781" s="19"/>
      <c r="T14781" s="19"/>
      <c r="U14781" s="19"/>
      <c r="V14781" s="19"/>
      <c r="W14781" s="19"/>
      <c r="X14781" s="19"/>
      <c r="Y14781" s="19"/>
      <c r="Z14781" s="19"/>
      <c r="AA14781" s="19"/>
    </row>
    <row r="14782" spans="1:27" s="1" customFormat="1" ht="14.1" customHeight="1" outlineLevel="3" x14ac:dyDescent="0.2">
      <c r="A14782" s="17">
        <v>10407</v>
      </c>
      <c r="B14782" s="17"/>
      <c r="C14782" s="17"/>
      <c r="D14782" s="18" t="s">
        <v>7329</v>
      </c>
      <c r="E14782" s="18"/>
      <c r="F14782" s="18"/>
      <c r="G14782" s="18"/>
      <c r="H14782" s="18"/>
      <c r="I14782" s="18"/>
      <c r="J14782" s="18"/>
      <c r="K14782" s="18"/>
      <c r="L14782" s="18"/>
      <c r="M14782" s="18"/>
      <c r="N14782" s="18"/>
      <c r="O14782" s="18"/>
      <c r="P14782" s="19">
        <v>210</v>
      </c>
      <c r="Q14782" s="19"/>
      <c r="R14782" s="19"/>
      <c r="S14782" s="19"/>
      <c r="T14782" s="19">
        <v>180</v>
      </c>
      <c r="U14782" s="19"/>
      <c r="V14782" s="19"/>
      <c r="W14782" s="19"/>
      <c r="X14782" s="19">
        <v>2</v>
      </c>
      <c r="Y14782" s="19"/>
      <c r="Z14782" s="19"/>
      <c r="AA14782" s="19"/>
    </row>
    <row r="14783" spans="1:27" s="1" customFormat="1" ht="14.1" customHeight="1" outlineLevel="3" x14ac:dyDescent="0.2">
      <c r="A14783" s="17"/>
      <c r="B14783" s="17"/>
      <c r="C14783" s="17"/>
      <c r="D14783" s="18"/>
      <c r="E14783" s="18"/>
      <c r="F14783" s="18"/>
      <c r="G14783" s="18"/>
      <c r="H14783" s="18"/>
      <c r="I14783" s="18"/>
      <c r="J14783" s="18"/>
      <c r="K14783" s="18"/>
      <c r="L14783" s="18"/>
      <c r="M14783" s="18"/>
      <c r="N14783" s="18"/>
      <c r="O14783" s="18"/>
      <c r="P14783" s="19"/>
      <c r="Q14783" s="19"/>
      <c r="R14783" s="19"/>
      <c r="S14783" s="19"/>
      <c r="T14783" s="19"/>
      <c r="U14783" s="19"/>
      <c r="V14783" s="19"/>
      <c r="W14783" s="19"/>
      <c r="X14783" s="19"/>
      <c r="Y14783" s="19"/>
      <c r="Z14783" s="19"/>
      <c r="AA14783" s="19"/>
    </row>
    <row r="14784" spans="1:27" s="1" customFormat="1" ht="14.1" customHeight="1" outlineLevel="3" x14ac:dyDescent="0.2">
      <c r="A14784" s="17">
        <v>15268</v>
      </c>
      <c r="B14784" s="17"/>
      <c r="C14784" s="17"/>
      <c r="D14784" s="18" t="s">
        <v>7330</v>
      </c>
      <c r="E14784" s="18"/>
      <c r="F14784" s="18"/>
      <c r="G14784" s="18"/>
      <c r="H14784" s="18"/>
      <c r="I14784" s="18"/>
      <c r="J14784" s="18"/>
      <c r="K14784" s="18"/>
      <c r="L14784" s="18"/>
      <c r="M14784" s="18"/>
      <c r="N14784" s="18"/>
      <c r="O14784" s="18"/>
      <c r="P14784" s="19">
        <v>640</v>
      </c>
      <c r="Q14784" s="19"/>
      <c r="R14784" s="19"/>
      <c r="S14784" s="19"/>
      <c r="T14784" s="19">
        <v>550</v>
      </c>
      <c r="U14784" s="19"/>
      <c r="V14784" s="19"/>
      <c r="W14784" s="19"/>
      <c r="X14784" s="19">
        <v>3</v>
      </c>
      <c r="Y14784" s="19"/>
      <c r="Z14784" s="19"/>
      <c r="AA14784" s="19"/>
    </row>
    <row r="14785" spans="1:27" s="1" customFormat="1" ht="14.1" customHeight="1" outlineLevel="3" x14ac:dyDescent="0.2">
      <c r="A14785" s="17"/>
      <c r="B14785" s="17"/>
      <c r="C14785" s="17"/>
      <c r="D14785" s="18"/>
      <c r="E14785" s="18"/>
      <c r="F14785" s="18"/>
      <c r="G14785" s="18"/>
      <c r="H14785" s="18"/>
      <c r="I14785" s="18"/>
      <c r="J14785" s="18"/>
      <c r="K14785" s="18"/>
      <c r="L14785" s="18"/>
      <c r="M14785" s="18"/>
      <c r="N14785" s="18"/>
      <c r="O14785" s="18"/>
      <c r="P14785" s="19"/>
      <c r="Q14785" s="19"/>
      <c r="R14785" s="19"/>
      <c r="S14785" s="19"/>
      <c r="T14785" s="19"/>
      <c r="U14785" s="19"/>
      <c r="V14785" s="19"/>
      <c r="W14785" s="19"/>
      <c r="X14785" s="19"/>
      <c r="Y14785" s="19"/>
      <c r="Z14785" s="19"/>
      <c r="AA14785" s="19"/>
    </row>
    <row r="14786" spans="1:27" s="1" customFormat="1" ht="11.1" customHeight="1" outlineLevel="3" x14ac:dyDescent="0.2">
      <c r="A14786" s="17">
        <v>10345</v>
      </c>
      <c r="B14786" s="17"/>
      <c r="C14786" s="17"/>
      <c r="D14786" s="18" t="s">
        <v>7331</v>
      </c>
      <c r="E14786" s="18"/>
      <c r="F14786" s="18"/>
      <c r="G14786" s="18"/>
      <c r="H14786" s="18"/>
      <c r="I14786" s="18"/>
      <c r="J14786" s="18"/>
      <c r="K14786" s="18"/>
      <c r="L14786" s="18"/>
      <c r="M14786" s="18"/>
      <c r="N14786" s="18"/>
      <c r="O14786" s="18"/>
      <c r="P14786" s="19">
        <v>90</v>
      </c>
      <c r="Q14786" s="19"/>
      <c r="R14786" s="19"/>
      <c r="S14786" s="19"/>
      <c r="T14786" s="19">
        <v>80</v>
      </c>
      <c r="U14786" s="19"/>
      <c r="V14786" s="19"/>
      <c r="W14786" s="19"/>
      <c r="X14786" s="19">
        <v>1</v>
      </c>
      <c r="Y14786" s="19"/>
      <c r="Z14786" s="19"/>
      <c r="AA14786" s="19"/>
    </row>
    <row r="14787" spans="1:27" s="1" customFormat="1" ht="11.1" customHeight="1" outlineLevel="3" x14ac:dyDescent="0.2">
      <c r="A14787" s="17"/>
      <c r="B14787" s="17"/>
      <c r="C14787" s="17"/>
      <c r="D14787" s="18"/>
      <c r="E14787" s="18"/>
      <c r="F14787" s="18"/>
      <c r="G14787" s="18"/>
      <c r="H14787" s="18"/>
      <c r="I14787" s="18"/>
      <c r="J14787" s="18"/>
      <c r="K14787" s="18"/>
      <c r="L14787" s="18"/>
      <c r="M14787" s="18"/>
      <c r="N14787" s="18"/>
      <c r="O14787" s="18"/>
      <c r="P14787" s="19"/>
      <c r="Q14787" s="19"/>
      <c r="R14787" s="19"/>
      <c r="S14787" s="19"/>
      <c r="T14787" s="19"/>
      <c r="U14787" s="19"/>
      <c r="V14787" s="19"/>
      <c r="W14787" s="19"/>
      <c r="X14787" s="19"/>
      <c r="Y14787" s="19"/>
      <c r="Z14787" s="19"/>
      <c r="AA14787" s="19"/>
    </row>
    <row r="14788" spans="1:27" s="1" customFormat="1" ht="11.1" customHeight="1" outlineLevel="3" x14ac:dyDescent="0.2">
      <c r="A14788" s="17">
        <v>14385</v>
      </c>
      <c r="B14788" s="17"/>
      <c r="C14788" s="17"/>
      <c r="D14788" s="18" t="s">
        <v>7332</v>
      </c>
      <c r="E14788" s="18"/>
      <c r="F14788" s="18"/>
      <c r="G14788" s="18"/>
      <c r="H14788" s="18"/>
      <c r="I14788" s="18"/>
      <c r="J14788" s="18"/>
      <c r="K14788" s="18"/>
      <c r="L14788" s="18"/>
      <c r="M14788" s="18"/>
      <c r="N14788" s="18"/>
      <c r="O14788" s="18"/>
      <c r="P14788" s="19">
        <v>190</v>
      </c>
      <c r="Q14788" s="19"/>
      <c r="R14788" s="19"/>
      <c r="S14788" s="19"/>
      <c r="T14788" s="19">
        <v>140</v>
      </c>
      <c r="U14788" s="19"/>
      <c r="V14788" s="19"/>
      <c r="W14788" s="19"/>
      <c r="X14788" s="19">
        <v>3</v>
      </c>
      <c r="Y14788" s="19"/>
      <c r="Z14788" s="19"/>
      <c r="AA14788" s="19"/>
    </row>
    <row r="14789" spans="1:27" s="1" customFormat="1" ht="11.1" customHeight="1" outlineLevel="3" x14ac:dyDescent="0.2">
      <c r="A14789" s="17"/>
      <c r="B14789" s="17"/>
      <c r="C14789" s="17"/>
      <c r="D14789" s="18"/>
      <c r="E14789" s="18"/>
      <c r="F14789" s="18"/>
      <c r="G14789" s="18"/>
      <c r="H14789" s="18"/>
      <c r="I14789" s="18"/>
      <c r="J14789" s="18"/>
      <c r="K14789" s="18"/>
      <c r="L14789" s="18"/>
      <c r="M14789" s="18"/>
      <c r="N14789" s="18"/>
      <c r="O14789" s="18"/>
      <c r="P14789" s="19"/>
      <c r="Q14789" s="19"/>
      <c r="R14789" s="19"/>
      <c r="S14789" s="19"/>
      <c r="T14789" s="19"/>
      <c r="U14789" s="19"/>
      <c r="V14789" s="19"/>
      <c r="W14789" s="19"/>
      <c r="X14789" s="19"/>
      <c r="Y14789" s="19"/>
      <c r="Z14789" s="19"/>
      <c r="AA14789" s="19"/>
    </row>
    <row r="14790" spans="1:27" s="1" customFormat="1" ht="11.1" customHeight="1" outlineLevel="3" x14ac:dyDescent="0.2">
      <c r="A14790" s="17">
        <v>17327</v>
      </c>
      <c r="B14790" s="17"/>
      <c r="C14790" s="17"/>
      <c r="D14790" s="18" t="s">
        <v>7333</v>
      </c>
      <c r="E14790" s="18"/>
      <c r="F14790" s="18"/>
      <c r="G14790" s="18"/>
      <c r="H14790" s="18"/>
      <c r="I14790" s="18"/>
      <c r="J14790" s="18"/>
      <c r="K14790" s="18"/>
      <c r="L14790" s="18"/>
      <c r="M14790" s="18"/>
      <c r="N14790" s="18"/>
      <c r="O14790" s="18"/>
      <c r="P14790" s="19">
        <v>700</v>
      </c>
      <c r="Q14790" s="19"/>
      <c r="R14790" s="19"/>
      <c r="S14790" s="19"/>
      <c r="T14790" s="19">
        <v>550</v>
      </c>
      <c r="U14790" s="19"/>
      <c r="V14790" s="19"/>
      <c r="W14790" s="19"/>
      <c r="X14790" s="19">
        <v>18</v>
      </c>
      <c r="Y14790" s="19"/>
      <c r="Z14790" s="19"/>
      <c r="AA14790" s="19"/>
    </row>
    <row r="14791" spans="1:27" s="1" customFormat="1" ht="11.1" customHeight="1" outlineLevel="3" x14ac:dyDescent="0.2">
      <c r="A14791" s="17"/>
      <c r="B14791" s="17"/>
      <c r="C14791" s="17"/>
      <c r="D14791" s="18"/>
      <c r="E14791" s="18"/>
      <c r="F14791" s="18"/>
      <c r="G14791" s="18"/>
      <c r="H14791" s="18"/>
      <c r="I14791" s="18"/>
      <c r="J14791" s="18"/>
      <c r="K14791" s="18"/>
      <c r="L14791" s="18"/>
      <c r="M14791" s="18"/>
      <c r="N14791" s="18"/>
      <c r="O14791" s="18"/>
      <c r="P14791" s="19"/>
      <c r="Q14791" s="19"/>
      <c r="R14791" s="19"/>
      <c r="S14791" s="19"/>
      <c r="T14791" s="19"/>
      <c r="U14791" s="19"/>
      <c r="V14791" s="19"/>
      <c r="W14791" s="19"/>
      <c r="X14791" s="19"/>
      <c r="Y14791" s="19"/>
      <c r="Z14791" s="19"/>
      <c r="AA14791" s="19"/>
    </row>
    <row r="14792" spans="1:27" s="1" customFormat="1" ht="11.1" customHeight="1" outlineLevel="3" x14ac:dyDescent="0.2">
      <c r="A14792" s="17">
        <v>17328</v>
      </c>
      <c r="B14792" s="17"/>
      <c r="C14792" s="17"/>
      <c r="D14792" s="18" t="s">
        <v>7334</v>
      </c>
      <c r="E14792" s="18"/>
      <c r="F14792" s="18"/>
      <c r="G14792" s="18"/>
      <c r="H14792" s="18"/>
      <c r="I14792" s="18"/>
      <c r="J14792" s="18"/>
      <c r="K14792" s="18"/>
      <c r="L14792" s="18"/>
      <c r="M14792" s="18"/>
      <c r="N14792" s="18"/>
      <c r="O14792" s="18"/>
      <c r="P14792" s="20">
        <v>1000</v>
      </c>
      <c r="Q14792" s="20"/>
      <c r="R14792" s="20"/>
      <c r="S14792" s="20"/>
      <c r="T14792" s="19">
        <v>850</v>
      </c>
      <c r="U14792" s="19"/>
      <c r="V14792" s="19"/>
      <c r="W14792" s="19"/>
      <c r="X14792" s="19">
        <v>14</v>
      </c>
      <c r="Y14792" s="19"/>
      <c r="Z14792" s="19"/>
      <c r="AA14792" s="19"/>
    </row>
    <row r="14793" spans="1:27" s="1" customFormat="1" ht="11.1" customHeight="1" outlineLevel="3" x14ac:dyDescent="0.2">
      <c r="A14793" s="17"/>
      <c r="B14793" s="17"/>
      <c r="C14793" s="17"/>
      <c r="D14793" s="18"/>
      <c r="E14793" s="18"/>
      <c r="F14793" s="18"/>
      <c r="G14793" s="18"/>
      <c r="H14793" s="18"/>
      <c r="I14793" s="18"/>
      <c r="J14793" s="18"/>
      <c r="K14793" s="18"/>
      <c r="L14793" s="18"/>
      <c r="M14793" s="18"/>
      <c r="N14793" s="18"/>
      <c r="O14793" s="18"/>
      <c r="P14793" s="20"/>
      <c r="Q14793" s="20"/>
      <c r="R14793" s="20"/>
      <c r="S14793" s="20"/>
      <c r="T14793" s="19"/>
      <c r="U14793" s="19"/>
      <c r="V14793" s="19"/>
      <c r="W14793" s="19"/>
      <c r="X14793" s="19"/>
      <c r="Y14793" s="19"/>
      <c r="Z14793" s="19"/>
      <c r="AA14793" s="19"/>
    </row>
    <row r="14794" spans="1:27" s="1" customFormat="1" ht="11.1" customHeight="1" outlineLevel="3" x14ac:dyDescent="0.2">
      <c r="A14794" s="17">
        <v>15267</v>
      </c>
      <c r="B14794" s="17"/>
      <c r="C14794" s="17"/>
      <c r="D14794" s="18" t="s">
        <v>7335</v>
      </c>
      <c r="E14794" s="18"/>
      <c r="F14794" s="18"/>
      <c r="G14794" s="18"/>
      <c r="H14794" s="18"/>
      <c r="I14794" s="18"/>
      <c r="J14794" s="18"/>
      <c r="K14794" s="18"/>
      <c r="L14794" s="18"/>
      <c r="M14794" s="18"/>
      <c r="N14794" s="18"/>
      <c r="O14794" s="18"/>
      <c r="P14794" s="19">
        <v>640</v>
      </c>
      <c r="Q14794" s="19"/>
      <c r="R14794" s="19"/>
      <c r="S14794" s="19"/>
      <c r="T14794" s="19">
        <v>550</v>
      </c>
      <c r="U14794" s="19"/>
      <c r="V14794" s="19"/>
      <c r="W14794" s="19"/>
      <c r="X14794" s="19">
        <v>8</v>
      </c>
      <c r="Y14794" s="19"/>
      <c r="Z14794" s="19"/>
      <c r="AA14794" s="19"/>
    </row>
    <row r="14795" spans="1:27" s="1" customFormat="1" ht="11.1" customHeight="1" outlineLevel="3" x14ac:dyDescent="0.2">
      <c r="A14795" s="17"/>
      <c r="B14795" s="17"/>
      <c r="C14795" s="17"/>
      <c r="D14795" s="18"/>
      <c r="E14795" s="18"/>
      <c r="F14795" s="18"/>
      <c r="G14795" s="18"/>
      <c r="H14795" s="18"/>
      <c r="I14795" s="18"/>
      <c r="J14795" s="18"/>
      <c r="K14795" s="18"/>
      <c r="L14795" s="18"/>
      <c r="M14795" s="18"/>
      <c r="N14795" s="18"/>
      <c r="O14795" s="18"/>
      <c r="P14795" s="19"/>
      <c r="Q14795" s="19"/>
      <c r="R14795" s="19"/>
      <c r="S14795" s="19"/>
      <c r="T14795" s="19"/>
      <c r="U14795" s="19"/>
      <c r="V14795" s="19"/>
      <c r="W14795" s="19"/>
      <c r="X14795" s="19"/>
      <c r="Y14795" s="19"/>
      <c r="Z14795" s="19"/>
      <c r="AA14795" s="19"/>
    </row>
    <row r="14796" spans="1:27" s="1" customFormat="1" ht="14.1" customHeight="1" outlineLevel="3" x14ac:dyDescent="0.2">
      <c r="A14796" s="17">
        <v>15269</v>
      </c>
      <c r="B14796" s="17"/>
      <c r="C14796" s="17"/>
      <c r="D14796" s="18" t="s">
        <v>7336</v>
      </c>
      <c r="E14796" s="18"/>
      <c r="F14796" s="18"/>
      <c r="G14796" s="18"/>
      <c r="H14796" s="18"/>
      <c r="I14796" s="18"/>
      <c r="J14796" s="18"/>
      <c r="K14796" s="18"/>
      <c r="L14796" s="18"/>
      <c r="M14796" s="18"/>
      <c r="N14796" s="18"/>
      <c r="O14796" s="18"/>
      <c r="P14796" s="19">
        <v>760</v>
      </c>
      <c r="Q14796" s="19"/>
      <c r="R14796" s="19"/>
      <c r="S14796" s="19"/>
      <c r="T14796" s="19">
        <v>600</v>
      </c>
      <c r="U14796" s="19"/>
      <c r="V14796" s="19"/>
      <c r="W14796" s="19"/>
      <c r="X14796" s="19">
        <v>9</v>
      </c>
      <c r="Y14796" s="19"/>
      <c r="Z14796" s="19"/>
      <c r="AA14796" s="19"/>
    </row>
    <row r="14797" spans="1:27" s="1" customFormat="1" ht="14.1" customHeight="1" outlineLevel="3" x14ac:dyDescent="0.2">
      <c r="A14797" s="17"/>
      <c r="B14797" s="17"/>
      <c r="C14797" s="17"/>
      <c r="D14797" s="18"/>
      <c r="E14797" s="18"/>
      <c r="F14797" s="18"/>
      <c r="G14797" s="18"/>
      <c r="H14797" s="18"/>
      <c r="I14797" s="18"/>
      <c r="J14797" s="18"/>
      <c r="K14797" s="18"/>
      <c r="L14797" s="18"/>
      <c r="M14797" s="18"/>
      <c r="N14797" s="18"/>
      <c r="O14797" s="18"/>
      <c r="P14797" s="19"/>
      <c r="Q14797" s="19"/>
      <c r="R14797" s="19"/>
      <c r="S14797" s="19"/>
      <c r="T14797" s="19"/>
      <c r="U14797" s="19"/>
      <c r="V14797" s="19"/>
      <c r="W14797" s="19"/>
      <c r="X14797" s="19"/>
      <c r="Y14797" s="19"/>
      <c r="Z14797" s="19"/>
      <c r="AA14797" s="19"/>
    </row>
    <row r="14798" spans="1:27" s="1" customFormat="1" ht="11.1" customHeight="1" outlineLevel="2" x14ac:dyDescent="0.2">
      <c r="A14798" s="16" t="s">
        <v>7337</v>
      </c>
      <c r="B14798" s="16"/>
      <c r="C14798" s="16"/>
      <c r="D14798" s="16"/>
      <c r="E14798" s="16"/>
      <c r="F14798" s="16"/>
      <c r="G14798" s="16"/>
      <c r="H14798" s="16"/>
      <c r="I14798" s="16"/>
      <c r="J14798" s="16"/>
      <c r="K14798" s="16"/>
      <c r="L14798" s="16"/>
      <c r="M14798" s="16"/>
      <c r="N14798" s="16"/>
      <c r="O14798" s="16"/>
      <c r="P14798" s="16"/>
      <c r="Q14798" s="16"/>
      <c r="R14798" s="16"/>
      <c r="S14798" s="16"/>
      <c r="T14798" s="16"/>
      <c r="U14798" s="16"/>
      <c r="V14798" s="16"/>
      <c r="W14798" s="16"/>
      <c r="X14798" s="16"/>
      <c r="Y14798" s="16"/>
      <c r="Z14798" s="16"/>
      <c r="AA14798" s="16"/>
    </row>
    <row r="14799" spans="1:27" s="1" customFormat="1" ht="11.1" customHeight="1" outlineLevel="2" x14ac:dyDescent="0.2">
      <c r="A14799" s="16"/>
      <c r="B14799" s="16"/>
      <c r="C14799" s="16"/>
      <c r="D14799" s="16"/>
      <c r="E14799" s="16"/>
      <c r="F14799" s="16"/>
      <c r="G14799" s="16"/>
      <c r="H14799" s="16"/>
      <c r="I14799" s="16"/>
      <c r="J14799" s="16"/>
      <c r="K14799" s="16"/>
      <c r="L14799" s="16"/>
      <c r="M14799" s="16"/>
      <c r="N14799" s="16"/>
      <c r="O14799" s="16"/>
      <c r="P14799" s="16"/>
      <c r="Q14799" s="16"/>
      <c r="R14799" s="16"/>
      <c r="S14799" s="16"/>
      <c r="T14799" s="16"/>
      <c r="U14799" s="16"/>
      <c r="V14799" s="16"/>
      <c r="W14799" s="16"/>
      <c r="X14799" s="16"/>
      <c r="Y14799" s="16"/>
      <c r="Z14799" s="16"/>
      <c r="AA14799" s="16"/>
    </row>
    <row r="14800" spans="1:27" s="1" customFormat="1" ht="11.1" customHeight="1" outlineLevel="3" x14ac:dyDescent="0.2">
      <c r="A14800" s="17">
        <v>16121</v>
      </c>
      <c r="B14800" s="17"/>
      <c r="C14800" s="17"/>
      <c r="D14800" s="18" t="s">
        <v>7338</v>
      </c>
      <c r="E14800" s="18"/>
      <c r="F14800" s="18"/>
      <c r="G14800" s="18"/>
      <c r="H14800" s="18"/>
      <c r="I14800" s="18"/>
      <c r="J14800" s="18"/>
      <c r="K14800" s="18"/>
      <c r="L14800" s="18"/>
      <c r="M14800" s="18"/>
      <c r="N14800" s="18"/>
      <c r="O14800" s="18"/>
      <c r="P14800" s="19">
        <v>689</v>
      </c>
      <c r="Q14800" s="19"/>
      <c r="R14800" s="19"/>
      <c r="S14800" s="19"/>
      <c r="T14800" s="19">
        <v>454</v>
      </c>
      <c r="U14800" s="19"/>
      <c r="V14800" s="19"/>
      <c r="W14800" s="19"/>
      <c r="X14800" s="19">
        <v>3</v>
      </c>
      <c r="Y14800" s="19"/>
      <c r="Z14800" s="19"/>
      <c r="AA14800" s="19"/>
    </row>
    <row r="14801" spans="1:27" s="1" customFormat="1" ht="11.1" customHeight="1" outlineLevel="3" x14ac:dyDescent="0.2">
      <c r="A14801" s="17"/>
      <c r="B14801" s="17"/>
      <c r="C14801" s="17"/>
      <c r="D14801" s="18"/>
      <c r="E14801" s="18"/>
      <c r="F14801" s="18"/>
      <c r="G14801" s="18"/>
      <c r="H14801" s="18"/>
      <c r="I14801" s="18"/>
      <c r="J14801" s="18"/>
      <c r="K14801" s="18"/>
      <c r="L14801" s="18"/>
      <c r="M14801" s="18"/>
      <c r="N14801" s="18"/>
      <c r="O14801" s="18"/>
      <c r="P14801" s="19"/>
      <c r="Q14801" s="19"/>
      <c r="R14801" s="19"/>
      <c r="S14801" s="19"/>
      <c r="T14801" s="19"/>
      <c r="U14801" s="19"/>
      <c r="V14801" s="19"/>
      <c r="W14801" s="19"/>
      <c r="X14801" s="19"/>
      <c r="Y14801" s="19"/>
      <c r="Z14801" s="19"/>
      <c r="AA14801" s="19"/>
    </row>
    <row r="14802" spans="1:27" s="1" customFormat="1" ht="11.1" customHeight="1" outlineLevel="3" x14ac:dyDescent="0.2">
      <c r="A14802" s="17">
        <v>11684</v>
      </c>
      <c r="B14802" s="17"/>
      <c r="C14802" s="17"/>
      <c r="D14802" s="18" t="s">
        <v>7339</v>
      </c>
      <c r="E14802" s="18"/>
      <c r="F14802" s="18"/>
      <c r="G14802" s="18"/>
      <c r="H14802" s="18"/>
      <c r="I14802" s="18"/>
      <c r="J14802" s="18"/>
      <c r="K14802" s="18"/>
      <c r="L14802" s="18"/>
      <c r="M14802" s="18"/>
      <c r="N14802" s="18"/>
      <c r="O14802" s="18"/>
      <c r="P14802" s="19">
        <v>70</v>
      </c>
      <c r="Q14802" s="19"/>
      <c r="R14802" s="19"/>
      <c r="S14802" s="19"/>
      <c r="T14802" s="19">
        <v>55</v>
      </c>
      <c r="U14802" s="19"/>
      <c r="V14802" s="19"/>
      <c r="W14802" s="19"/>
      <c r="X14802" s="19">
        <v>1</v>
      </c>
      <c r="Y14802" s="19"/>
      <c r="Z14802" s="19"/>
      <c r="AA14802" s="19"/>
    </row>
    <row r="14803" spans="1:27" s="1" customFormat="1" ht="11.1" customHeight="1" outlineLevel="3" x14ac:dyDescent="0.2">
      <c r="A14803" s="17"/>
      <c r="B14803" s="17"/>
      <c r="C14803" s="17"/>
      <c r="D14803" s="18"/>
      <c r="E14803" s="18"/>
      <c r="F14803" s="18"/>
      <c r="G14803" s="18"/>
      <c r="H14803" s="18"/>
      <c r="I14803" s="18"/>
      <c r="J14803" s="18"/>
      <c r="K14803" s="18"/>
      <c r="L14803" s="18"/>
      <c r="M14803" s="18"/>
      <c r="N14803" s="18"/>
      <c r="O14803" s="18"/>
      <c r="P14803" s="19"/>
      <c r="Q14803" s="19"/>
      <c r="R14803" s="19"/>
      <c r="S14803" s="19"/>
      <c r="T14803" s="19"/>
      <c r="U14803" s="19"/>
      <c r="V14803" s="19"/>
      <c r="W14803" s="19"/>
      <c r="X14803" s="19"/>
      <c r="Y14803" s="19"/>
      <c r="Z14803" s="19"/>
      <c r="AA14803" s="19"/>
    </row>
    <row r="14804" spans="1:27" s="1" customFormat="1" ht="14.1" customHeight="1" outlineLevel="3" x14ac:dyDescent="0.2">
      <c r="A14804" s="17">
        <v>15636</v>
      </c>
      <c r="B14804" s="17"/>
      <c r="C14804" s="17"/>
      <c r="D14804" s="18" t="s">
        <v>7340</v>
      </c>
      <c r="E14804" s="18"/>
      <c r="F14804" s="18"/>
      <c r="G14804" s="18"/>
      <c r="H14804" s="18"/>
      <c r="I14804" s="18"/>
      <c r="J14804" s="18"/>
      <c r="K14804" s="18"/>
      <c r="L14804" s="18"/>
      <c r="M14804" s="18"/>
      <c r="N14804" s="18"/>
      <c r="O14804" s="18"/>
      <c r="P14804" s="19">
        <v>100</v>
      </c>
      <c r="Q14804" s="19"/>
      <c r="R14804" s="19"/>
      <c r="S14804" s="19"/>
      <c r="T14804" s="19">
        <v>70</v>
      </c>
      <c r="U14804" s="19"/>
      <c r="V14804" s="19"/>
      <c r="W14804" s="19"/>
      <c r="X14804" s="19">
        <v>17</v>
      </c>
      <c r="Y14804" s="19"/>
      <c r="Z14804" s="19"/>
      <c r="AA14804" s="19"/>
    </row>
    <row r="14805" spans="1:27" s="1" customFormat="1" ht="14.1" customHeight="1" outlineLevel="3" x14ac:dyDescent="0.2">
      <c r="A14805" s="17"/>
      <c r="B14805" s="17"/>
      <c r="C14805" s="17"/>
      <c r="D14805" s="18"/>
      <c r="E14805" s="18"/>
      <c r="F14805" s="18"/>
      <c r="G14805" s="18"/>
      <c r="H14805" s="18"/>
      <c r="I14805" s="18"/>
      <c r="J14805" s="18"/>
      <c r="K14805" s="18"/>
      <c r="L14805" s="18"/>
      <c r="M14805" s="18"/>
      <c r="N14805" s="18"/>
      <c r="O14805" s="18"/>
      <c r="P14805" s="19"/>
      <c r="Q14805" s="19"/>
      <c r="R14805" s="19"/>
      <c r="S14805" s="19"/>
      <c r="T14805" s="19"/>
      <c r="U14805" s="19"/>
      <c r="V14805" s="19"/>
      <c r="W14805" s="19"/>
      <c r="X14805" s="19"/>
      <c r="Y14805" s="19"/>
      <c r="Z14805" s="19"/>
      <c r="AA14805" s="19"/>
    </row>
    <row r="14806" spans="1:27" s="1" customFormat="1" ht="11.1" customHeight="1" outlineLevel="3" x14ac:dyDescent="0.2">
      <c r="A14806" s="17">
        <v>11182</v>
      </c>
      <c r="B14806" s="17"/>
      <c r="C14806" s="17"/>
      <c r="D14806" s="18" t="s">
        <v>7341</v>
      </c>
      <c r="E14806" s="18"/>
      <c r="F14806" s="18"/>
      <c r="G14806" s="18"/>
      <c r="H14806" s="18"/>
      <c r="I14806" s="18"/>
      <c r="J14806" s="18"/>
      <c r="K14806" s="18"/>
      <c r="L14806" s="18"/>
      <c r="M14806" s="18"/>
      <c r="N14806" s="18"/>
      <c r="O14806" s="18"/>
      <c r="P14806" s="19">
        <v>140</v>
      </c>
      <c r="Q14806" s="19"/>
      <c r="R14806" s="19"/>
      <c r="S14806" s="19"/>
      <c r="T14806" s="19">
        <v>100</v>
      </c>
      <c r="U14806" s="19"/>
      <c r="V14806" s="19"/>
      <c r="W14806" s="19"/>
      <c r="X14806" s="19">
        <v>2</v>
      </c>
      <c r="Y14806" s="19"/>
      <c r="Z14806" s="19"/>
      <c r="AA14806" s="19"/>
    </row>
    <row r="14807" spans="1:27" s="1" customFormat="1" ht="11.1" customHeight="1" outlineLevel="3" x14ac:dyDescent="0.2">
      <c r="A14807" s="17"/>
      <c r="B14807" s="17"/>
      <c r="C14807" s="17"/>
      <c r="D14807" s="18"/>
      <c r="E14807" s="18"/>
      <c r="F14807" s="18"/>
      <c r="G14807" s="18"/>
      <c r="H14807" s="18"/>
      <c r="I14807" s="18"/>
      <c r="J14807" s="18"/>
      <c r="K14807" s="18"/>
      <c r="L14807" s="18"/>
      <c r="M14807" s="18"/>
      <c r="N14807" s="18"/>
      <c r="O14807" s="18"/>
      <c r="P14807" s="19"/>
      <c r="Q14807" s="19"/>
      <c r="R14807" s="19"/>
      <c r="S14807" s="19"/>
      <c r="T14807" s="19"/>
      <c r="U14807" s="19"/>
      <c r="V14807" s="19"/>
      <c r="W14807" s="19"/>
      <c r="X14807" s="19"/>
      <c r="Y14807" s="19"/>
      <c r="Z14807" s="19"/>
      <c r="AA14807" s="19"/>
    </row>
    <row r="14808" spans="1:27" s="1" customFormat="1" ht="11.1" customHeight="1" outlineLevel="3" x14ac:dyDescent="0.2">
      <c r="A14808" s="17">
        <v>17640</v>
      </c>
      <c r="B14808" s="17"/>
      <c r="C14808" s="17"/>
      <c r="D14808" s="18" t="s">
        <v>7342</v>
      </c>
      <c r="E14808" s="18"/>
      <c r="F14808" s="18"/>
      <c r="G14808" s="18"/>
      <c r="H14808" s="18"/>
      <c r="I14808" s="18"/>
      <c r="J14808" s="18"/>
      <c r="K14808" s="18"/>
      <c r="L14808" s="18"/>
      <c r="M14808" s="18"/>
      <c r="N14808" s="18"/>
      <c r="O14808" s="18"/>
      <c r="P14808" s="19">
        <v>550</v>
      </c>
      <c r="Q14808" s="19"/>
      <c r="R14808" s="19"/>
      <c r="S14808" s="19"/>
      <c r="T14808" s="19">
        <v>350</v>
      </c>
      <c r="U14808" s="19"/>
      <c r="V14808" s="19"/>
      <c r="W14808" s="19"/>
      <c r="X14808" s="19">
        <v>1</v>
      </c>
      <c r="Y14808" s="19"/>
      <c r="Z14808" s="19"/>
      <c r="AA14808" s="19"/>
    </row>
    <row r="14809" spans="1:27" s="1" customFormat="1" ht="11.1" customHeight="1" outlineLevel="3" x14ac:dyDescent="0.2">
      <c r="A14809" s="17"/>
      <c r="B14809" s="17"/>
      <c r="C14809" s="17"/>
      <c r="D14809" s="18"/>
      <c r="E14809" s="18"/>
      <c r="F14809" s="18"/>
      <c r="G14809" s="18"/>
      <c r="H14809" s="18"/>
      <c r="I14809" s="18"/>
      <c r="J14809" s="18"/>
      <c r="K14809" s="18"/>
      <c r="L14809" s="18"/>
      <c r="M14809" s="18"/>
      <c r="N14809" s="18"/>
      <c r="O14809" s="18"/>
      <c r="P14809" s="19"/>
      <c r="Q14809" s="19"/>
      <c r="R14809" s="19"/>
      <c r="S14809" s="19"/>
      <c r="T14809" s="19"/>
      <c r="U14809" s="19"/>
      <c r="V14809" s="19"/>
      <c r="W14809" s="19"/>
      <c r="X14809" s="19"/>
      <c r="Y14809" s="19"/>
      <c r="Z14809" s="19"/>
      <c r="AA14809" s="19"/>
    </row>
    <row r="14810" spans="1:27" s="1" customFormat="1" ht="14.1" customHeight="1" outlineLevel="3" x14ac:dyDescent="0.2">
      <c r="A14810" s="17">
        <v>15270</v>
      </c>
      <c r="B14810" s="17"/>
      <c r="C14810" s="17"/>
      <c r="D14810" s="18" t="s">
        <v>7343</v>
      </c>
      <c r="E14810" s="18"/>
      <c r="F14810" s="18"/>
      <c r="G14810" s="18"/>
      <c r="H14810" s="18"/>
      <c r="I14810" s="18"/>
      <c r="J14810" s="18"/>
      <c r="K14810" s="18"/>
      <c r="L14810" s="18"/>
      <c r="M14810" s="18"/>
      <c r="N14810" s="18"/>
      <c r="O14810" s="18"/>
      <c r="P14810" s="19">
        <v>550</v>
      </c>
      <c r="Q14810" s="19"/>
      <c r="R14810" s="19"/>
      <c r="S14810" s="19"/>
      <c r="T14810" s="19">
        <v>450</v>
      </c>
      <c r="U14810" s="19"/>
      <c r="V14810" s="19"/>
      <c r="W14810" s="19"/>
      <c r="X14810" s="19">
        <v>3</v>
      </c>
      <c r="Y14810" s="19"/>
      <c r="Z14810" s="19"/>
      <c r="AA14810" s="19"/>
    </row>
    <row r="14811" spans="1:27" s="1" customFormat="1" ht="14.1" customHeight="1" outlineLevel="3" x14ac:dyDescent="0.2">
      <c r="A14811" s="17"/>
      <c r="B14811" s="17"/>
      <c r="C14811" s="17"/>
      <c r="D14811" s="18"/>
      <c r="E14811" s="18"/>
      <c r="F14811" s="18"/>
      <c r="G14811" s="18"/>
      <c r="H14811" s="18"/>
      <c r="I14811" s="18"/>
      <c r="J14811" s="18"/>
      <c r="K14811" s="18"/>
      <c r="L14811" s="18"/>
      <c r="M14811" s="18"/>
      <c r="N14811" s="18"/>
      <c r="O14811" s="18"/>
      <c r="P14811" s="19"/>
      <c r="Q14811" s="19"/>
      <c r="R14811" s="19"/>
      <c r="S14811" s="19"/>
      <c r="T14811" s="19"/>
      <c r="U14811" s="19"/>
      <c r="V14811" s="19"/>
      <c r="W14811" s="19"/>
      <c r="X14811" s="19"/>
      <c r="Y14811" s="19"/>
      <c r="Z14811" s="19"/>
      <c r="AA14811" s="19"/>
    </row>
    <row r="14812" spans="1:27" s="1" customFormat="1" ht="11.1" customHeight="1" outlineLevel="3" x14ac:dyDescent="0.2">
      <c r="A14812" s="17">
        <v>16125</v>
      </c>
      <c r="B14812" s="17"/>
      <c r="C14812" s="17"/>
      <c r="D14812" s="18" t="s">
        <v>7344</v>
      </c>
      <c r="E14812" s="18"/>
      <c r="F14812" s="18"/>
      <c r="G14812" s="18"/>
      <c r="H14812" s="18"/>
      <c r="I14812" s="18"/>
      <c r="J14812" s="18"/>
      <c r="K14812" s="18"/>
      <c r="L14812" s="18"/>
      <c r="M14812" s="18"/>
      <c r="N14812" s="18"/>
      <c r="O14812" s="18"/>
      <c r="P14812" s="20">
        <v>1250</v>
      </c>
      <c r="Q14812" s="20"/>
      <c r="R14812" s="20"/>
      <c r="S14812" s="20"/>
      <c r="T14812" s="19">
        <v>999</v>
      </c>
      <c r="U14812" s="19"/>
      <c r="V14812" s="19"/>
      <c r="W14812" s="19"/>
      <c r="X14812" s="19">
        <v>4</v>
      </c>
      <c r="Y14812" s="19"/>
      <c r="Z14812" s="19"/>
      <c r="AA14812" s="19"/>
    </row>
    <row r="14813" spans="1:27" s="1" customFormat="1" ht="11.1" customHeight="1" outlineLevel="3" x14ac:dyDescent="0.2">
      <c r="A14813" s="17"/>
      <c r="B14813" s="17"/>
      <c r="C14813" s="17"/>
      <c r="D14813" s="18"/>
      <c r="E14813" s="18"/>
      <c r="F14813" s="18"/>
      <c r="G14813" s="18"/>
      <c r="H14813" s="18"/>
      <c r="I14813" s="18"/>
      <c r="J14813" s="18"/>
      <c r="K14813" s="18"/>
      <c r="L14813" s="18"/>
      <c r="M14813" s="18"/>
      <c r="N14813" s="18"/>
      <c r="O14813" s="18"/>
      <c r="P14813" s="20"/>
      <c r="Q14813" s="20"/>
      <c r="R14813" s="20"/>
      <c r="S14813" s="20"/>
      <c r="T14813" s="19"/>
      <c r="U14813" s="19"/>
      <c r="V14813" s="19"/>
      <c r="W14813" s="19"/>
      <c r="X14813" s="19"/>
      <c r="Y14813" s="19"/>
      <c r="Z14813" s="19"/>
      <c r="AA14813" s="19"/>
    </row>
    <row r="14814" spans="1:27" s="1" customFormat="1" ht="11.1" customHeight="1" outlineLevel="3" x14ac:dyDescent="0.2">
      <c r="A14814" s="17">
        <v>13598</v>
      </c>
      <c r="B14814" s="17"/>
      <c r="C14814" s="17"/>
      <c r="D14814" s="18" t="s">
        <v>7345</v>
      </c>
      <c r="E14814" s="18"/>
      <c r="F14814" s="18"/>
      <c r="G14814" s="18"/>
      <c r="H14814" s="18"/>
      <c r="I14814" s="18"/>
      <c r="J14814" s="18"/>
      <c r="K14814" s="18"/>
      <c r="L14814" s="18"/>
      <c r="M14814" s="18"/>
      <c r="N14814" s="18"/>
      <c r="O14814" s="18"/>
      <c r="P14814" s="19">
        <v>630</v>
      </c>
      <c r="Q14814" s="19"/>
      <c r="R14814" s="19"/>
      <c r="S14814" s="19"/>
      <c r="T14814" s="19">
        <v>550</v>
      </c>
      <c r="U14814" s="19"/>
      <c r="V14814" s="19"/>
      <c r="W14814" s="19"/>
      <c r="X14814" s="19">
        <v>1</v>
      </c>
      <c r="Y14814" s="19"/>
      <c r="Z14814" s="19"/>
      <c r="AA14814" s="19"/>
    </row>
    <row r="14815" spans="1:27" s="1" customFormat="1" ht="11.1" customHeight="1" outlineLevel="3" x14ac:dyDescent="0.2">
      <c r="A14815" s="17"/>
      <c r="B14815" s="17"/>
      <c r="C14815" s="17"/>
      <c r="D14815" s="18"/>
      <c r="E14815" s="18"/>
      <c r="F14815" s="18"/>
      <c r="G14815" s="18"/>
      <c r="H14815" s="18"/>
      <c r="I14815" s="18"/>
      <c r="J14815" s="18"/>
      <c r="K14815" s="18"/>
      <c r="L14815" s="18"/>
      <c r="M14815" s="18"/>
      <c r="N14815" s="18"/>
      <c r="O14815" s="18"/>
      <c r="P14815" s="19"/>
      <c r="Q14815" s="19"/>
      <c r="R14815" s="19"/>
      <c r="S14815" s="19"/>
      <c r="T14815" s="19"/>
      <c r="U14815" s="19"/>
      <c r="V14815" s="19"/>
      <c r="W14815" s="19"/>
      <c r="X14815" s="19"/>
      <c r="Y14815" s="19"/>
      <c r="Z14815" s="19"/>
      <c r="AA14815" s="19"/>
    </row>
    <row r="14816" spans="1:27" s="1" customFormat="1" ht="11.1" customHeight="1" outlineLevel="3" x14ac:dyDescent="0.2">
      <c r="A14816" s="17">
        <v>14383</v>
      </c>
      <c r="B14816" s="17"/>
      <c r="C14816" s="17"/>
      <c r="D14816" s="18" t="s">
        <v>7346</v>
      </c>
      <c r="E14816" s="18"/>
      <c r="F14816" s="18"/>
      <c r="G14816" s="18"/>
      <c r="H14816" s="18"/>
      <c r="I14816" s="18"/>
      <c r="J14816" s="18"/>
      <c r="K14816" s="18"/>
      <c r="L14816" s="18"/>
      <c r="M14816" s="18"/>
      <c r="N14816" s="18"/>
      <c r="O14816" s="18"/>
      <c r="P14816" s="19">
        <v>190</v>
      </c>
      <c r="Q14816" s="19"/>
      <c r="R14816" s="19"/>
      <c r="S14816" s="19"/>
      <c r="T14816" s="19">
        <v>140</v>
      </c>
      <c r="U14816" s="19"/>
      <c r="V14816" s="19"/>
      <c r="W14816" s="19"/>
      <c r="X14816" s="19">
        <v>26</v>
      </c>
      <c r="Y14816" s="19"/>
      <c r="Z14816" s="19"/>
      <c r="AA14816" s="19"/>
    </row>
    <row r="14817" spans="1:27" s="1" customFormat="1" ht="11.1" customHeight="1" outlineLevel="3" x14ac:dyDescent="0.2">
      <c r="A14817" s="17"/>
      <c r="B14817" s="17"/>
      <c r="C14817" s="17"/>
      <c r="D14817" s="18"/>
      <c r="E14817" s="18"/>
      <c r="F14817" s="18"/>
      <c r="G14817" s="18"/>
      <c r="H14817" s="18"/>
      <c r="I14817" s="18"/>
      <c r="J14817" s="18"/>
      <c r="K14817" s="18"/>
      <c r="L14817" s="18"/>
      <c r="M14817" s="18"/>
      <c r="N14817" s="18"/>
      <c r="O14817" s="18"/>
      <c r="P14817" s="19"/>
      <c r="Q14817" s="19"/>
      <c r="R14817" s="19"/>
      <c r="S14817" s="19"/>
      <c r="T14817" s="19"/>
      <c r="U14817" s="19"/>
      <c r="V14817" s="19"/>
      <c r="W14817" s="19"/>
      <c r="X14817" s="19"/>
      <c r="Y14817" s="19"/>
      <c r="Z14817" s="19"/>
      <c r="AA14817" s="19"/>
    </row>
    <row r="14818" spans="1:27" s="1" customFormat="1" ht="11.1" customHeight="1" outlineLevel="3" x14ac:dyDescent="0.2">
      <c r="A14818" s="17">
        <v>16123</v>
      </c>
      <c r="B14818" s="17"/>
      <c r="C14818" s="17"/>
      <c r="D14818" s="18" t="s">
        <v>7347</v>
      </c>
      <c r="E14818" s="18"/>
      <c r="F14818" s="18"/>
      <c r="G14818" s="18"/>
      <c r="H14818" s="18"/>
      <c r="I14818" s="18"/>
      <c r="J14818" s="18"/>
      <c r="K14818" s="18"/>
      <c r="L14818" s="18"/>
      <c r="M14818" s="18"/>
      <c r="N14818" s="18"/>
      <c r="O14818" s="18"/>
      <c r="P14818" s="19">
        <v>190</v>
      </c>
      <c r="Q14818" s="19"/>
      <c r="R14818" s="19"/>
      <c r="S14818" s="19"/>
      <c r="T14818" s="19">
        <v>150</v>
      </c>
      <c r="U14818" s="19"/>
      <c r="V14818" s="19"/>
      <c r="W14818" s="19"/>
      <c r="X14818" s="19">
        <v>67</v>
      </c>
      <c r="Y14818" s="19"/>
      <c r="Z14818" s="19"/>
      <c r="AA14818" s="19"/>
    </row>
    <row r="14819" spans="1:27" s="1" customFormat="1" ht="11.1" customHeight="1" outlineLevel="3" x14ac:dyDescent="0.2">
      <c r="A14819" s="17"/>
      <c r="B14819" s="17"/>
      <c r="C14819" s="17"/>
      <c r="D14819" s="18"/>
      <c r="E14819" s="18"/>
      <c r="F14819" s="18"/>
      <c r="G14819" s="18"/>
      <c r="H14819" s="18"/>
      <c r="I14819" s="18"/>
      <c r="J14819" s="18"/>
      <c r="K14819" s="18"/>
      <c r="L14819" s="18"/>
      <c r="M14819" s="18"/>
      <c r="N14819" s="18"/>
      <c r="O14819" s="18"/>
      <c r="P14819" s="19"/>
      <c r="Q14819" s="19"/>
      <c r="R14819" s="19"/>
      <c r="S14819" s="19"/>
      <c r="T14819" s="19"/>
      <c r="U14819" s="19"/>
      <c r="V14819" s="19"/>
      <c r="W14819" s="19"/>
      <c r="X14819" s="19"/>
      <c r="Y14819" s="19"/>
      <c r="Z14819" s="19"/>
      <c r="AA14819" s="19"/>
    </row>
    <row r="14820" spans="1:27" s="1" customFormat="1" ht="11.1" customHeight="1" outlineLevel="3" x14ac:dyDescent="0.2">
      <c r="A14820" s="17">
        <v>16122</v>
      </c>
      <c r="B14820" s="17"/>
      <c r="C14820" s="17"/>
      <c r="D14820" s="18" t="s">
        <v>7348</v>
      </c>
      <c r="E14820" s="18"/>
      <c r="F14820" s="18"/>
      <c r="G14820" s="18"/>
      <c r="H14820" s="18"/>
      <c r="I14820" s="18"/>
      <c r="J14820" s="18"/>
      <c r="K14820" s="18"/>
      <c r="L14820" s="18"/>
      <c r="M14820" s="18"/>
      <c r="N14820" s="18"/>
      <c r="O14820" s="18"/>
      <c r="P14820" s="19">
        <v>390</v>
      </c>
      <c r="Q14820" s="19"/>
      <c r="R14820" s="19"/>
      <c r="S14820" s="19"/>
      <c r="T14820" s="19">
        <v>320</v>
      </c>
      <c r="U14820" s="19"/>
      <c r="V14820" s="19"/>
      <c r="W14820" s="19"/>
      <c r="X14820" s="19">
        <v>92</v>
      </c>
      <c r="Y14820" s="19"/>
      <c r="Z14820" s="19"/>
      <c r="AA14820" s="19"/>
    </row>
    <row r="14821" spans="1:27" s="1" customFormat="1" ht="11.1" customHeight="1" outlineLevel="3" x14ac:dyDescent="0.2">
      <c r="A14821" s="17"/>
      <c r="B14821" s="17"/>
      <c r="C14821" s="17"/>
      <c r="D14821" s="18"/>
      <c r="E14821" s="18"/>
      <c r="F14821" s="18"/>
      <c r="G14821" s="18"/>
      <c r="H14821" s="18"/>
      <c r="I14821" s="18"/>
      <c r="J14821" s="18"/>
      <c r="K14821" s="18"/>
      <c r="L14821" s="18"/>
      <c r="M14821" s="18"/>
      <c r="N14821" s="18"/>
      <c r="O14821" s="18"/>
      <c r="P14821" s="19"/>
      <c r="Q14821" s="19"/>
      <c r="R14821" s="19"/>
      <c r="S14821" s="19"/>
      <c r="T14821" s="19"/>
      <c r="U14821" s="19"/>
      <c r="V14821" s="19"/>
      <c r="W14821" s="19"/>
      <c r="X14821" s="19"/>
      <c r="Y14821" s="19"/>
      <c r="Z14821" s="19"/>
      <c r="AA14821" s="19"/>
    </row>
    <row r="14822" spans="1:27" s="1" customFormat="1" ht="11.1" customHeight="1" outlineLevel="3" x14ac:dyDescent="0.2">
      <c r="A14822" s="17">
        <v>10694</v>
      </c>
      <c r="B14822" s="17"/>
      <c r="C14822" s="17"/>
      <c r="D14822" s="18" t="s">
        <v>7349</v>
      </c>
      <c r="E14822" s="18"/>
      <c r="F14822" s="18"/>
      <c r="G14822" s="18"/>
      <c r="H14822" s="18"/>
      <c r="I14822" s="18"/>
      <c r="J14822" s="18"/>
      <c r="K14822" s="18"/>
      <c r="L14822" s="18"/>
      <c r="M14822" s="18"/>
      <c r="N14822" s="18"/>
      <c r="O14822" s="18"/>
      <c r="P14822" s="19">
        <v>200</v>
      </c>
      <c r="Q14822" s="19"/>
      <c r="R14822" s="19"/>
      <c r="S14822" s="19"/>
      <c r="T14822" s="19">
        <v>160</v>
      </c>
      <c r="U14822" s="19"/>
      <c r="V14822" s="19"/>
      <c r="W14822" s="19"/>
      <c r="X14822" s="19">
        <v>6</v>
      </c>
      <c r="Y14822" s="19"/>
      <c r="Z14822" s="19"/>
      <c r="AA14822" s="19"/>
    </row>
    <row r="14823" spans="1:27" s="1" customFormat="1" ht="11.1" customHeight="1" outlineLevel="3" x14ac:dyDescent="0.2">
      <c r="A14823" s="17"/>
      <c r="B14823" s="17"/>
      <c r="C14823" s="17"/>
      <c r="D14823" s="18"/>
      <c r="E14823" s="18"/>
      <c r="F14823" s="18"/>
      <c r="G14823" s="18"/>
      <c r="H14823" s="18"/>
      <c r="I14823" s="18"/>
      <c r="J14823" s="18"/>
      <c r="K14823" s="18"/>
      <c r="L14823" s="18"/>
      <c r="M14823" s="18"/>
      <c r="N14823" s="18"/>
      <c r="O14823" s="18"/>
      <c r="P14823" s="19"/>
      <c r="Q14823" s="19"/>
      <c r="R14823" s="19"/>
      <c r="S14823" s="19"/>
      <c r="T14823" s="19"/>
      <c r="U14823" s="19"/>
      <c r="V14823" s="19"/>
      <c r="W14823" s="19"/>
      <c r="X14823" s="19"/>
      <c r="Y14823" s="19"/>
      <c r="Z14823" s="19"/>
      <c r="AA14823" s="19"/>
    </row>
    <row r="14824" spans="1:27" s="1" customFormat="1" ht="14.1" customHeight="1" outlineLevel="3" x14ac:dyDescent="0.2">
      <c r="A14824" s="17">
        <v>10695</v>
      </c>
      <c r="B14824" s="17"/>
      <c r="C14824" s="17"/>
      <c r="D14824" s="18" t="s">
        <v>7350</v>
      </c>
      <c r="E14824" s="18"/>
      <c r="F14824" s="18"/>
      <c r="G14824" s="18"/>
      <c r="H14824" s="18"/>
      <c r="I14824" s="18"/>
      <c r="J14824" s="18"/>
      <c r="K14824" s="18"/>
      <c r="L14824" s="18"/>
      <c r="M14824" s="18"/>
      <c r="N14824" s="18"/>
      <c r="O14824" s="18"/>
      <c r="P14824" s="19">
        <v>220</v>
      </c>
      <c r="Q14824" s="19"/>
      <c r="R14824" s="19"/>
      <c r="S14824" s="19"/>
      <c r="T14824" s="19">
        <v>190</v>
      </c>
      <c r="U14824" s="19"/>
      <c r="V14824" s="19"/>
      <c r="W14824" s="19"/>
      <c r="X14824" s="19">
        <v>25</v>
      </c>
      <c r="Y14824" s="19"/>
      <c r="Z14824" s="19"/>
      <c r="AA14824" s="19"/>
    </row>
    <row r="14825" spans="1:27" s="1" customFormat="1" ht="14.1" customHeight="1" outlineLevel="3" x14ac:dyDescent="0.2">
      <c r="A14825" s="17"/>
      <c r="B14825" s="17"/>
      <c r="C14825" s="17"/>
      <c r="D14825" s="18"/>
      <c r="E14825" s="18"/>
      <c r="F14825" s="18"/>
      <c r="G14825" s="18"/>
      <c r="H14825" s="18"/>
      <c r="I14825" s="18"/>
      <c r="J14825" s="18"/>
      <c r="K14825" s="18"/>
      <c r="L14825" s="18"/>
      <c r="M14825" s="18"/>
      <c r="N14825" s="18"/>
      <c r="O14825" s="18"/>
      <c r="P14825" s="19"/>
      <c r="Q14825" s="19"/>
      <c r="R14825" s="19"/>
      <c r="S14825" s="19"/>
      <c r="T14825" s="19"/>
      <c r="U14825" s="19"/>
      <c r="V14825" s="19"/>
      <c r="W14825" s="19"/>
      <c r="X14825" s="19"/>
      <c r="Y14825" s="19"/>
      <c r="Z14825" s="19"/>
      <c r="AA14825" s="19"/>
    </row>
    <row r="14826" spans="1:27" s="1" customFormat="1" ht="14.1" customHeight="1" outlineLevel="3" x14ac:dyDescent="0.2">
      <c r="A14826" s="17">
        <v>10696</v>
      </c>
      <c r="B14826" s="17"/>
      <c r="C14826" s="17"/>
      <c r="D14826" s="18" t="s">
        <v>7351</v>
      </c>
      <c r="E14826" s="18"/>
      <c r="F14826" s="18"/>
      <c r="G14826" s="18"/>
      <c r="H14826" s="18"/>
      <c r="I14826" s="18"/>
      <c r="J14826" s="18"/>
      <c r="K14826" s="18"/>
      <c r="L14826" s="18"/>
      <c r="M14826" s="18"/>
      <c r="N14826" s="18"/>
      <c r="O14826" s="18"/>
      <c r="P14826" s="19">
        <v>220</v>
      </c>
      <c r="Q14826" s="19"/>
      <c r="R14826" s="19"/>
      <c r="S14826" s="19"/>
      <c r="T14826" s="19">
        <v>190</v>
      </c>
      <c r="U14826" s="19"/>
      <c r="V14826" s="19"/>
      <c r="W14826" s="19"/>
      <c r="X14826" s="19">
        <v>34</v>
      </c>
      <c r="Y14826" s="19"/>
      <c r="Z14826" s="19"/>
      <c r="AA14826" s="19"/>
    </row>
    <row r="14827" spans="1:27" s="1" customFormat="1" ht="14.1" customHeight="1" outlineLevel="3" x14ac:dyDescent="0.2">
      <c r="A14827" s="17"/>
      <c r="B14827" s="17"/>
      <c r="C14827" s="17"/>
      <c r="D14827" s="18"/>
      <c r="E14827" s="18"/>
      <c r="F14827" s="18"/>
      <c r="G14827" s="18"/>
      <c r="H14827" s="18"/>
      <c r="I14827" s="18"/>
      <c r="J14827" s="18"/>
      <c r="K14827" s="18"/>
      <c r="L14827" s="18"/>
      <c r="M14827" s="18"/>
      <c r="N14827" s="18"/>
      <c r="O14827" s="18"/>
      <c r="P14827" s="19"/>
      <c r="Q14827" s="19"/>
      <c r="R14827" s="19"/>
      <c r="S14827" s="19"/>
      <c r="T14827" s="19"/>
      <c r="U14827" s="19"/>
      <c r="V14827" s="19"/>
      <c r="W14827" s="19"/>
      <c r="X14827" s="19"/>
      <c r="Y14827" s="19"/>
      <c r="Z14827" s="19"/>
      <c r="AA14827" s="19"/>
    </row>
    <row r="14828" spans="1:27" s="1" customFormat="1" ht="11.1" customHeight="1" outlineLevel="3" x14ac:dyDescent="0.2">
      <c r="A14828" s="17">
        <v>13588</v>
      </c>
      <c r="B14828" s="17"/>
      <c r="C14828" s="17"/>
      <c r="D14828" s="18" t="s">
        <v>7352</v>
      </c>
      <c r="E14828" s="18"/>
      <c r="F14828" s="18"/>
      <c r="G14828" s="18"/>
      <c r="H14828" s="18"/>
      <c r="I14828" s="18"/>
      <c r="J14828" s="18"/>
      <c r="K14828" s="18"/>
      <c r="L14828" s="18"/>
      <c r="M14828" s="18"/>
      <c r="N14828" s="18"/>
      <c r="O14828" s="18"/>
      <c r="P14828" s="19">
        <v>430</v>
      </c>
      <c r="Q14828" s="19"/>
      <c r="R14828" s="19"/>
      <c r="S14828" s="19"/>
      <c r="T14828" s="19">
        <v>370</v>
      </c>
      <c r="U14828" s="19"/>
      <c r="V14828" s="19"/>
      <c r="W14828" s="19"/>
      <c r="X14828" s="19">
        <v>13</v>
      </c>
      <c r="Y14828" s="19"/>
      <c r="Z14828" s="19"/>
      <c r="AA14828" s="19"/>
    </row>
    <row r="14829" spans="1:27" s="1" customFormat="1" ht="11.1" customHeight="1" outlineLevel="3" x14ac:dyDescent="0.2">
      <c r="A14829" s="17"/>
      <c r="B14829" s="17"/>
      <c r="C14829" s="17"/>
      <c r="D14829" s="18"/>
      <c r="E14829" s="18"/>
      <c r="F14829" s="18"/>
      <c r="G14829" s="18"/>
      <c r="H14829" s="18"/>
      <c r="I14829" s="18"/>
      <c r="J14829" s="18"/>
      <c r="K14829" s="18"/>
      <c r="L14829" s="18"/>
      <c r="M14829" s="18"/>
      <c r="N14829" s="18"/>
      <c r="O14829" s="18"/>
      <c r="P14829" s="19"/>
      <c r="Q14829" s="19"/>
      <c r="R14829" s="19"/>
      <c r="S14829" s="19"/>
      <c r="T14829" s="19"/>
      <c r="U14829" s="19"/>
      <c r="V14829" s="19"/>
      <c r="W14829" s="19"/>
      <c r="X14829" s="19"/>
      <c r="Y14829" s="19"/>
      <c r="Z14829" s="19"/>
      <c r="AA14829" s="19"/>
    </row>
    <row r="14830" spans="1:27" s="1" customFormat="1" ht="11.1" customHeight="1" outlineLevel="3" x14ac:dyDescent="0.2">
      <c r="A14830" s="17">
        <v>13589</v>
      </c>
      <c r="B14830" s="17"/>
      <c r="C14830" s="17"/>
      <c r="D14830" s="18" t="s">
        <v>7353</v>
      </c>
      <c r="E14830" s="18"/>
      <c r="F14830" s="18"/>
      <c r="G14830" s="18"/>
      <c r="H14830" s="18"/>
      <c r="I14830" s="18"/>
      <c r="J14830" s="18"/>
      <c r="K14830" s="18"/>
      <c r="L14830" s="18"/>
      <c r="M14830" s="18"/>
      <c r="N14830" s="18"/>
      <c r="O14830" s="18"/>
      <c r="P14830" s="19">
        <v>430</v>
      </c>
      <c r="Q14830" s="19"/>
      <c r="R14830" s="19"/>
      <c r="S14830" s="19"/>
      <c r="T14830" s="19">
        <v>370</v>
      </c>
      <c r="U14830" s="19"/>
      <c r="V14830" s="19"/>
      <c r="W14830" s="19"/>
      <c r="X14830" s="19">
        <v>9</v>
      </c>
      <c r="Y14830" s="19"/>
      <c r="Z14830" s="19"/>
      <c r="AA14830" s="19"/>
    </row>
    <row r="14831" spans="1:27" s="1" customFormat="1" ht="11.1" customHeight="1" outlineLevel="3" x14ac:dyDescent="0.2">
      <c r="A14831" s="17"/>
      <c r="B14831" s="17"/>
      <c r="C14831" s="17"/>
      <c r="D14831" s="18"/>
      <c r="E14831" s="18"/>
      <c r="F14831" s="18"/>
      <c r="G14831" s="18"/>
      <c r="H14831" s="18"/>
      <c r="I14831" s="18"/>
      <c r="J14831" s="18"/>
      <c r="K14831" s="18"/>
      <c r="L14831" s="18"/>
      <c r="M14831" s="18"/>
      <c r="N14831" s="18"/>
      <c r="O14831" s="18"/>
      <c r="P14831" s="19"/>
      <c r="Q14831" s="19"/>
      <c r="R14831" s="19"/>
      <c r="S14831" s="19"/>
      <c r="T14831" s="19"/>
      <c r="U14831" s="19"/>
      <c r="V14831" s="19"/>
      <c r="W14831" s="19"/>
      <c r="X14831" s="19"/>
      <c r="Y14831" s="19"/>
      <c r="Z14831" s="19"/>
      <c r="AA14831" s="19"/>
    </row>
    <row r="14832" spans="1:27" s="1" customFormat="1" ht="14.1" customHeight="1" outlineLevel="3" x14ac:dyDescent="0.2">
      <c r="A14832" s="17">
        <v>14386</v>
      </c>
      <c r="B14832" s="17"/>
      <c r="C14832" s="17"/>
      <c r="D14832" s="18" t="s">
        <v>7354</v>
      </c>
      <c r="E14832" s="18"/>
      <c r="F14832" s="18"/>
      <c r="G14832" s="18"/>
      <c r="H14832" s="18"/>
      <c r="I14832" s="18"/>
      <c r="J14832" s="18"/>
      <c r="K14832" s="18"/>
      <c r="L14832" s="18"/>
      <c r="M14832" s="18"/>
      <c r="N14832" s="18"/>
      <c r="O14832" s="18"/>
      <c r="P14832" s="19">
        <v>390</v>
      </c>
      <c r="Q14832" s="19"/>
      <c r="R14832" s="19"/>
      <c r="S14832" s="19"/>
      <c r="T14832" s="19">
        <v>320</v>
      </c>
      <c r="U14832" s="19"/>
      <c r="V14832" s="19"/>
      <c r="W14832" s="19"/>
      <c r="X14832" s="19">
        <v>39</v>
      </c>
      <c r="Y14832" s="19"/>
      <c r="Z14832" s="19"/>
      <c r="AA14832" s="19"/>
    </row>
    <row r="14833" spans="1:27" s="1" customFormat="1" ht="14.1" customHeight="1" outlineLevel="3" x14ac:dyDescent="0.2">
      <c r="A14833" s="17"/>
      <c r="B14833" s="17"/>
      <c r="C14833" s="17"/>
      <c r="D14833" s="18"/>
      <c r="E14833" s="18"/>
      <c r="F14833" s="18"/>
      <c r="G14833" s="18"/>
      <c r="H14833" s="18"/>
      <c r="I14833" s="18"/>
      <c r="J14833" s="18"/>
      <c r="K14833" s="18"/>
      <c r="L14833" s="18"/>
      <c r="M14833" s="18"/>
      <c r="N14833" s="18"/>
      <c r="O14833" s="18"/>
      <c r="P14833" s="19"/>
      <c r="Q14833" s="19"/>
      <c r="R14833" s="19"/>
      <c r="S14833" s="19"/>
      <c r="T14833" s="19"/>
      <c r="U14833" s="19"/>
      <c r="V14833" s="19"/>
      <c r="W14833" s="19"/>
      <c r="X14833" s="19"/>
      <c r="Y14833" s="19"/>
      <c r="Z14833" s="19"/>
      <c r="AA14833" s="19"/>
    </row>
    <row r="14834" spans="1:27" s="1" customFormat="1" ht="11.1" customHeight="1" outlineLevel="3" x14ac:dyDescent="0.2">
      <c r="A14834" s="17">
        <v>16130</v>
      </c>
      <c r="B14834" s="17"/>
      <c r="C14834" s="17"/>
      <c r="D14834" s="18" t="s">
        <v>7355</v>
      </c>
      <c r="E14834" s="18"/>
      <c r="F14834" s="18"/>
      <c r="G14834" s="18"/>
      <c r="H14834" s="18"/>
      <c r="I14834" s="18"/>
      <c r="J14834" s="18"/>
      <c r="K14834" s="18"/>
      <c r="L14834" s="18"/>
      <c r="M14834" s="18"/>
      <c r="N14834" s="18"/>
      <c r="O14834" s="18"/>
      <c r="P14834" s="19">
        <v>250</v>
      </c>
      <c r="Q14834" s="19"/>
      <c r="R14834" s="19"/>
      <c r="S14834" s="19"/>
      <c r="T14834" s="19">
        <v>190</v>
      </c>
      <c r="U14834" s="19"/>
      <c r="V14834" s="19"/>
      <c r="W14834" s="19"/>
      <c r="X14834" s="19">
        <v>26</v>
      </c>
      <c r="Y14834" s="19"/>
      <c r="Z14834" s="19"/>
      <c r="AA14834" s="19"/>
    </row>
    <row r="14835" spans="1:27" s="1" customFormat="1" ht="11.1" customHeight="1" outlineLevel="3" x14ac:dyDescent="0.2">
      <c r="A14835" s="17"/>
      <c r="B14835" s="17"/>
      <c r="C14835" s="17"/>
      <c r="D14835" s="18"/>
      <c r="E14835" s="18"/>
      <c r="F14835" s="18"/>
      <c r="G14835" s="18"/>
      <c r="H14835" s="18"/>
      <c r="I14835" s="18"/>
      <c r="J14835" s="18"/>
      <c r="K14835" s="18"/>
      <c r="L14835" s="18"/>
      <c r="M14835" s="18"/>
      <c r="N14835" s="18"/>
      <c r="O14835" s="18"/>
      <c r="P14835" s="19"/>
      <c r="Q14835" s="19"/>
      <c r="R14835" s="19"/>
      <c r="S14835" s="19"/>
      <c r="T14835" s="19"/>
      <c r="U14835" s="19"/>
      <c r="V14835" s="19"/>
      <c r="W14835" s="19"/>
      <c r="X14835" s="19"/>
      <c r="Y14835" s="19"/>
      <c r="Z14835" s="19"/>
      <c r="AA14835" s="19"/>
    </row>
    <row r="14836" spans="1:27" s="1" customFormat="1" ht="14.1" customHeight="1" outlineLevel="3" x14ac:dyDescent="0.2">
      <c r="A14836" s="17">
        <v>9318</v>
      </c>
      <c r="B14836" s="17"/>
      <c r="C14836" s="17"/>
      <c r="D14836" s="18" t="s">
        <v>7356</v>
      </c>
      <c r="E14836" s="18"/>
      <c r="F14836" s="18"/>
      <c r="G14836" s="18"/>
      <c r="H14836" s="18"/>
      <c r="I14836" s="18"/>
      <c r="J14836" s="18"/>
      <c r="K14836" s="18"/>
      <c r="L14836" s="18"/>
      <c r="M14836" s="18"/>
      <c r="N14836" s="18"/>
      <c r="O14836" s="18"/>
      <c r="P14836" s="19">
        <v>230</v>
      </c>
      <c r="Q14836" s="19"/>
      <c r="R14836" s="19"/>
      <c r="S14836" s="19"/>
      <c r="T14836" s="19">
        <v>200</v>
      </c>
      <c r="U14836" s="19"/>
      <c r="V14836" s="19"/>
      <c r="W14836" s="19"/>
      <c r="X14836" s="19">
        <v>9</v>
      </c>
      <c r="Y14836" s="19"/>
      <c r="Z14836" s="19"/>
      <c r="AA14836" s="19"/>
    </row>
    <row r="14837" spans="1:27" s="1" customFormat="1" ht="14.1" customHeight="1" outlineLevel="3" x14ac:dyDescent="0.2">
      <c r="A14837" s="17"/>
      <c r="B14837" s="17"/>
      <c r="C14837" s="17"/>
      <c r="D14837" s="18"/>
      <c r="E14837" s="18"/>
      <c r="F14837" s="18"/>
      <c r="G14837" s="18"/>
      <c r="H14837" s="18"/>
      <c r="I14837" s="18"/>
      <c r="J14837" s="18"/>
      <c r="K14837" s="18"/>
      <c r="L14837" s="18"/>
      <c r="M14837" s="18"/>
      <c r="N14837" s="18"/>
      <c r="O14837" s="18"/>
      <c r="P14837" s="19"/>
      <c r="Q14837" s="19"/>
      <c r="R14837" s="19"/>
      <c r="S14837" s="19"/>
      <c r="T14837" s="19"/>
      <c r="U14837" s="19"/>
      <c r="V14837" s="19"/>
      <c r="W14837" s="19"/>
      <c r="X14837" s="19"/>
      <c r="Y14837" s="19"/>
      <c r="Z14837" s="19"/>
      <c r="AA14837" s="19"/>
    </row>
    <row r="14838" spans="1:27" s="1" customFormat="1" ht="14.1" customHeight="1" outlineLevel="3" x14ac:dyDescent="0.2">
      <c r="A14838" s="17">
        <v>11789</v>
      </c>
      <c r="B14838" s="17"/>
      <c r="C14838" s="17"/>
      <c r="D14838" s="18" t="s">
        <v>7357</v>
      </c>
      <c r="E14838" s="18"/>
      <c r="F14838" s="18"/>
      <c r="G14838" s="18"/>
      <c r="H14838" s="18"/>
      <c r="I14838" s="18"/>
      <c r="J14838" s="18"/>
      <c r="K14838" s="18"/>
      <c r="L14838" s="18"/>
      <c r="M14838" s="18"/>
      <c r="N14838" s="18"/>
      <c r="O14838" s="18"/>
      <c r="P14838" s="19">
        <v>230</v>
      </c>
      <c r="Q14838" s="19"/>
      <c r="R14838" s="19"/>
      <c r="S14838" s="19"/>
      <c r="T14838" s="19">
        <v>200</v>
      </c>
      <c r="U14838" s="19"/>
      <c r="V14838" s="19"/>
      <c r="W14838" s="19"/>
      <c r="X14838" s="19">
        <v>17</v>
      </c>
      <c r="Y14838" s="19"/>
      <c r="Z14838" s="19"/>
      <c r="AA14838" s="19"/>
    </row>
    <row r="14839" spans="1:27" s="1" customFormat="1" ht="14.1" customHeight="1" outlineLevel="3" x14ac:dyDescent="0.2">
      <c r="A14839" s="17"/>
      <c r="B14839" s="17"/>
      <c r="C14839" s="17"/>
      <c r="D14839" s="18"/>
      <c r="E14839" s="18"/>
      <c r="F14839" s="18"/>
      <c r="G14839" s="18"/>
      <c r="H14839" s="18"/>
      <c r="I14839" s="18"/>
      <c r="J14839" s="18"/>
      <c r="K14839" s="18"/>
      <c r="L14839" s="18"/>
      <c r="M14839" s="18"/>
      <c r="N14839" s="18"/>
      <c r="O14839" s="18"/>
      <c r="P14839" s="19"/>
      <c r="Q14839" s="19"/>
      <c r="R14839" s="19"/>
      <c r="S14839" s="19"/>
      <c r="T14839" s="19"/>
      <c r="U14839" s="19"/>
      <c r="V14839" s="19"/>
      <c r="W14839" s="19"/>
      <c r="X14839" s="19"/>
      <c r="Y14839" s="19"/>
      <c r="Z14839" s="19"/>
      <c r="AA14839" s="19"/>
    </row>
    <row r="14840" spans="1:27" s="1" customFormat="1" ht="11.1" customHeight="1" outlineLevel="2" x14ac:dyDescent="0.2">
      <c r="A14840" s="16" t="s">
        <v>7358</v>
      </c>
      <c r="B14840" s="16"/>
      <c r="C14840" s="16"/>
      <c r="D14840" s="16"/>
      <c r="E14840" s="16"/>
      <c r="F14840" s="16"/>
      <c r="G14840" s="16"/>
      <c r="H14840" s="16"/>
      <c r="I14840" s="16"/>
      <c r="J14840" s="16"/>
      <c r="K14840" s="16"/>
      <c r="L14840" s="16"/>
      <c r="M14840" s="16"/>
      <c r="N14840" s="16"/>
      <c r="O14840" s="16"/>
      <c r="P14840" s="16"/>
      <c r="Q14840" s="16"/>
      <c r="R14840" s="16"/>
      <c r="S14840" s="16"/>
      <c r="T14840" s="16"/>
      <c r="U14840" s="16"/>
      <c r="V14840" s="16"/>
      <c r="W14840" s="16"/>
      <c r="X14840" s="16"/>
      <c r="Y14840" s="16"/>
      <c r="Z14840" s="16"/>
      <c r="AA14840" s="16"/>
    </row>
    <row r="14841" spans="1:27" s="1" customFormat="1" ht="11.1" customHeight="1" outlineLevel="2" x14ac:dyDescent="0.2">
      <c r="A14841" s="16"/>
      <c r="B14841" s="16"/>
      <c r="C14841" s="16"/>
      <c r="D14841" s="16"/>
      <c r="E14841" s="16"/>
      <c r="F14841" s="16"/>
      <c r="G14841" s="16"/>
      <c r="H14841" s="16"/>
      <c r="I14841" s="16"/>
      <c r="J14841" s="16"/>
      <c r="K14841" s="16"/>
      <c r="L14841" s="16"/>
      <c r="M14841" s="16"/>
      <c r="N14841" s="16"/>
      <c r="O14841" s="16"/>
      <c r="P14841" s="16"/>
      <c r="Q14841" s="16"/>
      <c r="R14841" s="16"/>
      <c r="S14841" s="16"/>
      <c r="T14841" s="16"/>
      <c r="U14841" s="16"/>
      <c r="V14841" s="16"/>
      <c r="W14841" s="16"/>
      <c r="X14841" s="16"/>
      <c r="Y14841" s="16"/>
      <c r="Z14841" s="16"/>
      <c r="AA14841" s="16"/>
    </row>
    <row r="14842" spans="1:27" s="1" customFormat="1" ht="14.1" customHeight="1" outlineLevel="3" x14ac:dyDescent="0.2">
      <c r="A14842" s="17">
        <v>17828</v>
      </c>
      <c r="B14842" s="17"/>
      <c r="C14842" s="17"/>
      <c r="D14842" s="18" t="s">
        <v>7359</v>
      </c>
      <c r="E14842" s="18"/>
      <c r="F14842" s="18"/>
      <c r="G14842" s="18"/>
      <c r="H14842" s="18"/>
      <c r="I14842" s="18"/>
      <c r="J14842" s="18"/>
      <c r="K14842" s="18"/>
      <c r="L14842" s="18"/>
      <c r="M14842" s="18"/>
      <c r="N14842" s="18"/>
      <c r="O14842" s="18"/>
      <c r="P14842" s="19">
        <v>190</v>
      </c>
      <c r="Q14842" s="19"/>
      <c r="R14842" s="19"/>
      <c r="S14842" s="19"/>
      <c r="T14842" s="19">
        <v>150</v>
      </c>
      <c r="U14842" s="19"/>
      <c r="V14842" s="19"/>
      <c r="W14842" s="19"/>
      <c r="X14842" s="19">
        <v>16</v>
      </c>
      <c r="Y14842" s="19"/>
      <c r="Z14842" s="19"/>
      <c r="AA14842" s="19"/>
    </row>
    <row r="14843" spans="1:27" s="1" customFormat="1" ht="14.1" customHeight="1" outlineLevel="3" x14ac:dyDescent="0.2">
      <c r="A14843" s="17"/>
      <c r="B14843" s="17"/>
      <c r="C14843" s="17"/>
      <c r="D14843" s="18"/>
      <c r="E14843" s="18"/>
      <c r="F14843" s="18"/>
      <c r="G14843" s="18"/>
      <c r="H14843" s="18"/>
      <c r="I14843" s="18"/>
      <c r="J14843" s="18"/>
      <c r="K14843" s="18"/>
      <c r="L14843" s="18"/>
      <c r="M14843" s="18"/>
      <c r="N14843" s="18"/>
      <c r="O14843" s="18"/>
      <c r="P14843" s="19"/>
      <c r="Q14843" s="19"/>
      <c r="R14843" s="19"/>
      <c r="S14843" s="19"/>
      <c r="T14843" s="19"/>
      <c r="U14843" s="19"/>
      <c r="V14843" s="19"/>
      <c r="W14843" s="19"/>
      <c r="X14843" s="19"/>
      <c r="Y14843" s="19"/>
      <c r="Z14843" s="19"/>
      <c r="AA14843" s="19"/>
    </row>
    <row r="14844" spans="1:27" s="1" customFormat="1" ht="11.1" customHeight="1" outlineLevel="3" x14ac:dyDescent="0.2">
      <c r="A14844" s="17">
        <v>5308</v>
      </c>
      <c r="B14844" s="17"/>
      <c r="C14844" s="17"/>
      <c r="D14844" s="18" t="s">
        <v>7360</v>
      </c>
      <c r="E14844" s="18"/>
      <c r="F14844" s="18"/>
      <c r="G14844" s="18"/>
      <c r="H14844" s="18"/>
      <c r="I14844" s="18"/>
      <c r="J14844" s="18"/>
      <c r="K14844" s="18"/>
      <c r="L14844" s="18"/>
      <c r="M14844" s="18"/>
      <c r="N14844" s="18"/>
      <c r="O14844" s="18"/>
      <c r="P14844" s="19">
        <v>100</v>
      </c>
      <c r="Q14844" s="19"/>
      <c r="R14844" s="19"/>
      <c r="S14844" s="19"/>
      <c r="T14844" s="19">
        <v>80</v>
      </c>
      <c r="U14844" s="19"/>
      <c r="V14844" s="19"/>
      <c r="W14844" s="19"/>
      <c r="X14844" s="19">
        <v>4</v>
      </c>
      <c r="Y14844" s="19"/>
      <c r="Z14844" s="19"/>
      <c r="AA14844" s="19"/>
    </row>
    <row r="14845" spans="1:27" s="1" customFormat="1" ht="11.1" customHeight="1" outlineLevel="3" x14ac:dyDescent="0.2">
      <c r="A14845" s="17"/>
      <c r="B14845" s="17"/>
      <c r="C14845" s="17"/>
      <c r="D14845" s="18"/>
      <c r="E14845" s="18"/>
      <c r="F14845" s="18"/>
      <c r="G14845" s="18"/>
      <c r="H14845" s="18"/>
      <c r="I14845" s="18"/>
      <c r="J14845" s="18"/>
      <c r="K14845" s="18"/>
      <c r="L14845" s="18"/>
      <c r="M14845" s="18"/>
      <c r="N14845" s="18"/>
      <c r="O14845" s="18"/>
      <c r="P14845" s="19"/>
      <c r="Q14845" s="19"/>
      <c r="R14845" s="19"/>
      <c r="S14845" s="19"/>
      <c r="T14845" s="19"/>
      <c r="U14845" s="19"/>
      <c r="V14845" s="19"/>
      <c r="W14845" s="19"/>
      <c r="X14845" s="19"/>
      <c r="Y14845" s="19"/>
      <c r="Z14845" s="19"/>
      <c r="AA14845" s="19"/>
    </row>
    <row r="14846" spans="1:27" s="1" customFormat="1" ht="14.1" customHeight="1" outlineLevel="3" x14ac:dyDescent="0.2">
      <c r="A14846" s="17">
        <v>4554</v>
      </c>
      <c r="B14846" s="17"/>
      <c r="C14846" s="17"/>
      <c r="D14846" s="18" t="s">
        <v>7361</v>
      </c>
      <c r="E14846" s="18"/>
      <c r="F14846" s="18"/>
      <c r="G14846" s="18"/>
      <c r="H14846" s="18"/>
      <c r="I14846" s="18"/>
      <c r="J14846" s="18"/>
      <c r="K14846" s="18"/>
      <c r="L14846" s="18"/>
      <c r="M14846" s="18"/>
      <c r="N14846" s="18"/>
      <c r="O14846" s="18"/>
      <c r="P14846" s="19">
        <v>230</v>
      </c>
      <c r="Q14846" s="19"/>
      <c r="R14846" s="19"/>
      <c r="S14846" s="19"/>
      <c r="T14846" s="19">
        <v>180</v>
      </c>
      <c r="U14846" s="19"/>
      <c r="V14846" s="19"/>
      <c r="W14846" s="19"/>
      <c r="X14846" s="19">
        <v>3</v>
      </c>
      <c r="Y14846" s="19"/>
      <c r="Z14846" s="19"/>
      <c r="AA14846" s="19"/>
    </row>
    <row r="14847" spans="1:27" s="1" customFormat="1" ht="14.1" customHeight="1" outlineLevel="3" x14ac:dyDescent="0.2">
      <c r="A14847" s="17"/>
      <c r="B14847" s="17"/>
      <c r="C14847" s="17"/>
      <c r="D14847" s="18"/>
      <c r="E14847" s="18"/>
      <c r="F14847" s="18"/>
      <c r="G14847" s="18"/>
      <c r="H14847" s="18"/>
      <c r="I14847" s="18"/>
      <c r="J14847" s="18"/>
      <c r="K14847" s="18"/>
      <c r="L14847" s="18"/>
      <c r="M14847" s="18"/>
      <c r="N14847" s="18"/>
      <c r="O14847" s="18"/>
      <c r="P14847" s="19"/>
      <c r="Q14847" s="19"/>
      <c r="R14847" s="19"/>
      <c r="S14847" s="19"/>
      <c r="T14847" s="19"/>
      <c r="U14847" s="19"/>
      <c r="V14847" s="19"/>
      <c r="W14847" s="19"/>
      <c r="X14847" s="19"/>
      <c r="Y14847" s="19"/>
      <c r="Z14847" s="19"/>
      <c r="AA14847" s="19"/>
    </row>
    <row r="14848" spans="1:27" s="1" customFormat="1" ht="14.1" customHeight="1" outlineLevel="3" x14ac:dyDescent="0.2">
      <c r="A14848" s="17">
        <v>13596</v>
      </c>
      <c r="B14848" s="17"/>
      <c r="C14848" s="17"/>
      <c r="D14848" s="18" t="s">
        <v>7362</v>
      </c>
      <c r="E14848" s="18"/>
      <c r="F14848" s="18"/>
      <c r="G14848" s="18"/>
      <c r="H14848" s="18"/>
      <c r="I14848" s="18"/>
      <c r="J14848" s="18"/>
      <c r="K14848" s="18"/>
      <c r="L14848" s="18"/>
      <c r="M14848" s="18"/>
      <c r="N14848" s="18"/>
      <c r="O14848" s="18"/>
      <c r="P14848" s="19">
        <v>230</v>
      </c>
      <c r="Q14848" s="19"/>
      <c r="R14848" s="19"/>
      <c r="S14848" s="19"/>
      <c r="T14848" s="19">
        <v>180</v>
      </c>
      <c r="U14848" s="19"/>
      <c r="V14848" s="19"/>
      <c r="W14848" s="19"/>
      <c r="X14848" s="19">
        <v>46</v>
      </c>
      <c r="Y14848" s="19"/>
      <c r="Z14848" s="19"/>
      <c r="AA14848" s="19"/>
    </row>
    <row r="14849" spans="1:27" s="1" customFormat="1" ht="14.1" customHeight="1" outlineLevel="3" x14ac:dyDescent="0.2">
      <c r="A14849" s="17"/>
      <c r="B14849" s="17"/>
      <c r="C14849" s="17"/>
      <c r="D14849" s="18"/>
      <c r="E14849" s="18"/>
      <c r="F14849" s="18"/>
      <c r="G14849" s="18"/>
      <c r="H14849" s="18"/>
      <c r="I14849" s="18"/>
      <c r="J14849" s="18"/>
      <c r="K14849" s="18"/>
      <c r="L14849" s="18"/>
      <c r="M14849" s="18"/>
      <c r="N14849" s="18"/>
      <c r="O14849" s="18"/>
      <c r="P14849" s="19"/>
      <c r="Q14849" s="19"/>
      <c r="R14849" s="19"/>
      <c r="S14849" s="19"/>
      <c r="T14849" s="19"/>
      <c r="U14849" s="19"/>
      <c r="V14849" s="19"/>
      <c r="W14849" s="19"/>
      <c r="X14849" s="19"/>
      <c r="Y14849" s="19"/>
      <c r="Z14849" s="19"/>
      <c r="AA14849" s="19"/>
    </row>
    <row r="14850" spans="1:27" s="1" customFormat="1" ht="14.1" customHeight="1" outlineLevel="3" x14ac:dyDescent="0.2">
      <c r="A14850" s="17">
        <v>9868</v>
      </c>
      <c r="B14850" s="17"/>
      <c r="C14850" s="17"/>
      <c r="D14850" s="18" t="s">
        <v>7363</v>
      </c>
      <c r="E14850" s="18"/>
      <c r="F14850" s="18"/>
      <c r="G14850" s="18"/>
      <c r="H14850" s="18"/>
      <c r="I14850" s="18"/>
      <c r="J14850" s="18"/>
      <c r="K14850" s="18"/>
      <c r="L14850" s="18"/>
      <c r="M14850" s="18"/>
      <c r="N14850" s="18"/>
      <c r="O14850" s="18"/>
      <c r="P14850" s="19">
        <v>180</v>
      </c>
      <c r="Q14850" s="19"/>
      <c r="R14850" s="19"/>
      <c r="S14850" s="19"/>
      <c r="T14850" s="19">
        <v>120</v>
      </c>
      <c r="U14850" s="19"/>
      <c r="V14850" s="19"/>
      <c r="W14850" s="19"/>
      <c r="X14850" s="19">
        <v>75</v>
      </c>
      <c r="Y14850" s="19"/>
      <c r="Z14850" s="19"/>
      <c r="AA14850" s="19"/>
    </row>
    <row r="14851" spans="1:27" s="1" customFormat="1" ht="14.1" customHeight="1" outlineLevel="3" x14ac:dyDescent="0.2">
      <c r="A14851" s="17"/>
      <c r="B14851" s="17"/>
      <c r="C14851" s="17"/>
      <c r="D14851" s="18"/>
      <c r="E14851" s="18"/>
      <c r="F14851" s="18"/>
      <c r="G14851" s="18"/>
      <c r="H14851" s="18"/>
      <c r="I14851" s="18"/>
      <c r="J14851" s="18"/>
      <c r="K14851" s="18"/>
      <c r="L14851" s="18"/>
      <c r="M14851" s="18"/>
      <c r="N14851" s="18"/>
      <c r="O14851" s="18"/>
      <c r="P14851" s="19"/>
      <c r="Q14851" s="19"/>
      <c r="R14851" s="19"/>
      <c r="S14851" s="19"/>
      <c r="T14851" s="19"/>
      <c r="U14851" s="19"/>
      <c r="V14851" s="19"/>
      <c r="W14851" s="19"/>
      <c r="X14851" s="19"/>
      <c r="Y14851" s="19"/>
      <c r="Z14851" s="19"/>
      <c r="AA14851" s="19"/>
    </row>
    <row r="14852" spans="1:27" s="1" customFormat="1" ht="14.1" customHeight="1" outlineLevel="3" x14ac:dyDescent="0.2">
      <c r="A14852" s="17">
        <v>14379</v>
      </c>
      <c r="B14852" s="17"/>
      <c r="C14852" s="17"/>
      <c r="D14852" s="18" t="s">
        <v>7364</v>
      </c>
      <c r="E14852" s="18"/>
      <c r="F14852" s="18"/>
      <c r="G14852" s="18"/>
      <c r="H14852" s="18"/>
      <c r="I14852" s="18"/>
      <c r="J14852" s="18"/>
      <c r="K14852" s="18"/>
      <c r="L14852" s="18"/>
      <c r="M14852" s="18"/>
      <c r="N14852" s="18"/>
      <c r="O14852" s="18"/>
      <c r="P14852" s="19">
        <v>200</v>
      </c>
      <c r="Q14852" s="19"/>
      <c r="R14852" s="19"/>
      <c r="S14852" s="19"/>
      <c r="T14852" s="19">
        <v>140</v>
      </c>
      <c r="U14852" s="19"/>
      <c r="V14852" s="19"/>
      <c r="W14852" s="19"/>
      <c r="X14852" s="19">
        <v>44</v>
      </c>
      <c r="Y14852" s="19"/>
      <c r="Z14852" s="19"/>
      <c r="AA14852" s="19"/>
    </row>
    <row r="14853" spans="1:27" s="1" customFormat="1" ht="14.1" customHeight="1" outlineLevel="3" x14ac:dyDescent="0.2">
      <c r="A14853" s="17"/>
      <c r="B14853" s="17"/>
      <c r="C14853" s="17"/>
      <c r="D14853" s="18"/>
      <c r="E14853" s="18"/>
      <c r="F14853" s="18"/>
      <c r="G14853" s="18"/>
      <c r="H14853" s="18"/>
      <c r="I14853" s="18"/>
      <c r="J14853" s="18"/>
      <c r="K14853" s="18"/>
      <c r="L14853" s="18"/>
      <c r="M14853" s="18"/>
      <c r="N14853" s="18"/>
      <c r="O14853" s="18"/>
      <c r="P14853" s="19"/>
      <c r="Q14853" s="19"/>
      <c r="R14853" s="19"/>
      <c r="S14853" s="19"/>
      <c r="T14853" s="19"/>
      <c r="U14853" s="19"/>
      <c r="V14853" s="19"/>
      <c r="W14853" s="19"/>
      <c r="X14853" s="19"/>
      <c r="Y14853" s="19"/>
      <c r="Z14853" s="19"/>
      <c r="AA14853" s="19"/>
    </row>
    <row r="14854" spans="1:27" s="1" customFormat="1" ht="11.1" customHeight="1" outlineLevel="3" x14ac:dyDescent="0.2">
      <c r="A14854" s="17">
        <v>12469</v>
      </c>
      <c r="B14854" s="17"/>
      <c r="C14854" s="17"/>
      <c r="D14854" s="18" t="s">
        <v>7365</v>
      </c>
      <c r="E14854" s="18"/>
      <c r="F14854" s="18"/>
      <c r="G14854" s="18"/>
      <c r="H14854" s="18"/>
      <c r="I14854" s="18"/>
      <c r="J14854" s="18"/>
      <c r="K14854" s="18"/>
      <c r="L14854" s="18"/>
      <c r="M14854" s="18"/>
      <c r="N14854" s="18"/>
      <c r="O14854" s="18"/>
      <c r="P14854" s="19">
        <v>150</v>
      </c>
      <c r="Q14854" s="19"/>
      <c r="R14854" s="19"/>
      <c r="S14854" s="19"/>
      <c r="T14854" s="19">
        <v>120</v>
      </c>
      <c r="U14854" s="19"/>
      <c r="V14854" s="19"/>
      <c r="W14854" s="19"/>
      <c r="X14854" s="19">
        <v>5</v>
      </c>
      <c r="Y14854" s="19"/>
      <c r="Z14854" s="19"/>
      <c r="AA14854" s="19"/>
    </row>
    <row r="14855" spans="1:27" s="1" customFormat="1" ht="11.1" customHeight="1" outlineLevel="3" x14ac:dyDescent="0.2">
      <c r="A14855" s="17"/>
      <c r="B14855" s="17"/>
      <c r="C14855" s="17"/>
      <c r="D14855" s="18"/>
      <c r="E14855" s="18"/>
      <c r="F14855" s="18"/>
      <c r="G14855" s="18"/>
      <c r="H14855" s="18"/>
      <c r="I14855" s="18"/>
      <c r="J14855" s="18"/>
      <c r="K14855" s="18"/>
      <c r="L14855" s="18"/>
      <c r="M14855" s="18"/>
      <c r="N14855" s="18"/>
      <c r="O14855" s="18"/>
      <c r="P14855" s="19"/>
      <c r="Q14855" s="19"/>
      <c r="R14855" s="19"/>
      <c r="S14855" s="19"/>
      <c r="T14855" s="19"/>
      <c r="U14855" s="19"/>
      <c r="V14855" s="19"/>
      <c r="W14855" s="19"/>
      <c r="X14855" s="19"/>
      <c r="Y14855" s="19"/>
      <c r="Z14855" s="19"/>
      <c r="AA14855" s="19"/>
    </row>
    <row r="14856" spans="1:27" s="1" customFormat="1" ht="11.1" customHeight="1" outlineLevel="2" x14ac:dyDescent="0.2">
      <c r="A14856" s="16" t="s">
        <v>7366</v>
      </c>
      <c r="B14856" s="16"/>
      <c r="C14856" s="16"/>
      <c r="D14856" s="16"/>
      <c r="E14856" s="16"/>
      <c r="F14856" s="16"/>
      <c r="G14856" s="16"/>
      <c r="H14856" s="16"/>
      <c r="I14856" s="16"/>
      <c r="J14856" s="16"/>
      <c r="K14856" s="16"/>
      <c r="L14856" s="16"/>
      <c r="M14856" s="16"/>
      <c r="N14856" s="16"/>
      <c r="O14856" s="16"/>
      <c r="P14856" s="16"/>
      <c r="Q14856" s="16"/>
      <c r="R14856" s="16"/>
      <c r="S14856" s="16"/>
      <c r="T14856" s="16"/>
      <c r="U14856" s="16"/>
      <c r="V14856" s="16"/>
      <c r="W14856" s="16"/>
      <c r="X14856" s="16"/>
      <c r="Y14856" s="16"/>
      <c r="Z14856" s="16"/>
      <c r="AA14856" s="16"/>
    </row>
    <row r="14857" spans="1:27" s="1" customFormat="1" ht="11.1" customHeight="1" outlineLevel="2" x14ac:dyDescent="0.2">
      <c r="A14857" s="16"/>
      <c r="B14857" s="16"/>
      <c r="C14857" s="16"/>
      <c r="D14857" s="16"/>
      <c r="E14857" s="16"/>
      <c r="F14857" s="16"/>
      <c r="G14857" s="16"/>
      <c r="H14857" s="16"/>
      <c r="I14857" s="16"/>
      <c r="J14857" s="16"/>
      <c r="K14857" s="16"/>
      <c r="L14857" s="16"/>
      <c r="M14857" s="16"/>
      <c r="N14857" s="16"/>
      <c r="O14857" s="16"/>
      <c r="P14857" s="16"/>
      <c r="Q14857" s="16"/>
      <c r="R14857" s="16"/>
      <c r="S14857" s="16"/>
      <c r="T14857" s="16"/>
      <c r="U14857" s="16"/>
      <c r="V14857" s="16"/>
      <c r="W14857" s="16"/>
      <c r="X14857" s="16"/>
      <c r="Y14857" s="16"/>
      <c r="Z14857" s="16"/>
      <c r="AA14857" s="16"/>
    </row>
    <row r="14858" spans="1:27" s="1" customFormat="1" ht="11.1" customHeight="1" outlineLevel="3" x14ac:dyDescent="0.2">
      <c r="A14858" s="17">
        <v>15223</v>
      </c>
      <c r="B14858" s="17"/>
      <c r="C14858" s="17"/>
      <c r="D14858" s="18" t="s">
        <v>7367</v>
      </c>
      <c r="E14858" s="18"/>
      <c r="F14858" s="18"/>
      <c r="G14858" s="18"/>
      <c r="H14858" s="18"/>
      <c r="I14858" s="18"/>
      <c r="J14858" s="18"/>
      <c r="K14858" s="18"/>
      <c r="L14858" s="18"/>
      <c r="M14858" s="18"/>
      <c r="N14858" s="18"/>
      <c r="O14858" s="18"/>
      <c r="P14858" s="19">
        <v>340</v>
      </c>
      <c r="Q14858" s="19"/>
      <c r="R14858" s="19"/>
      <c r="S14858" s="19"/>
      <c r="T14858" s="19">
        <v>250</v>
      </c>
      <c r="U14858" s="19"/>
      <c r="V14858" s="19"/>
      <c r="W14858" s="19"/>
      <c r="X14858" s="19">
        <v>3</v>
      </c>
      <c r="Y14858" s="19"/>
      <c r="Z14858" s="19"/>
      <c r="AA14858" s="19"/>
    </row>
    <row r="14859" spans="1:27" s="1" customFormat="1" ht="11.1" customHeight="1" outlineLevel="3" x14ac:dyDescent="0.2">
      <c r="A14859" s="17"/>
      <c r="B14859" s="17"/>
      <c r="C14859" s="17"/>
      <c r="D14859" s="18"/>
      <c r="E14859" s="18"/>
      <c r="F14859" s="18"/>
      <c r="G14859" s="18"/>
      <c r="H14859" s="18"/>
      <c r="I14859" s="18"/>
      <c r="J14859" s="18"/>
      <c r="K14859" s="18"/>
      <c r="L14859" s="18"/>
      <c r="M14859" s="18"/>
      <c r="N14859" s="18"/>
      <c r="O14859" s="18"/>
      <c r="P14859" s="19"/>
      <c r="Q14859" s="19"/>
      <c r="R14859" s="19"/>
      <c r="S14859" s="19"/>
      <c r="T14859" s="19"/>
      <c r="U14859" s="19"/>
      <c r="V14859" s="19"/>
      <c r="W14859" s="19"/>
      <c r="X14859" s="19"/>
      <c r="Y14859" s="19"/>
      <c r="Z14859" s="19"/>
      <c r="AA14859" s="19"/>
    </row>
    <row r="14860" spans="1:27" s="1" customFormat="1" ht="11.1" customHeight="1" outlineLevel="3" x14ac:dyDescent="0.2">
      <c r="A14860" s="17">
        <v>12734</v>
      </c>
      <c r="B14860" s="17"/>
      <c r="C14860" s="17"/>
      <c r="D14860" s="18" t="s">
        <v>7368</v>
      </c>
      <c r="E14860" s="18"/>
      <c r="F14860" s="18"/>
      <c r="G14860" s="18"/>
      <c r="H14860" s="18"/>
      <c r="I14860" s="18"/>
      <c r="J14860" s="18"/>
      <c r="K14860" s="18"/>
      <c r="L14860" s="18"/>
      <c r="M14860" s="18"/>
      <c r="N14860" s="18"/>
      <c r="O14860" s="18"/>
      <c r="P14860" s="20">
        <v>1400</v>
      </c>
      <c r="Q14860" s="20"/>
      <c r="R14860" s="20"/>
      <c r="S14860" s="20"/>
      <c r="T14860" s="20">
        <v>1200</v>
      </c>
      <c r="U14860" s="20"/>
      <c r="V14860" s="20"/>
      <c r="W14860" s="20"/>
      <c r="X14860" s="19">
        <v>1</v>
      </c>
      <c r="Y14860" s="19"/>
      <c r="Z14860" s="19"/>
      <c r="AA14860" s="19"/>
    </row>
    <row r="14861" spans="1:27" s="1" customFormat="1" ht="11.1" customHeight="1" outlineLevel="3" x14ac:dyDescent="0.2">
      <c r="A14861" s="17"/>
      <c r="B14861" s="17"/>
      <c r="C14861" s="17"/>
      <c r="D14861" s="18"/>
      <c r="E14861" s="18"/>
      <c r="F14861" s="18"/>
      <c r="G14861" s="18"/>
      <c r="H14861" s="18"/>
      <c r="I14861" s="18"/>
      <c r="J14861" s="18"/>
      <c r="K14861" s="18"/>
      <c r="L14861" s="18"/>
      <c r="M14861" s="18"/>
      <c r="N14861" s="18"/>
      <c r="O14861" s="18"/>
      <c r="P14861" s="20"/>
      <c r="Q14861" s="20"/>
      <c r="R14861" s="20"/>
      <c r="S14861" s="20"/>
      <c r="T14861" s="20"/>
      <c r="U14861" s="20"/>
      <c r="V14861" s="20"/>
      <c r="W14861" s="20"/>
      <c r="X14861" s="19"/>
      <c r="Y14861" s="19"/>
      <c r="Z14861" s="19"/>
      <c r="AA14861" s="19"/>
    </row>
    <row r="14862" spans="1:27" s="1" customFormat="1" ht="14.1" customHeight="1" outlineLevel="3" x14ac:dyDescent="0.2">
      <c r="A14862" s="17">
        <v>16128</v>
      </c>
      <c r="B14862" s="17"/>
      <c r="C14862" s="17"/>
      <c r="D14862" s="18" t="s">
        <v>7369</v>
      </c>
      <c r="E14862" s="18"/>
      <c r="F14862" s="18"/>
      <c r="G14862" s="18"/>
      <c r="H14862" s="18"/>
      <c r="I14862" s="18"/>
      <c r="J14862" s="18"/>
      <c r="K14862" s="18"/>
      <c r="L14862" s="18"/>
      <c r="M14862" s="18"/>
      <c r="N14862" s="18"/>
      <c r="O14862" s="18"/>
      <c r="P14862" s="20">
        <v>2100</v>
      </c>
      <c r="Q14862" s="20"/>
      <c r="R14862" s="20"/>
      <c r="S14862" s="20"/>
      <c r="T14862" s="20">
        <v>1890</v>
      </c>
      <c r="U14862" s="20"/>
      <c r="V14862" s="20"/>
      <c r="W14862" s="20"/>
      <c r="X14862" s="19">
        <v>7</v>
      </c>
      <c r="Y14862" s="19"/>
      <c r="Z14862" s="19"/>
      <c r="AA14862" s="19"/>
    </row>
    <row r="14863" spans="1:27" s="1" customFormat="1" ht="14.1" customHeight="1" outlineLevel="3" x14ac:dyDescent="0.2">
      <c r="A14863" s="17"/>
      <c r="B14863" s="17"/>
      <c r="C14863" s="17"/>
      <c r="D14863" s="18"/>
      <c r="E14863" s="18"/>
      <c r="F14863" s="18"/>
      <c r="G14863" s="18"/>
      <c r="H14863" s="18"/>
      <c r="I14863" s="18"/>
      <c r="J14863" s="18"/>
      <c r="K14863" s="18"/>
      <c r="L14863" s="18"/>
      <c r="M14863" s="18"/>
      <c r="N14863" s="18"/>
      <c r="O14863" s="18"/>
      <c r="P14863" s="20"/>
      <c r="Q14863" s="20"/>
      <c r="R14863" s="20"/>
      <c r="S14863" s="20"/>
      <c r="T14863" s="20"/>
      <c r="U14863" s="20"/>
      <c r="V14863" s="20"/>
      <c r="W14863" s="20"/>
      <c r="X14863" s="19"/>
      <c r="Y14863" s="19"/>
      <c r="Z14863" s="19"/>
      <c r="AA14863" s="19"/>
    </row>
    <row r="14864" spans="1:27" s="1" customFormat="1" ht="14.1" customHeight="1" outlineLevel="3" x14ac:dyDescent="0.2">
      <c r="A14864" s="17">
        <v>16129</v>
      </c>
      <c r="B14864" s="17"/>
      <c r="C14864" s="17"/>
      <c r="D14864" s="18" t="s">
        <v>7370</v>
      </c>
      <c r="E14864" s="18"/>
      <c r="F14864" s="18"/>
      <c r="G14864" s="18"/>
      <c r="H14864" s="18"/>
      <c r="I14864" s="18"/>
      <c r="J14864" s="18"/>
      <c r="K14864" s="18"/>
      <c r="L14864" s="18"/>
      <c r="M14864" s="18"/>
      <c r="N14864" s="18"/>
      <c r="O14864" s="18"/>
      <c r="P14864" s="20">
        <v>1450</v>
      </c>
      <c r="Q14864" s="20"/>
      <c r="R14864" s="20"/>
      <c r="S14864" s="20"/>
      <c r="T14864" s="20">
        <v>1150</v>
      </c>
      <c r="U14864" s="20"/>
      <c r="V14864" s="20"/>
      <c r="W14864" s="20"/>
      <c r="X14864" s="19">
        <v>4</v>
      </c>
      <c r="Y14864" s="19"/>
      <c r="Z14864" s="19"/>
      <c r="AA14864" s="19"/>
    </row>
    <row r="14865" spans="1:27" s="1" customFormat="1" ht="14.1" customHeight="1" outlineLevel="3" x14ac:dyDescent="0.2">
      <c r="A14865" s="17"/>
      <c r="B14865" s="17"/>
      <c r="C14865" s="17"/>
      <c r="D14865" s="18"/>
      <c r="E14865" s="18"/>
      <c r="F14865" s="18"/>
      <c r="G14865" s="18"/>
      <c r="H14865" s="18"/>
      <c r="I14865" s="18"/>
      <c r="J14865" s="18"/>
      <c r="K14865" s="18"/>
      <c r="L14865" s="18"/>
      <c r="M14865" s="18"/>
      <c r="N14865" s="18"/>
      <c r="O14865" s="18"/>
      <c r="P14865" s="20"/>
      <c r="Q14865" s="20"/>
      <c r="R14865" s="20"/>
      <c r="S14865" s="20"/>
      <c r="T14865" s="20"/>
      <c r="U14865" s="20"/>
      <c r="V14865" s="20"/>
      <c r="W14865" s="20"/>
      <c r="X14865" s="19"/>
      <c r="Y14865" s="19"/>
      <c r="Z14865" s="19"/>
      <c r="AA14865" s="19"/>
    </row>
    <row r="14866" spans="1:27" s="1" customFormat="1" ht="11.1" customHeight="1" outlineLevel="3" x14ac:dyDescent="0.2">
      <c r="A14866" s="17">
        <v>12791</v>
      </c>
      <c r="B14866" s="17"/>
      <c r="C14866" s="17"/>
      <c r="D14866" s="18" t="s">
        <v>7371</v>
      </c>
      <c r="E14866" s="18"/>
      <c r="F14866" s="18"/>
      <c r="G14866" s="18"/>
      <c r="H14866" s="18"/>
      <c r="I14866" s="18"/>
      <c r="J14866" s="18"/>
      <c r="K14866" s="18"/>
      <c r="L14866" s="18"/>
      <c r="M14866" s="18"/>
      <c r="N14866" s="18"/>
      <c r="O14866" s="18"/>
      <c r="P14866" s="20">
        <v>2100</v>
      </c>
      <c r="Q14866" s="20"/>
      <c r="R14866" s="20"/>
      <c r="S14866" s="20"/>
      <c r="T14866" s="20">
        <v>1990</v>
      </c>
      <c r="U14866" s="20"/>
      <c r="V14866" s="20"/>
      <c r="W14866" s="20"/>
      <c r="X14866" s="19">
        <v>1</v>
      </c>
      <c r="Y14866" s="19"/>
      <c r="Z14866" s="19"/>
      <c r="AA14866" s="19"/>
    </row>
    <row r="14867" spans="1:27" s="1" customFormat="1" ht="11.1" customHeight="1" outlineLevel="3" x14ac:dyDescent="0.2">
      <c r="A14867" s="17"/>
      <c r="B14867" s="17"/>
      <c r="C14867" s="17"/>
      <c r="D14867" s="18"/>
      <c r="E14867" s="18"/>
      <c r="F14867" s="18"/>
      <c r="G14867" s="18"/>
      <c r="H14867" s="18"/>
      <c r="I14867" s="18"/>
      <c r="J14867" s="18"/>
      <c r="K14867" s="18"/>
      <c r="L14867" s="18"/>
      <c r="M14867" s="18"/>
      <c r="N14867" s="18"/>
      <c r="O14867" s="18"/>
      <c r="P14867" s="20"/>
      <c r="Q14867" s="20"/>
      <c r="R14867" s="20"/>
      <c r="S14867" s="20"/>
      <c r="T14867" s="20"/>
      <c r="U14867" s="20"/>
      <c r="V14867" s="20"/>
      <c r="W14867" s="20"/>
      <c r="X14867" s="19"/>
      <c r="Y14867" s="19"/>
      <c r="Z14867" s="19"/>
      <c r="AA14867" s="19"/>
    </row>
    <row r="14868" spans="1:27" s="1" customFormat="1" ht="14.1" customHeight="1" outlineLevel="3" x14ac:dyDescent="0.2">
      <c r="A14868" s="17">
        <v>14120</v>
      </c>
      <c r="B14868" s="17"/>
      <c r="C14868" s="17"/>
      <c r="D14868" s="18" t="s">
        <v>7372</v>
      </c>
      <c r="E14868" s="18"/>
      <c r="F14868" s="18"/>
      <c r="G14868" s="18"/>
      <c r="H14868" s="18"/>
      <c r="I14868" s="18"/>
      <c r="J14868" s="18"/>
      <c r="K14868" s="18"/>
      <c r="L14868" s="18"/>
      <c r="M14868" s="18"/>
      <c r="N14868" s="18"/>
      <c r="O14868" s="18"/>
      <c r="P14868" s="19">
        <v>140</v>
      </c>
      <c r="Q14868" s="19"/>
      <c r="R14868" s="19"/>
      <c r="S14868" s="19"/>
      <c r="T14868" s="19">
        <v>100</v>
      </c>
      <c r="U14868" s="19"/>
      <c r="V14868" s="19"/>
      <c r="W14868" s="19"/>
      <c r="X14868" s="19">
        <v>3</v>
      </c>
      <c r="Y14868" s="19"/>
      <c r="Z14868" s="19"/>
      <c r="AA14868" s="19"/>
    </row>
    <row r="14869" spans="1:27" s="1" customFormat="1" ht="14.1" customHeight="1" outlineLevel="3" x14ac:dyDescent="0.2">
      <c r="A14869" s="17"/>
      <c r="B14869" s="17"/>
      <c r="C14869" s="17"/>
      <c r="D14869" s="18"/>
      <c r="E14869" s="18"/>
      <c r="F14869" s="18"/>
      <c r="G14869" s="18"/>
      <c r="H14869" s="18"/>
      <c r="I14869" s="18"/>
      <c r="J14869" s="18"/>
      <c r="K14869" s="18"/>
      <c r="L14869" s="18"/>
      <c r="M14869" s="18"/>
      <c r="N14869" s="18"/>
      <c r="O14869" s="18"/>
      <c r="P14869" s="19"/>
      <c r="Q14869" s="19"/>
      <c r="R14869" s="19"/>
      <c r="S14869" s="19"/>
      <c r="T14869" s="19"/>
      <c r="U14869" s="19"/>
      <c r="V14869" s="19"/>
      <c r="W14869" s="19"/>
      <c r="X14869" s="19"/>
      <c r="Y14869" s="19"/>
      <c r="Z14869" s="19"/>
      <c r="AA14869" s="19"/>
    </row>
    <row r="14870" spans="1:27" s="1" customFormat="1" ht="14.1" customHeight="1" outlineLevel="3" x14ac:dyDescent="0.2">
      <c r="A14870" s="17">
        <v>11280</v>
      </c>
      <c r="B14870" s="17"/>
      <c r="C14870" s="17"/>
      <c r="D14870" s="18" t="s">
        <v>7373</v>
      </c>
      <c r="E14870" s="18"/>
      <c r="F14870" s="18"/>
      <c r="G14870" s="18"/>
      <c r="H14870" s="18"/>
      <c r="I14870" s="18"/>
      <c r="J14870" s="18"/>
      <c r="K14870" s="18"/>
      <c r="L14870" s="18"/>
      <c r="M14870" s="18"/>
      <c r="N14870" s="18"/>
      <c r="O14870" s="18"/>
      <c r="P14870" s="19">
        <v>220</v>
      </c>
      <c r="Q14870" s="19"/>
      <c r="R14870" s="19"/>
      <c r="S14870" s="19"/>
      <c r="T14870" s="19">
        <v>200</v>
      </c>
      <c r="U14870" s="19"/>
      <c r="V14870" s="19"/>
      <c r="W14870" s="19"/>
      <c r="X14870" s="19">
        <v>3</v>
      </c>
      <c r="Y14870" s="19"/>
      <c r="Z14870" s="19"/>
      <c r="AA14870" s="19"/>
    </row>
    <row r="14871" spans="1:27" s="1" customFormat="1" ht="14.1" customHeight="1" outlineLevel="3" x14ac:dyDescent="0.2">
      <c r="A14871" s="17"/>
      <c r="B14871" s="17"/>
      <c r="C14871" s="17"/>
      <c r="D14871" s="18"/>
      <c r="E14871" s="18"/>
      <c r="F14871" s="18"/>
      <c r="G14871" s="18"/>
      <c r="H14871" s="18"/>
      <c r="I14871" s="18"/>
      <c r="J14871" s="18"/>
      <c r="K14871" s="18"/>
      <c r="L14871" s="18"/>
      <c r="M14871" s="18"/>
      <c r="N14871" s="18"/>
      <c r="O14871" s="18"/>
      <c r="P14871" s="19"/>
      <c r="Q14871" s="19"/>
      <c r="R14871" s="19"/>
      <c r="S14871" s="19"/>
      <c r="T14871" s="19"/>
      <c r="U14871" s="19"/>
      <c r="V14871" s="19"/>
      <c r="W14871" s="19"/>
      <c r="X14871" s="19"/>
      <c r="Y14871" s="19"/>
      <c r="Z14871" s="19"/>
      <c r="AA14871" s="19"/>
    </row>
    <row r="14872" spans="1:27" s="1" customFormat="1" ht="14.1" customHeight="1" outlineLevel="3" x14ac:dyDescent="0.2">
      <c r="A14872" s="17">
        <v>11281</v>
      </c>
      <c r="B14872" s="17"/>
      <c r="C14872" s="17"/>
      <c r="D14872" s="18" t="s">
        <v>7374</v>
      </c>
      <c r="E14872" s="18"/>
      <c r="F14872" s="18"/>
      <c r="G14872" s="18"/>
      <c r="H14872" s="18"/>
      <c r="I14872" s="18"/>
      <c r="J14872" s="18"/>
      <c r="K14872" s="18"/>
      <c r="L14872" s="18"/>
      <c r="M14872" s="18"/>
      <c r="N14872" s="18"/>
      <c r="O14872" s="18"/>
      <c r="P14872" s="19">
        <v>60</v>
      </c>
      <c r="Q14872" s="19"/>
      <c r="R14872" s="19"/>
      <c r="S14872" s="19"/>
      <c r="T14872" s="19">
        <v>50</v>
      </c>
      <c r="U14872" s="19"/>
      <c r="V14872" s="19"/>
      <c r="W14872" s="19"/>
      <c r="X14872" s="19">
        <v>6</v>
      </c>
      <c r="Y14872" s="19"/>
      <c r="Z14872" s="19"/>
      <c r="AA14872" s="19"/>
    </row>
    <row r="14873" spans="1:27" s="1" customFormat="1" ht="14.1" customHeight="1" outlineLevel="3" x14ac:dyDescent="0.2">
      <c r="A14873" s="17"/>
      <c r="B14873" s="17"/>
      <c r="C14873" s="17"/>
      <c r="D14873" s="18"/>
      <c r="E14873" s="18"/>
      <c r="F14873" s="18"/>
      <c r="G14873" s="18"/>
      <c r="H14873" s="18"/>
      <c r="I14873" s="18"/>
      <c r="J14873" s="18"/>
      <c r="K14873" s="18"/>
      <c r="L14873" s="18"/>
      <c r="M14873" s="18"/>
      <c r="N14873" s="18"/>
      <c r="O14873" s="18"/>
      <c r="P14873" s="19"/>
      <c r="Q14873" s="19"/>
      <c r="R14873" s="19"/>
      <c r="S14873" s="19"/>
      <c r="T14873" s="19"/>
      <c r="U14873" s="19"/>
      <c r="V14873" s="19"/>
      <c r="W14873" s="19"/>
      <c r="X14873" s="19"/>
      <c r="Y14873" s="19"/>
      <c r="Z14873" s="19"/>
      <c r="AA14873" s="19"/>
    </row>
    <row r="14874" spans="1:27" s="1" customFormat="1" ht="14.1" customHeight="1" outlineLevel="3" x14ac:dyDescent="0.2">
      <c r="A14874" s="17">
        <v>14387</v>
      </c>
      <c r="B14874" s="17"/>
      <c r="C14874" s="17"/>
      <c r="D14874" s="18" t="s">
        <v>7375</v>
      </c>
      <c r="E14874" s="18"/>
      <c r="F14874" s="18"/>
      <c r="G14874" s="18"/>
      <c r="H14874" s="18"/>
      <c r="I14874" s="18"/>
      <c r="J14874" s="18"/>
      <c r="K14874" s="18"/>
      <c r="L14874" s="18"/>
      <c r="M14874" s="18"/>
      <c r="N14874" s="18"/>
      <c r="O14874" s="18"/>
      <c r="P14874" s="20">
        <v>3050</v>
      </c>
      <c r="Q14874" s="20"/>
      <c r="R14874" s="20"/>
      <c r="S14874" s="20"/>
      <c r="T14874" s="20">
        <v>2850</v>
      </c>
      <c r="U14874" s="20"/>
      <c r="V14874" s="20"/>
      <c r="W14874" s="20"/>
      <c r="X14874" s="19">
        <v>1</v>
      </c>
      <c r="Y14874" s="19"/>
      <c r="Z14874" s="19"/>
      <c r="AA14874" s="19"/>
    </row>
    <row r="14875" spans="1:27" s="1" customFormat="1" ht="14.1" customHeight="1" outlineLevel="3" x14ac:dyDescent="0.2">
      <c r="A14875" s="17"/>
      <c r="B14875" s="17"/>
      <c r="C14875" s="17"/>
      <c r="D14875" s="18"/>
      <c r="E14875" s="18"/>
      <c r="F14875" s="18"/>
      <c r="G14875" s="18"/>
      <c r="H14875" s="18"/>
      <c r="I14875" s="18"/>
      <c r="J14875" s="18"/>
      <c r="K14875" s="18"/>
      <c r="L14875" s="18"/>
      <c r="M14875" s="18"/>
      <c r="N14875" s="18"/>
      <c r="O14875" s="18"/>
      <c r="P14875" s="20"/>
      <c r="Q14875" s="20"/>
      <c r="R14875" s="20"/>
      <c r="S14875" s="20"/>
      <c r="T14875" s="20"/>
      <c r="U14875" s="20"/>
      <c r="V14875" s="20"/>
      <c r="W14875" s="20"/>
      <c r="X14875" s="19"/>
      <c r="Y14875" s="19"/>
      <c r="Z14875" s="19"/>
      <c r="AA14875" s="19"/>
    </row>
    <row r="14876" spans="1:27" s="1" customFormat="1" ht="14.1" customHeight="1" outlineLevel="3" x14ac:dyDescent="0.2">
      <c r="A14876" s="17">
        <v>16126</v>
      </c>
      <c r="B14876" s="17"/>
      <c r="C14876" s="17"/>
      <c r="D14876" s="18" t="s">
        <v>7376</v>
      </c>
      <c r="E14876" s="18"/>
      <c r="F14876" s="18"/>
      <c r="G14876" s="18"/>
      <c r="H14876" s="18"/>
      <c r="I14876" s="18"/>
      <c r="J14876" s="18"/>
      <c r="K14876" s="18"/>
      <c r="L14876" s="18"/>
      <c r="M14876" s="18"/>
      <c r="N14876" s="18"/>
      <c r="O14876" s="18"/>
      <c r="P14876" s="20">
        <v>1450</v>
      </c>
      <c r="Q14876" s="20"/>
      <c r="R14876" s="20"/>
      <c r="S14876" s="20"/>
      <c r="T14876" s="20">
        <v>1050</v>
      </c>
      <c r="U14876" s="20"/>
      <c r="V14876" s="20"/>
      <c r="W14876" s="20"/>
      <c r="X14876" s="19">
        <v>9</v>
      </c>
      <c r="Y14876" s="19"/>
      <c r="Z14876" s="19"/>
      <c r="AA14876" s="19"/>
    </row>
    <row r="14877" spans="1:27" s="1" customFormat="1" ht="14.1" customHeight="1" outlineLevel="3" x14ac:dyDescent="0.2">
      <c r="A14877" s="17"/>
      <c r="B14877" s="17"/>
      <c r="C14877" s="17"/>
      <c r="D14877" s="18"/>
      <c r="E14877" s="18"/>
      <c r="F14877" s="18"/>
      <c r="G14877" s="18"/>
      <c r="H14877" s="18"/>
      <c r="I14877" s="18"/>
      <c r="J14877" s="18"/>
      <c r="K14877" s="18"/>
      <c r="L14877" s="18"/>
      <c r="M14877" s="18"/>
      <c r="N14877" s="18"/>
      <c r="O14877" s="18"/>
      <c r="P14877" s="20"/>
      <c r="Q14877" s="20"/>
      <c r="R14877" s="20"/>
      <c r="S14877" s="20"/>
      <c r="T14877" s="20"/>
      <c r="U14877" s="20"/>
      <c r="V14877" s="20"/>
      <c r="W14877" s="20"/>
      <c r="X14877" s="19"/>
      <c r="Y14877" s="19"/>
      <c r="Z14877" s="19"/>
      <c r="AA14877" s="19"/>
    </row>
    <row r="14878" spans="1:27" s="1" customFormat="1" ht="14.1" customHeight="1" outlineLevel="3" x14ac:dyDescent="0.2">
      <c r="A14878" s="17">
        <v>13716</v>
      </c>
      <c r="B14878" s="17"/>
      <c r="C14878" s="17"/>
      <c r="D14878" s="18" t="s">
        <v>7377</v>
      </c>
      <c r="E14878" s="18"/>
      <c r="F14878" s="18"/>
      <c r="G14878" s="18"/>
      <c r="H14878" s="18"/>
      <c r="I14878" s="18"/>
      <c r="J14878" s="18"/>
      <c r="K14878" s="18"/>
      <c r="L14878" s="18"/>
      <c r="M14878" s="18"/>
      <c r="N14878" s="18"/>
      <c r="O14878" s="18"/>
      <c r="P14878" s="20">
        <v>2750</v>
      </c>
      <c r="Q14878" s="20"/>
      <c r="R14878" s="20"/>
      <c r="S14878" s="20"/>
      <c r="T14878" s="20">
        <v>2500</v>
      </c>
      <c r="U14878" s="20"/>
      <c r="V14878" s="20"/>
      <c r="W14878" s="20"/>
      <c r="X14878" s="19">
        <v>1</v>
      </c>
      <c r="Y14878" s="19"/>
      <c r="Z14878" s="19"/>
      <c r="AA14878" s="19"/>
    </row>
    <row r="14879" spans="1:27" s="1" customFormat="1" ht="14.1" customHeight="1" outlineLevel="3" x14ac:dyDescent="0.2">
      <c r="A14879" s="17"/>
      <c r="B14879" s="17"/>
      <c r="C14879" s="17"/>
      <c r="D14879" s="18"/>
      <c r="E14879" s="18"/>
      <c r="F14879" s="18"/>
      <c r="G14879" s="18"/>
      <c r="H14879" s="18"/>
      <c r="I14879" s="18"/>
      <c r="J14879" s="18"/>
      <c r="K14879" s="18"/>
      <c r="L14879" s="18"/>
      <c r="M14879" s="18"/>
      <c r="N14879" s="18"/>
      <c r="O14879" s="18"/>
      <c r="P14879" s="20"/>
      <c r="Q14879" s="20"/>
      <c r="R14879" s="20"/>
      <c r="S14879" s="20"/>
      <c r="T14879" s="20"/>
      <c r="U14879" s="20"/>
      <c r="V14879" s="20"/>
      <c r="W14879" s="20"/>
      <c r="X14879" s="19"/>
      <c r="Y14879" s="19"/>
      <c r="Z14879" s="19"/>
      <c r="AA14879" s="19"/>
    </row>
    <row r="14880" spans="1:27" s="1" customFormat="1" ht="14.1" customHeight="1" outlineLevel="3" x14ac:dyDescent="0.2">
      <c r="A14880" s="17">
        <v>14116</v>
      </c>
      <c r="B14880" s="17"/>
      <c r="C14880" s="17"/>
      <c r="D14880" s="18" t="s">
        <v>7378</v>
      </c>
      <c r="E14880" s="18"/>
      <c r="F14880" s="18"/>
      <c r="G14880" s="18"/>
      <c r="H14880" s="18"/>
      <c r="I14880" s="18"/>
      <c r="J14880" s="18"/>
      <c r="K14880" s="18"/>
      <c r="L14880" s="18"/>
      <c r="M14880" s="18"/>
      <c r="N14880" s="18"/>
      <c r="O14880" s="18"/>
      <c r="P14880" s="20">
        <v>6200</v>
      </c>
      <c r="Q14880" s="20"/>
      <c r="R14880" s="20"/>
      <c r="S14880" s="20"/>
      <c r="T14880" s="20">
        <v>5780</v>
      </c>
      <c r="U14880" s="20"/>
      <c r="V14880" s="20"/>
      <c r="W14880" s="20"/>
      <c r="X14880" s="19">
        <v>1</v>
      </c>
      <c r="Y14880" s="19"/>
      <c r="Z14880" s="19"/>
      <c r="AA14880" s="19"/>
    </row>
    <row r="14881" spans="1:27" s="1" customFormat="1" ht="14.1" customHeight="1" outlineLevel="3" x14ac:dyDescent="0.2">
      <c r="A14881" s="17"/>
      <c r="B14881" s="17"/>
      <c r="C14881" s="17"/>
      <c r="D14881" s="18"/>
      <c r="E14881" s="18"/>
      <c r="F14881" s="18"/>
      <c r="G14881" s="18"/>
      <c r="H14881" s="18"/>
      <c r="I14881" s="18"/>
      <c r="J14881" s="18"/>
      <c r="K14881" s="18"/>
      <c r="L14881" s="18"/>
      <c r="M14881" s="18"/>
      <c r="N14881" s="18"/>
      <c r="O14881" s="18"/>
      <c r="P14881" s="20"/>
      <c r="Q14881" s="20"/>
      <c r="R14881" s="20"/>
      <c r="S14881" s="20"/>
      <c r="T14881" s="20"/>
      <c r="U14881" s="20"/>
      <c r="V14881" s="20"/>
      <c r="W14881" s="20"/>
      <c r="X14881" s="19"/>
      <c r="Y14881" s="19"/>
      <c r="Z14881" s="19"/>
      <c r="AA14881" s="19"/>
    </row>
    <row r="14882" spans="1:27" s="1" customFormat="1" ht="11.1" customHeight="1" outlineLevel="3" x14ac:dyDescent="0.2">
      <c r="A14882" s="17">
        <v>11181</v>
      </c>
      <c r="B14882" s="17"/>
      <c r="C14882" s="17"/>
      <c r="D14882" s="18" t="s">
        <v>7379</v>
      </c>
      <c r="E14882" s="18"/>
      <c r="F14882" s="18"/>
      <c r="G14882" s="18"/>
      <c r="H14882" s="18"/>
      <c r="I14882" s="18"/>
      <c r="J14882" s="18"/>
      <c r="K14882" s="18"/>
      <c r="L14882" s="18"/>
      <c r="M14882" s="18"/>
      <c r="N14882" s="18"/>
      <c r="O14882" s="18"/>
      <c r="P14882" s="20">
        <v>1500</v>
      </c>
      <c r="Q14882" s="20"/>
      <c r="R14882" s="20"/>
      <c r="S14882" s="20"/>
      <c r="T14882" s="20">
        <v>1300</v>
      </c>
      <c r="U14882" s="20"/>
      <c r="V14882" s="20"/>
      <c r="W14882" s="20"/>
      <c r="X14882" s="19">
        <v>15</v>
      </c>
      <c r="Y14882" s="19"/>
      <c r="Z14882" s="19"/>
      <c r="AA14882" s="19"/>
    </row>
    <row r="14883" spans="1:27" s="1" customFormat="1" ht="11.1" customHeight="1" outlineLevel="3" x14ac:dyDescent="0.2">
      <c r="A14883" s="17"/>
      <c r="B14883" s="17"/>
      <c r="C14883" s="17"/>
      <c r="D14883" s="18"/>
      <c r="E14883" s="18"/>
      <c r="F14883" s="18"/>
      <c r="G14883" s="18"/>
      <c r="H14883" s="18"/>
      <c r="I14883" s="18"/>
      <c r="J14883" s="18"/>
      <c r="K14883" s="18"/>
      <c r="L14883" s="18"/>
      <c r="M14883" s="18"/>
      <c r="N14883" s="18"/>
      <c r="O14883" s="18"/>
      <c r="P14883" s="20"/>
      <c r="Q14883" s="20"/>
      <c r="R14883" s="20"/>
      <c r="S14883" s="20"/>
      <c r="T14883" s="20"/>
      <c r="U14883" s="20"/>
      <c r="V14883" s="20"/>
      <c r="W14883" s="20"/>
      <c r="X14883" s="19"/>
      <c r="Y14883" s="19"/>
      <c r="Z14883" s="19"/>
      <c r="AA14883" s="19"/>
    </row>
    <row r="14884" spans="1:27" s="1" customFormat="1" ht="14.1" customHeight="1" outlineLevel="3" x14ac:dyDescent="0.2">
      <c r="A14884" s="17">
        <v>15271</v>
      </c>
      <c r="B14884" s="17"/>
      <c r="C14884" s="17"/>
      <c r="D14884" s="18" t="s">
        <v>7380</v>
      </c>
      <c r="E14884" s="18"/>
      <c r="F14884" s="18"/>
      <c r="G14884" s="18"/>
      <c r="H14884" s="18"/>
      <c r="I14884" s="18"/>
      <c r="J14884" s="18"/>
      <c r="K14884" s="18"/>
      <c r="L14884" s="18"/>
      <c r="M14884" s="18"/>
      <c r="N14884" s="18"/>
      <c r="O14884" s="18"/>
      <c r="P14884" s="20">
        <v>3900</v>
      </c>
      <c r="Q14884" s="20"/>
      <c r="R14884" s="20"/>
      <c r="S14884" s="20"/>
      <c r="T14884" s="20">
        <v>3600</v>
      </c>
      <c r="U14884" s="20"/>
      <c r="V14884" s="20"/>
      <c r="W14884" s="20"/>
      <c r="X14884" s="19">
        <v>1</v>
      </c>
      <c r="Y14884" s="19"/>
      <c r="Z14884" s="19"/>
      <c r="AA14884" s="19"/>
    </row>
    <row r="14885" spans="1:27" s="1" customFormat="1" ht="14.1" customHeight="1" outlineLevel="3" x14ac:dyDescent="0.2">
      <c r="A14885" s="17"/>
      <c r="B14885" s="17"/>
      <c r="C14885" s="17"/>
      <c r="D14885" s="18"/>
      <c r="E14885" s="18"/>
      <c r="F14885" s="18"/>
      <c r="G14885" s="18"/>
      <c r="H14885" s="18"/>
      <c r="I14885" s="18"/>
      <c r="J14885" s="18"/>
      <c r="K14885" s="18"/>
      <c r="L14885" s="18"/>
      <c r="M14885" s="18"/>
      <c r="N14885" s="18"/>
      <c r="O14885" s="18"/>
      <c r="P14885" s="20"/>
      <c r="Q14885" s="20"/>
      <c r="R14885" s="20"/>
      <c r="S14885" s="20"/>
      <c r="T14885" s="20"/>
      <c r="U14885" s="20"/>
      <c r="V14885" s="20"/>
      <c r="W14885" s="20"/>
      <c r="X14885" s="19"/>
      <c r="Y14885" s="19"/>
      <c r="Z14885" s="19"/>
      <c r="AA14885" s="19"/>
    </row>
    <row r="14886" spans="1:27" s="1" customFormat="1" ht="14.1" customHeight="1" outlineLevel="2" x14ac:dyDescent="0.2">
      <c r="A14886" s="17">
        <v>16145</v>
      </c>
      <c r="B14886" s="17"/>
      <c r="C14886" s="17"/>
      <c r="D14886" s="18" t="s">
        <v>7381</v>
      </c>
      <c r="E14886" s="18"/>
      <c r="F14886" s="18"/>
      <c r="G14886" s="18"/>
      <c r="H14886" s="18"/>
      <c r="I14886" s="18"/>
      <c r="J14886" s="18"/>
      <c r="K14886" s="18"/>
      <c r="L14886" s="18"/>
      <c r="M14886" s="18"/>
      <c r="N14886" s="18"/>
      <c r="O14886" s="18"/>
      <c r="P14886" s="19">
        <v>400</v>
      </c>
      <c r="Q14886" s="19"/>
      <c r="R14886" s="19"/>
      <c r="S14886" s="19"/>
      <c r="T14886" s="19">
        <v>350</v>
      </c>
      <c r="U14886" s="19"/>
      <c r="V14886" s="19"/>
      <c r="W14886" s="19"/>
      <c r="X14886" s="19">
        <v>45</v>
      </c>
      <c r="Y14886" s="19"/>
      <c r="Z14886" s="19"/>
      <c r="AA14886" s="19"/>
    </row>
    <row r="14887" spans="1:27" s="1" customFormat="1" ht="14.1" customHeight="1" outlineLevel="2" x14ac:dyDescent="0.2">
      <c r="A14887" s="17"/>
      <c r="B14887" s="17"/>
      <c r="C14887" s="17"/>
      <c r="D14887" s="18"/>
      <c r="E14887" s="18"/>
      <c r="F14887" s="18"/>
      <c r="G14887" s="18"/>
      <c r="H14887" s="18"/>
      <c r="I14887" s="18"/>
      <c r="J14887" s="18"/>
      <c r="K14887" s="18"/>
      <c r="L14887" s="18"/>
      <c r="M14887" s="18"/>
      <c r="N14887" s="18"/>
      <c r="O14887" s="18"/>
      <c r="P14887" s="19"/>
      <c r="Q14887" s="19"/>
      <c r="R14887" s="19"/>
      <c r="S14887" s="19"/>
      <c r="T14887" s="19"/>
      <c r="U14887" s="19"/>
      <c r="V14887" s="19"/>
      <c r="W14887" s="19"/>
      <c r="X14887" s="19"/>
      <c r="Y14887" s="19"/>
      <c r="Z14887" s="19"/>
      <c r="AA14887" s="19"/>
    </row>
    <row r="14888" spans="1:27" s="1" customFormat="1" ht="11.1" customHeight="1" outlineLevel="2" x14ac:dyDescent="0.2">
      <c r="A14888" s="16" t="s">
        <v>7382</v>
      </c>
      <c r="B14888" s="16"/>
      <c r="C14888" s="16"/>
      <c r="D14888" s="16"/>
      <c r="E14888" s="16"/>
      <c r="F14888" s="16"/>
      <c r="G14888" s="16"/>
      <c r="H14888" s="16"/>
      <c r="I14888" s="16"/>
      <c r="J14888" s="16"/>
      <c r="K14888" s="16"/>
      <c r="L14888" s="16"/>
      <c r="M14888" s="16"/>
      <c r="N14888" s="16"/>
      <c r="O14888" s="16"/>
      <c r="P14888" s="16"/>
      <c r="Q14888" s="16"/>
      <c r="R14888" s="16"/>
      <c r="S14888" s="16"/>
      <c r="T14888" s="16"/>
      <c r="U14888" s="16"/>
      <c r="V14888" s="16"/>
      <c r="W14888" s="16"/>
      <c r="X14888" s="16"/>
      <c r="Y14888" s="16"/>
      <c r="Z14888" s="16"/>
      <c r="AA14888" s="16"/>
    </row>
    <row r="14889" spans="1:27" s="1" customFormat="1" ht="11.1" customHeight="1" outlineLevel="2" x14ac:dyDescent="0.2">
      <c r="A14889" s="16"/>
      <c r="B14889" s="16"/>
      <c r="C14889" s="16"/>
      <c r="D14889" s="16"/>
      <c r="E14889" s="16"/>
      <c r="F14889" s="16"/>
      <c r="G14889" s="16"/>
      <c r="H14889" s="16"/>
      <c r="I14889" s="16"/>
      <c r="J14889" s="16"/>
      <c r="K14889" s="16"/>
      <c r="L14889" s="16"/>
      <c r="M14889" s="16"/>
      <c r="N14889" s="16"/>
      <c r="O14889" s="16"/>
      <c r="P14889" s="16"/>
      <c r="Q14889" s="16"/>
      <c r="R14889" s="16"/>
      <c r="S14889" s="16"/>
      <c r="T14889" s="16"/>
      <c r="U14889" s="16"/>
      <c r="V14889" s="16"/>
      <c r="W14889" s="16"/>
      <c r="X14889" s="16"/>
      <c r="Y14889" s="16"/>
      <c r="Z14889" s="16"/>
      <c r="AA14889" s="16"/>
    </row>
    <row r="14890" spans="1:27" s="1" customFormat="1" ht="11.1" customHeight="1" outlineLevel="3" x14ac:dyDescent="0.2">
      <c r="A14890" s="17">
        <v>11664</v>
      </c>
      <c r="B14890" s="17"/>
      <c r="C14890" s="17"/>
      <c r="D14890" s="18" t="s">
        <v>7383</v>
      </c>
      <c r="E14890" s="18"/>
      <c r="F14890" s="18"/>
      <c r="G14890" s="18"/>
      <c r="H14890" s="18"/>
      <c r="I14890" s="18"/>
      <c r="J14890" s="18"/>
      <c r="K14890" s="18"/>
      <c r="L14890" s="18"/>
      <c r="M14890" s="18"/>
      <c r="N14890" s="18"/>
      <c r="O14890" s="18"/>
      <c r="P14890" s="19">
        <v>380</v>
      </c>
      <c r="Q14890" s="19"/>
      <c r="R14890" s="19"/>
      <c r="S14890" s="19"/>
      <c r="T14890" s="19">
        <v>290</v>
      </c>
      <c r="U14890" s="19"/>
      <c r="V14890" s="19"/>
      <c r="W14890" s="19"/>
      <c r="X14890" s="19">
        <v>4</v>
      </c>
      <c r="Y14890" s="19"/>
      <c r="Z14890" s="19"/>
      <c r="AA14890" s="19"/>
    </row>
    <row r="14891" spans="1:27" s="1" customFormat="1" ht="11.1" customHeight="1" outlineLevel="3" x14ac:dyDescent="0.2">
      <c r="A14891" s="17"/>
      <c r="B14891" s="17"/>
      <c r="C14891" s="17"/>
      <c r="D14891" s="18"/>
      <c r="E14891" s="18"/>
      <c r="F14891" s="18"/>
      <c r="G14891" s="18"/>
      <c r="H14891" s="18"/>
      <c r="I14891" s="18"/>
      <c r="J14891" s="18"/>
      <c r="K14891" s="18"/>
      <c r="L14891" s="18"/>
      <c r="M14891" s="18"/>
      <c r="N14891" s="18"/>
      <c r="O14891" s="18"/>
      <c r="P14891" s="19"/>
      <c r="Q14891" s="19"/>
      <c r="R14891" s="19"/>
      <c r="S14891" s="19"/>
      <c r="T14891" s="19"/>
      <c r="U14891" s="19"/>
      <c r="V14891" s="19"/>
      <c r="W14891" s="19"/>
      <c r="X14891" s="19"/>
      <c r="Y14891" s="19"/>
      <c r="Z14891" s="19"/>
      <c r="AA14891" s="19"/>
    </row>
    <row r="14892" spans="1:27" s="1" customFormat="1" ht="11.1" customHeight="1" outlineLevel="3" x14ac:dyDescent="0.2">
      <c r="A14892" s="17">
        <v>11282</v>
      </c>
      <c r="B14892" s="17"/>
      <c r="C14892" s="17"/>
      <c r="D14892" s="18" t="s">
        <v>7384</v>
      </c>
      <c r="E14892" s="18"/>
      <c r="F14892" s="18"/>
      <c r="G14892" s="18"/>
      <c r="H14892" s="18"/>
      <c r="I14892" s="18"/>
      <c r="J14892" s="18"/>
      <c r="K14892" s="18"/>
      <c r="L14892" s="18"/>
      <c r="M14892" s="18"/>
      <c r="N14892" s="18"/>
      <c r="O14892" s="18"/>
      <c r="P14892" s="19">
        <v>540</v>
      </c>
      <c r="Q14892" s="19"/>
      <c r="R14892" s="19"/>
      <c r="S14892" s="19"/>
      <c r="T14892" s="19">
        <v>490</v>
      </c>
      <c r="U14892" s="19"/>
      <c r="V14892" s="19"/>
      <c r="W14892" s="19"/>
      <c r="X14892" s="19">
        <v>1</v>
      </c>
      <c r="Y14892" s="19"/>
      <c r="Z14892" s="19"/>
      <c r="AA14892" s="19"/>
    </row>
    <row r="14893" spans="1:27" s="1" customFormat="1" ht="11.1" customHeight="1" outlineLevel="3" x14ac:dyDescent="0.2">
      <c r="A14893" s="17"/>
      <c r="B14893" s="17"/>
      <c r="C14893" s="17"/>
      <c r="D14893" s="18"/>
      <c r="E14893" s="18"/>
      <c r="F14893" s="18"/>
      <c r="G14893" s="18"/>
      <c r="H14893" s="18"/>
      <c r="I14893" s="18"/>
      <c r="J14893" s="18"/>
      <c r="K14893" s="18"/>
      <c r="L14893" s="18"/>
      <c r="M14893" s="18"/>
      <c r="N14893" s="18"/>
      <c r="O14893" s="18"/>
      <c r="P14893" s="19"/>
      <c r="Q14893" s="19"/>
      <c r="R14893" s="19"/>
      <c r="S14893" s="19"/>
      <c r="T14893" s="19"/>
      <c r="U14893" s="19"/>
      <c r="V14893" s="19"/>
      <c r="W14893" s="19"/>
      <c r="X14893" s="19"/>
      <c r="Y14893" s="19"/>
      <c r="Z14893" s="19"/>
      <c r="AA14893" s="19"/>
    </row>
    <row r="14894" spans="1:27" s="1" customFormat="1" ht="11.1" customHeight="1" outlineLevel="3" x14ac:dyDescent="0.2">
      <c r="A14894" s="17">
        <v>11663</v>
      </c>
      <c r="B14894" s="17"/>
      <c r="C14894" s="17"/>
      <c r="D14894" s="18" t="s">
        <v>7385</v>
      </c>
      <c r="E14894" s="18"/>
      <c r="F14894" s="18"/>
      <c r="G14894" s="18"/>
      <c r="H14894" s="18"/>
      <c r="I14894" s="18"/>
      <c r="J14894" s="18"/>
      <c r="K14894" s="18"/>
      <c r="L14894" s="18"/>
      <c r="M14894" s="18"/>
      <c r="N14894" s="18"/>
      <c r="O14894" s="18"/>
      <c r="P14894" s="19">
        <v>450</v>
      </c>
      <c r="Q14894" s="19"/>
      <c r="R14894" s="19"/>
      <c r="S14894" s="19"/>
      <c r="T14894" s="19">
        <v>330</v>
      </c>
      <c r="U14894" s="19"/>
      <c r="V14894" s="19"/>
      <c r="W14894" s="19"/>
      <c r="X14894" s="19">
        <v>3</v>
      </c>
      <c r="Y14894" s="19"/>
      <c r="Z14894" s="19"/>
      <c r="AA14894" s="19"/>
    </row>
    <row r="14895" spans="1:27" s="1" customFormat="1" ht="11.1" customHeight="1" outlineLevel="3" x14ac:dyDescent="0.2">
      <c r="A14895" s="17"/>
      <c r="B14895" s="17"/>
      <c r="C14895" s="17"/>
      <c r="D14895" s="18"/>
      <c r="E14895" s="18"/>
      <c r="F14895" s="18"/>
      <c r="G14895" s="18"/>
      <c r="H14895" s="18"/>
      <c r="I14895" s="18"/>
      <c r="J14895" s="18"/>
      <c r="K14895" s="18"/>
      <c r="L14895" s="18"/>
      <c r="M14895" s="18"/>
      <c r="N14895" s="18"/>
      <c r="O14895" s="18"/>
      <c r="P14895" s="19"/>
      <c r="Q14895" s="19"/>
      <c r="R14895" s="19"/>
      <c r="S14895" s="19"/>
      <c r="T14895" s="19"/>
      <c r="U14895" s="19"/>
      <c r="V14895" s="19"/>
      <c r="W14895" s="19"/>
      <c r="X14895" s="19"/>
      <c r="Y14895" s="19"/>
      <c r="Z14895" s="19"/>
      <c r="AA14895" s="19"/>
    </row>
    <row r="14896" spans="1:27" s="1" customFormat="1" ht="11.1" customHeight="1" outlineLevel="3" x14ac:dyDescent="0.2">
      <c r="A14896" s="17">
        <v>11666</v>
      </c>
      <c r="B14896" s="17"/>
      <c r="C14896" s="17"/>
      <c r="D14896" s="18" t="s">
        <v>7386</v>
      </c>
      <c r="E14896" s="18"/>
      <c r="F14896" s="18"/>
      <c r="G14896" s="18"/>
      <c r="H14896" s="18"/>
      <c r="I14896" s="18"/>
      <c r="J14896" s="18"/>
      <c r="K14896" s="18"/>
      <c r="L14896" s="18"/>
      <c r="M14896" s="18"/>
      <c r="N14896" s="18"/>
      <c r="O14896" s="18"/>
      <c r="P14896" s="19">
        <v>450</v>
      </c>
      <c r="Q14896" s="19"/>
      <c r="R14896" s="19"/>
      <c r="S14896" s="19"/>
      <c r="T14896" s="19">
        <v>330</v>
      </c>
      <c r="U14896" s="19"/>
      <c r="V14896" s="19"/>
      <c r="W14896" s="19"/>
      <c r="X14896" s="19">
        <v>1</v>
      </c>
      <c r="Y14896" s="19"/>
      <c r="Z14896" s="19"/>
      <c r="AA14896" s="19"/>
    </row>
    <row r="14897" spans="1:27" s="1" customFormat="1" ht="11.1" customHeight="1" outlineLevel="3" x14ac:dyDescent="0.2">
      <c r="A14897" s="17"/>
      <c r="B14897" s="17"/>
      <c r="C14897" s="17"/>
      <c r="D14897" s="18"/>
      <c r="E14897" s="18"/>
      <c r="F14897" s="18"/>
      <c r="G14897" s="18"/>
      <c r="H14897" s="18"/>
      <c r="I14897" s="18"/>
      <c r="J14897" s="18"/>
      <c r="K14897" s="18"/>
      <c r="L14897" s="18"/>
      <c r="M14897" s="18"/>
      <c r="N14897" s="18"/>
      <c r="O14897" s="18"/>
      <c r="P14897" s="19"/>
      <c r="Q14897" s="19"/>
      <c r="R14897" s="19"/>
      <c r="S14897" s="19"/>
      <c r="T14897" s="19"/>
      <c r="U14897" s="19"/>
      <c r="V14897" s="19"/>
      <c r="W14897" s="19"/>
      <c r="X14897" s="19"/>
      <c r="Y14897" s="19"/>
      <c r="Z14897" s="19"/>
      <c r="AA14897" s="19"/>
    </row>
    <row r="14898" spans="1:27" s="1" customFormat="1" ht="11.1" customHeight="1" outlineLevel="1" x14ac:dyDescent="0.2">
      <c r="A14898" s="16" t="s">
        <v>7387</v>
      </c>
      <c r="B14898" s="16"/>
      <c r="C14898" s="16"/>
      <c r="D14898" s="16"/>
      <c r="E14898" s="16"/>
      <c r="F14898" s="16"/>
      <c r="G14898" s="16"/>
      <c r="H14898" s="16"/>
      <c r="I14898" s="16"/>
      <c r="J14898" s="16"/>
      <c r="K14898" s="16"/>
      <c r="L14898" s="16"/>
      <c r="M14898" s="16"/>
      <c r="N14898" s="16"/>
      <c r="O14898" s="16"/>
      <c r="P14898" s="16"/>
      <c r="Q14898" s="16"/>
      <c r="R14898" s="16"/>
      <c r="S14898" s="16"/>
      <c r="T14898" s="16"/>
      <c r="U14898" s="16"/>
      <c r="V14898" s="16"/>
      <c r="W14898" s="16"/>
      <c r="X14898" s="16"/>
      <c r="Y14898" s="16"/>
      <c r="Z14898" s="16"/>
      <c r="AA14898" s="16"/>
    </row>
    <row r="14899" spans="1:27" s="1" customFormat="1" ht="11.1" customHeight="1" outlineLevel="1" x14ac:dyDescent="0.2">
      <c r="A14899" s="16"/>
      <c r="B14899" s="16"/>
      <c r="C14899" s="16"/>
      <c r="D14899" s="16"/>
      <c r="E14899" s="16"/>
      <c r="F14899" s="16"/>
      <c r="G14899" s="16"/>
      <c r="H14899" s="16"/>
      <c r="I14899" s="16"/>
      <c r="J14899" s="16"/>
      <c r="K14899" s="16"/>
      <c r="L14899" s="16"/>
      <c r="M14899" s="16"/>
      <c r="N14899" s="16"/>
      <c r="O14899" s="16"/>
      <c r="P14899" s="16"/>
      <c r="Q14899" s="16"/>
      <c r="R14899" s="16"/>
      <c r="S14899" s="16"/>
      <c r="T14899" s="16"/>
      <c r="U14899" s="16"/>
      <c r="V14899" s="16"/>
      <c r="W14899" s="16"/>
      <c r="X14899" s="16"/>
      <c r="Y14899" s="16"/>
      <c r="Z14899" s="16"/>
      <c r="AA14899" s="16"/>
    </row>
    <row r="14900" spans="1:27" s="1" customFormat="1" ht="11.1" customHeight="1" outlineLevel="2" x14ac:dyDescent="0.2">
      <c r="A14900" s="16" t="s">
        <v>7388</v>
      </c>
      <c r="B14900" s="16"/>
      <c r="C14900" s="16"/>
      <c r="D14900" s="16"/>
      <c r="E14900" s="16"/>
      <c r="F14900" s="16"/>
      <c r="G14900" s="16"/>
      <c r="H14900" s="16"/>
      <c r="I14900" s="16"/>
      <c r="J14900" s="16"/>
      <c r="K14900" s="16"/>
      <c r="L14900" s="16"/>
      <c r="M14900" s="16"/>
      <c r="N14900" s="16"/>
      <c r="O14900" s="16"/>
      <c r="P14900" s="16"/>
      <c r="Q14900" s="16"/>
      <c r="R14900" s="16"/>
      <c r="S14900" s="16"/>
      <c r="T14900" s="16"/>
      <c r="U14900" s="16"/>
      <c r="V14900" s="16"/>
      <c r="W14900" s="16"/>
      <c r="X14900" s="16"/>
      <c r="Y14900" s="16"/>
      <c r="Z14900" s="16"/>
      <c r="AA14900" s="16"/>
    </row>
    <row r="14901" spans="1:27" s="1" customFormat="1" ht="11.1" customHeight="1" outlineLevel="2" x14ac:dyDescent="0.2">
      <c r="A14901" s="16"/>
      <c r="B14901" s="16"/>
      <c r="C14901" s="16"/>
      <c r="D14901" s="16"/>
      <c r="E14901" s="16"/>
      <c r="F14901" s="16"/>
      <c r="G14901" s="16"/>
      <c r="H14901" s="16"/>
      <c r="I14901" s="16"/>
      <c r="J14901" s="16"/>
      <c r="K14901" s="16"/>
      <c r="L14901" s="16"/>
      <c r="M14901" s="16"/>
      <c r="N14901" s="16"/>
      <c r="O14901" s="16"/>
      <c r="P14901" s="16"/>
      <c r="Q14901" s="16"/>
      <c r="R14901" s="16"/>
      <c r="S14901" s="16"/>
      <c r="T14901" s="16"/>
      <c r="U14901" s="16"/>
      <c r="V14901" s="16"/>
      <c r="W14901" s="16"/>
      <c r="X14901" s="16"/>
      <c r="Y14901" s="16"/>
      <c r="Z14901" s="16"/>
      <c r="AA14901" s="16"/>
    </row>
    <row r="14902" spans="1:27" s="1" customFormat="1" ht="11.1" customHeight="1" outlineLevel="3" x14ac:dyDescent="0.2">
      <c r="A14902" s="17">
        <v>8550</v>
      </c>
      <c r="B14902" s="17"/>
      <c r="C14902" s="17"/>
      <c r="D14902" s="18" t="s">
        <v>7389</v>
      </c>
      <c r="E14902" s="18"/>
      <c r="F14902" s="18"/>
      <c r="G14902" s="18"/>
      <c r="H14902" s="18"/>
      <c r="I14902" s="18"/>
      <c r="J14902" s="18"/>
      <c r="K14902" s="18"/>
      <c r="L14902" s="18"/>
      <c r="M14902" s="18"/>
      <c r="N14902" s="18"/>
      <c r="O14902" s="18"/>
      <c r="P14902" s="20">
        <v>1300</v>
      </c>
      <c r="Q14902" s="20"/>
      <c r="R14902" s="20"/>
      <c r="S14902" s="20"/>
      <c r="T14902" s="20">
        <v>1100</v>
      </c>
      <c r="U14902" s="20"/>
      <c r="V14902" s="20"/>
      <c r="W14902" s="20"/>
      <c r="X14902" s="19">
        <v>6</v>
      </c>
      <c r="Y14902" s="19"/>
      <c r="Z14902" s="19"/>
      <c r="AA14902" s="19"/>
    </row>
    <row r="14903" spans="1:27" s="1" customFormat="1" ht="11.1" customHeight="1" outlineLevel="3" x14ac:dyDescent="0.2">
      <c r="A14903" s="17"/>
      <c r="B14903" s="17"/>
      <c r="C14903" s="17"/>
      <c r="D14903" s="18"/>
      <c r="E14903" s="18"/>
      <c r="F14903" s="18"/>
      <c r="G14903" s="18"/>
      <c r="H14903" s="18"/>
      <c r="I14903" s="18"/>
      <c r="J14903" s="18"/>
      <c r="K14903" s="18"/>
      <c r="L14903" s="18"/>
      <c r="M14903" s="18"/>
      <c r="N14903" s="18"/>
      <c r="O14903" s="18"/>
      <c r="P14903" s="20"/>
      <c r="Q14903" s="20"/>
      <c r="R14903" s="20"/>
      <c r="S14903" s="20"/>
      <c r="T14903" s="20"/>
      <c r="U14903" s="20"/>
      <c r="V14903" s="20"/>
      <c r="W14903" s="20"/>
      <c r="X14903" s="19"/>
      <c r="Y14903" s="19"/>
      <c r="Z14903" s="19"/>
      <c r="AA14903" s="19"/>
    </row>
    <row r="14904" spans="1:27" s="1" customFormat="1" ht="11.1" customHeight="1" outlineLevel="3" x14ac:dyDescent="0.2">
      <c r="A14904" s="17">
        <v>11616</v>
      </c>
      <c r="B14904" s="17"/>
      <c r="C14904" s="17"/>
      <c r="D14904" s="18" t="s">
        <v>7390</v>
      </c>
      <c r="E14904" s="18"/>
      <c r="F14904" s="18"/>
      <c r="G14904" s="18"/>
      <c r="H14904" s="18"/>
      <c r="I14904" s="18"/>
      <c r="J14904" s="18"/>
      <c r="K14904" s="18"/>
      <c r="L14904" s="18"/>
      <c r="M14904" s="18"/>
      <c r="N14904" s="18"/>
      <c r="O14904" s="18"/>
      <c r="P14904" s="20">
        <v>1400</v>
      </c>
      <c r="Q14904" s="20"/>
      <c r="R14904" s="20"/>
      <c r="S14904" s="20"/>
      <c r="T14904" s="20">
        <v>1150</v>
      </c>
      <c r="U14904" s="20"/>
      <c r="V14904" s="20"/>
      <c r="W14904" s="20"/>
      <c r="X14904" s="19">
        <v>5</v>
      </c>
      <c r="Y14904" s="19"/>
      <c r="Z14904" s="19"/>
      <c r="AA14904" s="19"/>
    </row>
    <row r="14905" spans="1:27" s="1" customFormat="1" ht="11.1" customHeight="1" outlineLevel="3" x14ac:dyDescent="0.2">
      <c r="A14905" s="17"/>
      <c r="B14905" s="17"/>
      <c r="C14905" s="17"/>
      <c r="D14905" s="18"/>
      <c r="E14905" s="18"/>
      <c r="F14905" s="18"/>
      <c r="G14905" s="18"/>
      <c r="H14905" s="18"/>
      <c r="I14905" s="18"/>
      <c r="J14905" s="18"/>
      <c r="K14905" s="18"/>
      <c r="L14905" s="18"/>
      <c r="M14905" s="18"/>
      <c r="N14905" s="18"/>
      <c r="O14905" s="18"/>
      <c r="P14905" s="20"/>
      <c r="Q14905" s="20"/>
      <c r="R14905" s="20"/>
      <c r="S14905" s="20"/>
      <c r="T14905" s="20"/>
      <c r="U14905" s="20"/>
      <c r="V14905" s="20"/>
      <c r="W14905" s="20"/>
      <c r="X14905" s="19"/>
      <c r="Y14905" s="19"/>
      <c r="Z14905" s="19"/>
      <c r="AA14905" s="19"/>
    </row>
    <row r="14906" spans="1:27" s="1" customFormat="1" ht="11.1" customHeight="1" outlineLevel="3" x14ac:dyDescent="0.2">
      <c r="A14906" s="17">
        <v>12215</v>
      </c>
      <c r="B14906" s="17"/>
      <c r="C14906" s="17"/>
      <c r="D14906" s="18" t="s">
        <v>7391</v>
      </c>
      <c r="E14906" s="18"/>
      <c r="F14906" s="18"/>
      <c r="G14906" s="18"/>
      <c r="H14906" s="18"/>
      <c r="I14906" s="18"/>
      <c r="J14906" s="18"/>
      <c r="K14906" s="18"/>
      <c r="L14906" s="18"/>
      <c r="M14906" s="18"/>
      <c r="N14906" s="18"/>
      <c r="O14906" s="18"/>
      <c r="P14906" s="20">
        <v>3900</v>
      </c>
      <c r="Q14906" s="20"/>
      <c r="R14906" s="20"/>
      <c r="S14906" s="20"/>
      <c r="T14906" s="20">
        <v>3700</v>
      </c>
      <c r="U14906" s="20"/>
      <c r="V14906" s="20"/>
      <c r="W14906" s="20"/>
      <c r="X14906" s="19">
        <v>1</v>
      </c>
      <c r="Y14906" s="19"/>
      <c r="Z14906" s="19"/>
      <c r="AA14906" s="19"/>
    </row>
    <row r="14907" spans="1:27" s="1" customFormat="1" ht="11.1" customHeight="1" outlineLevel="3" x14ac:dyDescent="0.2">
      <c r="A14907" s="17"/>
      <c r="B14907" s="17"/>
      <c r="C14907" s="17"/>
      <c r="D14907" s="18"/>
      <c r="E14907" s="18"/>
      <c r="F14907" s="18"/>
      <c r="G14907" s="18"/>
      <c r="H14907" s="18"/>
      <c r="I14907" s="18"/>
      <c r="J14907" s="18"/>
      <c r="K14907" s="18"/>
      <c r="L14907" s="18"/>
      <c r="M14907" s="18"/>
      <c r="N14907" s="18"/>
      <c r="O14907" s="18"/>
      <c r="P14907" s="20"/>
      <c r="Q14907" s="20"/>
      <c r="R14907" s="20"/>
      <c r="S14907" s="20"/>
      <c r="T14907" s="20"/>
      <c r="U14907" s="20"/>
      <c r="V14907" s="20"/>
      <c r="W14907" s="20"/>
      <c r="X14907" s="19"/>
      <c r="Y14907" s="19"/>
      <c r="Z14907" s="19"/>
      <c r="AA14907" s="19"/>
    </row>
    <row r="14908" spans="1:27" s="1" customFormat="1" ht="14.1" customHeight="1" outlineLevel="3" x14ac:dyDescent="0.2">
      <c r="A14908" s="17">
        <v>12431</v>
      </c>
      <c r="B14908" s="17"/>
      <c r="C14908" s="17"/>
      <c r="D14908" s="18" t="s">
        <v>7392</v>
      </c>
      <c r="E14908" s="18"/>
      <c r="F14908" s="18"/>
      <c r="G14908" s="18"/>
      <c r="H14908" s="18"/>
      <c r="I14908" s="18"/>
      <c r="J14908" s="18"/>
      <c r="K14908" s="18"/>
      <c r="L14908" s="18"/>
      <c r="M14908" s="18"/>
      <c r="N14908" s="18"/>
      <c r="O14908" s="18"/>
      <c r="P14908" s="19">
        <v>450</v>
      </c>
      <c r="Q14908" s="19"/>
      <c r="R14908" s="19"/>
      <c r="S14908" s="19"/>
      <c r="T14908" s="19">
        <v>350</v>
      </c>
      <c r="U14908" s="19"/>
      <c r="V14908" s="19"/>
      <c r="W14908" s="19"/>
      <c r="X14908" s="19">
        <v>16</v>
      </c>
      <c r="Y14908" s="19"/>
      <c r="Z14908" s="19"/>
      <c r="AA14908" s="19"/>
    </row>
    <row r="14909" spans="1:27" s="1" customFormat="1" ht="14.1" customHeight="1" outlineLevel="3" x14ac:dyDescent="0.2">
      <c r="A14909" s="17"/>
      <c r="B14909" s="17"/>
      <c r="C14909" s="17"/>
      <c r="D14909" s="18"/>
      <c r="E14909" s="18"/>
      <c r="F14909" s="18"/>
      <c r="G14909" s="18"/>
      <c r="H14909" s="18"/>
      <c r="I14909" s="18"/>
      <c r="J14909" s="18"/>
      <c r="K14909" s="18"/>
      <c r="L14909" s="18"/>
      <c r="M14909" s="18"/>
      <c r="N14909" s="18"/>
      <c r="O14909" s="18"/>
      <c r="P14909" s="19"/>
      <c r="Q14909" s="19"/>
      <c r="R14909" s="19"/>
      <c r="S14909" s="19"/>
      <c r="T14909" s="19"/>
      <c r="U14909" s="19"/>
      <c r="V14909" s="19"/>
      <c r="W14909" s="19"/>
      <c r="X14909" s="19"/>
      <c r="Y14909" s="19"/>
      <c r="Z14909" s="19"/>
      <c r="AA14909" s="19"/>
    </row>
    <row r="14910" spans="1:27" s="1" customFormat="1" ht="14.1" customHeight="1" outlineLevel="3" x14ac:dyDescent="0.2">
      <c r="A14910" s="17">
        <v>14924</v>
      </c>
      <c r="B14910" s="17"/>
      <c r="C14910" s="17"/>
      <c r="D14910" s="18" t="s">
        <v>7393</v>
      </c>
      <c r="E14910" s="18"/>
      <c r="F14910" s="18"/>
      <c r="G14910" s="18"/>
      <c r="H14910" s="18"/>
      <c r="I14910" s="18"/>
      <c r="J14910" s="18"/>
      <c r="K14910" s="18"/>
      <c r="L14910" s="18"/>
      <c r="M14910" s="18"/>
      <c r="N14910" s="18"/>
      <c r="O14910" s="18"/>
      <c r="P14910" s="20">
        <v>1990</v>
      </c>
      <c r="Q14910" s="20"/>
      <c r="R14910" s="20"/>
      <c r="S14910" s="20"/>
      <c r="T14910" s="20">
        <v>1500</v>
      </c>
      <c r="U14910" s="20"/>
      <c r="V14910" s="20"/>
      <c r="W14910" s="20"/>
      <c r="X14910" s="19">
        <v>1</v>
      </c>
      <c r="Y14910" s="19"/>
      <c r="Z14910" s="19"/>
      <c r="AA14910" s="19"/>
    </row>
    <row r="14911" spans="1:27" s="1" customFormat="1" ht="14.1" customHeight="1" outlineLevel="3" x14ac:dyDescent="0.2">
      <c r="A14911" s="17"/>
      <c r="B14911" s="17"/>
      <c r="C14911" s="17"/>
      <c r="D14911" s="18"/>
      <c r="E14911" s="18"/>
      <c r="F14911" s="18"/>
      <c r="G14911" s="18"/>
      <c r="H14911" s="18"/>
      <c r="I14911" s="18"/>
      <c r="J14911" s="18"/>
      <c r="K14911" s="18"/>
      <c r="L14911" s="18"/>
      <c r="M14911" s="18"/>
      <c r="N14911" s="18"/>
      <c r="O14911" s="18"/>
      <c r="P14911" s="20"/>
      <c r="Q14911" s="20"/>
      <c r="R14911" s="20"/>
      <c r="S14911" s="20"/>
      <c r="T14911" s="20"/>
      <c r="U14911" s="20"/>
      <c r="V14911" s="20"/>
      <c r="W14911" s="20"/>
      <c r="X14911" s="19"/>
      <c r="Y14911" s="19"/>
      <c r="Z14911" s="19"/>
      <c r="AA14911" s="19"/>
    </row>
    <row r="14912" spans="1:27" s="1" customFormat="1" ht="11.1" customHeight="1" outlineLevel="2" x14ac:dyDescent="0.2">
      <c r="A14912" s="16" t="s">
        <v>7394</v>
      </c>
      <c r="B14912" s="16"/>
      <c r="C14912" s="16"/>
      <c r="D14912" s="16"/>
      <c r="E14912" s="16"/>
      <c r="F14912" s="16"/>
      <c r="G14912" s="16"/>
      <c r="H14912" s="16"/>
      <c r="I14912" s="16"/>
      <c r="J14912" s="16"/>
      <c r="K14912" s="16"/>
      <c r="L14912" s="16"/>
      <c r="M14912" s="16"/>
      <c r="N14912" s="16"/>
      <c r="O14912" s="16"/>
      <c r="P14912" s="16"/>
      <c r="Q14912" s="16"/>
      <c r="R14912" s="16"/>
      <c r="S14912" s="16"/>
      <c r="T14912" s="16"/>
      <c r="U14912" s="16"/>
      <c r="V14912" s="16"/>
      <c r="W14912" s="16"/>
      <c r="X14912" s="16"/>
      <c r="Y14912" s="16"/>
      <c r="Z14912" s="16"/>
      <c r="AA14912" s="16"/>
    </row>
    <row r="14913" spans="1:27" s="1" customFormat="1" ht="11.1" customHeight="1" outlineLevel="2" x14ac:dyDescent="0.2">
      <c r="A14913" s="16"/>
      <c r="B14913" s="16"/>
      <c r="C14913" s="16"/>
      <c r="D14913" s="16"/>
      <c r="E14913" s="16"/>
      <c r="F14913" s="16"/>
      <c r="G14913" s="16"/>
      <c r="H14913" s="16"/>
      <c r="I14913" s="16"/>
      <c r="J14913" s="16"/>
      <c r="K14913" s="16"/>
      <c r="L14913" s="16"/>
      <c r="M14913" s="16"/>
      <c r="N14913" s="16"/>
      <c r="O14913" s="16"/>
      <c r="P14913" s="16"/>
      <c r="Q14913" s="16"/>
      <c r="R14913" s="16"/>
      <c r="S14913" s="16"/>
      <c r="T14913" s="16"/>
      <c r="U14913" s="16"/>
      <c r="V14913" s="16"/>
      <c r="W14913" s="16"/>
      <c r="X14913" s="16"/>
      <c r="Y14913" s="16"/>
      <c r="Z14913" s="16"/>
      <c r="AA14913" s="16"/>
    </row>
    <row r="14914" spans="1:27" s="1" customFormat="1" ht="11.1" customHeight="1" outlineLevel="3" x14ac:dyDescent="0.2">
      <c r="A14914" s="17">
        <v>12234</v>
      </c>
      <c r="B14914" s="17"/>
      <c r="C14914" s="17"/>
      <c r="D14914" s="18" t="s">
        <v>7395</v>
      </c>
      <c r="E14914" s="18"/>
      <c r="F14914" s="18"/>
      <c r="G14914" s="18"/>
      <c r="H14914" s="18"/>
      <c r="I14914" s="18"/>
      <c r="J14914" s="18"/>
      <c r="K14914" s="18"/>
      <c r="L14914" s="18"/>
      <c r="M14914" s="18"/>
      <c r="N14914" s="18"/>
      <c r="O14914" s="18"/>
      <c r="P14914" s="20">
        <v>2900</v>
      </c>
      <c r="Q14914" s="20"/>
      <c r="R14914" s="20"/>
      <c r="S14914" s="20"/>
      <c r="T14914" s="20">
        <v>2700</v>
      </c>
      <c r="U14914" s="20"/>
      <c r="V14914" s="20"/>
      <c r="W14914" s="20"/>
      <c r="X14914" s="19">
        <v>2</v>
      </c>
      <c r="Y14914" s="19"/>
      <c r="Z14914" s="19"/>
      <c r="AA14914" s="19"/>
    </row>
    <row r="14915" spans="1:27" s="1" customFormat="1" ht="11.1" customHeight="1" outlineLevel="3" x14ac:dyDescent="0.2">
      <c r="A14915" s="17"/>
      <c r="B14915" s="17"/>
      <c r="C14915" s="17"/>
      <c r="D14915" s="18"/>
      <c r="E14915" s="18"/>
      <c r="F14915" s="18"/>
      <c r="G14915" s="18"/>
      <c r="H14915" s="18"/>
      <c r="I14915" s="18"/>
      <c r="J14915" s="18"/>
      <c r="K14915" s="18"/>
      <c r="L14915" s="18"/>
      <c r="M14915" s="18"/>
      <c r="N14915" s="18"/>
      <c r="O14915" s="18"/>
      <c r="P14915" s="20"/>
      <c r="Q14915" s="20"/>
      <c r="R14915" s="20"/>
      <c r="S14915" s="20"/>
      <c r="T14915" s="20"/>
      <c r="U14915" s="20"/>
      <c r="V14915" s="20"/>
      <c r="W14915" s="20"/>
      <c r="X14915" s="19"/>
      <c r="Y14915" s="19"/>
      <c r="Z14915" s="19"/>
      <c r="AA14915" s="19"/>
    </row>
    <row r="14916" spans="1:27" s="1" customFormat="1" ht="11.1" customHeight="1" outlineLevel="3" x14ac:dyDescent="0.2">
      <c r="A14916" s="17">
        <v>11443</v>
      </c>
      <c r="B14916" s="17"/>
      <c r="C14916" s="17"/>
      <c r="D14916" s="18" t="s">
        <v>7396</v>
      </c>
      <c r="E14916" s="18"/>
      <c r="F14916" s="18"/>
      <c r="G14916" s="18"/>
      <c r="H14916" s="18"/>
      <c r="I14916" s="18"/>
      <c r="J14916" s="18"/>
      <c r="K14916" s="18"/>
      <c r="L14916" s="18"/>
      <c r="M14916" s="18"/>
      <c r="N14916" s="18"/>
      <c r="O14916" s="18"/>
      <c r="P14916" s="19">
        <v>600</v>
      </c>
      <c r="Q14916" s="19"/>
      <c r="R14916" s="19"/>
      <c r="S14916" s="19"/>
      <c r="T14916" s="19">
        <v>435</v>
      </c>
      <c r="U14916" s="19"/>
      <c r="V14916" s="19"/>
      <c r="W14916" s="19"/>
      <c r="X14916" s="19">
        <v>2</v>
      </c>
      <c r="Y14916" s="19"/>
      <c r="Z14916" s="19"/>
      <c r="AA14916" s="19"/>
    </row>
    <row r="14917" spans="1:27" s="1" customFormat="1" ht="11.1" customHeight="1" outlineLevel="3" x14ac:dyDescent="0.2">
      <c r="A14917" s="17"/>
      <c r="B14917" s="17"/>
      <c r="C14917" s="17"/>
      <c r="D14917" s="18"/>
      <c r="E14917" s="18"/>
      <c r="F14917" s="18"/>
      <c r="G14917" s="18"/>
      <c r="H14917" s="18"/>
      <c r="I14917" s="18"/>
      <c r="J14917" s="18"/>
      <c r="K14917" s="18"/>
      <c r="L14917" s="18"/>
      <c r="M14917" s="18"/>
      <c r="N14917" s="18"/>
      <c r="O14917" s="18"/>
      <c r="P14917" s="19"/>
      <c r="Q14917" s="19"/>
      <c r="R14917" s="19"/>
      <c r="S14917" s="19"/>
      <c r="T14917" s="19"/>
      <c r="U14917" s="19"/>
      <c r="V14917" s="19"/>
      <c r="W14917" s="19"/>
      <c r="X14917" s="19"/>
      <c r="Y14917" s="19"/>
      <c r="Z14917" s="19"/>
      <c r="AA14917" s="19"/>
    </row>
    <row r="14918" spans="1:27" s="1" customFormat="1" ht="11.1" customHeight="1" outlineLevel="3" x14ac:dyDescent="0.2">
      <c r="A14918" s="17">
        <v>11439</v>
      </c>
      <c r="B14918" s="17"/>
      <c r="C14918" s="17"/>
      <c r="D14918" s="18" t="s">
        <v>7397</v>
      </c>
      <c r="E14918" s="18"/>
      <c r="F14918" s="18"/>
      <c r="G14918" s="18"/>
      <c r="H14918" s="18"/>
      <c r="I14918" s="18"/>
      <c r="J14918" s="18"/>
      <c r="K14918" s="18"/>
      <c r="L14918" s="18"/>
      <c r="M14918" s="18"/>
      <c r="N14918" s="18"/>
      <c r="O14918" s="18"/>
      <c r="P14918" s="19">
        <v>700</v>
      </c>
      <c r="Q14918" s="19"/>
      <c r="R14918" s="19"/>
      <c r="S14918" s="19"/>
      <c r="T14918" s="19">
        <v>650</v>
      </c>
      <c r="U14918" s="19"/>
      <c r="V14918" s="19"/>
      <c r="W14918" s="19"/>
      <c r="X14918" s="19">
        <v>26</v>
      </c>
      <c r="Y14918" s="19"/>
      <c r="Z14918" s="19"/>
      <c r="AA14918" s="19"/>
    </row>
    <row r="14919" spans="1:27" s="1" customFormat="1" ht="11.1" customHeight="1" outlineLevel="3" x14ac:dyDescent="0.2">
      <c r="A14919" s="17"/>
      <c r="B14919" s="17"/>
      <c r="C14919" s="17"/>
      <c r="D14919" s="18"/>
      <c r="E14919" s="18"/>
      <c r="F14919" s="18"/>
      <c r="G14919" s="18"/>
      <c r="H14919" s="18"/>
      <c r="I14919" s="18"/>
      <c r="J14919" s="18"/>
      <c r="K14919" s="18"/>
      <c r="L14919" s="18"/>
      <c r="M14919" s="18"/>
      <c r="N14919" s="18"/>
      <c r="O14919" s="18"/>
      <c r="P14919" s="19"/>
      <c r="Q14919" s="19"/>
      <c r="R14919" s="19"/>
      <c r="S14919" s="19"/>
      <c r="T14919" s="19"/>
      <c r="U14919" s="19"/>
      <c r="V14919" s="19"/>
      <c r="W14919" s="19"/>
      <c r="X14919" s="19"/>
      <c r="Y14919" s="19"/>
      <c r="Z14919" s="19"/>
      <c r="AA14919" s="19"/>
    </row>
    <row r="14920" spans="1:27" s="1" customFormat="1" ht="11.1" customHeight="1" outlineLevel="3" x14ac:dyDescent="0.2">
      <c r="A14920" s="17">
        <v>12488</v>
      </c>
      <c r="B14920" s="17"/>
      <c r="C14920" s="17"/>
      <c r="D14920" s="18" t="s">
        <v>7398</v>
      </c>
      <c r="E14920" s="18"/>
      <c r="F14920" s="18"/>
      <c r="G14920" s="18"/>
      <c r="H14920" s="18"/>
      <c r="I14920" s="18"/>
      <c r="J14920" s="18"/>
      <c r="K14920" s="18"/>
      <c r="L14920" s="18"/>
      <c r="M14920" s="18"/>
      <c r="N14920" s="18"/>
      <c r="O14920" s="18"/>
      <c r="P14920" s="19">
        <v>990</v>
      </c>
      <c r="Q14920" s="19"/>
      <c r="R14920" s="19"/>
      <c r="S14920" s="19"/>
      <c r="T14920" s="19">
        <v>695</v>
      </c>
      <c r="U14920" s="19"/>
      <c r="V14920" s="19"/>
      <c r="W14920" s="19"/>
      <c r="X14920" s="19">
        <v>2</v>
      </c>
      <c r="Y14920" s="19"/>
      <c r="Z14920" s="19"/>
      <c r="AA14920" s="19"/>
    </row>
    <row r="14921" spans="1:27" s="1" customFormat="1" ht="11.1" customHeight="1" outlineLevel="3" x14ac:dyDescent="0.2">
      <c r="A14921" s="17"/>
      <c r="B14921" s="17"/>
      <c r="C14921" s="17"/>
      <c r="D14921" s="18"/>
      <c r="E14921" s="18"/>
      <c r="F14921" s="18"/>
      <c r="G14921" s="18"/>
      <c r="H14921" s="18"/>
      <c r="I14921" s="18"/>
      <c r="J14921" s="18"/>
      <c r="K14921" s="18"/>
      <c r="L14921" s="18"/>
      <c r="M14921" s="18"/>
      <c r="N14921" s="18"/>
      <c r="O14921" s="18"/>
      <c r="P14921" s="19"/>
      <c r="Q14921" s="19"/>
      <c r="R14921" s="19"/>
      <c r="S14921" s="19"/>
      <c r="T14921" s="19"/>
      <c r="U14921" s="19"/>
      <c r="V14921" s="19"/>
      <c r="W14921" s="19"/>
      <c r="X14921" s="19"/>
      <c r="Y14921" s="19"/>
      <c r="Z14921" s="19"/>
      <c r="AA14921" s="19"/>
    </row>
    <row r="14922" spans="1:27" s="1" customFormat="1" ht="11.1" customHeight="1" outlineLevel="3" x14ac:dyDescent="0.2">
      <c r="A14922" s="17">
        <v>12486</v>
      </c>
      <c r="B14922" s="17"/>
      <c r="C14922" s="17"/>
      <c r="D14922" s="18" t="s">
        <v>7399</v>
      </c>
      <c r="E14922" s="18"/>
      <c r="F14922" s="18"/>
      <c r="G14922" s="18"/>
      <c r="H14922" s="18"/>
      <c r="I14922" s="18"/>
      <c r="J14922" s="18"/>
      <c r="K14922" s="18"/>
      <c r="L14922" s="18"/>
      <c r="M14922" s="18"/>
      <c r="N14922" s="18"/>
      <c r="O14922" s="18"/>
      <c r="P14922" s="19">
        <v>440</v>
      </c>
      <c r="Q14922" s="19"/>
      <c r="R14922" s="19"/>
      <c r="S14922" s="19"/>
      <c r="T14922" s="19">
        <v>370</v>
      </c>
      <c r="U14922" s="19"/>
      <c r="V14922" s="19"/>
      <c r="W14922" s="19"/>
      <c r="X14922" s="19">
        <v>6</v>
      </c>
      <c r="Y14922" s="19"/>
      <c r="Z14922" s="19"/>
      <c r="AA14922" s="19"/>
    </row>
    <row r="14923" spans="1:27" s="1" customFormat="1" ht="11.1" customHeight="1" outlineLevel="3" x14ac:dyDescent="0.2">
      <c r="A14923" s="17"/>
      <c r="B14923" s="17"/>
      <c r="C14923" s="17"/>
      <c r="D14923" s="18"/>
      <c r="E14923" s="18"/>
      <c r="F14923" s="18"/>
      <c r="G14923" s="18"/>
      <c r="H14923" s="18"/>
      <c r="I14923" s="18"/>
      <c r="J14923" s="18"/>
      <c r="K14923" s="18"/>
      <c r="L14923" s="18"/>
      <c r="M14923" s="18"/>
      <c r="N14923" s="18"/>
      <c r="O14923" s="18"/>
      <c r="P14923" s="19"/>
      <c r="Q14923" s="19"/>
      <c r="R14923" s="19"/>
      <c r="S14923" s="19"/>
      <c r="T14923" s="19"/>
      <c r="U14923" s="19"/>
      <c r="V14923" s="19"/>
      <c r="W14923" s="19"/>
      <c r="X14923" s="19"/>
      <c r="Y14923" s="19"/>
      <c r="Z14923" s="19"/>
      <c r="AA14923" s="19"/>
    </row>
    <row r="14924" spans="1:27" s="1" customFormat="1" ht="11.1" customHeight="1" outlineLevel="3" x14ac:dyDescent="0.2">
      <c r="A14924" s="17">
        <v>12487</v>
      </c>
      <c r="B14924" s="17"/>
      <c r="C14924" s="17"/>
      <c r="D14924" s="18" t="s">
        <v>7400</v>
      </c>
      <c r="E14924" s="18"/>
      <c r="F14924" s="18"/>
      <c r="G14924" s="18"/>
      <c r="H14924" s="18"/>
      <c r="I14924" s="18"/>
      <c r="J14924" s="18"/>
      <c r="K14924" s="18"/>
      <c r="L14924" s="18"/>
      <c r="M14924" s="18"/>
      <c r="N14924" s="18"/>
      <c r="O14924" s="18"/>
      <c r="P14924" s="19">
        <v>990</v>
      </c>
      <c r="Q14924" s="19"/>
      <c r="R14924" s="19"/>
      <c r="S14924" s="19"/>
      <c r="T14924" s="19">
        <v>695</v>
      </c>
      <c r="U14924" s="19"/>
      <c r="V14924" s="19"/>
      <c r="W14924" s="19"/>
      <c r="X14924" s="19">
        <v>2</v>
      </c>
      <c r="Y14924" s="19"/>
      <c r="Z14924" s="19"/>
      <c r="AA14924" s="19"/>
    </row>
    <row r="14925" spans="1:27" s="1" customFormat="1" ht="11.1" customHeight="1" outlineLevel="3" x14ac:dyDescent="0.2">
      <c r="A14925" s="17"/>
      <c r="B14925" s="17"/>
      <c r="C14925" s="17"/>
      <c r="D14925" s="18"/>
      <c r="E14925" s="18"/>
      <c r="F14925" s="18"/>
      <c r="G14925" s="18"/>
      <c r="H14925" s="18"/>
      <c r="I14925" s="18"/>
      <c r="J14925" s="18"/>
      <c r="K14925" s="18"/>
      <c r="L14925" s="18"/>
      <c r="M14925" s="18"/>
      <c r="N14925" s="18"/>
      <c r="O14925" s="18"/>
      <c r="P14925" s="19"/>
      <c r="Q14925" s="19"/>
      <c r="R14925" s="19"/>
      <c r="S14925" s="19"/>
      <c r="T14925" s="19"/>
      <c r="U14925" s="19"/>
      <c r="V14925" s="19"/>
      <c r="W14925" s="19"/>
      <c r="X14925" s="19"/>
      <c r="Y14925" s="19"/>
      <c r="Z14925" s="19"/>
      <c r="AA14925" s="19"/>
    </row>
    <row r="14926" spans="1:27" s="1" customFormat="1" ht="11.1" customHeight="1" outlineLevel="2" x14ac:dyDescent="0.2">
      <c r="A14926" s="16" t="s">
        <v>7401</v>
      </c>
      <c r="B14926" s="16"/>
      <c r="C14926" s="16"/>
      <c r="D14926" s="16"/>
      <c r="E14926" s="16"/>
      <c r="F14926" s="16"/>
      <c r="G14926" s="16"/>
      <c r="H14926" s="16"/>
      <c r="I14926" s="16"/>
      <c r="J14926" s="16"/>
      <c r="K14926" s="16"/>
      <c r="L14926" s="16"/>
      <c r="M14926" s="16"/>
      <c r="N14926" s="16"/>
      <c r="O14926" s="16"/>
      <c r="P14926" s="16"/>
      <c r="Q14926" s="16"/>
      <c r="R14926" s="16"/>
      <c r="S14926" s="16"/>
      <c r="T14926" s="16"/>
      <c r="U14926" s="16"/>
      <c r="V14926" s="16"/>
      <c r="W14926" s="16"/>
      <c r="X14926" s="16"/>
      <c r="Y14926" s="16"/>
      <c r="Z14926" s="16"/>
      <c r="AA14926" s="16"/>
    </row>
    <row r="14927" spans="1:27" s="1" customFormat="1" ht="11.1" customHeight="1" outlineLevel="2" x14ac:dyDescent="0.2">
      <c r="A14927" s="16"/>
      <c r="B14927" s="16"/>
      <c r="C14927" s="16"/>
      <c r="D14927" s="16"/>
      <c r="E14927" s="16"/>
      <c r="F14927" s="16"/>
      <c r="G14927" s="16"/>
      <c r="H14927" s="16"/>
      <c r="I14927" s="16"/>
      <c r="J14927" s="16"/>
      <c r="K14927" s="16"/>
      <c r="L14927" s="16"/>
      <c r="M14927" s="16"/>
      <c r="N14927" s="16"/>
      <c r="O14927" s="16"/>
      <c r="P14927" s="16"/>
      <c r="Q14927" s="16"/>
      <c r="R14927" s="16"/>
      <c r="S14927" s="16"/>
      <c r="T14927" s="16"/>
      <c r="U14927" s="16"/>
      <c r="V14927" s="16"/>
      <c r="W14927" s="16"/>
      <c r="X14927" s="16"/>
      <c r="Y14927" s="16"/>
      <c r="Z14927" s="16"/>
      <c r="AA14927" s="16"/>
    </row>
    <row r="14928" spans="1:27" s="1" customFormat="1" ht="11.1" customHeight="1" outlineLevel="3" x14ac:dyDescent="0.2">
      <c r="A14928" s="17">
        <v>9986</v>
      </c>
      <c r="B14928" s="17"/>
      <c r="C14928" s="17"/>
      <c r="D14928" s="18" t="s">
        <v>7402</v>
      </c>
      <c r="E14928" s="18"/>
      <c r="F14928" s="18"/>
      <c r="G14928" s="18"/>
      <c r="H14928" s="18"/>
      <c r="I14928" s="18"/>
      <c r="J14928" s="18"/>
      <c r="K14928" s="18"/>
      <c r="L14928" s="18"/>
      <c r="M14928" s="18"/>
      <c r="N14928" s="18"/>
      <c r="O14928" s="18"/>
      <c r="P14928" s="19">
        <v>250</v>
      </c>
      <c r="Q14928" s="19"/>
      <c r="R14928" s="19"/>
      <c r="S14928" s="19"/>
      <c r="T14928" s="19">
        <v>200</v>
      </c>
      <c r="U14928" s="19"/>
      <c r="V14928" s="19"/>
      <c r="W14928" s="19"/>
      <c r="X14928" s="19">
        <v>1</v>
      </c>
      <c r="Y14928" s="19"/>
      <c r="Z14928" s="19"/>
      <c r="AA14928" s="19"/>
    </row>
    <row r="14929" spans="1:27" s="1" customFormat="1" ht="11.1" customHeight="1" outlineLevel="3" x14ac:dyDescent="0.2">
      <c r="A14929" s="17"/>
      <c r="B14929" s="17"/>
      <c r="C14929" s="17"/>
      <c r="D14929" s="18"/>
      <c r="E14929" s="18"/>
      <c r="F14929" s="18"/>
      <c r="G14929" s="18"/>
      <c r="H14929" s="18"/>
      <c r="I14929" s="18"/>
      <c r="J14929" s="18"/>
      <c r="K14929" s="18"/>
      <c r="L14929" s="18"/>
      <c r="M14929" s="18"/>
      <c r="N14929" s="18"/>
      <c r="O14929" s="18"/>
      <c r="P14929" s="19"/>
      <c r="Q14929" s="19"/>
      <c r="R14929" s="19"/>
      <c r="S14929" s="19"/>
      <c r="T14929" s="19"/>
      <c r="U14929" s="19"/>
      <c r="V14929" s="19"/>
      <c r="W14929" s="19"/>
      <c r="X14929" s="19"/>
      <c r="Y14929" s="19"/>
      <c r="Z14929" s="19"/>
      <c r="AA14929" s="19"/>
    </row>
    <row r="14930" spans="1:27" s="1" customFormat="1" ht="11.1" customHeight="1" outlineLevel="3" x14ac:dyDescent="0.2">
      <c r="A14930" s="17">
        <v>9989</v>
      </c>
      <c r="B14930" s="17"/>
      <c r="C14930" s="17"/>
      <c r="D14930" s="18" t="s">
        <v>7403</v>
      </c>
      <c r="E14930" s="18"/>
      <c r="F14930" s="18"/>
      <c r="G14930" s="18"/>
      <c r="H14930" s="18"/>
      <c r="I14930" s="18"/>
      <c r="J14930" s="18"/>
      <c r="K14930" s="18"/>
      <c r="L14930" s="18"/>
      <c r="M14930" s="18"/>
      <c r="N14930" s="18"/>
      <c r="O14930" s="18"/>
      <c r="P14930" s="19">
        <v>700</v>
      </c>
      <c r="Q14930" s="19"/>
      <c r="R14930" s="19"/>
      <c r="S14930" s="19"/>
      <c r="T14930" s="19">
        <v>590</v>
      </c>
      <c r="U14930" s="19"/>
      <c r="V14930" s="19"/>
      <c r="W14930" s="19"/>
      <c r="X14930" s="19">
        <v>10</v>
      </c>
      <c r="Y14930" s="19"/>
      <c r="Z14930" s="19"/>
      <c r="AA14930" s="19"/>
    </row>
    <row r="14931" spans="1:27" s="1" customFormat="1" ht="11.1" customHeight="1" outlineLevel="3" x14ac:dyDescent="0.2">
      <c r="A14931" s="17"/>
      <c r="B14931" s="17"/>
      <c r="C14931" s="17"/>
      <c r="D14931" s="18"/>
      <c r="E14931" s="18"/>
      <c r="F14931" s="18"/>
      <c r="G14931" s="18"/>
      <c r="H14931" s="18"/>
      <c r="I14931" s="18"/>
      <c r="J14931" s="18"/>
      <c r="K14931" s="18"/>
      <c r="L14931" s="18"/>
      <c r="M14931" s="18"/>
      <c r="N14931" s="18"/>
      <c r="O14931" s="18"/>
      <c r="P14931" s="19"/>
      <c r="Q14931" s="19"/>
      <c r="R14931" s="19"/>
      <c r="S14931" s="19"/>
      <c r="T14931" s="19"/>
      <c r="U14931" s="19"/>
      <c r="V14931" s="19"/>
      <c r="W14931" s="19"/>
      <c r="X14931" s="19"/>
      <c r="Y14931" s="19"/>
      <c r="Z14931" s="19"/>
      <c r="AA14931" s="19"/>
    </row>
    <row r="14932" spans="1:27" s="1" customFormat="1" ht="14.1" customHeight="1" outlineLevel="3" x14ac:dyDescent="0.2">
      <c r="A14932" s="17">
        <v>15148</v>
      </c>
      <c r="B14932" s="17"/>
      <c r="C14932" s="17"/>
      <c r="D14932" s="18" t="s">
        <v>7404</v>
      </c>
      <c r="E14932" s="18"/>
      <c r="F14932" s="18"/>
      <c r="G14932" s="18"/>
      <c r="H14932" s="18"/>
      <c r="I14932" s="18"/>
      <c r="J14932" s="18"/>
      <c r="K14932" s="18"/>
      <c r="L14932" s="18"/>
      <c r="M14932" s="18"/>
      <c r="N14932" s="18"/>
      <c r="O14932" s="18"/>
      <c r="P14932" s="19">
        <v>900</v>
      </c>
      <c r="Q14932" s="19"/>
      <c r="R14932" s="19"/>
      <c r="S14932" s="19"/>
      <c r="T14932" s="19">
        <v>700</v>
      </c>
      <c r="U14932" s="19"/>
      <c r="V14932" s="19"/>
      <c r="W14932" s="19"/>
      <c r="X14932" s="19">
        <v>13</v>
      </c>
      <c r="Y14932" s="19"/>
      <c r="Z14932" s="19"/>
      <c r="AA14932" s="19"/>
    </row>
    <row r="14933" spans="1:27" s="1" customFormat="1" ht="14.1" customHeight="1" outlineLevel="3" x14ac:dyDescent="0.2">
      <c r="A14933" s="17"/>
      <c r="B14933" s="17"/>
      <c r="C14933" s="17"/>
      <c r="D14933" s="18"/>
      <c r="E14933" s="18"/>
      <c r="F14933" s="18"/>
      <c r="G14933" s="18"/>
      <c r="H14933" s="18"/>
      <c r="I14933" s="18"/>
      <c r="J14933" s="18"/>
      <c r="K14933" s="18"/>
      <c r="L14933" s="18"/>
      <c r="M14933" s="18"/>
      <c r="N14933" s="18"/>
      <c r="O14933" s="18"/>
      <c r="P14933" s="19"/>
      <c r="Q14933" s="19"/>
      <c r="R14933" s="19"/>
      <c r="S14933" s="19"/>
      <c r="T14933" s="19"/>
      <c r="U14933" s="19"/>
      <c r="V14933" s="19"/>
      <c r="W14933" s="19"/>
      <c r="X14933" s="19"/>
      <c r="Y14933" s="19"/>
      <c r="Z14933" s="19"/>
      <c r="AA14933" s="19"/>
    </row>
    <row r="14934" spans="1:27" s="1" customFormat="1" ht="11.1" customHeight="1" outlineLevel="2" x14ac:dyDescent="0.2">
      <c r="A14934" s="16" t="s">
        <v>7405</v>
      </c>
      <c r="B14934" s="16"/>
      <c r="C14934" s="16"/>
      <c r="D14934" s="16"/>
      <c r="E14934" s="16"/>
      <c r="F14934" s="16"/>
      <c r="G14934" s="16"/>
      <c r="H14934" s="16"/>
      <c r="I14934" s="16"/>
      <c r="J14934" s="16"/>
      <c r="K14934" s="16"/>
      <c r="L14934" s="16"/>
      <c r="M14934" s="16"/>
      <c r="N14934" s="16"/>
      <c r="O14934" s="16"/>
      <c r="P14934" s="16"/>
      <c r="Q14934" s="16"/>
      <c r="R14934" s="16"/>
      <c r="S14934" s="16"/>
      <c r="T14934" s="16"/>
      <c r="U14934" s="16"/>
      <c r="V14934" s="16"/>
      <c r="W14934" s="16"/>
      <c r="X14934" s="16"/>
      <c r="Y14934" s="16"/>
      <c r="Z14934" s="16"/>
      <c r="AA14934" s="16"/>
    </row>
    <row r="14935" spans="1:27" s="1" customFormat="1" ht="11.1" customHeight="1" outlineLevel="2" x14ac:dyDescent="0.2">
      <c r="A14935" s="16"/>
      <c r="B14935" s="16"/>
      <c r="C14935" s="16"/>
      <c r="D14935" s="16"/>
      <c r="E14935" s="16"/>
      <c r="F14935" s="16"/>
      <c r="G14935" s="16"/>
      <c r="H14935" s="16"/>
      <c r="I14935" s="16"/>
      <c r="J14935" s="16"/>
      <c r="K14935" s="16"/>
      <c r="L14935" s="16"/>
      <c r="M14935" s="16"/>
      <c r="N14935" s="16"/>
      <c r="O14935" s="16"/>
      <c r="P14935" s="16"/>
      <c r="Q14935" s="16"/>
      <c r="R14935" s="16"/>
      <c r="S14935" s="16"/>
      <c r="T14935" s="16"/>
      <c r="U14935" s="16"/>
      <c r="V14935" s="16"/>
      <c r="W14935" s="16"/>
      <c r="X14935" s="16"/>
      <c r="Y14935" s="16"/>
      <c r="Z14935" s="16"/>
      <c r="AA14935" s="16"/>
    </row>
    <row r="14936" spans="1:27" s="1" customFormat="1" ht="14.1" customHeight="1" outlineLevel="3" x14ac:dyDescent="0.2">
      <c r="A14936" s="17">
        <v>12500</v>
      </c>
      <c r="B14936" s="17"/>
      <c r="C14936" s="17"/>
      <c r="D14936" s="18" t="s">
        <v>7406</v>
      </c>
      <c r="E14936" s="18"/>
      <c r="F14936" s="18"/>
      <c r="G14936" s="18"/>
      <c r="H14936" s="18"/>
      <c r="I14936" s="18"/>
      <c r="J14936" s="18"/>
      <c r="K14936" s="18"/>
      <c r="L14936" s="18"/>
      <c r="M14936" s="18"/>
      <c r="N14936" s="18"/>
      <c r="O14936" s="18"/>
      <c r="P14936" s="20">
        <v>1200</v>
      </c>
      <c r="Q14936" s="20"/>
      <c r="R14936" s="20"/>
      <c r="S14936" s="20"/>
      <c r="T14936" s="20">
        <v>1100</v>
      </c>
      <c r="U14936" s="20"/>
      <c r="V14936" s="20"/>
      <c r="W14936" s="20"/>
      <c r="X14936" s="19">
        <v>1</v>
      </c>
      <c r="Y14936" s="19"/>
      <c r="Z14936" s="19"/>
      <c r="AA14936" s="19"/>
    </row>
    <row r="14937" spans="1:27" s="1" customFormat="1" ht="14.1" customHeight="1" outlineLevel="3" x14ac:dyDescent="0.2">
      <c r="A14937" s="17"/>
      <c r="B14937" s="17"/>
      <c r="C14937" s="17"/>
      <c r="D14937" s="18"/>
      <c r="E14937" s="18"/>
      <c r="F14937" s="18"/>
      <c r="G14937" s="18"/>
      <c r="H14937" s="18"/>
      <c r="I14937" s="18"/>
      <c r="J14937" s="18"/>
      <c r="K14937" s="18"/>
      <c r="L14937" s="18"/>
      <c r="M14937" s="18"/>
      <c r="N14937" s="18"/>
      <c r="O14937" s="18"/>
      <c r="P14937" s="20"/>
      <c r="Q14937" s="20"/>
      <c r="R14937" s="20"/>
      <c r="S14937" s="20"/>
      <c r="T14937" s="20"/>
      <c r="U14937" s="20"/>
      <c r="V14937" s="20"/>
      <c r="W14937" s="20"/>
      <c r="X14937" s="19"/>
      <c r="Y14937" s="19"/>
      <c r="Z14937" s="19"/>
      <c r="AA14937" s="19"/>
    </row>
    <row r="14938" spans="1:27" s="1" customFormat="1" ht="11.1" customHeight="1" outlineLevel="2" x14ac:dyDescent="0.2">
      <c r="A14938" s="16" t="s">
        <v>7407</v>
      </c>
      <c r="B14938" s="16"/>
      <c r="C14938" s="16"/>
      <c r="D14938" s="16"/>
      <c r="E14938" s="16"/>
      <c r="F14938" s="16"/>
      <c r="G14938" s="16"/>
      <c r="H14938" s="16"/>
      <c r="I14938" s="16"/>
      <c r="J14938" s="16"/>
      <c r="K14938" s="16"/>
      <c r="L14938" s="16"/>
      <c r="M14938" s="16"/>
      <c r="N14938" s="16"/>
      <c r="O14938" s="16"/>
      <c r="P14938" s="16"/>
      <c r="Q14938" s="16"/>
      <c r="R14938" s="16"/>
      <c r="S14938" s="16"/>
      <c r="T14938" s="16"/>
      <c r="U14938" s="16"/>
      <c r="V14938" s="16"/>
      <c r="W14938" s="16"/>
      <c r="X14938" s="16"/>
      <c r="Y14938" s="16"/>
      <c r="Z14938" s="16"/>
      <c r="AA14938" s="16"/>
    </row>
    <row r="14939" spans="1:27" s="1" customFormat="1" ht="11.1" customHeight="1" outlineLevel="2" x14ac:dyDescent="0.2">
      <c r="A14939" s="16"/>
      <c r="B14939" s="16"/>
      <c r="C14939" s="16"/>
      <c r="D14939" s="16"/>
      <c r="E14939" s="16"/>
      <c r="F14939" s="16"/>
      <c r="G14939" s="16"/>
      <c r="H14939" s="16"/>
      <c r="I14939" s="16"/>
      <c r="J14939" s="16"/>
      <c r="K14939" s="16"/>
      <c r="L14939" s="16"/>
      <c r="M14939" s="16"/>
      <c r="N14939" s="16"/>
      <c r="O14939" s="16"/>
      <c r="P14939" s="16"/>
      <c r="Q14939" s="16"/>
      <c r="R14939" s="16"/>
      <c r="S14939" s="16"/>
      <c r="T14939" s="16"/>
      <c r="U14939" s="16"/>
      <c r="V14939" s="16"/>
      <c r="W14939" s="16"/>
      <c r="X14939" s="16"/>
      <c r="Y14939" s="16"/>
      <c r="Z14939" s="16"/>
      <c r="AA14939" s="16"/>
    </row>
    <row r="14940" spans="1:27" s="1" customFormat="1" ht="11.1" customHeight="1" outlineLevel="3" x14ac:dyDescent="0.2">
      <c r="A14940" s="17">
        <v>12192</v>
      </c>
      <c r="B14940" s="17"/>
      <c r="C14940" s="17"/>
      <c r="D14940" s="18" t="s">
        <v>7408</v>
      </c>
      <c r="E14940" s="18"/>
      <c r="F14940" s="18"/>
      <c r="G14940" s="18"/>
      <c r="H14940" s="18"/>
      <c r="I14940" s="18"/>
      <c r="J14940" s="18"/>
      <c r="K14940" s="18"/>
      <c r="L14940" s="18"/>
      <c r="M14940" s="18"/>
      <c r="N14940" s="18"/>
      <c r="O14940" s="18"/>
      <c r="P14940" s="19">
        <v>490</v>
      </c>
      <c r="Q14940" s="19"/>
      <c r="R14940" s="19"/>
      <c r="S14940" s="19"/>
      <c r="T14940" s="19">
        <v>440</v>
      </c>
      <c r="U14940" s="19"/>
      <c r="V14940" s="19"/>
      <c r="W14940" s="19"/>
      <c r="X14940" s="19">
        <v>6</v>
      </c>
      <c r="Y14940" s="19"/>
      <c r="Z14940" s="19"/>
      <c r="AA14940" s="19"/>
    </row>
    <row r="14941" spans="1:27" s="1" customFormat="1" ht="11.1" customHeight="1" outlineLevel="3" x14ac:dyDescent="0.2">
      <c r="A14941" s="17"/>
      <c r="B14941" s="17"/>
      <c r="C14941" s="17"/>
      <c r="D14941" s="18"/>
      <c r="E14941" s="18"/>
      <c r="F14941" s="18"/>
      <c r="G14941" s="18"/>
      <c r="H14941" s="18"/>
      <c r="I14941" s="18"/>
      <c r="J14941" s="18"/>
      <c r="K14941" s="18"/>
      <c r="L14941" s="18"/>
      <c r="M14941" s="18"/>
      <c r="N14941" s="18"/>
      <c r="O14941" s="18"/>
      <c r="P14941" s="19"/>
      <c r="Q14941" s="19"/>
      <c r="R14941" s="19"/>
      <c r="S14941" s="19"/>
      <c r="T14941" s="19"/>
      <c r="U14941" s="19"/>
      <c r="V14941" s="19"/>
      <c r="W14941" s="19"/>
      <c r="X14941" s="19"/>
      <c r="Y14941" s="19"/>
      <c r="Z14941" s="19"/>
      <c r="AA14941" s="19"/>
    </row>
    <row r="14942" spans="1:27" s="1" customFormat="1" ht="11.1" customHeight="1" outlineLevel="3" x14ac:dyDescent="0.2">
      <c r="A14942" s="17">
        <v>13623</v>
      </c>
      <c r="B14942" s="17"/>
      <c r="C14942" s="17"/>
      <c r="D14942" s="18" t="s">
        <v>7409</v>
      </c>
      <c r="E14942" s="18"/>
      <c r="F14942" s="18"/>
      <c r="G14942" s="18"/>
      <c r="H14942" s="18"/>
      <c r="I14942" s="18"/>
      <c r="J14942" s="18"/>
      <c r="K14942" s="18"/>
      <c r="L14942" s="18"/>
      <c r="M14942" s="18"/>
      <c r="N14942" s="18"/>
      <c r="O14942" s="18"/>
      <c r="P14942" s="19">
        <v>880</v>
      </c>
      <c r="Q14942" s="19"/>
      <c r="R14942" s="19"/>
      <c r="S14942" s="19"/>
      <c r="T14942" s="19">
        <v>745</v>
      </c>
      <c r="U14942" s="19"/>
      <c r="V14942" s="19"/>
      <c r="W14942" s="19"/>
      <c r="X14942" s="19">
        <v>8</v>
      </c>
      <c r="Y14942" s="19"/>
      <c r="Z14942" s="19"/>
      <c r="AA14942" s="19"/>
    </row>
    <row r="14943" spans="1:27" s="1" customFormat="1" ht="11.1" customHeight="1" outlineLevel="3" x14ac:dyDescent="0.2">
      <c r="A14943" s="17"/>
      <c r="B14943" s="17"/>
      <c r="C14943" s="17"/>
      <c r="D14943" s="18"/>
      <c r="E14943" s="18"/>
      <c r="F14943" s="18"/>
      <c r="G14943" s="18"/>
      <c r="H14943" s="18"/>
      <c r="I14943" s="18"/>
      <c r="J14943" s="18"/>
      <c r="K14943" s="18"/>
      <c r="L14943" s="18"/>
      <c r="M14943" s="18"/>
      <c r="N14943" s="18"/>
      <c r="O14943" s="18"/>
      <c r="P14943" s="19"/>
      <c r="Q14943" s="19"/>
      <c r="R14943" s="19"/>
      <c r="S14943" s="19"/>
      <c r="T14943" s="19"/>
      <c r="U14943" s="19"/>
      <c r="V14943" s="19"/>
      <c r="W14943" s="19"/>
      <c r="X14943" s="19"/>
      <c r="Y14943" s="19"/>
      <c r="Z14943" s="19"/>
      <c r="AA14943" s="19"/>
    </row>
    <row r="14944" spans="1:27" s="1" customFormat="1" ht="11.1" customHeight="1" outlineLevel="3" x14ac:dyDescent="0.2">
      <c r="A14944" s="17">
        <v>13625</v>
      </c>
      <c r="B14944" s="17"/>
      <c r="C14944" s="17"/>
      <c r="D14944" s="18" t="s">
        <v>7410</v>
      </c>
      <c r="E14944" s="18"/>
      <c r="F14944" s="18"/>
      <c r="G14944" s="18"/>
      <c r="H14944" s="18"/>
      <c r="I14944" s="18"/>
      <c r="J14944" s="18"/>
      <c r="K14944" s="18"/>
      <c r="L14944" s="18"/>
      <c r="M14944" s="18"/>
      <c r="N14944" s="18"/>
      <c r="O14944" s="18"/>
      <c r="P14944" s="20">
        <v>1780</v>
      </c>
      <c r="Q14944" s="20"/>
      <c r="R14944" s="20"/>
      <c r="S14944" s="20"/>
      <c r="T14944" s="20">
        <v>1580</v>
      </c>
      <c r="U14944" s="20"/>
      <c r="V14944" s="20"/>
      <c r="W14944" s="20"/>
      <c r="X14944" s="19">
        <v>4</v>
      </c>
      <c r="Y14944" s="19"/>
      <c r="Z14944" s="19"/>
      <c r="AA14944" s="19"/>
    </row>
    <row r="14945" spans="1:27" s="1" customFormat="1" ht="11.1" customHeight="1" outlineLevel="3" x14ac:dyDescent="0.2">
      <c r="A14945" s="17"/>
      <c r="B14945" s="17"/>
      <c r="C14945" s="17"/>
      <c r="D14945" s="18"/>
      <c r="E14945" s="18"/>
      <c r="F14945" s="18"/>
      <c r="G14945" s="18"/>
      <c r="H14945" s="18"/>
      <c r="I14945" s="18"/>
      <c r="J14945" s="18"/>
      <c r="K14945" s="18"/>
      <c r="L14945" s="18"/>
      <c r="M14945" s="18"/>
      <c r="N14945" s="18"/>
      <c r="O14945" s="18"/>
      <c r="P14945" s="20"/>
      <c r="Q14945" s="20"/>
      <c r="R14945" s="20"/>
      <c r="S14945" s="20"/>
      <c r="T14945" s="20"/>
      <c r="U14945" s="20"/>
      <c r="V14945" s="20"/>
      <c r="W14945" s="20"/>
      <c r="X14945" s="19"/>
      <c r="Y14945" s="19"/>
      <c r="Z14945" s="19"/>
      <c r="AA14945" s="19"/>
    </row>
    <row r="14946" spans="1:27" s="1" customFormat="1" ht="11.1" customHeight="1" outlineLevel="3" x14ac:dyDescent="0.2">
      <c r="A14946" s="17">
        <v>12193</v>
      </c>
      <c r="B14946" s="17"/>
      <c r="C14946" s="17"/>
      <c r="D14946" s="18" t="s">
        <v>7411</v>
      </c>
      <c r="E14946" s="18"/>
      <c r="F14946" s="18"/>
      <c r="G14946" s="18"/>
      <c r="H14946" s="18"/>
      <c r="I14946" s="18"/>
      <c r="J14946" s="18"/>
      <c r="K14946" s="18"/>
      <c r="L14946" s="18"/>
      <c r="M14946" s="18"/>
      <c r="N14946" s="18"/>
      <c r="O14946" s="18"/>
      <c r="P14946" s="20">
        <v>1390</v>
      </c>
      <c r="Q14946" s="20"/>
      <c r="R14946" s="20"/>
      <c r="S14946" s="20"/>
      <c r="T14946" s="19">
        <v>950</v>
      </c>
      <c r="U14946" s="19"/>
      <c r="V14946" s="19"/>
      <c r="W14946" s="19"/>
      <c r="X14946" s="19">
        <v>4</v>
      </c>
      <c r="Y14946" s="19"/>
      <c r="Z14946" s="19"/>
      <c r="AA14946" s="19"/>
    </row>
    <row r="14947" spans="1:27" s="1" customFormat="1" ht="11.1" customHeight="1" outlineLevel="3" x14ac:dyDescent="0.2">
      <c r="A14947" s="17"/>
      <c r="B14947" s="17"/>
      <c r="C14947" s="17"/>
      <c r="D14947" s="18"/>
      <c r="E14947" s="18"/>
      <c r="F14947" s="18"/>
      <c r="G14947" s="18"/>
      <c r="H14947" s="18"/>
      <c r="I14947" s="18"/>
      <c r="J14947" s="18"/>
      <c r="K14947" s="18"/>
      <c r="L14947" s="18"/>
      <c r="M14947" s="18"/>
      <c r="N14947" s="18"/>
      <c r="O14947" s="18"/>
      <c r="P14947" s="20"/>
      <c r="Q14947" s="20"/>
      <c r="R14947" s="20"/>
      <c r="S14947" s="20"/>
      <c r="T14947" s="19"/>
      <c r="U14947" s="19"/>
      <c r="V14947" s="19"/>
      <c r="W14947" s="19"/>
      <c r="X14947" s="19"/>
      <c r="Y14947" s="19"/>
      <c r="Z14947" s="19"/>
      <c r="AA14947" s="19"/>
    </row>
    <row r="14948" spans="1:27" s="1" customFormat="1" ht="11.1" customHeight="1" outlineLevel="3" x14ac:dyDescent="0.2">
      <c r="A14948" s="17">
        <v>13622</v>
      </c>
      <c r="B14948" s="17"/>
      <c r="C14948" s="17"/>
      <c r="D14948" s="18" t="s">
        <v>7412</v>
      </c>
      <c r="E14948" s="18"/>
      <c r="F14948" s="18"/>
      <c r="G14948" s="18"/>
      <c r="H14948" s="18"/>
      <c r="I14948" s="18"/>
      <c r="J14948" s="18"/>
      <c r="K14948" s="18"/>
      <c r="L14948" s="18"/>
      <c r="M14948" s="18"/>
      <c r="N14948" s="18"/>
      <c r="O14948" s="18"/>
      <c r="P14948" s="19">
        <v>760</v>
      </c>
      <c r="Q14948" s="19"/>
      <c r="R14948" s="19"/>
      <c r="S14948" s="19"/>
      <c r="T14948" s="19">
        <v>610</v>
      </c>
      <c r="U14948" s="19"/>
      <c r="V14948" s="19"/>
      <c r="W14948" s="19"/>
      <c r="X14948" s="19">
        <v>2</v>
      </c>
      <c r="Y14948" s="19"/>
      <c r="Z14948" s="19"/>
      <c r="AA14948" s="19"/>
    </row>
    <row r="14949" spans="1:27" s="1" customFormat="1" ht="11.1" customHeight="1" outlineLevel="3" x14ac:dyDescent="0.2">
      <c r="A14949" s="17"/>
      <c r="B14949" s="17"/>
      <c r="C14949" s="17"/>
      <c r="D14949" s="18"/>
      <c r="E14949" s="18"/>
      <c r="F14949" s="18"/>
      <c r="G14949" s="18"/>
      <c r="H14949" s="18"/>
      <c r="I14949" s="18"/>
      <c r="J14949" s="18"/>
      <c r="K14949" s="18"/>
      <c r="L14949" s="18"/>
      <c r="M14949" s="18"/>
      <c r="N14949" s="18"/>
      <c r="O14949" s="18"/>
      <c r="P14949" s="19"/>
      <c r="Q14949" s="19"/>
      <c r="R14949" s="19"/>
      <c r="S14949" s="19"/>
      <c r="T14949" s="19"/>
      <c r="U14949" s="19"/>
      <c r="V14949" s="19"/>
      <c r="W14949" s="19"/>
      <c r="X14949" s="19"/>
      <c r="Y14949" s="19"/>
      <c r="Z14949" s="19"/>
      <c r="AA14949" s="19"/>
    </row>
    <row r="14950" spans="1:27" s="1" customFormat="1" ht="11.1" customHeight="1" outlineLevel="3" x14ac:dyDescent="0.2">
      <c r="A14950" s="17">
        <v>13624</v>
      </c>
      <c r="B14950" s="17"/>
      <c r="C14950" s="17"/>
      <c r="D14950" s="18" t="s">
        <v>7413</v>
      </c>
      <c r="E14950" s="18"/>
      <c r="F14950" s="18"/>
      <c r="G14950" s="18"/>
      <c r="H14950" s="18"/>
      <c r="I14950" s="18"/>
      <c r="J14950" s="18"/>
      <c r="K14950" s="18"/>
      <c r="L14950" s="18"/>
      <c r="M14950" s="18"/>
      <c r="N14950" s="18"/>
      <c r="O14950" s="18"/>
      <c r="P14950" s="20">
        <v>2100</v>
      </c>
      <c r="Q14950" s="20"/>
      <c r="R14950" s="20"/>
      <c r="S14950" s="20"/>
      <c r="T14950" s="20">
        <v>1800</v>
      </c>
      <c r="U14950" s="20"/>
      <c r="V14950" s="20"/>
      <c r="W14950" s="20"/>
      <c r="X14950" s="19">
        <v>9</v>
      </c>
      <c r="Y14950" s="19"/>
      <c r="Z14950" s="19"/>
      <c r="AA14950" s="19"/>
    </row>
    <row r="14951" spans="1:27" s="1" customFormat="1" ht="11.1" customHeight="1" outlineLevel="3" x14ac:dyDescent="0.2">
      <c r="A14951" s="17"/>
      <c r="B14951" s="17"/>
      <c r="C14951" s="17"/>
      <c r="D14951" s="18"/>
      <c r="E14951" s="18"/>
      <c r="F14951" s="18"/>
      <c r="G14951" s="18"/>
      <c r="H14951" s="18"/>
      <c r="I14951" s="18"/>
      <c r="J14951" s="18"/>
      <c r="K14951" s="18"/>
      <c r="L14951" s="18"/>
      <c r="M14951" s="18"/>
      <c r="N14951" s="18"/>
      <c r="O14951" s="18"/>
      <c r="P14951" s="20"/>
      <c r="Q14951" s="20"/>
      <c r="R14951" s="20"/>
      <c r="S14951" s="20"/>
      <c r="T14951" s="20"/>
      <c r="U14951" s="20"/>
      <c r="V14951" s="20"/>
      <c r="W14951" s="20"/>
      <c r="X14951" s="19"/>
      <c r="Y14951" s="19"/>
      <c r="Z14951" s="19"/>
      <c r="AA14951" s="19"/>
    </row>
    <row r="14952" spans="1:27" s="1" customFormat="1" ht="11.1" customHeight="1" outlineLevel="3" x14ac:dyDescent="0.2">
      <c r="A14952" s="17">
        <v>13626</v>
      </c>
      <c r="B14952" s="17"/>
      <c r="C14952" s="17"/>
      <c r="D14952" s="18" t="s">
        <v>7414</v>
      </c>
      <c r="E14952" s="18"/>
      <c r="F14952" s="18"/>
      <c r="G14952" s="18"/>
      <c r="H14952" s="18"/>
      <c r="I14952" s="18"/>
      <c r="J14952" s="18"/>
      <c r="K14952" s="18"/>
      <c r="L14952" s="18"/>
      <c r="M14952" s="18"/>
      <c r="N14952" s="18"/>
      <c r="O14952" s="18"/>
      <c r="P14952" s="20">
        <v>2100</v>
      </c>
      <c r="Q14952" s="20"/>
      <c r="R14952" s="20"/>
      <c r="S14952" s="20"/>
      <c r="T14952" s="20">
        <v>1800</v>
      </c>
      <c r="U14952" s="20"/>
      <c r="V14952" s="20"/>
      <c r="W14952" s="20"/>
      <c r="X14952" s="19">
        <v>2</v>
      </c>
      <c r="Y14952" s="19"/>
      <c r="Z14952" s="19"/>
      <c r="AA14952" s="19"/>
    </row>
    <row r="14953" spans="1:27" s="1" customFormat="1" ht="11.1" customHeight="1" outlineLevel="3" x14ac:dyDescent="0.2">
      <c r="A14953" s="17"/>
      <c r="B14953" s="17"/>
      <c r="C14953" s="17"/>
      <c r="D14953" s="18"/>
      <c r="E14953" s="18"/>
      <c r="F14953" s="18"/>
      <c r="G14953" s="18"/>
      <c r="H14953" s="18"/>
      <c r="I14953" s="18"/>
      <c r="J14953" s="18"/>
      <c r="K14953" s="18"/>
      <c r="L14953" s="18"/>
      <c r="M14953" s="18"/>
      <c r="N14953" s="18"/>
      <c r="O14953" s="18"/>
      <c r="P14953" s="20"/>
      <c r="Q14953" s="20"/>
      <c r="R14953" s="20"/>
      <c r="S14953" s="20"/>
      <c r="T14953" s="20"/>
      <c r="U14953" s="20"/>
      <c r="V14953" s="20"/>
      <c r="W14953" s="20"/>
      <c r="X14953" s="19"/>
      <c r="Y14953" s="19"/>
      <c r="Z14953" s="19"/>
      <c r="AA14953" s="19"/>
    </row>
    <row r="14954" spans="1:27" s="1" customFormat="1" ht="11.1" customHeight="1" outlineLevel="3" x14ac:dyDescent="0.2">
      <c r="A14954" s="17">
        <v>12194</v>
      </c>
      <c r="B14954" s="17"/>
      <c r="C14954" s="17"/>
      <c r="D14954" s="18" t="s">
        <v>7415</v>
      </c>
      <c r="E14954" s="18"/>
      <c r="F14954" s="18"/>
      <c r="G14954" s="18"/>
      <c r="H14954" s="18"/>
      <c r="I14954" s="18"/>
      <c r="J14954" s="18"/>
      <c r="K14954" s="18"/>
      <c r="L14954" s="18"/>
      <c r="M14954" s="18"/>
      <c r="N14954" s="18"/>
      <c r="O14954" s="18"/>
      <c r="P14954" s="20">
        <v>1250</v>
      </c>
      <c r="Q14954" s="20"/>
      <c r="R14954" s="20"/>
      <c r="S14954" s="20"/>
      <c r="T14954" s="19">
        <v>900</v>
      </c>
      <c r="U14954" s="19"/>
      <c r="V14954" s="19"/>
      <c r="W14954" s="19"/>
      <c r="X14954" s="19">
        <v>4</v>
      </c>
      <c r="Y14954" s="19"/>
      <c r="Z14954" s="19"/>
      <c r="AA14954" s="19"/>
    </row>
    <row r="14955" spans="1:27" s="1" customFormat="1" ht="11.1" customHeight="1" outlineLevel="3" x14ac:dyDescent="0.2">
      <c r="A14955" s="17"/>
      <c r="B14955" s="17"/>
      <c r="C14955" s="17"/>
      <c r="D14955" s="18"/>
      <c r="E14955" s="18"/>
      <c r="F14955" s="18"/>
      <c r="G14955" s="18"/>
      <c r="H14955" s="18"/>
      <c r="I14955" s="18"/>
      <c r="J14955" s="18"/>
      <c r="K14955" s="18"/>
      <c r="L14955" s="18"/>
      <c r="M14955" s="18"/>
      <c r="N14955" s="18"/>
      <c r="O14955" s="18"/>
      <c r="P14955" s="20"/>
      <c r="Q14955" s="20"/>
      <c r="R14955" s="20"/>
      <c r="S14955" s="20"/>
      <c r="T14955" s="19"/>
      <c r="U14955" s="19"/>
      <c r="V14955" s="19"/>
      <c r="W14955" s="19"/>
      <c r="X14955" s="19"/>
      <c r="Y14955" s="19"/>
      <c r="Z14955" s="19"/>
      <c r="AA14955" s="19"/>
    </row>
    <row r="14956" spans="1:27" s="1" customFormat="1" ht="11.1" customHeight="1" outlineLevel="2" x14ac:dyDescent="0.2">
      <c r="A14956" s="16" t="s">
        <v>7416</v>
      </c>
      <c r="B14956" s="16"/>
      <c r="C14956" s="16"/>
      <c r="D14956" s="16"/>
      <c r="E14956" s="16"/>
      <c r="F14956" s="16"/>
      <c r="G14956" s="16"/>
      <c r="H14956" s="16"/>
      <c r="I14956" s="16"/>
      <c r="J14956" s="16"/>
      <c r="K14956" s="16"/>
      <c r="L14956" s="16"/>
      <c r="M14956" s="16"/>
      <c r="N14956" s="16"/>
      <c r="O14956" s="16"/>
      <c r="P14956" s="16"/>
      <c r="Q14956" s="16"/>
      <c r="R14956" s="16"/>
      <c r="S14956" s="16"/>
      <c r="T14956" s="16"/>
      <c r="U14956" s="16"/>
      <c r="V14956" s="16"/>
      <c r="W14956" s="16"/>
      <c r="X14956" s="16"/>
      <c r="Y14956" s="16"/>
      <c r="Z14956" s="16"/>
      <c r="AA14956" s="16"/>
    </row>
    <row r="14957" spans="1:27" s="1" customFormat="1" ht="11.1" customHeight="1" outlineLevel="2" x14ac:dyDescent="0.2">
      <c r="A14957" s="16"/>
      <c r="B14957" s="16"/>
      <c r="C14957" s="16"/>
      <c r="D14957" s="16"/>
      <c r="E14957" s="16"/>
      <c r="F14957" s="16"/>
      <c r="G14957" s="16"/>
      <c r="H14957" s="16"/>
      <c r="I14957" s="16"/>
      <c r="J14957" s="16"/>
      <c r="K14957" s="16"/>
      <c r="L14957" s="16"/>
      <c r="M14957" s="16"/>
      <c r="N14957" s="16"/>
      <c r="O14957" s="16"/>
      <c r="P14957" s="16"/>
      <c r="Q14957" s="16"/>
      <c r="R14957" s="16"/>
      <c r="S14957" s="16"/>
      <c r="T14957" s="16"/>
      <c r="U14957" s="16"/>
      <c r="V14957" s="16"/>
      <c r="W14957" s="16"/>
      <c r="X14957" s="16"/>
      <c r="Y14957" s="16"/>
      <c r="Z14957" s="16"/>
      <c r="AA14957" s="16"/>
    </row>
    <row r="14958" spans="1:27" s="1" customFormat="1" ht="11.1" customHeight="1" outlineLevel="3" x14ac:dyDescent="0.2">
      <c r="A14958" s="17">
        <v>8472</v>
      </c>
      <c r="B14958" s="17"/>
      <c r="C14958" s="17"/>
      <c r="D14958" s="18" t="s">
        <v>7417</v>
      </c>
      <c r="E14958" s="18"/>
      <c r="F14958" s="18"/>
      <c r="G14958" s="18"/>
      <c r="H14958" s="18"/>
      <c r="I14958" s="18"/>
      <c r="J14958" s="18"/>
      <c r="K14958" s="18"/>
      <c r="L14958" s="18"/>
      <c r="M14958" s="18"/>
      <c r="N14958" s="18"/>
      <c r="O14958" s="18"/>
      <c r="P14958" s="19">
        <v>140</v>
      </c>
      <c r="Q14958" s="19"/>
      <c r="R14958" s="19"/>
      <c r="S14958" s="19"/>
      <c r="T14958" s="19">
        <v>70</v>
      </c>
      <c r="U14958" s="19"/>
      <c r="V14958" s="19"/>
      <c r="W14958" s="19"/>
      <c r="X14958" s="19">
        <v>3</v>
      </c>
      <c r="Y14958" s="19"/>
      <c r="Z14958" s="19"/>
      <c r="AA14958" s="19"/>
    </row>
    <row r="14959" spans="1:27" s="1" customFormat="1" ht="11.1" customHeight="1" outlineLevel="3" x14ac:dyDescent="0.2">
      <c r="A14959" s="17"/>
      <c r="B14959" s="17"/>
      <c r="C14959" s="17"/>
      <c r="D14959" s="18"/>
      <c r="E14959" s="18"/>
      <c r="F14959" s="18"/>
      <c r="G14959" s="18"/>
      <c r="H14959" s="18"/>
      <c r="I14959" s="18"/>
      <c r="J14959" s="18"/>
      <c r="K14959" s="18"/>
      <c r="L14959" s="18"/>
      <c r="M14959" s="18"/>
      <c r="N14959" s="18"/>
      <c r="O14959" s="18"/>
      <c r="P14959" s="19"/>
      <c r="Q14959" s="19"/>
      <c r="R14959" s="19"/>
      <c r="S14959" s="19"/>
      <c r="T14959" s="19"/>
      <c r="U14959" s="19"/>
      <c r="V14959" s="19"/>
      <c r="W14959" s="19"/>
      <c r="X14959" s="19"/>
      <c r="Y14959" s="19"/>
      <c r="Z14959" s="19"/>
      <c r="AA14959" s="19"/>
    </row>
    <row r="14960" spans="1:27" s="1" customFormat="1" ht="11.1" customHeight="1" outlineLevel="3" x14ac:dyDescent="0.2">
      <c r="A14960" s="17">
        <v>8473</v>
      </c>
      <c r="B14960" s="17"/>
      <c r="C14960" s="17"/>
      <c r="D14960" s="18" t="s">
        <v>7418</v>
      </c>
      <c r="E14960" s="18"/>
      <c r="F14960" s="18"/>
      <c r="G14960" s="18"/>
      <c r="H14960" s="18"/>
      <c r="I14960" s="18"/>
      <c r="J14960" s="18"/>
      <c r="K14960" s="18"/>
      <c r="L14960" s="18"/>
      <c r="M14960" s="18"/>
      <c r="N14960" s="18"/>
      <c r="O14960" s="18"/>
      <c r="P14960" s="19">
        <v>150</v>
      </c>
      <c r="Q14960" s="19"/>
      <c r="R14960" s="19"/>
      <c r="S14960" s="19"/>
      <c r="T14960" s="19">
        <v>75</v>
      </c>
      <c r="U14960" s="19"/>
      <c r="V14960" s="19"/>
      <c r="W14960" s="19"/>
      <c r="X14960" s="19">
        <v>1</v>
      </c>
      <c r="Y14960" s="19"/>
      <c r="Z14960" s="19"/>
      <c r="AA14960" s="19"/>
    </row>
    <row r="14961" spans="1:27" s="1" customFormat="1" ht="11.1" customHeight="1" outlineLevel="3" x14ac:dyDescent="0.2">
      <c r="A14961" s="17"/>
      <c r="B14961" s="17"/>
      <c r="C14961" s="17"/>
      <c r="D14961" s="18"/>
      <c r="E14961" s="18"/>
      <c r="F14961" s="18"/>
      <c r="G14961" s="18"/>
      <c r="H14961" s="18"/>
      <c r="I14961" s="18"/>
      <c r="J14961" s="18"/>
      <c r="K14961" s="18"/>
      <c r="L14961" s="18"/>
      <c r="M14961" s="18"/>
      <c r="N14961" s="18"/>
      <c r="O14961" s="18"/>
      <c r="P14961" s="19"/>
      <c r="Q14961" s="19"/>
      <c r="R14961" s="19"/>
      <c r="S14961" s="19"/>
      <c r="T14961" s="19"/>
      <c r="U14961" s="19"/>
      <c r="V14961" s="19"/>
      <c r="W14961" s="19"/>
      <c r="X14961" s="19"/>
      <c r="Y14961" s="19"/>
      <c r="Z14961" s="19"/>
      <c r="AA14961" s="19"/>
    </row>
    <row r="14962" spans="1:27" s="1" customFormat="1" ht="11.1" customHeight="1" outlineLevel="2" x14ac:dyDescent="0.2">
      <c r="A14962" s="16" t="s">
        <v>7419</v>
      </c>
      <c r="B14962" s="16"/>
      <c r="C14962" s="16"/>
      <c r="D14962" s="16"/>
      <c r="E14962" s="16"/>
      <c r="F14962" s="16"/>
      <c r="G14962" s="16"/>
      <c r="H14962" s="16"/>
      <c r="I14962" s="16"/>
      <c r="J14962" s="16"/>
      <c r="K14962" s="16"/>
      <c r="L14962" s="16"/>
      <c r="M14962" s="16"/>
      <c r="N14962" s="16"/>
      <c r="O14962" s="16"/>
      <c r="P14962" s="16"/>
      <c r="Q14962" s="16"/>
      <c r="R14962" s="16"/>
      <c r="S14962" s="16"/>
      <c r="T14962" s="16"/>
      <c r="U14962" s="16"/>
      <c r="V14962" s="16"/>
      <c r="W14962" s="16"/>
      <c r="X14962" s="16"/>
      <c r="Y14962" s="16"/>
      <c r="Z14962" s="16"/>
      <c r="AA14962" s="16"/>
    </row>
    <row r="14963" spans="1:27" s="1" customFormat="1" ht="11.1" customHeight="1" outlineLevel="2" x14ac:dyDescent="0.2">
      <c r="A14963" s="16"/>
      <c r="B14963" s="16"/>
      <c r="C14963" s="16"/>
      <c r="D14963" s="16"/>
      <c r="E14963" s="16"/>
      <c r="F14963" s="16"/>
      <c r="G14963" s="16"/>
      <c r="H14963" s="16"/>
      <c r="I14963" s="16"/>
      <c r="J14963" s="16"/>
      <c r="K14963" s="16"/>
      <c r="L14963" s="16"/>
      <c r="M14963" s="16"/>
      <c r="N14963" s="16"/>
      <c r="O14963" s="16"/>
      <c r="P14963" s="16"/>
      <c r="Q14963" s="16"/>
      <c r="R14963" s="16"/>
      <c r="S14963" s="16"/>
      <c r="T14963" s="16"/>
      <c r="U14963" s="16"/>
      <c r="V14963" s="16"/>
      <c r="W14963" s="16"/>
      <c r="X14963" s="16"/>
      <c r="Y14963" s="16"/>
      <c r="Z14963" s="16"/>
      <c r="AA14963" s="16"/>
    </row>
    <row r="14964" spans="1:27" s="1" customFormat="1" ht="11.1" customHeight="1" outlineLevel="3" x14ac:dyDescent="0.2">
      <c r="A14964" s="17">
        <v>13853</v>
      </c>
      <c r="B14964" s="17"/>
      <c r="C14964" s="17"/>
      <c r="D14964" s="18" t="s">
        <v>7420</v>
      </c>
      <c r="E14964" s="18"/>
      <c r="F14964" s="18"/>
      <c r="G14964" s="18"/>
      <c r="H14964" s="18"/>
      <c r="I14964" s="18"/>
      <c r="J14964" s="18"/>
      <c r="K14964" s="18"/>
      <c r="L14964" s="18"/>
      <c r="M14964" s="18"/>
      <c r="N14964" s="18"/>
      <c r="O14964" s="18"/>
      <c r="P14964" s="20">
        <v>1100</v>
      </c>
      <c r="Q14964" s="20"/>
      <c r="R14964" s="20"/>
      <c r="S14964" s="20"/>
      <c r="T14964" s="19">
        <v>850</v>
      </c>
      <c r="U14964" s="19"/>
      <c r="V14964" s="19"/>
      <c r="W14964" s="19"/>
      <c r="X14964" s="19">
        <v>1</v>
      </c>
      <c r="Y14964" s="19"/>
      <c r="Z14964" s="19"/>
      <c r="AA14964" s="19"/>
    </row>
    <row r="14965" spans="1:27" s="1" customFormat="1" ht="11.1" customHeight="1" outlineLevel="3" x14ac:dyDescent="0.2">
      <c r="A14965" s="17"/>
      <c r="B14965" s="17"/>
      <c r="C14965" s="17"/>
      <c r="D14965" s="18"/>
      <c r="E14965" s="18"/>
      <c r="F14965" s="18"/>
      <c r="G14965" s="18"/>
      <c r="H14965" s="18"/>
      <c r="I14965" s="18"/>
      <c r="J14965" s="18"/>
      <c r="K14965" s="18"/>
      <c r="L14965" s="18"/>
      <c r="M14965" s="18"/>
      <c r="N14965" s="18"/>
      <c r="O14965" s="18"/>
      <c r="P14965" s="20"/>
      <c r="Q14965" s="20"/>
      <c r="R14965" s="20"/>
      <c r="S14965" s="20"/>
      <c r="T14965" s="19"/>
      <c r="U14965" s="19"/>
      <c r="V14965" s="19"/>
      <c r="W14965" s="19"/>
      <c r="X14965" s="19"/>
      <c r="Y14965" s="19"/>
      <c r="Z14965" s="19"/>
      <c r="AA14965" s="19"/>
    </row>
    <row r="14966" spans="1:27" s="1" customFormat="1" ht="11.1" customHeight="1" outlineLevel="3" x14ac:dyDescent="0.2">
      <c r="A14966" s="17">
        <v>11444</v>
      </c>
      <c r="B14966" s="17"/>
      <c r="C14966" s="17"/>
      <c r="D14966" s="18" t="s">
        <v>7421</v>
      </c>
      <c r="E14966" s="18"/>
      <c r="F14966" s="18"/>
      <c r="G14966" s="18"/>
      <c r="H14966" s="18"/>
      <c r="I14966" s="18"/>
      <c r="J14966" s="18"/>
      <c r="K14966" s="18"/>
      <c r="L14966" s="18"/>
      <c r="M14966" s="18"/>
      <c r="N14966" s="18"/>
      <c r="O14966" s="18"/>
      <c r="P14966" s="19">
        <v>200</v>
      </c>
      <c r="Q14966" s="19"/>
      <c r="R14966" s="19"/>
      <c r="S14966" s="19"/>
      <c r="T14966" s="19">
        <v>170</v>
      </c>
      <c r="U14966" s="19"/>
      <c r="V14966" s="19"/>
      <c r="W14966" s="19"/>
      <c r="X14966" s="19">
        <v>38</v>
      </c>
      <c r="Y14966" s="19"/>
      <c r="Z14966" s="19"/>
      <c r="AA14966" s="19"/>
    </row>
    <row r="14967" spans="1:27" s="1" customFormat="1" ht="11.1" customHeight="1" outlineLevel="3" x14ac:dyDescent="0.2">
      <c r="A14967" s="17"/>
      <c r="B14967" s="17"/>
      <c r="C14967" s="17"/>
      <c r="D14967" s="18"/>
      <c r="E14967" s="18"/>
      <c r="F14967" s="18"/>
      <c r="G14967" s="18"/>
      <c r="H14967" s="18"/>
      <c r="I14967" s="18"/>
      <c r="J14967" s="18"/>
      <c r="K14967" s="18"/>
      <c r="L14967" s="18"/>
      <c r="M14967" s="18"/>
      <c r="N14967" s="18"/>
      <c r="O14967" s="18"/>
      <c r="P14967" s="19"/>
      <c r="Q14967" s="19"/>
      <c r="R14967" s="19"/>
      <c r="S14967" s="19"/>
      <c r="T14967" s="19"/>
      <c r="U14967" s="19"/>
      <c r="V14967" s="19"/>
      <c r="W14967" s="19"/>
      <c r="X14967" s="19"/>
      <c r="Y14967" s="19"/>
      <c r="Z14967" s="19"/>
      <c r="AA14967" s="19"/>
    </row>
    <row r="14968" spans="1:27" s="1" customFormat="1" ht="14.1" customHeight="1" outlineLevel="3" x14ac:dyDescent="0.2">
      <c r="A14968" s="17">
        <v>12373</v>
      </c>
      <c r="B14968" s="17"/>
      <c r="C14968" s="17"/>
      <c r="D14968" s="18" t="s">
        <v>7422</v>
      </c>
      <c r="E14968" s="18"/>
      <c r="F14968" s="18"/>
      <c r="G14968" s="18"/>
      <c r="H14968" s="18"/>
      <c r="I14968" s="18"/>
      <c r="J14968" s="18"/>
      <c r="K14968" s="18"/>
      <c r="L14968" s="18"/>
      <c r="M14968" s="18"/>
      <c r="N14968" s="18"/>
      <c r="O14968" s="18"/>
      <c r="P14968" s="19">
        <v>390</v>
      </c>
      <c r="Q14968" s="19"/>
      <c r="R14968" s="19"/>
      <c r="S14968" s="19"/>
      <c r="T14968" s="19">
        <v>260</v>
      </c>
      <c r="U14968" s="19"/>
      <c r="V14968" s="19"/>
      <c r="W14968" s="19"/>
      <c r="X14968" s="19">
        <v>1</v>
      </c>
      <c r="Y14968" s="19"/>
      <c r="Z14968" s="19"/>
      <c r="AA14968" s="19"/>
    </row>
    <row r="14969" spans="1:27" s="1" customFormat="1" ht="14.1" customHeight="1" outlineLevel="3" x14ac:dyDescent="0.2">
      <c r="A14969" s="17"/>
      <c r="B14969" s="17"/>
      <c r="C14969" s="17"/>
      <c r="D14969" s="18"/>
      <c r="E14969" s="18"/>
      <c r="F14969" s="18"/>
      <c r="G14969" s="18"/>
      <c r="H14969" s="18"/>
      <c r="I14969" s="18"/>
      <c r="J14969" s="18"/>
      <c r="K14969" s="18"/>
      <c r="L14969" s="18"/>
      <c r="M14969" s="18"/>
      <c r="N14969" s="18"/>
      <c r="O14969" s="18"/>
      <c r="P14969" s="19"/>
      <c r="Q14969" s="19"/>
      <c r="R14969" s="19"/>
      <c r="S14969" s="19"/>
      <c r="T14969" s="19"/>
      <c r="U14969" s="19"/>
      <c r="V14969" s="19"/>
      <c r="W14969" s="19"/>
      <c r="X14969" s="19"/>
      <c r="Y14969" s="19"/>
      <c r="Z14969" s="19"/>
      <c r="AA14969" s="19"/>
    </row>
    <row r="14970" spans="1:27" s="1" customFormat="1" ht="11.1" customHeight="1" outlineLevel="2" x14ac:dyDescent="0.2">
      <c r="A14970" s="16" t="s">
        <v>7423</v>
      </c>
      <c r="B14970" s="16"/>
      <c r="C14970" s="16"/>
      <c r="D14970" s="16"/>
      <c r="E14970" s="16"/>
      <c r="F14970" s="16"/>
      <c r="G14970" s="16"/>
      <c r="H14970" s="16"/>
      <c r="I14970" s="16"/>
      <c r="J14970" s="16"/>
      <c r="K14970" s="16"/>
      <c r="L14970" s="16"/>
      <c r="M14970" s="16"/>
      <c r="N14970" s="16"/>
      <c r="O14970" s="16"/>
      <c r="P14970" s="16"/>
      <c r="Q14970" s="16"/>
      <c r="R14970" s="16"/>
      <c r="S14970" s="16"/>
      <c r="T14970" s="16"/>
      <c r="U14970" s="16"/>
      <c r="V14970" s="16"/>
      <c r="W14970" s="16"/>
      <c r="X14970" s="16"/>
      <c r="Y14970" s="16"/>
      <c r="Z14970" s="16"/>
      <c r="AA14970" s="16"/>
    </row>
    <row r="14971" spans="1:27" s="1" customFormat="1" ht="11.1" customHeight="1" outlineLevel="2" x14ac:dyDescent="0.2">
      <c r="A14971" s="16"/>
      <c r="B14971" s="16"/>
      <c r="C14971" s="16"/>
      <c r="D14971" s="16"/>
      <c r="E14971" s="16"/>
      <c r="F14971" s="16"/>
      <c r="G14971" s="16"/>
      <c r="H14971" s="16"/>
      <c r="I14971" s="16"/>
      <c r="J14971" s="16"/>
      <c r="K14971" s="16"/>
      <c r="L14971" s="16"/>
      <c r="M14971" s="16"/>
      <c r="N14971" s="16"/>
      <c r="O14971" s="16"/>
      <c r="P14971" s="16"/>
      <c r="Q14971" s="16"/>
      <c r="R14971" s="16"/>
      <c r="S14971" s="16"/>
      <c r="T14971" s="16"/>
      <c r="U14971" s="16"/>
      <c r="V14971" s="16"/>
      <c r="W14971" s="16"/>
      <c r="X14971" s="16"/>
      <c r="Y14971" s="16"/>
      <c r="Z14971" s="16"/>
      <c r="AA14971" s="16"/>
    </row>
    <row r="14972" spans="1:27" s="1" customFormat="1" ht="11.1" customHeight="1" outlineLevel="3" x14ac:dyDescent="0.2">
      <c r="A14972" s="16" t="s">
        <v>7424</v>
      </c>
      <c r="B14972" s="16"/>
      <c r="C14972" s="16"/>
      <c r="D14972" s="16"/>
      <c r="E14972" s="16"/>
      <c r="F14972" s="16"/>
      <c r="G14972" s="16"/>
      <c r="H14972" s="16"/>
      <c r="I14972" s="16"/>
      <c r="J14972" s="16"/>
      <c r="K14972" s="16"/>
      <c r="L14972" s="16"/>
      <c r="M14972" s="16"/>
      <c r="N14972" s="16"/>
      <c r="O14972" s="16"/>
      <c r="P14972" s="16"/>
      <c r="Q14972" s="16"/>
      <c r="R14972" s="16"/>
      <c r="S14972" s="16"/>
      <c r="T14972" s="16"/>
      <c r="U14972" s="16"/>
      <c r="V14972" s="16"/>
      <c r="W14972" s="16"/>
      <c r="X14972" s="16"/>
      <c r="Y14972" s="16"/>
      <c r="Z14972" s="16"/>
      <c r="AA14972" s="16"/>
    </row>
    <row r="14973" spans="1:27" s="1" customFormat="1" ht="11.1" customHeight="1" outlineLevel="3" x14ac:dyDescent="0.2">
      <c r="A14973" s="16"/>
      <c r="B14973" s="16"/>
      <c r="C14973" s="16"/>
      <c r="D14973" s="16"/>
      <c r="E14973" s="16"/>
      <c r="F14973" s="16"/>
      <c r="G14973" s="16"/>
      <c r="H14973" s="16"/>
      <c r="I14973" s="16"/>
      <c r="J14973" s="16"/>
      <c r="K14973" s="16"/>
      <c r="L14973" s="16"/>
      <c r="M14973" s="16"/>
      <c r="N14973" s="16"/>
      <c r="O14973" s="16"/>
      <c r="P14973" s="16"/>
      <c r="Q14973" s="16"/>
      <c r="R14973" s="16"/>
      <c r="S14973" s="16"/>
      <c r="T14973" s="16"/>
      <c r="U14973" s="16"/>
      <c r="V14973" s="16"/>
      <c r="W14973" s="16"/>
      <c r="X14973" s="16"/>
      <c r="Y14973" s="16"/>
      <c r="Z14973" s="16"/>
      <c r="AA14973" s="16"/>
    </row>
    <row r="14974" spans="1:27" s="1" customFormat="1" ht="11.1" customHeight="1" outlineLevel="4" x14ac:dyDescent="0.2">
      <c r="A14974" s="17">
        <v>4248</v>
      </c>
      <c r="B14974" s="17"/>
      <c r="C14974" s="17"/>
      <c r="D14974" s="18" t="s">
        <v>7425</v>
      </c>
      <c r="E14974" s="18"/>
      <c r="F14974" s="18"/>
      <c r="G14974" s="18"/>
      <c r="H14974" s="18"/>
      <c r="I14974" s="18"/>
      <c r="J14974" s="18"/>
      <c r="K14974" s="18"/>
      <c r="L14974" s="18"/>
      <c r="M14974" s="18"/>
      <c r="N14974" s="18"/>
      <c r="O14974" s="18"/>
      <c r="P14974" s="19">
        <v>300</v>
      </c>
      <c r="Q14974" s="19"/>
      <c r="R14974" s="19"/>
      <c r="S14974" s="19"/>
      <c r="T14974" s="21"/>
      <c r="U14974" s="21"/>
      <c r="V14974" s="21"/>
      <c r="W14974" s="21"/>
      <c r="X14974" s="19">
        <v>1</v>
      </c>
      <c r="Y14974" s="19"/>
      <c r="Z14974" s="19"/>
      <c r="AA14974" s="19"/>
    </row>
    <row r="14975" spans="1:27" s="1" customFormat="1" ht="11.1" customHeight="1" outlineLevel="4" x14ac:dyDescent="0.2">
      <c r="A14975" s="17"/>
      <c r="B14975" s="17"/>
      <c r="C14975" s="17"/>
      <c r="D14975" s="18"/>
      <c r="E14975" s="18"/>
      <c r="F14975" s="18"/>
      <c r="G14975" s="18"/>
      <c r="H14975" s="18"/>
      <c r="I14975" s="18"/>
      <c r="J14975" s="18"/>
      <c r="K14975" s="18"/>
      <c r="L14975" s="18"/>
      <c r="M14975" s="18"/>
      <c r="N14975" s="18"/>
      <c r="O14975" s="18"/>
      <c r="P14975" s="19"/>
      <c r="Q14975" s="19"/>
      <c r="R14975" s="19"/>
      <c r="S14975" s="19"/>
      <c r="T14975" s="21"/>
      <c r="U14975" s="21"/>
      <c r="V14975" s="21"/>
      <c r="W14975" s="21"/>
      <c r="X14975" s="19"/>
      <c r="Y14975" s="19"/>
      <c r="Z14975" s="19"/>
      <c r="AA14975" s="19"/>
    </row>
    <row r="14976" spans="1:27" s="1" customFormat="1" ht="14.1" customHeight="1" outlineLevel="4" x14ac:dyDescent="0.2">
      <c r="A14976" s="17">
        <v>4249</v>
      </c>
      <c r="B14976" s="17"/>
      <c r="C14976" s="17"/>
      <c r="D14976" s="18" t="s">
        <v>7426</v>
      </c>
      <c r="E14976" s="18"/>
      <c r="F14976" s="18"/>
      <c r="G14976" s="18"/>
      <c r="H14976" s="18"/>
      <c r="I14976" s="18"/>
      <c r="J14976" s="18"/>
      <c r="K14976" s="18"/>
      <c r="L14976" s="18"/>
      <c r="M14976" s="18"/>
      <c r="N14976" s="18"/>
      <c r="O14976" s="18"/>
      <c r="P14976" s="19">
        <v>300</v>
      </c>
      <c r="Q14976" s="19"/>
      <c r="R14976" s="19"/>
      <c r="S14976" s="19"/>
      <c r="T14976" s="21"/>
      <c r="U14976" s="21"/>
      <c r="V14976" s="21"/>
      <c r="W14976" s="21"/>
      <c r="X14976" s="19">
        <v>1</v>
      </c>
      <c r="Y14976" s="19"/>
      <c r="Z14976" s="19"/>
      <c r="AA14976" s="19"/>
    </row>
    <row r="14977" spans="1:27" s="1" customFormat="1" ht="14.1" customHeight="1" outlineLevel="4" x14ac:dyDescent="0.2">
      <c r="A14977" s="17"/>
      <c r="B14977" s="17"/>
      <c r="C14977" s="17"/>
      <c r="D14977" s="18"/>
      <c r="E14977" s="18"/>
      <c r="F14977" s="18"/>
      <c r="G14977" s="18"/>
      <c r="H14977" s="18"/>
      <c r="I14977" s="18"/>
      <c r="J14977" s="18"/>
      <c r="K14977" s="18"/>
      <c r="L14977" s="18"/>
      <c r="M14977" s="18"/>
      <c r="N14977" s="18"/>
      <c r="O14977" s="18"/>
      <c r="P14977" s="19"/>
      <c r="Q14977" s="19"/>
      <c r="R14977" s="19"/>
      <c r="S14977" s="19"/>
      <c r="T14977" s="21"/>
      <c r="U14977" s="21"/>
      <c r="V14977" s="21"/>
      <c r="W14977" s="21"/>
      <c r="X14977" s="19"/>
      <c r="Y14977" s="19"/>
      <c r="Z14977" s="19"/>
      <c r="AA14977" s="19"/>
    </row>
    <row r="14978" spans="1:27" s="1" customFormat="1" ht="11.1" customHeight="1" outlineLevel="4" x14ac:dyDescent="0.2">
      <c r="A14978" s="17">
        <v>4250</v>
      </c>
      <c r="B14978" s="17"/>
      <c r="C14978" s="17"/>
      <c r="D14978" s="18" t="s">
        <v>7427</v>
      </c>
      <c r="E14978" s="18"/>
      <c r="F14978" s="18"/>
      <c r="G14978" s="18"/>
      <c r="H14978" s="18"/>
      <c r="I14978" s="18"/>
      <c r="J14978" s="18"/>
      <c r="K14978" s="18"/>
      <c r="L14978" s="18"/>
      <c r="M14978" s="18"/>
      <c r="N14978" s="18"/>
      <c r="O14978" s="18"/>
      <c r="P14978" s="19">
        <v>250</v>
      </c>
      <c r="Q14978" s="19"/>
      <c r="R14978" s="19"/>
      <c r="S14978" s="19"/>
      <c r="T14978" s="21"/>
      <c r="U14978" s="21"/>
      <c r="V14978" s="21"/>
      <c r="W14978" s="21"/>
      <c r="X14978" s="19">
        <v>1</v>
      </c>
      <c r="Y14978" s="19"/>
      <c r="Z14978" s="19"/>
      <c r="AA14978" s="19"/>
    </row>
    <row r="14979" spans="1:27" s="1" customFormat="1" ht="11.1" customHeight="1" outlineLevel="4" x14ac:dyDescent="0.2">
      <c r="A14979" s="17"/>
      <c r="B14979" s="17"/>
      <c r="C14979" s="17"/>
      <c r="D14979" s="18"/>
      <c r="E14979" s="18"/>
      <c r="F14979" s="18"/>
      <c r="G14979" s="18"/>
      <c r="H14979" s="18"/>
      <c r="I14979" s="18"/>
      <c r="J14979" s="18"/>
      <c r="K14979" s="18"/>
      <c r="L14979" s="18"/>
      <c r="M14979" s="18"/>
      <c r="N14979" s="18"/>
      <c r="O14979" s="18"/>
      <c r="P14979" s="19"/>
      <c r="Q14979" s="19"/>
      <c r="R14979" s="19"/>
      <c r="S14979" s="19"/>
      <c r="T14979" s="21"/>
      <c r="U14979" s="21"/>
      <c r="V14979" s="21"/>
      <c r="W14979" s="21"/>
      <c r="X14979" s="19"/>
      <c r="Y14979" s="19"/>
      <c r="Z14979" s="19"/>
      <c r="AA14979" s="19"/>
    </row>
    <row r="14980" spans="1:27" s="1" customFormat="1" ht="11.1" customHeight="1" outlineLevel="3" x14ac:dyDescent="0.2">
      <c r="A14980" s="16" t="s">
        <v>7428</v>
      </c>
      <c r="B14980" s="16"/>
      <c r="C14980" s="16"/>
      <c r="D14980" s="16"/>
      <c r="E14980" s="16"/>
      <c r="F14980" s="16"/>
      <c r="G14980" s="16"/>
      <c r="H14980" s="16"/>
      <c r="I14980" s="16"/>
      <c r="J14980" s="16"/>
      <c r="K14980" s="16"/>
      <c r="L14980" s="16"/>
      <c r="M14980" s="16"/>
      <c r="N14980" s="16"/>
      <c r="O14980" s="16"/>
      <c r="P14980" s="16"/>
      <c r="Q14980" s="16"/>
      <c r="R14980" s="16"/>
      <c r="S14980" s="16"/>
      <c r="T14980" s="16"/>
      <c r="U14980" s="16"/>
      <c r="V14980" s="16"/>
      <c r="W14980" s="16"/>
      <c r="X14980" s="16"/>
      <c r="Y14980" s="16"/>
      <c r="Z14980" s="16"/>
      <c r="AA14980" s="16"/>
    </row>
    <row r="14981" spans="1:27" s="1" customFormat="1" ht="11.1" customHeight="1" outlineLevel="3" x14ac:dyDescent="0.2">
      <c r="A14981" s="16"/>
      <c r="B14981" s="16"/>
      <c r="C14981" s="16"/>
      <c r="D14981" s="16"/>
      <c r="E14981" s="16"/>
      <c r="F14981" s="16"/>
      <c r="G14981" s="16"/>
      <c r="H14981" s="16"/>
      <c r="I14981" s="16"/>
      <c r="J14981" s="16"/>
      <c r="K14981" s="16"/>
      <c r="L14981" s="16"/>
      <c r="M14981" s="16"/>
      <c r="N14981" s="16"/>
      <c r="O14981" s="16"/>
      <c r="P14981" s="16"/>
      <c r="Q14981" s="16"/>
      <c r="R14981" s="16"/>
      <c r="S14981" s="16"/>
      <c r="T14981" s="16"/>
      <c r="U14981" s="16"/>
      <c r="V14981" s="16"/>
      <c r="W14981" s="16"/>
      <c r="X14981" s="16"/>
      <c r="Y14981" s="16"/>
      <c r="Z14981" s="16"/>
      <c r="AA14981" s="16"/>
    </row>
    <row r="14982" spans="1:27" s="1" customFormat="1" ht="11.1" customHeight="1" outlineLevel="4" x14ac:dyDescent="0.2">
      <c r="A14982" s="17">
        <v>4670</v>
      </c>
      <c r="B14982" s="17"/>
      <c r="C14982" s="17"/>
      <c r="D14982" s="18" t="s">
        <v>7429</v>
      </c>
      <c r="E14982" s="18"/>
      <c r="F14982" s="18"/>
      <c r="G14982" s="18"/>
      <c r="H14982" s="18"/>
      <c r="I14982" s="18"/>
      <c r="J14982" s="18"/>
      <c r="K14982" s="18"/>
      <c r="L14982" s="18"/>
      <c r="M14982" s="18"/>
      <c r="N14982" s="18"/>
      <c r="O14982" s="18"/>
      <c r="P14982" s="19">
        <v>350</v>
      </c>
      <c r="Q14982" s="19"/>
      <c r="R14982" s="19"/>
      <c r="S14982" s="19"/>
      <c r="T14982" s="21"/>
      <c r="U14982" s="21"/>
      <c r="V14982" s="21"/>
      <c r="W14982" s="21"/>
      <c r="X14982" s="19">
        <v>1</v>
      </c>
      <c r="Y14982" s="19"/>
      <c r="Z14982" s="19"/>
      <c r="AA14982" s="19"/>
    </row>
    <row r="14983" spans="1:27" s="1" customFormat="1" ht="11.1" customHeight="1" outlineLevel="4" x14ac:dyDescent="0.2">
      <c r="A14983" s="17"/>
      <c r="B14983" s="17"/>
      <c r="C14983" s="17"/>
      <c r="D14983" s="18"/>
      <c r="E14983" s="18"/>
      <c r="F14983" s="18"/>
      <c r="G14983" s="18"/>
      <c r="H14983" s="18"/>
      <c r="I14983" s="18"/>
      <c r="J14983" s="18"/>
      <c r="K14983" s="18"/>
      <c r="L14983" s="18"/>
      <c r="M14983" s="18"/>
      <c r="N14983" s="18"/>
      <c r="O14983" s="18"/>
      <c r="P14983" s="19"/>
      <c r="Q14983" s="19"/>
      <c r="R14983" s="19"/>
      <c r="S14983" s="19"/>
      <c r="T14983" s="21"/>
      <c r="U14983" s="21"/>
      <c r="V14983" s="21"/>
      <c r="W14983" s="21"/>
      <c r="X14983" s="19"/>
      <c r="Y14983" s="19"/>
      <c r="Z14983" s="19"/>
      <c r="AA14983" s="19"/>
    </row>
    <row r="14984" spans="1:27" s="1" customFormat="1" ht="11.1" customHeight="1" outlineLevel="4" x14ac:dyDescent="0.2">
      <c r="A14984" s="17">
        <v>4671</v>
      </c>
      <c r="B14984" s="17"/>
      <c r="C14984" s="17"/>
      <c r="D14984" s="18" t="s">
        <v>7430</v>
      </c>
      <c r="E14984" s="18"/>
      <c r="F14984" s="18"/>
      <c r="G14984" s="18"/>
      <c r="H14984" s="18"/>
      <c r="I14984" s="18"/>
      <c r="J14984" s="18"/>
      <c r="K14984" s="18"/>
      <c r="L14984" s="18"/>
      <c r="M14984" s="18"/>
      <c r="N14984" s="18"/>
      <c r="O14984" s="18"/>
      <c r="P14984" s="19">
        <v>300</v>
      </c>
      <c r="Q14984" s="19"/>
      <c r="R14984" s="19"/>
      <c r="S14984" s="19"/>
      <c r="T14984" s="21"/>
      <c r="U14984" s="21"/>
      <c r="V14984" s="21"/>
      <c r="W14984" s="21"/>
      <c r="X14984" s="19">
        <v>1</v>
      </c>
      <c r="Y14984" s="19"/>
      <c r="Z14984" s="19"/>
      <c r="AA14984" s="19"/>
    </row>
    <row r="14985" spans="1:27" s="1" customFormat="1" ht="11.1" customHeight="1" outlineLevel="4" x14ac:dyDescent="0.2">
      <c r="A14985" s="17"/>
      <c r="B14985" s="17"/>
      <c r="C14985" s="17"/>
      <c r="D14985" s="18"/>
      <c r="E14985" s="18"/>
      <c r="F14985" s="18"/>
      <c r="G14985" s="18"/>
      <c r="H14985" s="18"/>
      <c r="I14985" s="18"/>
      <c r="J14985" s="18"/>
      <c r="K14985" s="18"/>
      <c r="L14985" s="18"/>
      <c r="M14985" s="18"/>
      <c r="N14985" s="18"/>
      <c r="O14985" s="18"/>
      <c r="P14985" s="19"/>
      <c r="Q14985" s="19"/>
      <c r="R14985" s="19"/>
      <c r="S14985" s="19"/>
      <c r="T14985" s="21"/>
      <c r="U14985" s="21"/>
      <c r="V14985" s="21"/>
      <c r="W14985" s="21"/>
      <c r="X14985" s="19"/>
      <c r="Y14985" s="19"/>
      <c r="Z14985" s="19"/>
      <c r="AA14985" s="19"/>
    </row>
    <row r="14986" spans="1:27" s="1" customFormat="1" ht="11.1" customHeight="1" outlineLevel="3" x14ac:dyDescent="0.2">
      <c r="A14986" s="16" t="s">
        <v>7431</v>
      </c>
      <c r="B14986" s="16"/>
      <c r="C14986" s="16"/>
      <c r="D14986" s="16"/>
      <c r="E14986" s="16"/>
      <c r="F14986" s="16"/>
      <c r="G14986" s="16"/>
      <c r="H14986" s="16"/>
      <c r="I14986" s="16"/>
      <c r="J14986" s="16"/>
      <c r="K14986" s="16"/>
      <c r="L14986" s="16"/>
      <c r="M14986" s="16"/>
      <c r="N14986" s="16"/>
      <c r="O14986" s="16"/>
      <c r="P14986" s="16"/>
      <c r="Q14986" s="16"/>
      <c r="R14986" s="16"/>
      <c r="S14986" s="16"/>
      <c r="T14986" s="16"/>
      <c r="U14986" s="16"/>
      <c r="V14986" s="16"/>
      <c r="W14986" s="16"/>
      <c r="X14986" s="16"/>
      <c r="Y14986" s="16"/>
      <c r="Z14986" s="16"/>
      <c r="AA14986" s="16"/>
    </row>
    <row r="14987" spans="1:27" s="1" customFormat="1" ht="11.1" customHeight="1" outlineLevel="3" x14ac:dyDescent="0.2">
      <c r="A14987" s="16"/>
      <c r="B14987" s="16"/>
      <c r="C14987" s="16"/>
      <c r="D14987" s="16"/>
      <c r="E14987" s="16"/>
      <c r="F14987" s="16"/>
      <c r="G14987" s="16"/>
      <c r="H14987" s="16"/>
      <c r="I14987" s="16"/>
      <c r="J14987" s="16"/>
      <c r="K14987" s="16"/>
      <c r="L14987" s="16"/>
      <c r="M14987" s="16"/>
      <c r="N14987" s="16"/>
      <c r="O14987" s="16"/>
      <c r="P14987" s="16"/>
      <c r="Q14987" s="16"/>
      <c r="R14987" s="16"/>
      <c r="S14987" s="16"/>
      <c r="T14987" s="16"/>
      <c r="U14987" s="16"/>
      <c r="V14987" s="16"/>
      <c r="W14987" s="16"/>
      <c r="X14987" s="16"/>
      <c r="Y14987" s="16"/>
      <c r="Z14987" s="16"/>
      <c r="AA14987" s="16"/>
    </row>
    <row r="14988" spans="1:27" s="1" customFormat="1" ht="14.1" customHeight="1" outlineLevel="4" x14ac:dyDescent="0.2">
      <c r="A14988" s="17">
        <v>4672</v>
      </c>
      <c r="B14988" s="17"/>
      <c r="C14988" s="17"/>
      <c r="D14988" s="18" t="s">
        <v>7432</v>
      </c>
      <c r="E14988" s="18"/>
      <c r="F14988" s="18"/>
      <c r="G14988" s="18"/>
      <c r="H14988" s="18"/>
      <c r="I14988" s="18"/>
      <c r="J14988" s="18"/>
      <c r="K14988" s="18"/>
      <c r="L14988" s="18"/>
      <c r="M14988" s="18"/>
      <c r="N14988" s="18"/>
      <c r="O14988" s="18"/>
      <c r="P14988" s="19">
        <v>280</v>
      </c>
      <c r="Q14988" s="19"/>
      <c r="R14988" s="19"/>
      <c r="S14988" s="19"/>
      <c r="T14988" s="21"/>
      <c r="U14988" s="21"/>
      <c r="V14988" s="21"/>
      <c r="W14988" s="21"/>
      <c r="X14988" s="19">
        <v>1</v>
      </c>
      <c r="Y14988" s="19"/>
      <c r="Z14988" s="19"/>
      <c r="AA14988" s="19"/>
    </row>
    <row r="14989" spans="1:27" s="1" customFormat="1" ht="14.1" customHeight="1" outlineLevel="4" x14ac:dyDescent="0.2">
      <c r="A14989" s="17"/>
      <c r="B14989" s="17"/>
      <c r="C14989" s="17"/>
      <c r="D14989" s="18"/>
      <c r="E14989" s="18"/>
      <c r="F14989" s="18"/>
      <c r="G14989" s="18"/>
      <c r="H14989" s="18"/>
      <c r="I14989" s="18"/>
      <c r="J14989" s="18"/>
      <c r="K14989" s="18"/>
      <c r="L14989" s="18"/>
      <c r="M14989" s="18"/>
      <c r="N14989" s="18"/>
      <c r="O14989" s="18"/>
      <c r="P14989" s="19"/>
      <c r="Q14989" s="19"/>
      <c r="R14989" s="19"/>
      <c r="S14989" s="19"/>
      <c r="T14989" s="21"/>
      <c r="U14989" s="21"/>
      <c r="V14989" s="21"/>
      <c r="W14989" s="21"/>
      <c r="X14989" s="19"/>
      <c r="Y14989" s="19"/>
      <c r="Z14989" s="19"/>
      <c r="AA14989" s="19"/>
    </row>
    <row r="14990" spans="1:27" s="1" customFormat="1" ht="11.1" customHeight="1" outlineLevel="4" x14ac:dyDescent="0.2">
      <c r="A14990" s="17">
        <v>4252</v>
      </c>
      <c r="B14990" s="17"/>
      <c r="C14990" s="17"/>
      <c r="D14990" s="18" t="s">
        <v>7433</v>
      </c>
      <c r="E14990" s="18"/>
      <c r="F14990" s="18"/>
      <c r="G14990" s="18"/>
      <c r="H14990" s="18"/>
      <c r="I14990" s="18"/>
      <c r="J14990" s="18"/>
      <c r="K14990" s="18"/>
      <c r="L14990" s="18"/>
      <c r="M14990" s="18"/>
      <c r="N14990" s="18"/>
      <c r="O14990" s="18"/>
      <c r="P14990" s="19">
        <v>280</v>
      </c>
      <c r="Q14990" s="19"/>
      <c r="R14990" s="19"/>
      <c r="S14990" s="19"/>
      <c r="T14990" s="21"/>
      <c r="U14990" s="21"/>
      <c r="V14990" s="21"/>
      <c r="W14990" s="21"/>
      <c r="X14990" s="19">
        <v>1</v>
      </c>
      <c r="Y14990" s="19"/>
      <c r="Z14990" s="19"/>
      <c r="AA14990" s="19"/>
    </row>
    <row r="14991" spans="1:27" s="1" customFormat="1" ht="11.1" customHeight="1" outlineLevel="4" x14ac:dyDescent="0.2">
      <c r="A14991" s="17"/>
      <c r="B14991" s="17"/>
      <c r="C14991" s="17"/>
      <c r="D14991" s="18"/>
      <c r="E14991" s="18"/>
      <c r="F14991" s="18"/>
      <c r="G14991" s="18"/>
      <c r="H14991" s="18"/>
      <c r="I14991" s="18"/>
      <c r="J14991" s="18"/>
      <c r="K14991" s="18"/>
      <c r="L14991" s="18"/>
      <c r="M14991" s="18"/>
      <c r="N14991" s="18"/>
      <c r="O14991" s="18"/>
      <c r="P14991" s="19"/>
      <c r="Q14991" s="19"/>
      <c r="R14991" s="19"/>
      <c r="S14991" s="19"/>
      <c r="T14991" s="21"/>
      <c r="U14991" s="21"/>
      <c r="V14991" s="21"/>
      <c r="W14991" s="21"/>
      <c r="X14991" s="19"/>
      <c r="Y14991" s="19"/>
      <c r="Z14991" s="19"/>
      <c r="AA14991" s="19"/>
    </row>
    <row r="14992" spans="1:27" s="1" customFormat="1" ht="11.1" customHeight="1" outlineLevel="3" x14ac:dyDescent="0.2">
      <c r="A14992" s="16" t="s">
        <v>7434</v>
      </c>
      <c r="B14992" s="16"/>
      <c r="C14992" s="16"/>
      <c r="D14992" s="16"/>
      <c r="E14992" s="16"/>
      <c r="F14992" s="16"/>
      <c r="G14992" s="16"/>
      <c r="H14992" s="16"/>
      <c r="I14992" s="16"/>
      <c r="J14992" s="16"/>
      <c r="K14992" s="16"/>
      <c r="L14992" s="16"/>
      <c r="M14992" s="16"/>
      <c r="N14992" s="16"/>
      <c r="O14992" s="16"/>
      <c r="P14992" s="16"/>
      <c r="Q14992" s="16"/>
      <c r="R14992" s="16"/>
      <c r="S14992" s="16"/>
      <c r="T14992" s="16"/>
      <c r="U14992" s="16"/>
      <c r="V14992" s="16"/>
      <c r="W14992" s="16"/>
      <c r="X14992" s="16"/>
      <c r="Y14992" s="16"/>
      <c r="Z14992" s="16"/>
      <c r="AA14992" s="16"/>
    </row>
    <row r="14993" spans="1:27" s="1" customFormat="1" ht="11.1" customHeight="1" outlineLevel="3" x14ac:dyDescent="0.2">
      <c r="A14993" s="16"/>
      <c r="B14993" s="16"/>
      <c r="C14993" s="16"/>
      <c r="D14993" s="16"/>
      <c r="E14993" s="16"/>
      <c r="F14993" s="16"/>
      <c r="G14993" s="16"/>
      <c r="H14993" s="16"/>
      <c r="I14993" s="16"/>
      <c r="J14993" s="16"/>
      <c r="K14993" s="16"/>
      <c r="L14993" s="16"/>
      <c r="M14993" s="16"/>
      <c r="N14993" s="16"/>
      <c r="O14993" s="16"/>
      <c r="P14993" s="16"/>
      <c r="Q14993" s="16"/>
      <c r="R14993" s="16"/>
      <c r="S14993" s="16"/>
      <c r="T14993" s="16"/>
      <c r="U14993" s="16"/>
      <c r="V14993" s="16"/>
      <c r="W14993" s="16"/>
      <c r="X14993" s="16"/>
      <c r="Y14993" s="16"/>
      <c r="Z14993" s="16"/>
      <c r="AA14993" s="16"/>
    </row>
    <row r="14994" spans="1:27" s="1" customFormat="1" ht="11.1" customHeight="1" outlineLevel="4" x14ac:dyDescent="0.2">
      <c r="A14994" s="17">
        <v>4251</v>
      </c>
      <c r="B14994" s="17"/>
      <c r="C14994" s="17"/>
      <c r="D14994" s="18" t="s">
        <v>7435</v>
      </c>
      <c r="E14994" s="18"/>
      <c r="F14994" s="18"/>
      <c r="G14994" s="18"/>
      <c r="H14994" s="18"/>
      <c r="I14994" s="18"/>
      <c r="J14994" s="18"/>
      <c r="K14994" s="18"/>
      <c r="L14994" s="18"/>
      <c r="M14994" s="18"/>
      <c r="N14994" s="18"/>
      <c r="O14994" s="18"/>
      <c r="P14994" s="19">
        <v>350</v>
      </c>
      <c r="Q14994" s="19"/>
      <c r="R14994" s="19"/>
      <c r="S14994" s="19"/>
      <c r="T14994" s="21"/>
      <c r="U14994" s="21"/>
      <c r="V14994" s="21"/>
      <c r="W14994" s="21"/>
      <c r="X14994" s="19">
        <v>1</v>
      </c>
      <c r="Y14994" s="19"/>
      <c r="Z14994" s="19"/>
      <c r="AA14994" s="19"/>
    </row>
    <row r="14995" spans="1:27" s="1" customFormat="1" ht="11.1" customHeight="1" outlineLevel="4" x14ac:dyDescent="0.2">
      <c r="A14995" s="17"/>
      <c r="B14995" s="17"/>
      <c r="C14995" s="17"/>
      <c r="D14995" s="18"/>
      <c r="E14995" s="18"/>
      <c r="F14995" s="18"/>
      <c r="G14995" s="18"/>
      <c r="H14995" s="18"/>
      <c r="I14995" s="18"/>
      <c r="J14995" s="18"/>
      <c r="K14995" s="18"/>
      <c r="L14995" s="18"/>
      <c r="M14995" s="18"/>
      <c r="N14995" s="18"/>
      <c r="O14995" s="18"/>
      <c r="P14995" s="19"/>
      <c r="Q14995" s="19"/>
      <c r="R14995" s="19"/>
      <c r="S14995" s="19"/>
      <c r="T14995" s="21"/>
      <c r="U14995" s="21"/>
      <c r="V14995" s="21"/>
      <c r="W14995" s="21"/>
      <c r="X14995" s="19"/>
      <c r="Y14995" s="19"/>
      <c r="Z14995" s="19"/>
      <c r="AA14995" s="19"/>
    </row>
    <row r="14996" spans="1:27" s="1" customFormat="1" ht="11.1" customHeight="1" outlineLevel="4" x14ac:dyDescent="0.2">
      <c r="A14996" s="17">
        <v>4253</v>
      </c>
      <c r="B14996" s="17"/>
      <c r="C14996" s="17"/>
      <c r="D14996" s="18" t="s">
        <v>7436</v>
      </c>
      <c r="E14996" s="18"/>
      <c r="F14996" s="18"/>
      <c r="G14996" s="18"/>
      <c r="H14996" s="18"/>
      <c r="I14996" s="18"/>
      <c r="J14996" s="18"/>
      <c r="K14996" s="18"/>
      <c r="L14996" s="18"/>
      <c r="M14996" s="18"/>
      <c r="N14996" s="18"/>
      <c r="O14996" s="18"/>
      <c r="P14996" s="19">
        <v>350</v>
      </c>
      <c r="Q14996" s="19"/>
      <c r="R14996" s="19"/>
      <c r="S14996" s="19"/>
      <c r="T14996" s="21"/>
      <c r="U14996" s="21"/>
      <c r="V14996" s="21"/>
      <c r="W14996" s="21"/>
      <c r="X14996" s="19">
        <v>1</v>
      </c>
      <c r="Y14996" s="19"/>
      <c r="Z14996" s="19"/>
      <c r="AA14996" s="19"/>
    </row>
    <row r="14997" spans="1:27" s="1" customFormat="1" ht="11.1" customHeight="1" outlineLevel="4" x14ac:dyDescent="0.2">
      <c r="A14997" s="17"/>
      <c r="B14997" s="17"/>
      <c r="C14997" s="17"/>
      <c r="D14997" s="18"/>
      <c r="E14997" s="18"/>
      <c r="F14997" s="18"/>
      <c r="G14997" s="18"/>
      <c r="H14997" s="18"/>
      <c r="I14997" s="18"/>
      <c r="J14997" s="18"/>
      <c r="K14997" s="18"/>
      <c r="L14997" s="18"/>
      <c r="M14997" s="18"/>
      <c r="N14997" s="18"/>
      <c r="O14997" s="18"/>
      <c r="P14997" s="19"/>
      <c r="Q14997" s="19"/>
      <c r="R14997" s="19"/>
      <c r="S14997" s="19"/>
      <c r="T14997" s="21"/>
      <c r="U14997" s="21"/>
      <c r="V14997" s="21"/>
      <c r="W14997" s="21"/>
      <c r="X14997" s="19"/>
      <c r="Y14997" s="19"/>
      <c r="Z14997" s="19"/>
      <c r="AA14997" s="19"/>
    </row>
    <row r="14998" spans="1:27" s="1" customFormat="1" ht="11.1" customHeight="1" outlineLevel="4" x14ac:dyDescent="0.2">
      <c r="A14998" s="17">
        <v>4254</v>
      </c>
      <c r="B14998" s="17"/>
      <c r="C14998" s="17"/>
      <c r="D14998" s="18" t="s">
        <v>7437</v>
      </c>
      <c r="E14998" s="18"/>
      <c r="F14998" s="18"/>
      <c r="G14998" s="18"/>
      <c r="H14998" s="18"/>
      <c r="I14998" s="18"/>
      <c r="J14998" s="18"/>
      <c r="K14998" s="18"/>
      <c r="L14998" s="18"/>
      <c r="M14998" s="18"/>
      <c r="N14998" s="18"/>
      <c r="O14998" s="18"/>
      <c r="P14998" s="19">
        <v>300</v>
      </c>
      <c r="Q14998" s="19"/>
      <c r="R14998" s="19"/>
      <c r="S14998" s="19"/>
      <c r="T14998" s="21"/>
      <c r="U14998" s="21"/>
      <c r="V14998" s="21"/>
      <c r="W14998" s="21"/>
      <c r="X14998" s="19">
        <v>1</v>
      </c>
      <c r="Y14998" s="19"/>
      <c r="Z14998" s="19"/>
      <c r="AA14998" s="19"/>
    </row>
    <row r="14999" spans="1:27" s="1" customFormat="1" ht="11.1" customHeight="1" outlineLevel="4" x14ac:dyDescent="0.2">
      <c r="A14999" s="17"/>
      <c r="B14999" s="17"/>
      <c r="C14999" s="17"/>
      <c r="D14999" s="18"/>
      <c r="E14999" s="18"/>
      <c r="F14999" s="18"/>
      <c r="G14999" s="18"/>
      <c r="H14999" s="18"/>
      <c r="I14999" s="18"/>
      <c r="J14999" s="18"/>
      <c r="K14999" s="18"/>
      <c r="L14999" s="18"/>
      <c r="M14999" s="18"/>
      <c r="N14999" s="18"/>
      <c r="O14999" s="18"/>
      <c r="P14999" s="19"/>
      <c r="Q14999" s="19"/>
      <c r="R14999" s="19"/>
      <c r="S14999" s="19"/>
      <c r="T14999" s="21"/>
      <c r="U14999" s="21"/>
      <c r="V14999" s="21"/>
      <c r="W14999" s="21"/>
      <c r="X14999" s="19"/>
      <c r="Y14999" s="19"/>
      <c r="Z14999" s="19"/>
      <c r="AA14999" s="19"/>
    </row>
    <row r="15000" spans="1:27" s="1" customFormat="1" ht="11.1" customHeight="1" outlineLevel="4" x14ac:dyDescent="0.2">
      <c r="A15000" s="17">
        <v>4256</v>
      </c>
      <c r="B15000" s="17"/>
      <c r="C15000" s="17"/>
      <c r="D15000" s="18" t="s">
        <v>7438</v>
      </c>
      <c r="E15000" s="18"/>
      <c r="F15000" s="18"/>
      <c r="G15000" s="18"/>
      <c r="H15000" s="18"/>
      <c r="I15000" s="18"/>
      <c r="J15000" s="18"/>
      <c r="K15000" s="18"/>
      <c r="L15000" s="18"/>
      <c r="M15000" s="18"/>
      <c r="N15000" s="18"/>
      <c r="O15000" s="18"/>
      <c r="P15000" s="19">
        <v>300</v>
      </c>
      <c r="Q15000" s="19"/>
      <c r="R15000" s="19"/>
      <c r="S15000" s="19"/>
      <c r="T15000" s="21"/>
      <c r="U15000" s="21"/>
      <c r="V15000" s="21"/>
      <c r="W15000" s="21"/>
      <c r="X15000" s="19">
        <v>1</v>
      </c>
      <c r="Y15000" s="19"/>
      <c r="Z15000" s="19"/>
      <c r="AA15000" s="19"/>
    </row>
    <row r="15001" spans="1:27" s="1" customFormat="1" ht="11.1" customHeight="1" outlineLevel="4" x14ac:dyDescent="0.2">
      <c r="A15001" s="17"/>
      <c r="B15001" s="17"/>
      <c r="C15001" s="17"/>
      <c r="D15001" s="18"/>
      <c r="E15001" s="18"/>
      <c r="F15001" s="18"/>
      <c r="G15001" s="18"/>
      <c r="H15001" s="18"/>
      <c r="I15001" s="18"/>
      <c r="J15001" s="18"/>
      <c r="K15001" s="18"/>
      <c r="L15001" s="18"/>
      <c r="M15001" s="18"/>
      <c r="N15001" s="18"/>
      <c r="O15001" s="18"/>
      <c r="P15001" s="19"/>
      <c r="Q15001" s="19"/>
      <c r="R15001" s="19"/>
      <c r="S15001" s="19"/>
      <c r="T15001" s="21"/>
      <c r="U15001" s="21"/>
      <c r="V15001" s="21"/>
      <c r="W15001" s="21"/>
      <c r="X15001" s="19"/>
      <c r="Y15001" s="19"/>
      <c r="Z15001" s="19"/>
      <c r="AA15001" s="19"/>
    </row>
    <row r="15002" spans="1:27" s="1" customFormat="1" ht="11.1" customHeight="1" outlineLevel="3" x14ac:dyDescent="0.2">
      <c r="A15002" s="16" t="s">
        <v>7439</v>
      </c>
      <c r="B15002" s="16"/>
      <c r="C15002" s="16"/>
      <c r="D15002" s="16"/>
      <c r="E15002" s="16"/>
      <c r="F15002" s="16"/>
      <c r="G15002" s="16"/>
      <c r="H15002" s="16"/>
      <c r="I15002" s="16"/>
      <c r="J15002" s="16"/>
      <c r="K15002" s="16"/>
      <c r="L15002" s="16"/>
      <c r="M15002" s="16"/>
      <c r="N15002" s="16"/>
      <c r="O15002" s="16"/>
      <c r="P15002" s="16"/>
      <c r="Q15002" s="16"/>
      <c r="R15002" s="16"/>
      <c r="S15002" s="16"/>
      <c r="T15002" s="16"/>
      <c r="U15002" s="16"/>
      <c r="V15002" s="16"/>
      <c r="W15002" s="16"/>
      <c r="X15002" s="16"/>
      <c r="Y15002" s="16"/>
      <c r="Z15002" s="16"/>
      <c r="AA15002" s="16"/>
    </row>
    <row r="15003" spans="1:27" s="1" customFormat="1" ht="11.1" customHeight="1" outlineLevel="3" x14ac:dyDescent="0.2">
      <c r="A15003" s="16"/>
      <c r="B15003" s="16"/>
      <c r="C15003" s="16"/>
      <c r="D15003" s="16"/>
      <c r="E15003" s="16"/>
      <c r="F15003" s="16"/>
      <c r="G15003" s="16"/>
      <c r="H15003" s="16"/>
      <c r="I15003" s="16"/>
      <c r="J15003" s="16"/>
      <c r="K15003" s="16"/>
      <c r="L15003" s="16"/>
      <c r="M15003" s="16"/>
      <c r="N15003" s="16"/>
      <c r="O15003" s="16"/>
      <c r="P15003" s="16"/>
      <c r="Q15003" s="16"/>
      <c r="R15003" s="16"/>
      <c r="S15003" s="16"/>
      <c r="T15003" s="16"/>
      <c r="U15003" s="16"/>
      <c r="V15003" s="16"/>
      <c r="W15003" s="16"/>
      <c r="X15003" s="16"/>
      <c r="Y15003" s="16"/>
      <c r="Z15003" s="16"/>
      <c r="AA15003" s="16"/>
    </row>
    <row r="15004" spans="1:27" s="1" customFormat="1" ht="11.1" customHeight="1" outlineLevel="4" x14ac:dyDescent="0.2">
      <c r="A15004" s="17">
        <v>4258</v>
      </c>
      <c r="B15004" s="17"/>
      <c r="C15004" s="17"/>
      <c r="D15004" s="18" t="s">
        <v>7440</v>
      </c>
      <c r="E15004" s="18"/>
      <c r="F15004" s="18"/>
      <c r="G15004" s="18"/>
      <c r="H15004" s="18"/>
      <c r="I15004" s="18"/>
      <c r="J15004" s="18"/>
      <c r="K15004" s="18"/>
      <c r="L15004" s="18"/>
      <c r="M15004" s="18"/>
      <c r="N15004" s="18"/>
      <c r="O15004" s="18"/>
      <c r="P15004" s="19">
        <v>300</v>
      </c>
      <c r="Q15004" s="19"/>
      <c r="R15004" s="19"/>
      <c r="S15004" s="19"/>
      <c r="T15004" s="21"/>
      <c r="U15004" s="21"/>
      <c r="V15004" s="21"/>
      <c r="W15004" s="21"/>
      <c r="X15004" s="19">
        <v>1</v>
      </c>
      <c r="Y15004" s="19"/>
      <c r="Z15004" s="19"/>
      <c r="AA15004" s="19"/>
    </row>
    <row r="15005" spans="1:27" s="1" customFormat="1" ht="11.1" customHeight="1" outlineLevel="4" x14ac:dyDescent="0.2">
      <c r="A15005" s="17"/>
      <c r="B15005" s="17"/>
      <c r="C15005" s="17"/>
      <c r="D15005" s="18"/>
      <c r="E15005" s="18"/>
      <c r="F15005" s="18"/>
      <c r="G15005" s="18"/>
      <c r="H15005" s="18"/>
      <c r="I15005" s="18"/>
      <c r="J15005" s="18"/>
      <c r="K15005" s="18"/>
      <c r="L15005" s="18"/>
      <c r="M15005" s="18"/>
      <c r="N15005" s="18"/>
      <c r="O15005" s="18"/>
      <c r="P15005" s="19"/>
      <c r="Q15005" s="19"/>
      <c r="R15005" s="19"/>
      <c r="S15005" s="19"/>
      <c r="T15005" s="21"/>
      <c r="U15005" s="21"/>
      <c r="V15005" s="21"/>
      <c r="W15005" s="21"/>
      <c r="X15005" s="19"/>
      <c r="Y15005" s="19"/>
      <c r="Z15005" s="19"/>
      <c r="AA15005" s="19"/>
    </row>
    <row r="15006" spans="1:27" s="1" customFormat="1" ht="11.1" customHeight="1" outlineLevel="4" x14ac:dyDescent="0.2">
      <c r="A15006" s="17">
        <v>4257</v>
      </c>
      <c r="B15006" s="17"/>
      <c r="C15006" s="17"/>
      <c r="D15006" s="18" t="s">
        <v>7441</v>
      </c>
      <c r="E15006" s="18"/>
      <c r="F15006" s="18"/>
      <c r="G15006" s="18"/>
      <c r="H15006" s="18"/>
      <c r="I15006" s="18"/>
      <c r="J15006" s="18"/>
      <c r="K15006" s="18"/>
      <c r="L15006" s="18"/>
      <c r="M15006" s="18"/>
      <c r="N15006" s="18"/>
      <c r="O15006" s="18"/>
      <c r="P15006" s="19">
        <v>300</v>
      </c>
      <c r="Q15006" s="19"/>
      <c r="R15006" s="19"/>
      <c r="S15006" s="19"/>
      <c r="T15006" s="21"/>
      <c r="U15006" s="21"/>
      <c r="V15006" s="21"/>
      <c r="W15006" s="21"/>
      <c r="X15006" s="19">
        <v>1</v>
      </c>
      <c r="Y15006" s="19"/>
      <c r="Z15006" s="19"/>
      <c r="AA15006" s="19"/>
    </row>
    <row r="15007" spans="1:27" s="1" customFormat="1" ht="11.1" customHeight="1" outlineLevel="4" x14ac:dyDescent="0.2">
      <c r="A15007" s="17"/>
      <c r="B15007" s="17"/>
      <c r="C15007" s="17"/>
      <c r="D15007" s="18"/>
      <c r="E15007" s="18"/>
      <c r="F15007" s="18"/>
      <c r="G15007" s="18"/>
      <c r="H15007" s="18"/>
      <c r="I15007" s="18"/>
      <c r="J15007" s="18"/>
      <c r="K15007" s="18"/>
      <c r="L15007" s="18"/>
      <c r="M15007" s="18"/>
      <c r="N15007" s="18"/>
      <c r="O15007" s="18"/>
      <c r="P15007" s="19"/>
      <c r="Q15007" s="19"/>
      <c r="R15007" s="19"/>
      <c r="S15007" s="19"/>
      <c r="T15007" s="21"/>
      <c r="U15007" s="21"/>
      <c r="V15007" s="21"/>
      <c r="W15007" s="21"/>
      <c r="X15007" s="19"/>
      <c r="Y15007" s="19"/>
      <c r="Z15007" s="19"/>
      <c r="AA15007" s="19"/>
    </row>
    <row r="15008" spans="1:27" s="1" customFormat="1" ht="11.1" customHeight="1" outlineLevel="3" x14ac:dyDescent="0.2">
      <c r="A15008" s="16" t="s">
        <v>7442</v>
      </c>
      <c r="B15008" s="16"/>
      <c r="C15008" s="16"/>
      <c r="D15008" s="16"/>
      <c r="E15008" s="16"/>
      <c r="F15008" s="16"/>
      <c r="G15008" s="16"/>
      <c r="H15008" s="16"/>
      <c r="I15008" s="16"/>
      <c r="J15008" s="16"/>
      <c r="K15008" s="16"/>
      <c r="L15008" s="16"/>
      <c r="M15008" s="16"/>
      <c r="N15008" s="16"/>
      <c r="O15008" s="16"/>
      <c r="P15008" s="16"/>
      <c r="Q15008" s="16"/>
      <c r="R15008" s="16"/>
      <c r="S15008" s="16"/>
      <c r="T15008" s="16"/>
      <c r="U15008" s="16"/>
      <c r="V15008" s="16"/>
      <c r="W15008" s="16"/>
      <c r="X15008" s="16"/>
      <c r="Y15008" s="16"/>
      <c r="Z15008" s="16"/>
      <c r="AA15008" s="16"/>
    </row>
    <row r="15009" spans="1:27" s="1" customFormat="1" ht="11.1" customHeight="1" outlineLevel="3" x14ac:dyDescent="0.2">
      <c r="A15009" s="16"/>
      <c r="B15009" s="16"/>
      <c r="C15009" s="16"/>
      <c r="D15009" s="16"/>
      <c r="E15009" s="16"/>
      <c r="F15009" s="16"/>
      <c r="G15009" s="16"/>
      <c r="H15009" s="16"/>
      <c r="I15009" s="16"/>
      <c r="J15009" s="16"/>
      <c r="K15009" s="16"/>
      <c r="L15009" s="16"/>
      <c r="M15009" s="16"/>
      <c r="N15009" s="16"/>
      <c r="O15009" s="16"/>
      <c r="P15009" s="16"/>
      <c r="Q15009" s="16"/>
      <c r="R15009" s="16"/>
      <c r="S15009" s="16"/>
      <c r="T15009" s="16"/>
      <c r="U15009" s="16"/>
      <c r="V15009" s="16"/>
      <c r="W15009" s="16"/>
      <c r="X15009" s="16"/>
      <c r="Y15009" s="16"/>
      <c r="Z15009" s="16"/>
      <c r="AA15009" s="16"/>
    </row>
    <row r="15010" spans="1:27" s="1" customFormat="1" ht="11.1" customHeight="1" outlineLevel="4" x14ac:dyDescent="0.2">
      <c r="A15010" s="17">
        <v>4260</v>
      </c>
      <c r="B15010" s="17"/>
      <c r="C15010" s="17"/>
      <c r="D15010" s="18" t="s">
        <v>7443</v>
      </c>
      <c r="E15010" s="18"/>
      <c r="F15010" s="18"/>
      <c r="G15010" s="18"/>
      <c r="H15010" s="18"/>
      <c r="I15010" s="18"/>
      <c r="J15010" s="18"/>
      <c r="K15010" s="18"/>
      <c r="L15010" s="18"/>
      <c r="M15010" s="18"/>
      <c r="N15010" s="18"/>
      <c r="O15010" s="18"/>
      <c r="P15010" s="19">
        <v>335</v>
      </c>
      <c r="Q15010" s="19"/>
      <c r="R15010" s="19"/>
      <c r="S15010" s="19"/>
      <c r="T15010" s="19">
        <v>235</v>
      </c>
      <c r="U15010" s="19"/>
      <c r="V15010" s="19"/>
      <c r="W15010" s="19"/>
      <c r="X15010" s="19">
        <v>1</v>
      </c>
      <c r="Y15010" s="19"/>
      <c r="Z15010" s="19"/>
      <c r="AA15010" s="19"/>
    </row>
    <row r="15011" spans="1:27" s="1" customFormat="1" ht="11.1" customHeight="1" outlineLevel="4" x14ac:dyDescent="0.2">
      <c r="A15011" s="17"/>
      <c r="B15011" s="17"/>
      <c r="C15011" s="17"/>
      <c r="D15011" s="18"/>
      <c r="E15011" s="18"/>
      <c r="F15011" s="18"/>
      <c r="G15011" s="18"/>
      <c r="H15011" s="18"/>
      <c r="I15011" s="18"/>
      <c r="J15011" s="18"/>
      <c r="K15011" s="18"/>
      <c r="L15011" s="18"/>
      <c r="M15011" s="18"/>
      <c r="N15011" s="18"/>
      <c r="O15011" s="18"/>
      <c r="P15011" s="19"/>
      <c r="Q15011" s="19"/>
      <c r="R15011" s="19"/>
      <c r="S15011" s="19"/>
      <c r="T15011" s="19"/>
      <c r="U15011" s="19"/>
      <c r="V15011" s="19"/>
      <c r="W15011" s="19"/>
      <c r="X15011" s="19"/>
      <c r="Y15011" s="19"/>
      <c r="Z15011" s="19"/>
      <c r="AA15011" s="19"/>
    </row>
    <row r="15012" spans="1:27" s="1" customFormat="1" ht="11.1" customHeight="1" outlineLevel="3" x14ac:dyDescent="0.2">
      <c r="A15012" s="16" t="s">
        <v>7444</v>
      </c>
      <c r="B15012" s="16"/>
      <c r="C15012" s="16"/>
      <c r="D15012" s="16"/>
      <c r="E15012" s="16"/>
      <c r="F15012" s="16"/>
      <c r="G15012" s="16"/>
      <c r="H15012" s="16"/>
      <c r="I15012" s="16"/>
      <c r="J15012" s="16"/>
      <c r="K15012" s="16"/>
      <c r="L15012" s="16"/>
      <c r="M15012" s="16"/>
      <c r="N15012" s="16"/>
      <c r="O15012" s="16"/>
      <c r="P15012" s="16"/>
      <c r="Q15012" s="16"/>
      <c r="R15012" s="16"/>
      <c r="S15012" s="16"/>
      <c r="T15012" s="16"/>
      <c r="U15012" s="16"/>
      <c r="V15012" s="16"/>
      <c r="W15012" s="16"/>
      <c r="X15012" s="16"/>
      <c r="Y15012" s="16"/>
      <c r="Z15012" s="16"/>
      <c r="AA15012" s="16"/>
    </row>
    <row r="15013" spans="1:27" s="1" customFormat="1" ht="11.1" customHeight="1" outlineLevel="3" x14ac:dyDescent="0.2">
      <c r="A15013" s="16"/>
      <c r="B15013" s="16"/>
      <c r="C15013" s="16"/>
      <c r="D15013" s="16"/>
      <c r="E15013" s="16"/>
      <c r="F15013" s="16"/>
      <c r="G15013" s="16"/>
      <c r="H15013" s="16"/>
      <c r="I15013" s="16"/>
      <c r="J15013" s="16"/>
      <c r="K15013" s="16"/>
      <c r="L15013" s="16"/>
      <c r="M15013" s="16"/>
      <c r="N15013" s="16"/>
      <c r="O15013" s="16"/>
      <c r="P15013" s="16"/>
      <c r="Q15013" s="16"/>
      <c r="R15013" s="16"/>
      <c r="S15013" s="16"/>
      <c r="T15013" s="16"/>
      <c r="U15013" s="16"/>
      <c r="V15013" s="16"/>
      <c r="W15013" s="16"/>
      <c r="X15013" s="16"/>
      <c r="Y15013" s="16"/>
      <c r="Z15013" s="16"/>
      <c r="AA15013" s="16"/>
    </row>
    <row r="15014" spans="1:27" s="1" customFormat="1" ht="11.1" customHeight="1" outlineLevel="4" x14ac:dyDescent="0.2">
      <c r="A15014" s="17">
        <v>4677</v>
      </c>
      <c r="B15014" s="17"/>
      <c r="C15014" s="17"/>
      <c r="D15014" s="18" t="s">
        <v>7445</v>
      </c>
      <c r="E15014" s="18"/>
      <c r="F15014" s="18"/>
      <c r="G15014" s="18"/>
      <c r="H15014" s="18"/>
      <c r="I15014" s="18"/>
      <c r="J15014" s="18"/>
      <c r="K15014" s="18"/>
      <c r="L15014" s="18"/>
      <c r="M15014" s="18"/>
      <c r="N15014" s="18"/>
      <c r="O15014" s="18"/>
      <c r="P15014" s="19">
        <v>332</v>
      </c>
      <c r="Q15014" s="19"/>
      <c r="R15014" s="19"/>
      <c r="S15014" s="19"/>
      <c r="T15014" s="19">
        <v>230</v>
      </c>
      <c r="U15014" s="19"/>
      <c r="V15014" s="19"/>
      <c r="W15014" s="19"/>
      <c r="X15014" s="19">
        <v>2</v>
      </c>
      <c r="Y15014" s="19"/>
      <c r="Z15014" s="19"/>
      <c r="AA15014" s="19"/>
    </row>
    <row r="15015" spans="1:27" s="1" customFormat="1" ht="11.1" customHeight="1" outlineLevel="4" x14ac:dyDescent="0.2">
      <c r="A15015" s="17"/>
      <c r="B15015" s="17"/>
      <c r="C15015" s="17"/>
      <c r="D15015" s="18"/>
      <c r="E15015" s="18"/>
      <c r="F15015" s="18"/>
      <c r="G15015" s="18"/>
      <c r="H15015" s="18"/>
      <c r="I15015" s="18"/>
      <c r="J15015" s="18"/>
      <c r="K15015" s="18"/>
      <c r="L15015" s="18"/>
      <c r="M15015" s="18"/>
      <c r="N15015" s="18"/>
      <c r="O15015" s="18"/>
      <c r="P15015" s="19"/>
      <c r="Q15015" s="19"/>
      <c r="R15015" s="19"/>
      <c r="S15015" s="19"/>
      <c r="T15015" s="19"/>
      <c r="U15015" s="19"/>
      <c r="V15015" s="19"/>
      <c r="W15015" s="19"/>
      <c r="X15015" s="19"/>
      <c r="Y15015" s="19"/>
      <c r="Z15015" s="19"/>
      <c r="AA15015" s="19"/>
    </row>
    <row r="15016" spans="1:27" s="1" customFormat="1" ht="11.1" customHeight="1" outlineLevel="4" x14ac:dyDescent="0.2">
      <c r="A15016" s="17">
        <v>4263</v>
      </c>
      <c r="B15016" s="17"/>
      <c r="C15016" s="17"/>
      <c r="D15016" s="18" t="s">
        <v>7446</v>
      </c>
      <c r="E15016" s="18"/>
      <c r="F15016" s="18"/>
      <c r="G15016" s="18"/>
      <c r="H15016" s="18"/>
      <c r="I15016" s="18"/>
      <c r="J15016" s="18"/>
      <c r="K15016" s="18"/>
      <c r="L15016" s="18"/>
      <c r="M15016" s="18"/>
      <c r="N15016" s="18"/>
      <c r="O15016" s="18"/>
      <c r="P15016" s="19">
        <v>280</v>
      </c>
      <c r="Q15016" s="19"/>
      <c r="R15016" s="19"/>
      <c r="S15016" s="19"/>
      <c r="T15016" s="21"/>
      <c r="U15016" s="21"/>
      <c r="V15016" s="21"/>
      <c r="W15016" s="21"/>
      <c r="X15016" s="19">
        <v>1</v>
      </c>
      <c r="Y15016" s="19"/>
      <c r="Z15016" s="19"/>
      <c r="AA15016" s="19"/>
    </row>
    <row r="15017" spans="1:27" s="1" customFormat="1" ht="11.1" customHeight="1" outlineLevel="4" x14ac:dyDescent="0.2">
      <c r="A15017" s="17"/>
      <c r="B15017" s="17"/>
      <c r="C15017" s="17"/>
      <c r="D15017" s="18"/>
      <c r="E15017" s="18"/>
      <c r="F15017" s="18"/>
      <c r="G15017" s="18"/>
      <c r="H15017" s="18"/>
      <c r="I15017" s="18"/>
      <c r="J15017" s="18"/>
      <c r="K15017" s="18"/>
      <c r="L15017" s="18"/>
      <c r="M15017" s="18"/>
      <c r="N15017" s="18"/>
      <c r="O15017" s="18"/>
      <c r="P15017" s="19"/>
      <c r="Q15017" s="19"/>
      <c r="R15017" s="19"/>
      <c r="S15017" s="19"/>
      <c r="T15017" s="21"/>
      <c r="U15017" s="21"/>
      <c r="V15017" s="21"/>
      <c r="W15017" s="21"/>
      <c r="X15017" s="19"/>
      <c r="Y15017" s="19"/>
      <c r="Z15017" s="19"/>
      <c r="AA15017" s="19"/>
    </row>
    <row r="15018" spans="1:27" s="1" customFormat="1" ht="11.1" customHeight="1" outlineLevel="3" x14ac:dyDescent="0.2">
      <c r="A15018" s="16" t="s">
        <v>7447</v>
      </c>
      <c r="B15018" s="16"/>
      <c r="C15018" s="16"/>
      <c r="D15018" s="16"/>
      <c r="E15018" s="16"/>
      <c r="F15018" s="16"/>
      <c r="G15018" s="16"/>
      <c r="H15018" s="16"/>
      <c r="I15018" s="16"/>
      <c r="J15018" s="16"/>
      <c r="K15018" s="16"/>
      <c r="L15018" s="16"/>
      <c r="M15018" s="16"/>
      <c r="N15018" s="16"/>
      <c r="O15018" s="16"/>
      <c r="P15018" s="16"/>
      <c r="Q15018" s="16"/>
      <c r="R15018" s="16"/>
      <c r="S15018" s="16"/>
      <c r="T15018" s="16"/>
      <c r="U15018" s="16"/>
      <c r="V15018" s="16"/>
      <c r="W15018" s="16"/>
      <c r="X15018" s="16"/>
      <c r="Y15018" s="16"/>
      <c r="Z15018" s="16"/>
      <c r="AA15018" s="16"/>
    </row>
    <row r="15019" spans="1:27" s="1" customFormat="1" ht="11.1" customHeight="1" outlineLevel="3" x14ac:dyDescent="0.2">
      <c r="A15019" s="16"/>
      <c r="B15019" s="16"/>
      <c r="C15019" s="16"/>
      <c r="D15019" s="16"/>
      <c r="E15019" s="16"/>
      <c r="F15019" s="16"/>
      <c r="G15019" s="16"/>
      <c r="H15019" s="16"/>
      <c r="I15019" s="16"/>
      <c r="J15019" s="16"/>
      <c r="K15019" s="16"/>
      <c r="L15019" s="16"/>
      <c r="M15019" s="16"/>
      <c r="N15019" s="16"/>
      <c r="O15019" s="16"/>
      <c r="P15019" s="16"/>
      <c r="Q15019" s="16"/>
      <c r="R15019" s="16"/>
      <c r="S15019" s="16"/>
      <c r="T15019" s="16"/>
      <c r="U15019" s="16"/>
      <c r="V15019" s="16"/>
      <c r="W15019" s="16"/>
      <c r="X15019" s="16"/>
      <c r="Y15019" s="16"/>
      <c r="Z15019" s="16"/>
      <c r="AA15019" s="16"/>
    </row>
    <row r="15020" spans="1:27" s="1" customFormat="1" ht="11.1" customHeight="1" outlineLevel="4" x14ac:dyDescent="0.2">
      <c r="A15020" s="17">
        <v>4269</v>
      </c>
      <c r="B15020" s="17"/>
      <c r="C15020" s="17"/>
      <c r="D15020" s="18" t="s">
        <v>7448</v>
      </c>
      <c r="E15020" s="18"/>
      <c r="F15020" s="18"/>
      <c r="G15020" s="18"/>
      <c r="H15020" s="18"/>
      <c r="I15020" s="18"/>
      <c r="J15020" s="18"/>
      <c r="K15020" s="18"/>
      <c r="L15020" s="18"/>
      <c r="M15020" s="18"/>
      <c r="N15020" s="18"/>
      <c r="O15020" s="18"/>
      <c r="P15020" s="19">
        <v>280</v>
      </c>
      <c r="Q15020" s="19"/>
      <c r="R15020" s="19"/>
      <c r="S15020" s="19"/>
      <c r="T15020" s="21"/>
      <c r="U15020" s="21"/>
      <c r="V15020" s="21"/>
      <c r="W15020" s="21"/>
      <c r="X15020" s="19">
        <v>1</v>
      </c>
      <c r="Y15020" s="19"/>
      <c r="Z15020" s="19"/>
      <c r="AA15020" s="19"/>
    </row>
    <row r="15021" spans="1:27" s="1" customFormat="1" ht="11.1" customHeight="1" outlineLevel="4" x14ac:dyDescent="0.2">
      <c r="A15021" s="17"/>
      <c r="B15021" s="17"/>
      <c r="C15021" s="17"/>
      <c r="D15021" s="18"/>
      <c r="E15021" s="18"/>
      <c r="F15021" s="18"/>
      <c r="G15021" s="18"/>
      <c r="H15021" s="18"/>
      <c r="I15021" s="18"/>
      <c r="J15021" s="18"/>
      <c r="K15021" s="18"/>
      <c r="L15021" s="18"/>
      <c r="M15021" s="18"/>
      <c r="N15021" s="18"/>
      <c r="O15021" s="18"/>
      <c r="P15021" s="19"/>
      <c r="Q15021" s="19"/>
      <c r="R15021" s="19"/>
      <c r="S15021" s="19"/>
      <c r="T15021" s="21"/>
      <c r="U15021" s="21"/>
      <c r="V15021" s="21"/>
      <c r="W15021" s="21"/>
      <c r="X15021" s="19"/>
      <c r="Y15021" s="19"/>
      <c r="Z15021" s="19"/>
      <c r="AA15021" s="19"/>
    </row>
    <row r="15022" spans="1:27" s="1" customFormat="1" ht="11.1" customHeight="1" outlineLevel="4" x14ac:dyDescent="0.2">
      <c r="A15022" s="17">
        <v>4271</v>
      </c>
      <c r="B15022" s="17"/>
      <c r="C15022" s="17"/>
      <c r="D15022" s="18" t="s">
        <v>7449</v>
      </c>
      <c r="E15022" s="18"/>
      <c r="F15022" s="18"/>
      <c r="G15022" s="18"/>
      <c r="H15022" s="18"/>
      <c r="I15022" s="18"/>
      <c r="J15022" s="18"/>
      <c r="K15022" s="18"/>
      <c r="L15022" s="18"/>
      <c r="M15022" s="18"/>
      <c r="N15022" s="18"/>
      <c r="O15022" s="18"/>
      <c r="P15022" s="19">
        <v>280</v>
      </c>
      <c r="Q15022" s="19"/>
      <c r="R15022" s="19"/>
      <c r="S15022" s="19"/>
      <c r="T15022" s="21"/>
      <c r="U15022" s="21"/>
      <c r="V15022" s="21"/>
      <c r="W15022" s="21"/>
      <c r="X15022" s="19">
        <v>1</v>
      </c>
      <c r="Y15022" s="19"/>
      <c r="Z15022" s="19"/>
      <c r="AA15022" s="19"/>
    </row>
    <row r="15023" spans="1:27" s="1" customFormat="1" ht="11.1" customHeight="1" outlineLevel="4" x14ac:dyDescent="0.2">
      <c r="A15023" s="17"/>
      <c r="B15023" s="17"/>
      <c r="C15023" s="17"/>
      <c r="D15023" s="18"/>
      <c r="E15023" s="18"/>
      <c r="F15023" s="18"/>
      <c r="G15023" s="18"/>
      <c r="H15023" s="18"/>
      <c r="I15023" s="18"/>
      <c r="J15023" s="18"/>
      <c r="K15023" s="18"/>
      <c r="L15023" s="18"/>
      <c r="M15023" s="18"/>
      <c r="N15023" s="18"/>
      <c r="O15023" s="18"/>
      <c r="P15023" s="19"/>
      <c r="Q15023" s="19"/>
      <c r="R15023" s="19"/>
      <c r="S15023" s="19"/>
      <c r="T15023" s="21"/>
      <c r="U15023" s="21"/>
      <c r="V15023" s="21"/>
      <c r="W15023" s="21"/>
      <c r="X15023" s="19"/>
      <c r="Y15023" s="19"/>
      <c r="Z15023" s="19"/>
      <c r="AA15023" s="19"/>
    </row>
    <row r="15024" spans="1:27" s="1" customFormat="1" ht="11.1" customHeight="1" outlineLevel="4" x14ac:dyDescent="0.2">
      <c r="A15024" s="17">
        <v>4679</v>
      </c>
      <c r="B15024" s="17"/>
      <c r="C15024" s="17"/>
      <c r="D15024" s="18" t="s">
        <v>7450</v>
      </c>
      <c r="E15024" s="18"/>
      <c r="F15024" s="18"/>
      <c r="G15024" s="18"/>
      <c r="H15024" s="18"/>
      <c r="I15024" s="18"/>
      <c r="J15024" s="18"/>
      <c r="K15024" s="18"/>
      <c r="L15024" s="18"/>
      <c r="M15024" s="18"/>
      <c r="N15024" s="18"/>
      <c r="O15024" s="18"/>
      <c r="P15024" s="19">
        <v>450</v>
      </c>
      <c r="Q15024" s="19"/>
      <c r="R15024" s="19"/>
      <c r="S15024" s="19"/>
      <c r="T15024" s="21"/>
      <c r="U15024" s="21"/>
      <c r="V15024" s="21"/>
      <c r="W15024" s="21"/>
      <c r="X15024" s="19">
        <v>1</v>
      </c>
      <c r="Y15024" s="19"/>
      <c r="Z15024" s="19"/>
      <c r="AA15024" s="19"/>
    </row>
    <row r="15025" spans="1:27" s="1" customFormat="1" ht="11.1" customHeight="1" outlineLevel="4" x14ac:dyDescent="0.2">
      <c r="A15025" s="17"/>
      <c r="B15025" s="17"/>
      <c r="C15025" s="17"/>
      <c r="D15025" s="18"/>
      <c r="E15025" s="18"/>
      <c r="F15025" s="18"/>
      <c r="G15025" s="18"/>
      <c r="H15025" s="18"/>
      <c r="I15025" s="18"/>
      <c r="J15025" s="18"/>
      <c r="K15025" s="18"/>
      <c r="L15025" s="18"/>
      <c r="M15025" s="18"/>
      <c r="N15025" s="18"/>
      <c r="O15025" s="18"/>
      <c r="P15025" s="19"/>
      <c r="Q15025" s="19"/>
      <c r="R15025" s="19"/>
      <c r="S15025" s="19"/>
      <c r="T15025" s="21"/>
      <c r="U15025" s="21"/>
      <c r="V15025" s="21"/>
      <c r="W15025" s="21"/>
      <c r="X15025" s="19"/>
      <c r="Y15025" s="19"/>
      <c r="Z15025" s="19"/>
      <c r="AA15025" s="19"/>
    </row>
    <row r="15026" spans="1:27" s="1" customFormat="1" ht="11.1" customHeight="1" outlineLevel="4" x14ac:dyDescent="0.2">
      <c r="A15026" s="17">
        <v>4266</v>
      </c>
      <c r="B15026" s="17"/>
      <c r="C15026" s="17"/>
      <c r="D15026" s="18" t="s">
        <v>7451</v>
      </c>
      <c r="E15026" s="18"/>
      <c r="F15026" s="18"/>
      <c r="G15026" s="18"/>
      <c r="H15026" s="18"/>
      <c r="I15026" s="18"/>
      <c r="J15026" s="18"/>
      <c r="K15026" s="18"/>
      <c r="L15026" s="18"/>
      <c r="M15026" s="18"/>
      <c r="N15026" s="18"/>
      <c r="O15026" s="18"/>
      <c r="P15026" s="19">
        <v>280</v>
      </c>
      <c r="Q15026" s="19"/>
      <c r="R15026" s="19"/>
      <c r="S15026" s="19"/>
      <c r="T15026" s="21"/>
      <c r="U15026" s="21"/>
      <c r="V15026" s="21"/>
      <c r="W15026" s="21"/>
      <c r="X15026" s="19">
        <v>1</v>
      </c>
      <c r="Y15026" s="19"/>
      <c r="Z15026" s="19"/>
      <c r="AA15026" s="19"/>
    </row>
    <row r="15027" spans="1:27" s="1" customFormat="1" ht="11.1" customHeight="1" outlineLevel="4" x14ac:dyDescent="0.2">
      <c r="A15027" s="17"/>
      <c r="B15027" s="17"/>
      <c r="C15027" s="17"/>
      <c r="D15027" s="18"/>
      <c r="E15027" s="18"/>
      <c r="F15027" s="18"/>
      <c r="G15027" s="18"/>
      <c r="H15027" s="18"/>
      <c r="I15027" s="18"/>
      <c r="J15027" s="18"/>
      <c r="K15027" s="18"/>
      <c r="L15027" s="18"/>
      <c r="M15027" s="18"/>
      <c r="N15027" s="18"/>
      <c r="O15027" s="18"/>
      <c r="P15027" s="19"/>
      <c r="Q15027" s="19"/>
      <c r="R15027" s="19"/>
      <c r="S15027" s="19"/>
      <c r="T15027" s="21"/>
      <c r="U15027" s="21"/>
      <c r="V15027" s="21"/>
      <c r="W15027" s="21"/>
      <c r="X15027" s="19"/>
      <c r="Y15027" s="19"/>
      <c r="Z15027" s="19"/>
      <c r="AA15027" s="19"/>
    </row>
    <row r="15028" spans="1:27" s="1" customFormat="1" ht="11.1" customHeight="1" outlineLevel="4" x14ac:dyDescent="0.2">
      <c r="A15028" s="17">
        <v>4267</v>
      </c>
      <c r="B15028" s="17"/>
      <c r="C15028" s="17"/>
      <c r="D15028" s="18" t="s">
        <v>7452</v>
      </c>
      <c r="E15028" s="18"/>
      <c r="F15028" s="18"/>
      <c r="G15028" s="18"/>
      <c r="H15028" s="18"/>
      <c r="I15028" s="18"/>
      <c r="J15028" s="18"/>
      <c r="K15028" s="18"/>
      <c r="L15028" s="18"/>
      <c r="M15028" s="18"/>
      <c r="N15028" s="18"/>
      <c r="O15028" s="18"/>
      <c r="P15028" s="19">
        <v>300</v>
      </c>
      <c r="Q15028" s="19"/>
      <c r="R15028" s="19"/>
      <c r="S15028" s="19"/>
      <c r="T15028" s="21"/>
      <c r="U15028" s="21"/>
      <c r="V15028" s="21"/>
      <c r="W15028" s="21"/>
      <c r="X15028" s="19">
        <v>1</v>
      </c>
      <c r="Y15028" s="19"/>
      <c r="Z15028" s="19"/>
      <c r="AA15028" s="19"/>
    </row>
    <row r="15029" spans="1:27" s="1" customFormat="1" ht="11.1" customHeight="1" outlineLevel="4" x14ac:dyDescent="0.2">
      <c r="A15029" s="17"/>
      <c r="B15029" s="17"/>
      <c r="C15029" s="17"/>
      <c r="D15029" s="18"/>
      <c r="E15029" s="18"/>
      <c r="F15029" s="18"/>
      <c r="G15029" s="18"/>
      <c r="H15029" s="18"/>
      <c r="I15029" s="18"/>
      <c r="J15029" s="18"/>
      <c r="K15029" s="18"/>
      <c r="L15029" s="18"/>
      <c r="M15029" s="18"/>
      <c r="N15029" s="18"/>
      <c r="O15029" s="18"/>
      <c r="P15029" s="19"/>
      <c r="Q15029" s="19"/>
      <c r="R15029" s="19"/>
      <c r="S15029" s="19"/>
      <c r="T15029" s="21"/>
      <c r="U15029" s="21"/>
      <c r="V15029" s="21"/>
      <c r="W15029" s="21"/>
      <c r="X15029" s="19"/>
      <c r="Y15029" s="19"/>
      <c r="Z15029" s="19"/>
      <c r="AA15029" s="19"/>
    </row>
    <row r="15030" spans="1:27" s="1" customFormat="1" ht="14.1" customHeight="1" outlineLevel="4" x14ac:dyDescent="0.2">
      <c r="A15030" s="17">
        <v>4383</v>
      </c>
      <c r="B15030" s="17"/>
      <c r="C15030" s="17"/>
      <c r="D15030" s="18" t="s">
        <v>7453</v>
      </c>
      <c r="E15030" s="18"/>
      <c r="F15030" s="18"/>
      <c r="G15030" s="18"/>
      <c r="H15030" s="18"/>
      <c r="I15030" s="18"/>
      <c r="J15030" s="18"/>
      <c r="K15030" s="18"/>
      <c r="L15030" s="18"/>
      <c r="M15030" s="18"/>
      <c r="N15030" s="18"/>
      <c r="O15030" s="18"/>
      <c r="P15030" s="19">
        <v>300</v>
      </c>
      <c r="Q15030" s="19"/>
      <c r="R15030" s="19"/>
      <c r="S15030" s="19"/>
      <c r="T15030" s="21"/>
      <c r="U15030" s="21"/>
      <c r="V15030" s="21"/>
      <c r="W15030" s="21"/>
      <c r="X15030" s="19">
        <v>1</v>
      </c>
      <c r="Y15030" s="19"/>
      <c r="Z15030" s="19"/>
      <c r="AA15030" s="19"/>
    </row>
    <row r="15031" spans="1:27" s="1" customFormat="1" ht="14.1" customHeight="1" outlineLevel="4" x14ac:dyDescent="0.2">
      <c r="A15031" s="17"/>
      <c r="B15031" s="17"/>
      <c r="C15031" s="17"/>
      <c r="D15031" s="18"/>
      <c r="E15031" s="18"/>
      <c r="F15031" s="18"/>
      <c r="G15031" s="18"/>
      <c r="H15031" s="18"/>
      <c r="I15031" s="18"/>
      <c r="J15031" s="18"/>
      <c r="K15031" s="18"/>
      <c r="L15031" s="18"/>
      <c r="M15031" s="18"/>
      <c r="N15031" s="18"/>
      <c r="O15031" s="18"/>
      <c r="P15031" s="19"/>
      <c r="Q15031" s="19"/>
      <c r="R15031" s="19"/>
      <c r="S15031" s="19"/>
      <c r="T15031" s="21"/>
      <c r="U15031" s="21"/>
      <c r="V15031" s="21"/>
      <c r="W15031" s="21"/>
      <c r="X15031" s="19"/>
      <c r="Y15031" s="19"/>
      <c r="Z15031" s="19"/>
      <c r="AA15031" s="19"/>
    </row>
    <row r="15032" spans="1:27" s="1" customFormat="1" ht="11.1" customHeight="1" outlineLevel="3" x14ac:dyDescent="0.2">
      <c r="A15032" s="16" t="s">
        <v>1651</v>
      </c>
      <c r="B15032" s="16"/>
      <c r="C15032" s="16"/>
      <c r="D15032" s="16"/>
      <c r="E15032" s="16"/>
      <c r="F15032" s="16"/>
      <c r="G15032" s="16"/>
      <c r="H15032" s="16"/>
      <c r="I15032" s="16"/>
      <c r="J15032" s="16"/>
      <c r="K15032" s="16"/>
      <c r="L15032" s="16"/>
      <c r="M15032" s="16"/>
      <c r="N15032" s="16"/>
      <c r="O15032" s="16"/>
      <c r="P15032" s="16"/>
      <c r="Q15032" s="16"/>
      <c r="R15032" s="16"/>
      <c r="S15032" s="16"/>
      <c r="T15032" s="16"/>
      <c r="U15032" s="16"/>
      <c r="V15032" s="16"/>
      <c r="W15032" s="16"/>
      <c r="X15032" s="16"/>
      <c r="Y15032" s="16"/>
      <c r="Z15032" s="16"/>
      <c r="AA15032" s="16"/>
    </row>
    <row r="15033" spans="1:27" s="1" customFormat="1" ht="11.1" customHeight="1" outlineLevel="3" x14ac:dyDescent="0.2">
      <c r="A15033" s="16"/>
      <c r="B15033" s="16"/>
      <c r="C15033" s="16"/>
      <c r="D15033" s="16"/>
      <c r="E15033" s="16"/>
      <c r="F15033" s="16"/>
      <c r="G15033" s="16"/>
      <c r="H15033" s="16"/>
      <c r="I15033" s="16"/>
      <c r="J15033" s="16"/>
      <c r="K15033" s="16"/>
      <c r="L15033" s="16"/>
      <c r="M15033" s="16"/>
      <c r="N15033" s="16"/>
      <c r="O15033" s="16"/>
      <c r="P15033" s="16"/>
      <c r="Q15033" s="16"/>
      <c r="R15033" s="16"/>
      <c r="S15033" s="16"/>
      <c r="T15033" s="16"/>
      <c r="U15033" s="16"/>
      <c r="V15033" s="16"/>
      <c r="W15033" s="16"/>
      <c r="X15033" s="16"/>
      <c r="Y15033" s="16"/>
      <c r="Z15033" s="16"/>
      <c r="AA15033" s="16"/>
    </row>
    <row r="15034" spans="1:27" s="1" customFormat="1" ht="11.1" customHeight="1" outlineLevel="4" x14ac:dyDescent="0.2">
      <c r="A15034" s="17">
        <v>4276</v>
      </c>
      <c r="B15034" s="17"/>
      <c r="C15034" s="17"/>
      <c r="D15034" s="18" t="s">
        <v>7454</v>
      </c>
      <c r="E15034" s="18"/>
      <c r="F15034" s="18"/>
      <c r="G15034" s="18"/>
      <c r="H15034" s="18"/>
      <c r="I15034" s="18"/>
      <c r="J15034" s="18"/>
      <c r="K15034" s="18"/>
      <c r="L15034" s="18"/>
      <c r="M15034" s="18"/>
      <c r="N15034" s="18"/>
      <c r="O15034" s="18"/>
      <c r="P15034" s="19">
        <v>280</v>
      </c>
      <c r="Q15034" s="19"/>
      <c r="R15034" s="19"/>
      <c r="S15034" s="19"/>
      <c r="T15034" s="21"/>
      <c r="U15034" s="21"/>
      <c r="V15034" s="21"/>
      <c r="W15034" s="21"/>
      <c r="X15034" s="19">
        <v>1</v>
      </c>
      <c r="Y15034" s="19"/>
      <c r="Z15034" s="19"/>
      <c r="AA15034" s="19"/>
    </row>
    <row r="15035" spans="1:27" s="1" customFormat="1" ht="11.1" customHeight="1" outlineLevel="4" x14ac:dyDescent="0.2">
      <c r="A15035" s="17"/>
      <c r="B15035" s="17"/>
      <c r="C15035" s="17"/>
      <c r="D15035" s="18"/>
      <c r="E15035" s="18"/>
      <c r="F15035" s="18"/>
      <c r="G15035" s="18"/>
      <c r="H15035" s="18"/>
      <c r="I15035" s="18"/>
      <c r="J15035" s="18"/>
      <c r="K15035" s="18"/>
      <c r="L15035" s="18"/>
      <c r="M15035" s="18"/>
      <c r="N15035" s="18"/>
      <c r="O15035" s="18"/>
      <c r="P15035" s="19"/>
      <c r="Q15035" s="19"/>
      <c r="R15035" s="19"/>
      <c r="S15035" s="19"/>
      <c r="T15035" s="21"/>
      <c r="U15035" s="21"/>
      <c r="V15035" s="21"/>
      <c r="W15035" s="21"/>
      <c r="X15035" s="19"/>
      <c r="Y15035" s="19"/>
      <c r="Z15035" s="19"/>
      <c r="AA15035" s="19"/>
    </row>
    <row r="15036" spans="1:27" s="1" customFormat="1" ht="11.1" customHeight="1" outlineLevel="4" x14ac:dyDescent="0.2">
      <c r="A15036" s="17">
        <v>4277</v>
      </c>
      <c r="B15036" s="17"/>
      <c r="C15036" s="17"/>
      <c r="D15036" s="18" t="s">
        <v>7455</v>
      </c>
      <c r="E15036" s="18"/>
      <c r="F15036" s="18"/>
      <c r="G15036" s="18"/>
      <c r="H15036" s="18"/>
      <c r="I15036" s="18"/>
      <c r="J15036" s="18"/>
      <c r="K15036" s="18"/>
      <c r="L15036" s="18"/>
      <c r="M15036" s="18"/>
      <c r="N15036" s="18"/>
      <c r="O15036" s="18"/>
      <c r="P15036" s="19">
        <v>280</v>
      </c>
      <c r="Q15036" s="19"/>
      <c r="R15036" s="19"/>
      <c r="S15036" s="19"/>
      <c r="T15036" s="21"/>
      <c r="U15036" s="21"/>
      <c r="V15036" s="21"/>
      <c r="W15036" s="21"/>
      <c r="X15036" s="19">
        <v>1</v>
      </c>
      <c r="Y15036" s="19"/>
      <c r="Z15036" s="19"/>
      <c r="AA15036" s="19"/>
    </row>
    <row r="15037" spans="1:27" s="1" customFormat="1" ht="11.1" customHeight="1" outlineLevel="4" x14ac:dyDescent="0.2">
      <c r="A15037" s="17"/>
      <c r="B15037" s="17"/>
      <c r="C15037" s="17"/>
      <c r="D15037" s="18"/>
      <c r="E15037" s="18"/>
      <c r="F15037" s="18"/>
      <c r="G15037" s="18"/>
      <c r="H15037" s="18"/>
      <c r="I15037" s="18"/>
      <c r="J15037" s="18"/>
      <c r="K15037" s="18"/>
      <c r="L15037" s="18"/>
      <c r="M15037" s="18"/>
      <c r="N15037" s="18"/>
      <c r="O15037" s="18"/>
      <c r="P15037" s="19"/>
      <c r="Q15037" s="19"/>
      <c r="R15037" s="19"/>
      <c r="S15037" s="19"/>
      <c r="T15037" s="21"/>
      <c r="U15037" s="21"/>
      <c r="V15037" s="21"/>
      <c r="W15037" s="21"/>
      <c r="X15037" s="19"/>
      <c r="Y15037" s="19"/>
      <c r="Z15037" s="19"/>
      <c r="AA15037" s="19"/>
    </row>
    <row r="15038" spans="1:27" s="1" customFormat="1" ht="11.1" customHeight="1" outlineLevel="4" x14ac:dyDescent="0.2">
      <c r="A15038" s="17">
        <v>4278</v>
      </c>
      <c r="B15038" s="17"/>
      <c r="C15038" s="17"/>
      <c r="D15038" s="18" t="s">
        <v>7456</v>
      </c>
      <c r="E15038" s="18"/>
      <c r="F15038" s="18"/>
      <c r="G15038" s="18"/>
      <c r="H15038" s="18"/>
      <c r="I15038" s="18"/>
      <c r="J15038" s="18"/>
      <c r="K15038" s="18"/>
      <c r="L15038" s="18"/>
      <c r="M15038" s="18"/>
      <c r="N15038" s="18"/>
      <c r="O15038" s="18"/>
      <c r="P15038" s="19">
        <v>300</v>
      </c>
      <c r="Q15038" s="19"/>
      <c r="R15038" s="19"/>
      <c r="S15038" s="19"/>
      <c r="T15038" s="21"/>
      <c r="U15038" s="21"/>
      <c r="V15038" s="21"/>
      <c r="W15038" s="21"/>
      <c r="X15038" s="19">
        <v>1</v>
      </c>
      <c r="Y15038" s="19"/>
      <c r="Z15038" s="19"/>
      <c r="AA15038" s="19"/>
    </row>
    <row r="15039" spans="1:27" s="1" customFormat="1" ht="11.1" customHeight="1" outlineLevel="4" x14ac:dyDescent="0.2">
      <c r="A15039" s="17"/>
      <c r="B15039" s="17"/>
      <c r="C15039" s="17"/>
      <c r="D15039" s="18"/>
      <c r="E15039" s="18"/>
      <c r="F15039" s="18"/>
      <c r="G15039" s="18"/>
      <c r="H15039" s="18"/>
      <c r="I15039" s="18"/>
      <c r="J15039" s="18"/>
      <c r="K15039" s="18"/>
      <c r="L15039" s="18"/>
      <c r="M15039" s="18"/>
      <c r="N15039" s="18"/>
      <c r="O15039" s="18"/>
      <c r="P15039" s="19"/>
      <c r="Q15039" s="19"/>
      <c r="R15039" s="19"/>
      <c r="S15039" s="19"/>
      <c r="T15039" s="21"/>
      <c r="U15039" s="21"/>
      <c r="V15039" s="21"/>
      <c r="W15039" s="21"/>
      <c r="X15039" s="19"/>
      <c r="Y15039" s="19"/>
      <c r="Z15039" s="19"/>
      <c r="AA15039" s="19"/>
    </row>
    <row r="15040" spans="1:27" s="1" customFormat="1" ht="11.1" customHeight="1" outlineLevel="4" x14ac:dyDescent="0.2">
      <c r="A15040" s="17">
        <v>4279</v>
      </c>
      <c r="B15040" s="17"/>
      <c r="C15040" s="17"/>
      <c r="D15040" s="18" t="s">
        <v>7457</v>
      </c>
      <c r="E15040" s="18"/>
      <c r="F15040" s="18"/>
      <c r="G15040" s="18"/>
      <c r="H15040" s="18"/>
      <c r="I15040" s="18"/>
      <c r="J15040" s="18"/>
      <c r="K15040" s="18"/>
      <c r="L15040" s="18"/>
      <c r="M15040" s="18"/>
      <c r="N15040" s="18"/>
      <c r="O15040" s="18"/>
      <c r="P15040" s="19">
        <v>300</v>
      </c>
      <c r="Q15040" s="19"/>
      <c r="R15040" s="19"/>
      <c r="S15040" s="19"/>
      <c r="T15040" s="21"/>
      <c r="U15040" s="21"/>
      <c r="V15040" s="21"/>
      <c r="W15040" s="21"/>
      <c r="X15040" s="19">
        <v>1</v>
      </c>
      <c r="Y15040" s="19"/>
      <c r="Z15040" s="19"/>
      <c r="AA15040" s="19"/>
    </row>
    <row r="15041" spans="1:27" s="1" customFormat="1" ht="11.1" customHeight="1" outlineLevel="4" x14ac:dyDescent="0.2">
      <c r="A15041" s="17"/>
      <c r="B15041" s="17"/>
      <c r="C15041" s="17"/>
      <c r="D15041" s="18"/>
      <c r="E15041" s="18"/>
      <c r="F15041" s="18"/>
      <c r="G15041" s="18"/>
      <c r="H15041" s="18"/>
      <c r="I15041" s="18"/>
      <c r="J15041" s="18"/>
      <c r="K15041" s="18"/>
      <c r="L15041" s="18"/>
      <c r="M15041" s="18"/>
      <c r="N15041" s="18"/>
      <c r="O15041" s="18"/>
      <c r="P15041" s="19"/>
      <c r="Q15041" s="19"/>
      <c r="R15041" s="19"/>
      <c r="S15041" s="19"/>
      <c r="T15041" s="21"/>
      <c r="U15041" s="21"/>
      <c r="V15041" s="21"/>
      <c r="W15041" s="21"/>
      <c r="X15041" s="19"/>
      <c r="Y15041" s="19"/>
      <c r="Z15041" s="19"/>
      <c r="AA15041" s="19"/>
    </row>
    <row r="15042" spans="1:27" s="1" customFormat="1" ht="11.1" customHeight="1" outlineLevel="4" x14ac:dyDescent="0.2">
      <c r="A15042" s="17">
        <v>4274</v>
      </c>
      <c r="B15042" s="17"/>
      <c r="C15042" s="17"/>
      <c r="D15042" s="18" t="s">
        <v>7458</v>
      </c>
      <c r="E15042" s="18"/>
      <c r="F15042" s="18"/>
      <c r="G15042" s="18"/>
      <c r="H15042" s="18"/>
      <c r="I15042" s="18"/>
      <c r="J15042" s="18"/>
      <c r="K15042" s="18"/>
      <c r="L15042" s="18"/>
      <c r="M15042" s="18"/>
      <c r="N15042" s="18"/>
      <c r="O15042" s="18"/>
      <c r="P15042" s="19">
        <v>300</v>
      </c>
      <c r="Q15042" s="19"/>
      <c r="R15042" s="19"/>
      <c r="S15042" s="19"/>
      <c r="T15042" s="21"/>
      <c r="U15042" s="21"/>
      <c r="V15042" s="21"/>
      <c r="W15042" s="21"/>
      <c r="X15042" s="19">
        <v>1</v>
      </c>
      <c r="Y15042" s="19"/>
      <c r="Z15042" s="19"/>
      <c r="AA15042" s="19"/>
    </row>
    <row r="15043" spans="1:27" s="1" customFormat="1" ht="11.1" customHeight="1" outlineLevel="4" x14ac:dyDescent="0.2">
      <c r="A15043" s="17"/>
      <c r="B15043" s="17"/>
      <c r="C15043" s="17"/>
      <c r="D15043" s="18"/>
      <c r="E15043" s="18"/>
      <c r="F15043" s="18"/>
      <c r="G15043" s="18"/>
      <c r="H15043" s="18"/>
      <c r="I15043" s="18"/>
      <c r="J15043" s="18"/>
      <c r="K15043" s="18"/>
      <c r="L15043" s="18"/>
      <c r="M15043" s="18"/>
      <c r="N15043" s="18"/>
      <c r="O15043" s="18"/>
      <c r="P15043" s="19"/>
      <c r="Q15043" s="19"/>
      <c r="R15043" s="19"/>
      <c r="S15043" s="19"/>
      <c r="T15043" s="21"/>
      <c r="U15043" s="21"/>
      <c r="V15043" s="21"/>
      <c r="W15043" s="21"/>
      <c r="X15043" s="19"/>
      <c r="Y15043" s="19"/>
      <c r="Z15043" s="19"/>
      <c r="AA15043" s="19"/>
    </row>
    <row r="15044" spans="1:27" s="1" customFormat="1" ht="11.1" customHeight="1" outlineLevel="4" x14ac:dyDescent="0.2">
      <c r="A15044" s="17">
        <v>4280</v>
      </c>
      <c r="B15044" s="17"/>
      <c r="C15044" s="17"/>
      <c r="D15044" s="18" t="s">
        <v>7459</v>
      </c>
      <c r="E15044" s="18"/>
      <c r="F15044" s="18"/>
      <c r="G15044" s="18"/>
      <c r="H15044" s="18"/>
      <c r="I15044" s="18"/>
      <c r="J15044" s="18"/>
      <c r="K15044" s="18"/>
      <c r="L15044" s="18"/>
      <c r="M15044" s="18"/>
      <c r="N15044" s="18"/>
      <c r="O15044" s="18"/>
      <c r="P15044" s="19">
        <v>300</v>
      </c>
      <c r="Q15044" s="19"/>
      <c r="R15044" s="19"/>
      <c r="S15044" s="19"/>
      <c r="T15044" s="21"/>
      <c r="U15044" s="21"/>
      <c r="V15044" s="21"/>
      <c r="W15044" s="21"/>
      <c r="X15044" s="19">
        <v>1</v>
      </c>
      <c r="Y15044" s="19"/>
      <c r="Z15044" s="19"/>
      <c r="AA15044" s="19"/>
    </row>
    <row r="15045" spans="1:27" s="1" customFormat="1" ht="11.1" customHeight="1" outlineLevel="4" x14ac:dyDescent="0.2">
      <c r="A15045" s="17"/>
      <c r="B15045" s="17"/>
      <c r="C15045" s="17"/>
      <c r="D15045" s="18"/>
      <c r="E15045" s="18"/>
      <c r="F15045" s="18"/>
      <c r="G15045" s="18"/>
      <c r="H15045" s="18"/>
      <c r="I15045" s="18"/>
      <c r="J15045" s="18"/>
      <c r="K15045" s="18"/>
      <c r="L15045" s="18"/>
      <c r="M15045" s="18"/>
      <c r="N15045" s="18"/>
      <c r="O15045" s="18"/>
      <c r="P15045" s="19"/>
      <c r="Q15045" s="19"/>
      <c r="R15045" s="19"/>
      <c r="S15045" s="19"/>
      <c r="T15045" s="21"/>
      <c r="U15045" s="21"/>
      <c r="V15045" s="21"/>
      <c r="W15045" s="21"/>
      <c r="X15045" s="19"/>
      <c r="Y15045" s="19"/>
      <c r="Z15045" s="19"/>
      <c r="AA15045" s="19"/>
    </row>
    <row r="15046" spans="1:27" s="1" customFormat="1" ht="11.1" customHeight="1" outlineLevel="4" x14ac:dyDescent="0.2">
      <c r="A15046" s="17">
        <v>4281</v>
      </c>
      <c r="B15046" s="17"/>
      <c r="C15046" s="17"/>
      <c r="D15046" s="18" t="s">
        <v>7460</v>
      </c>
      <c r="E15046" s="18"/>
      <c r="F15046" s="18"/>
      <c r="G15046" s="18"/>
      <c r="H15046" s="18"/>
      <c r="I15046" s="18"/>
      <c r="J15046" s="18"/>
      <c r="K15046" s="18"/>
      <c r="L15046" s="18"/>
      <c r="M15046" s="18"/>
      <c r="N15046" s="18"/>
      <c r="O15046" s="18"/>
      <c r="P15046" s="19">
        <v>420</v>
      </c>
      <c r="Q15046" s="19"/>
      <c r="R15046" s="19"/>
      <c r="S15046" s="19"/>
      <c r="T15046" s="21"/>
      <c r="U15046" s="21"/>
      <c r="V15046" s="21"/>
      <c r="W15046" s="21"/>
      <c r="X15046" s="19">
        <v>1</v>
      </c>
      <c r="Y15046" s="19"/>
      <c r="Z15046" s="19"/>
      <c r="AA15046" s="19"/>
    </row>
    <row r="15047" spans="1:27" s="1" customFormat="1" ht="11.1" customHeight="1" outlineLevel="4" x14ac:dyDescent="0.2">
      <c r="A15047" s="17"/>
      <c r="B15047" s="17"/>
      <c r="C15047" s="17"/>
      <c r="D15047" s="18"/>
      <c r="E15047" s="18"/>
      <c r="F15047" s="18"/>
      <c r="G15047" s="18"/>
      <c r="H15047" s="18"/>
      <c r="I15047" s="18"/>
      <c r="J15047" s="18"/>
      <c r="K15047" s="18"/>
      <c r="L15047" s="18"/>
      <c r="M15047" s="18"/>
      <c r="N15047" s="18"/>
      <c r="O15047" s="18"/>
      <c r="P15047" s="19"/>
      <c r="Q15047" s="19"/>
      <c r="R15047" s="19"/>
      <c r="S15047" s="19"/>
      <c r="T15047" s="21"/>
      <c r="U15047" s="21"/>
      <c r="V15047" s="21"/>
      <c r="W15047" s="21"/>
      <c r="X15047" s="19"/>
      <c r="Y15047" s="19"/>
      <c r="Z15047" s="19"/>
      <c r="AA15047" s="19"/>
    </row>
    <row r="15048" spans="1:27" s="1" customFormat="1" ht="11.1" customHeight="1" outlineLevel="4" x14ac:dyDescent="0.2">
      <c r="A15048" s="17">
        <v>8748</v>
      </c>
      <c r="B15048" s="17"/>
      <c r="C15048" s="17"/>
      <c r="D15048" s="18" t="s">
        <v>7461</v>
      </c>
      <c r="E15048" s="18"/>
      <c r="F15048" s="18"/>
      <c r="G15048" s="18"/>
      <c r="H15048" s="18"/>
      <c r="I15048" s="18"/>
      <c r="J15048" s="18"/>
      <c r="K15048" s="18"/>
      <c r="L15048" s="18"/>
      <c r="M15048" s="18"/>
      <c r="N15048" s="18"/>
      <c r="O15048" s="18"/>
      <c r="P15048" s="19">
        <v>380</v>
      </c>
      <c r="Q15048" s="19"/>
      <c r="R15048" s="19"/>
      <c r="S15048" s="19"/>
      <c r="T15048" s="19">
        <v>230</v>
      </c>
      <c r="U15048" s="19"/>
      <c r="V15048" s="19"/>
      <c r="W15048" s="19"/>
      <c r="X15048" s="19">
        <v>1</v>
      </c>
      <c r="Y15048" s="19"/>
      <c r="Z15048" s="19"/>
      <c r="AA15048" s="19"/>
    </row>
    <row r="15049" spans="1:27" s="1" customFormat="1" ht="11.1" customHeight="1" outlineLevel="4" x14ac:dyDescent="0.2">
      <c r="A15049" s="17"/>
      <c r="B15049" s="17"/>
      <c r="C15049" s="17"/>
      <c r="D15049" s="18"/>
      <c r="E15049" s="18"/>
      <c r="F15049" s="18"/>
      <c r="G15049" s="18"/>
      <c r="H15049" s="18"/>
      <c r="I15049" s="18"/>
      <c r="J15049" s="18"/>
      <c r="K15049" s="18"/>
      <c r="L15049" s="18"/>
      <c r="M15049" s="18"/>
      <c r="N15049" s="18"/>
      <c r="O15049" s="18"/>
      <c r="P15049" s="19"/>
      <c r="Q15049" s="19"/>
      <c r="R15049" s="19"/>
      <c r="S15049" s="19"/>
      <c r="T15049" s="19"/>
      <c r="U15049" s="19"/>
      <c r="V15049" s="19"/>
      <c r="W15049" s="19"/>
      <c r="X15049" s="19"/>
      <c r="Y15049" s="19"/>
      <c r="Z15049" s="19"/>
      <c r="AA15049" s="19"/>
    </row>
    <row r="15050" spans="1:27" s="1" customFormat="1" ht="11.1" customHeight="1" outlineLevel="4" x14ac:dyDescent="0.2">
      <c r="A15050" s="17">
        <v>4288</v>
      </c>
      <c r="B15050" s="17"/>
      <c r="C15050" s="17"/>
      <c r="D15050" s="18" t="s">
        <v>7462</v>
      </c>
      <c r="E15050" s="18"/>
      <c r="F15050" s="18"/>
      <c r="G15050" s="18"/>
      <c r="H15050" s="18"/>
      <c r="I15050" s="18"/>
      <c r="J15050" s="18"/>
      <c r="K15050" s="18"/>
      <c r="L15050" s="18"/>
      <c r="M15050" s="18"/>
      <c r="N15050" s="18"/>
      <c r="O15050" s="18"/>
      <c r="P15050" s="19">
        <v>400</v>
      </c>
      <c r="Q15050" s="19"/>
      <c r="R15050" s="19"/>
      <c r="S15050" s="19"/>
      <c r="T15050" s="21"/>
      <c r="U15050" s="21"/>
      <c r="V15050" s="21"/>
      <c r="W15050" s="21"/>
      <c r="X15050" s="19">
        <v>1</v>
      </c>
      <c r="Y15050" s="19"/>
      <c r="Z15050" s="19"/>
      <c r="AA15050" s="19"/>
    </row>
    <row r="15051" spans="1:27" s="1" customFormat="1" ht="11.1" customHeight="1" outlineLevel="4" x14ac:dyDescent="0.2">
      <c r="A15051" s="17"/>
      <c r="B15051" s="17"/>
      <c r="C15051" s="17"/>
      <c r="D15051" s="18"/>
      <c r="E15051" s="18"/>
      <c r="F15051" s="18"/>
      <c r="G15051" s="18"/>
      <c r="H15051" s="18"/>
      <c r="I15051" s="18"/>
      <c r="J15051" s="18"/>
      <c r="K15051" s="18"/>
      <c r="L15051" s="18"/>
      <c r="M15051" s="18"/>
      <c r="N15051" s="18"/>
      <c r="O15051" s="18"/>
      <c r="P15051" s="19"/>
      <c r="Q15051" s="19"/>
      <c r="R15051" s="19"/>
      <c r="S15051" s="19"/>
      <c r="T15051" s="21"/>
      <c r="U15051" s="21"/>
      <c r="V15051" s="21"/>
      <c r="W15051" s="21"/>
      <c r="X15051" s="19"/>
      <c r="Y15051" s="19"/>
      <c r="Z15051" s="19"/>
      <c r="AA15051" s="19"/>
    </row>
    <row r="15052" spans="1:27" s="1" customFormat="1" ht="14.1" customHeight="1" outlineLevel="4" x14ac:dyDescent="0.2">
      <c r="A15052" s="17">
        <v>8775</v>
      </c>
      <c r="B15052" s="17"/>
      <c r="C15052" s="17"/>
      <c r="D15052" s="18" t="s">
        <v>7463</v>
      </c>
      <c r="E15052" s="18"/>
      <c r="F15052" s="18"/>
      <c r="G15052" s="18"/>
      <c r="H15052" s="18"/>
      <c r="I15052" s="18"/>
      <c r="J15052" s="18"/>
      <c r="K15052" s="18"/>
      <c r="L15052" s="18"/>
      <c r="M15052" s="18"/>
      <c r="N15052" s="18"/>
      <c r="O15052" s="18"/>
      <c r="P15052" s="19">
        <v>390</v>
      </c>
      <c r="Q15052" s="19"/>
      <c r="R15052" s="19"/>
      <c r="S15052" s="19"/>
      <c r="T15052" s="19">
        <v>240</v>
      </c>
      <c r="U15052" s="19"/>
      <c r="V15052" s="19"/>
      <c r="W15052" s="19"/>
      <c r="X15052" s="19">
        <v>3</v>
      </c>
      <c r="Y15052" s="19"/>
      <c r="Z15052" s="19"/>
      <c r="AA15052" s="19"/>
    </row>
    <row r="15053" spans="1:27" s="1" customFormat="1" ht="14.1" customHeight="1" outlineLevel="4" x14ac:dyDescent="0.2">
      <c r="A15053" s="17"/>
      <c r="B15053" s="17"/>
      <c r="C15053" s="17"/>
      <c r="D15053" s="18"/>
      <c r="E15053" s="18"/>
      <c r="F15053" s="18"/>
      <c r="G15053" s="18"/>
      <c r="H15053" s="18"/>
      <c r="I15053" s="18"/>
      <c r="J15053" s="18"/>
      <c r="K15053" s="18"/>
      <c r="L15053" s="18"/>
      <c r="M15053" s="18"/>
      <c r="N15053" s="18"/>
      <c r="O15053" s="18"/>
      <c r="P15053" s="19"/>
      <c r="Q15053" s="19"/>
      <c r="R15053" s="19"/>
      <c r="S15053" s="19"/>
      <c r="T15053" s="19"/>
      <c r="U15053" s="19"/>
      <c r="V15053" s="19"/>
      <c r="W15053" s="19"/>
      <c r="X15053" s="19"/>
      <c r="Y15053" s="19"/>
      <c r="Z15053" s="19"/>
      <c r="AA15053" s="19"/>
    </row>
    <row r="15054" spans="1:27" s="1" customFormat="1" ht="11.1" customHeight="1" outlineLevel="3" x14ac:dyDescent="0.2">
      <c r="A15054" s="16" t="s">
        <v>7464</v>
      </c>
      <c r="B15054" s="16"/>
      <c r="C15054" s="16"/>
      <c r="D15054" s="16"/>
      <c r="E15054" s="16"/>
      <c r="F15054" s="16"/>
      <c r="G15054" s="16"/>
      <c r="H15054" s="16"/>
      <c r="I15054" s="16"/>
      <c r="J15054" s="16"/>
      <c r="K15054" s="16"/>
      <c r="L15054" s="16"/>
      <c r="M15054" s="16"/>
      <c r="N15054" s="16"/>
      <c r="O15054" s="16"/>
      <c r="P15054" s="16"/>
      <c r="Q15054" s="16"/>
      <c r="R15054" s="16"/>
      <c r="S15054" s="16"/>
      <c r="T15054" s="16"/>
      <c r="U15054" s="16"/>
      <c r="V15054" s="16"/>
      <c r="W15054" s="16"/>
      <c r="X15054" s="16"/>
      <c r="Y15054" s="16"/>
      <c r="Z15054" s="16"/>
      <c r="AA15054" s="16"/>
    </row>
    <row r="15055" spans="1:27" s="1" customFormat="1" ht="11.1" customHeight="1" outlineLevel="3" x14ac:dyDescent="0.2">
      <c r="A15055" s="16"/>
      <c r="B15055" s="16"/>
      <c r="C15055" s="16"/>
      <c r="D15055" s="16"/>
      <c r="E15055" s="16"/>
      <c r="F15055" s="16"/>
      <c r="G15055" s="16"/>
      <c r="H15055" s="16"/>
      <c r="I15055" s="16"/>
      <c r="J15055" s="16"/>
      <c r="K15055" s="16"/>
      <c r="L15055" s="16"/>
      <c r="M15055" s="16"/>
      <c r="N15055" s="16"/>
      <c r="O15055" s="16"/>
      <c r="P15055" s="16"/>
      <c r="Q15055" s="16"/>
      <c r="R15055" s="16"/>
      <c r="S15055" s="16"/>
      <c r="T15055" s="16"/>
      <c r="U15055" s="16"/>
      <c r="V15055" s="16"/>
      <c r="W15055" s="16"/>
      <c r="X15055" s="16"/>
      <c r="Y15055" s="16"/>
      <c r="Z15055" s="16"/>
      <c r="AA15055" s="16"/>
    </row>
    <row r="15056" spans="1:27" s="1" customFormat="1" ht="11.1" customHeight="1" outlineLevel="4" x14ac:dyDescent="0.2">
      <c r="A15056" s="17">
        <v>4291</v>
      </c>
      <c r="B15056" s="17"/>
      <c r="C15056" s="17"/>
      <c r="D15056" s="18" t="s">
        <v>7465</v>
      </c>
      <c r="E15056" s="18"/>
      <c r="F15056" s="18"/>
      <c r="G15056" s="18"/>
      <c r="H15056" s="18"/>
      <c r="I15056" s="18"/>
      <c r="J15056" s="18"/>
      <c r="K15056" s="18"/>
      <c r="L15056" s="18"/>
      <c r="M15056" s="18"/>
      <c r="N15056" s="18"/>
      <c r="O15056" s="18"/>
      <c r="P15056" s="19">
        <v>340</v>
      </c>
      <c r="Q15056" s="19"/>
      <c r="R15056" s="19"/>
      <c r="S15056" s="19"/>
      <c r="T15056" s="19">
        <v>190</v>
      </c>
      <c r="U15056" s="19"/>
      <c r="V15056" s="19"/>
      <c r="W15056" s="19"/>
      <c r="X15056" s="19">
        <v>1</v>
      </c>
      <c r="Y15056" s="19"/>
      <c r="Z15056" s="19"/>
      <c r="AA15056" s="19"/>
    </row>
    <row r="15057" spans="1:27" s="1" customFormat="1" ht="11.1" customHeight="1" outlineLevel="4" x14ac:dyDescent="0.2">
      <c r="A15057" s="17"/>
      <c r="B15057" s="17"/>
      <c r="C15057" s="17"/>
      <c r="D15057" s="18"/>
      <c r="E15057" s="18"/>
      <c r="F15057" s="18"/>
      <c r="G15057" s="18"/>
      <c r="H15057" s="18"/>
      <c r="I15057" s="18"/>
      <c r="J15057" s="18"/>
      <c r="K15057" s="18"/>
      <c r="L15057" s="18"/>
      <c r="M15057" s="18"/>
      <c r="N15057" s="18"/>
      <c r="O15057" s="18"/>
      <c r="P15057" s="19"/>
      <c r="Q15057" s="19"/>
      <c r="R15057" s="19"/>
      <c r="S15057" s="19"/>
      <c r="T15057" s="19"/>
      <c r="U15057" s="19"/>
      <c r="V15057" s="19"/>
      <c r="W15057" s="19"/>
      <c r="X15057" s="19"/>
      <c r="Y15057" s="19"/>
      <c r="Z15057" s="19"/>
      <c r="AA15057" s="19"/>
    </row>
    <row r="15058" spans="1:27" s="1" customFormat="1" ht="11.1" customHeight="1" outlineLevel="4" x14ac:dyDescent="0.2">
      <c r="A15058" s="17">
        <v>4292</v>
      </c>
      <c r="B15058" s="17"/>
      <c r="C15058" s="17"/>
      <c r="D15058" s="18" t="s">
        <v>7466</v>
      </c>
      <c r="E15058" s="18"/>
      <c r="F15058" s="18"/>
      <c r="G15058" s="18"/>
      <c r="H15058" s="18"/>
      <c r="I15058" s="18"/>
      <c r="J15058" s="18"/>
      <c r="K15058" s="18"/>
      <c r="L15058" s="18"/>
      <c r="M15058" s="18"/>
      <c r="N15058" s="18"/>
      <c r="O15058" s="18"/>
      <c r="P15058" s="19">
        <v>300</v>
      </c>
      <c r="Q15058" s="19"/>
      <c r="R15058" s="19"/>
      <c r="S15058" s="19"/>
      <c r="T15058" s="21"/>
      <c r="U15058" s="21"/>
      <c r="V15058" s="21"/>
      <c r="W15058" s="21"/>
      <c r="X15058" s="19">
        <v>1</v>
      </c>
      <c r="Y15058" s="19"/>
      <c r="Z15058" s="19"/>
      <c r="AA15058" s="19"/>
    </row>
    <row r="15059" spans="1:27" s="1" customFormat="1" ht="11.1" customHeight="1" outlineLevel="4" x14ac:dyDescent="0.2">
      <c r="A15059" s="17"/>
      <c r="B15059" s="17"/>
      <c r="C15059" s="17"/>
      <c r="D15059" s="18"/>
      <c r="E15059" s="18"/>
      <c r="F15059" s="18"/>
      <c r="G15059" s="18"/>
      <c r="H15059" s="18"/>
      <c r="I15059" s="18"/>
      <c r="J15059" s="18"/>
      <c r="K15059" s="18"/>
      <c r="L15059" s="18"/>
      <c r="M15059" s="18"/>
      <c r="N15059" s="18"/>
      <c r="O15059" s="18"/>
      <c r="P15059" s="19"/>
      <c r="Q15059" s="19"/>
      <c r="R15059" s="19"/>
      <c r="S15059" s="19"/>
      <c r="T15059" s="21"/>
      <c r="U15059" s="21"/>
      <c r="V15059" s="21"/>
      <c r="W15059" s="21"/>
      <c r="X15059" s="19"/>
      <c r="Y15059" s="19"/>
      <c r="Z15059" s="19"/>
      <c r="AA15059" s="19"/>
    </row>
    <row r="15060" spans="1:27" s="1" customFormat="1" ht="14.1" customHeight="1" outlineLevel="4" x14ac:dyDescent="0.2">
      <c r="A15060" s="17">
        <v>4293</v>
      </c>
      <c r="B15060" s="17"/>
      <c r="C15060" s="17"/>
      <c r="D15060" s="18" t="s">
        <v>7467</v>
      </c>
      <c r="E15060" s="18"/>
      <c r="F15060" s="18"/>
      <c r="G15060" s="18"/>
      <c r="H15060" s="18"/>
      <c r="I15060" s="18"/>
      <c r="J15060" s="18"/>
      <c r="K15060" s="18"/>
      <c r="L15060" s="18"/>
      <c r="M15060" s="18"/>
      <c r="N15060" s="18"/>
      <c r="O15060" s="18"/>
      <c r="P15060" s="19">
        <v>280</v>
      </c>
      <c r="Q15060" s="19"/>
      <c r="R15060" s="19"/>
      <c r="S15060" s="19"/>
      <c r="T15060" s="21"/>
      <c r="U15060" s="21"/>
      <c r="V15060" s="21"/>
      <c r="W15060" s="21"/>
      <c r="X15060" s="19">
        <v>1</v>
      </c>
      <c r="Y15060" s="19"/>
      <c r="Z15060" s="19"/>
      <c r="AA15060" s="19"/>
    </row>
    <row r="15061" spans="1:27" s="1" customFormat="1" ht="14.1" customHeight="1" outlineLevel="4" x14ac:dyDescent="0.2">
      <c r="A15061" s="17"/>
      <c r="B15061" s="17"/>
      <c r="C15061" s="17"/>
      <c r="D15061" s="18"/>
      <c r="E15061" s="18"/>
      <c r="F15061" s="18"/>
      <c r="G15061" s="18"/>
      <c r="H15061" s="18"/>
      <c r="I15061" s="18"/>
      <c r="J15061" s="18"/>
      <c r="K15061" s="18"/>
      <c r="L15061" s="18"/>
      <c r="M15061" s="18"/>
      <c r="N15061" s="18"/>
      <c r="O15061" s="18"/>
      <c r="P15061" s="19"/>
      <c r="Q15061" s="19"/>
      <c r="R15061" s="19"/>
      <c r="S15061" s="19"/>
      <c r="T15061" s="21"/>
      <c r="U15061" s="21"/>
      <c r="V15061" s="21"/>
      <c r="W15061" s="21"/>
      <c r="X15061" s="19"/>
      <c r="Y15061" s="19"/>
      <c r="Z15061" s="19"/>
      <c r="AA15061" s="19"/>
    </row>
    <row r="15062" spans="1:27" s="1" customFormat="1" ht="11.1" customHeight="1" outlineLevel="4" x14ac:dyDescent="0.2">
      <c r="A15062" s="17">
        <v>11875</v>
      </c>
      <c r="B15062" s="17"/>
      <c r="C15062" s="17"/>
      <c r="D15062" s="18" t="s">
        <v>7468</v>
      </c>
      <c r="E15062" s="18"/>
      <c r="F15062" s="18"/>
      <c r="G15062" s="18"/>
      <c r="H15062" s="18"/>
      <c r="I15062" s="18"/>
      <c r="J15062" s="18"/>
      <c r="K15062" s="18"/>
      <c r="L15062" s="18"/>
      <c r="M15062" s="18"/>
      <c r="N15062" s="18"/>
      <c r="O15062" s="18"/>
      <c r="P15062" s="19">
        <v>380</v>
      </c>
      <c r="Q15062" s="19"/>
      <c r="R15062" s="19"/>
      <c r="S15062" s="19"/>
      <c r="T15062" s="19">
        <v>230</v>
      </c>
      <c r="U15062" s="19"/>
      <c r="V15062" s="19"/>
      <c r="W15062" s="19"/>
      <c r="X15062" s="19">
        <v>3</v>
      </c>
      <c r="Y15062" s="19"/>
      <c r="Z15062" s="19"/>
      <c r="AA15062" s="19"/>
    </row>
    <row r="15063" spans="1:27" s="1" customFormat="1" ht="11.1" customHeight="1" outlineLevel="4" x14ac:dyDescent="0.2">
      <c r="A15063" s="17"/>
      <c r="B15063" s="17"/>
      <c r="C15063" s="17"/>
      <c r="D15063" s="18"/>
      <c r="E15063" s="18"/>
      <c r="F15063" s="18"/>
      <c r="G15063" s="18"/>
      <c r="H15063" s="18"/>
      <c r="I15063" s="18"/>
      <c r="J15063" s="18"/>
      <c r="K15063" s="18"/>
      <c r="L15063" s="18"/>
      <c r="M15063" s="18"/>
      <c r="N15063" s="18"/>
      <c r="O15063" s="18"/>
      <c r="P15063" s="19"/>
      <c r="Q15063" s="19"/>
      <c r="R15063" s="19"/>
      <c r="S15063" s="19"/>
      <c r="T15063" s="19"/>
      <c r="U15063" s="19"/>
      <c r="V15063" s="19"/>
      <c r="W15063" s="19"/>
      <c r="X15063" s="19"/>
      <c r="Y15063" s="19"/>
      <c r="Z15063" s="19"/>
      <c r="AA15063" s="19"/>
    </row>
    <row r="15064" spans="1:27" s="1" customFormat="1" ht="21" customHeight="1" outlineLevel="4" x14ac:dyDescent="0.2">
      <c r="A15064" s="17">
        <v>8779</v>
      </c>
      <c r="B15064" s="17"/>
      <c r="C15064" s="17"/>
      <c r="D15064" s="18" t="s">
        <v>7469</v>
      </c>
      <c r="E15064" s="18"/>
      <c r="F15064" s="18"/>
      <c r="G15064" s="18"/>
      <c r="H15064" s="18"/>
      <c r="I15064" s="18"/>
      <c r="J15064" s="18"/>
      <c r="K15064" s="18"/>
      <c r="L15064" s="18"/>
      <c r="M15064" s="18"/>
      <c r="N15064" s="18"/>
      <c r="O15064" s="18"/>
      <c r="P15064" s="19">
        <v>390</v>
      </c>
      <c r="Q15064" s="19"/>
      <c r="R15064" s="19"/>
      <c r="S15064" s="19"/>
      <c r="T15064" s="19">
        <v>240</v>
      </c>
      <c r="U15064" s="19"/>
      <c r="V15064" s="19"/>
      <c r="W15064" s="19"/>
      <c r="X15064" s="19">
        <v>3</v>
      </c>
      <c r="Y15064" s="19"/>
      <c r="Z15064" s="19"/>
      <c r="AA15064" s="19"/>
    </row>
    <row r="15065" spans="1:27" s="1" customFormat="1" ht="21" customHeight="1" outlineLevel="4" x14ac:dyDescent="0.2">
      <c r="A15065" s="17"/>
      <c r="B15065" s="17"/>
      <c r="C15065" s="17"/>
      <c r="D15065" s="18"/>
      <c r="E15065" s="18"/>
      <c r="F15065" s="18"/>
      <c r="G15065" s="18"/>
      <c r="H15065" s="18"/>
      <c r="I15065" s="18"/>
      <c r="J15065" s="18"/>
      <c r="K15065" s="18"/>
      <c r="L15065" s="18"/>
      <c r="M15065" s="18"/>
      <c r="N15065" s="18"/>
      <c r="O15065" s="18"/>
      <c r="P15065" s="19"/>
      <c r="Q15065" s="19"/>
      <c r="R15065" s="19"/>
      <c r="S15065" s="19"/>
      <c r="T15065" s="19"/>
      <c r="U15065" s="19"/>
      <c r="V15065" s="19"/>
      <c r="W15065" s="19"/>
      <c r="X15065" s="19"/>
      <c r="Y15065" s="19"/>
      <c r="Z15065" s="19"/>
      <c r="AA15065" s="19"/>
    </row>
    <row r="15066" spans="1:27" s="1" customFormat="1" ht="11.1" customHeight="1" outlineLevel="3" x14ac:dyDescent="0.2">
      <c r="A15066" s="16" t="s">
        <v>3678</v>
      </c>
      <c r="B15066" s="16"/>
      <c r="C15066" s="16"/>
      <c r="D15066" s="16"/>
      <c r="E15066" s="16"/>
      <c r="F15066" s="16"/>
      <c r="G15066" s="16"/>
      <c r="H15066" s="16"/>
      <c r="I15066" s="16"/>
      <c r="J15066" s="16"/>
      <c r="K15066" s="16"/>
      <c r="L15066" s="16"/>
      <c r="M15066" s="16"/>
      <c r="N15066" s="16"/>
      <c r="O15066" s="16"/>
      <c r="P15066" s="16"/>
      <c r="Q15066" s="16"/>
      <c r="R15066" s="16"/>
      <c r="S15066" s="16"/>
      <c r="T15066" s="16"/>
      <c r="U15066" s="16"/>
      <c r="V15066" s="16"/>
      <c r="W15066" s="16"/>
      <c r="X15066" s="16"/>
      <c r="Y15066" s="16"/>
      <c r="Z15066" s="16"/>
      <c r="AA15066" s="16"/>
    </row>
    <row r="15067" spans="1:27" s="1" customFormat="1" ht="11.1" customHeight="1" outlineLevel="3" x14ac:dyDescent="0.2">
      <c r="A15067" s="16"/>
      <c r="B15067" s="16"/>
      <c r="C15067" s="16"/>
      <c r="D15067" s="16"/>
      <c r="E15067" s="16"/>
      <c r="F15067" s="16"/>
      <c r="G15067" s="16"/>
      <c r="H15067" s="16"/>
      <c r="I15067" s="16"/>
      <c r="J15067" s="16"/>
      <c r="K15067" s="16"/>
      <c r="L15067" s="16"/>
      <c r="M15067" s="16"/>
      <c r="N15067" s="16"/>
      <c r="O15067" s="16"/>
      <c r="P15067" s="16"/>
      <c r="Q15067" s="16"/>
      <c r="R15067" s="16"/>
      <c r="S15067" s="16"/>
      <c r="T15067" s="16"/>
      <c r="U15067" s="16"/>
      <c r="V15067" s="16"/>
      <c r="W15067" s="16"/>
      <c r="X15067" s="16"/>
      <c r="Y15067" s="16"/>
      <c r="Z15067" s="16"/>
      <c r="AA15067" s="16"/>
    </row>
    <row r="15068" spans="1:27" s="1" customFormat="1" ht="11.1" customHeight="1" outlineLevel="4" x14ac:dyDescent="0.2">
      <c r="A15068" s="17">
        <v>4298</v>
      </c>
      <c r="B15068" s="17"/>
      <c r="C15068" s="17"/>
      <c r="D15068" s="18" t="s">
        <v>7470</v>
      </c>
      <c r="E15068" s="18"/>
      <c r="F15068" s="18"/>
      <c r="G15068" s="18"/>
      <c r="H15068" s="18"/>
      <c r="I15068" s="18"/>
      <c r="J15068" s="18"/>
      <c r="K15068" s="18"/>
      <c r="L15068" s="18"/>
      <c r="M15068" s="18"/>
      <c r="N15068" s="18"/>
      <c r="O15068" s="18"/>
      <c r="P15068" s="19">
        <v>480</v>
      </c>
      <c r="Q15068" s="19"/>
      <c r="R15068" s="19"/>
      <c r="S15068" s="19"/>
      <c r="T15068" s="19">
        <v>330</v>
      </c>
      <c r="U15068" s="19"/>
      <c r="V15068" s="19"/>
      <c r="W15068" s="19"/>
      <c r="X15068" s="19">
        <v>1</v>
      </c>
      <c r="Y15068" s="19"/>
      <c r="Z15068" s="19"/>
      <c r="AA15068" s="19"/>
    </row>
    <row r="15069" spans="1:27" s="1" customFormat="1" ht="11.1" customHeight="1" outlineLevel="4" x14ac:dyDescent="0.2">
      <c r="A15069" s="17"/>
      <c r="B15069" s="17"/>
      <c r="C15069" s="17"/>
      <c r="D15069" s="18"/>
      <c r="E15069" s="18"/>
      <c r="F15069" s="18"/>
      <c r="G15069" s="18"/>
      <c r="H15069" s="18"/>
      <c r="I15069" s="18"/>
      <c r="J15069" s="18"/>
      <c r="K15069" s="18"/>
      <c r="L15069" s="18"/>
      <c r="M15069" s="18"/>
      <c r="N15069" s="18"/>
      <c r="O15069" s="18"/>
      <c r="P15069" s="19"/>
      <c r="Q15069" s="19"/>
      <c r="R15069" s="19"/>
      <c r="S15069" s="19"/>
      <c r="T15069" s="19"/>
      <c r="U15069" s="19"/>
      <c r="V15069" s="19"/>
      <c r="W15069" s="19"/>
      <c r="X15069" s="19"/>
      <c r="Y15069" s="19"/>
      <c r="Z15069" s="19"/>
      <c r="AA15069" s="19"/>
    </row>
    <row r="15070" spans="1:27" s="1" customFormat="1" ht="11.1" customHeight="1" outlineLevel="4" x14ac:dyDescent="0.2">
      <c r="A15070" s="17">
        <v>8751</v>
      </c>
      <c r="B15070" s="17"/>
      <c r="C15070" s="17"/>
      <c r="D15070" s="18" t="s">
        <v>7471</v>
      </c>
      <c r="E15070" s="18"/>
      <c r="F15070" s="18"/>
      <c r="G15070" s="18"/>
      <c r="H15070" s="18"/>
      <c r="I15070" s="18"/>
      <c r="J15070" s="18"/>
      <c r="K15070" s="18"/>
      <c r="L15070" s="18"/>
      <c r="M15070" s="18"/>
      <c r="N15070" s="18"/>
      <c r="O15070" s="18"/>
      <c r="P15070" s="19">
        <v>340</v>
      </c>
      <c r="Q15070" s="19"/>
      <c r="R15070" s="19"/>
      <c r="S15070" s="19"/>
      <c r="T15070" s="19">
        <v>200</v>
      </c>
      <c r="U15070" s="19"/>
      <c r="V15070" s="19"/>
      <c r="W15070" s="19"/>
      <c r="X15070" s="19">
        <v>1</v>
      </c>
      <c r="Y15070" s="19"/>
      <c r="Z15070" s="19"/>
      <c r="AA15070" s="19"/>
    </row>
    <row r="15071" spans="1:27" s="1" customFormat="1" ht="11.1" customHeight="1" outlineLevel="4" x14ac:dyDescent="0.2">
      <c r="A15071" s="17"/>
      <c r="B15071" s="17"/>
      <c r="C15071" s="17"/>
      <c r="D15071" s="18"/>
      <c r="E15071" s="18"/>
      <c r="F15071" s="18"/>
      <c r="G15071" s="18"/>
      <c r="H15071" s="18"/>
      <c r="I15071" s="18"/>
      <c r="J15071" s="18"/>
      <c r="K15071" s="18"/>
      <c r="L15071" s="18"/>
      <c r="M15071" s="18"/>
      <c r="N15071" s="18"/>
      <c r="O15071" s="18"/>
      <c r="P15071" s="19"/>
      <c r="Q15071" s="19"/>
      <c r="R15071" s="19"/>
      <c r="S15071" s="19"/>
      <c r="T15071" s="19"/>
      <c r="U15071" s="19"/>
      <c r="V15071" s="19"/>
      <c r="W15071" s="19"/>
      <c r="X15071" s="19"/>
      <c r="Y15071" s="19"/>
      <c r="Z15071" s="19"/>
      <c r="AA15071" s="19"/>
    </row>
    <row r="15072" spans="1:27" s="1" customFormat="1" ht="11.1" customHeight="1" outlineLevel="4" x14ac:dyDescent="0.2">
      <c r="A15072" s="17">
        <v>4866</v>
      </c>
      <c r="B15072" s="17"/>
      <c r="C15072" s="17"/>
      <c r="D15072" s="18" t="s">
        <v>7472</v>
      </c>
      <c r="E15072" s="18"/>
      <c r="F15072" s="18"/>
      <c r="G15072" s="18"/>
      <c r="H15072" s="18"/>
      <c r="I15072" s="18"/>
      <c r="J15072" s="18"/>
      <c r="K15072" s="18"/>
      <c r="L15072" s="18"/>
      <c r="M15072" s="18"/>
      <c r="N15072" s="18"/>
      <c r="O15072" s="18"/>
      <c r="P15072" s="19">
        <v>300</v>
      </c>
      <c r="Q15072" s="19"/>
      <c r="R15072" s="19"/>
      <c r="S15072" s="19"/>
      <c r="T15072" s="21"/>
      <c r="U15072" s="21"/>
      <c r="V15072" s="21"/>
      <c r="W15072" s="21"/>
      <c r="X15072" s="19">
        <v>1</v>
      </c>
      <c r="Y15072" s="19"/>
      <c r="Z15072" s="19"/>
      <c r="AA15072" s="19"/>
    </row>
    <row r="15073" spans="1:27" s="1" customFormat="1" ht="11.1" customHeight="1" outlineLevel="4" x14ac:dyDescent="0.2">
      <c r="A15073" s="17"/>
      <c r="B15073" s="17"/>
      <c r="C15073" s="17"/>
      <c r="D15073" s="18"/>
      <c r="E15073" s="18"/>
      <c r="F15073" s="18"/>
      <c r="G15073" s="18"/>
      <c r="H15073" s="18"/>
      <c r="I15073" s="18"/>
      <c r="J15073" s="18"/>
      <c r="K15073" s="18"/>
      <c r="L15073" s="18"/>
      <c r="M15073" s="18"/>
      <c r="N15073" s="18"/>
      <c r="O15073" s="18"/>
      <c r="P15073" s="19"/>
      <c r="Q15073" s="19"/>
      <c r="R15073" s="19"/>
      <c r="S15073" s="19"/>
      <c r="T15073" s="21"/>
      <c r="U15073" s="21"/>
      <c r="V15073" s="21"/>
      <c r="W15073" s="21"/>
      <c r="X15073" s="19"/>
      <c r="Y15073" s="19"/>
      <c r="Z15073" s="19"/>
      <c r="AA15073" s="19"/>
    </row>
    <row r="15074" spans="1:27" s="1" customFormat="1" ht="14.1" customHeight="1" outlineLevel="4" x14ac:dyDescent="0.2">
      <c r="A15074" s="17">
        <v>4388</v>
      </c>
      <c r="B15074" s="17"/>
      <c r="C15074" s="17"/>
      <c r="D15074" s="18" t="s">
        <v>7473</v>
      </c>
      <c r="E15074" s="18"/>
      <c r="F15074" s="18"/>
      <c r="G15074" s="18"/>
      <c r="H15074" s="18"/>
      <c r="I15074" s="18"/>
      <c r="J15074" s="18"/>
      <c r="K15074" s="18"/>
      <c r="L15074" s="18"/>
      <c r="M15074" s="18"/>
      <c r="N15074" s="18"/>
      <c r="O15074" s="18"/>
      <c r="P15074" s="19">
        <v>360</v>
      </c>
      <c r="Q15074" s="19"/>
      <c r="R15074" s="19"/>
      <c r="S15074" s="19"/>
      <c r="T15074" s="19">
        <v>210</v>
      </c>
      <c r="U15074" s="19"/>
      <c r="V15074" s="19"/>
      <c r="W15074" s="19"/>
      <c r="X15074" s="19">
        <v>1</v>
      </c>
      <c r="Y15074" s="19"/>
      <c r="Z15074" s="19"/>
      <c r="AA15074" s="19"/>
    </row>
    <row r="15075" spans="1:27" s="1" customFormat="1" ht="14.1" customHeight="1" outlineLevel="4" x14ac:dyDescent="0.2">
      <c r="A15075" s="17"/>
      <c r="B15075" s="17"/>
      <c r="C15075" s="17"/>
      <c r="D15075" s="18"/>
      <c r="E15075" s="18"/>
      <c r="F15075" s="18"/>
      <c r="G15075" s="18"/>
      <c r="H15075" s="18"/>
      <c r="I15075" s="18"/>
      <c r="J15075" s="18"/>
      <c r="K15075" s="18"/>
      <c r="L15075" s="18"/>
      <c r="M15075" s="18"/>
      <c r="N15075" s="18"/>
      <c r="O15075" s="18"/>
      <c r="P15075" s="19"/>
      <c r="Q15075" s="19"/>
      <c r="R15075" s="19"/>
      <c r="S15075" s="19"/>
      <c r="T15075" s="19"/>
      <c r="U15075" s="19"/>
      <c r="V15075" s="19"/>
      <c r="W15075" s="19"/>
      <c r="X15075" s="19"/>
      <c r="Y15075" s="19"/>
      <c r="Z15075" s="19"/>
      <c r="AA15075" s="19"/>
    </row>
    <row r="15076" spans="1:27" s="1" customFormat="1" ht="11.1" customHeight="1" outlineLevel="3" x14ac:dyDescent="0.2">
      <c r="A15076" s="16" t="s">
        <v>7474</v>
      </c>
      <c r="B15076" s="16"/>
      <c r="C15076" s="16"/>
      <c r="D15076" s="16"/>
      <c r="E15076" s="16"/>
      <c r="F15076" s="16"/>
      <c r="G15076" s="16"/>
      <c r="H15076" s="16"/>
      <c r="I15076" s="16"/>
      <c r="J15076" s="16"/>
      <c r="K15076" s="16"/>
      <c r="L15076" s="16"/>
      <c r="M15076" s="16"/>
      <c r="N15076" s="16"/>
      <c r="O15076" s="16"/>
      <c r="P15076" s="16"/>
      <c r="Q15076" s="16"/>
      <c r="R15076" s="16"/>
      <c r="S15076" s="16"/>
      <c r="T15076" s="16"/>
      <c r="U15076" s="16"/>
      <c r="V15076" s="16"/>
      <c r="W15076" s="16"/>
      <c r="X15076" s="16"/>
      <c r="Y15076" s="16"/>
      <c r="Z15076" s="16"/>
      <c r="AA15076" s="16"/>
    </row>
    <row r="15077" spans="1:27" s="1" customFormat="1" ht="11.1" customHeight="1" outlineLevel="3" x14ac:dyDescent="0.2">
      <c r="A15077" s="16"/>
      <c r="B15077" s="16"/>
      <c r="C15077" s="16"/>
      <c r="D15077" s="16"/>
      <c r="E15077" s="16"/>
      <c r="F15077" s="16"/>
      <c r="G15077" s="16"/>
      <c r="H15077" s="16"/>
      <c r="I15077" s="16"/>
      <c r="J15077" s="16"/>
      <c r="K15077" s="16"/>
      <c r="L15077" s="16"/>
      <c r="M15077" s="16"/>
      <c r="N15077" s="16"/>
      <c r="O15077" s="16"/>
      <c r="P15077" s="16"/>
      <c r="Q15077" s="16"/>
      <c r="R15077" s="16"/>
      <c r="S15077" s="16"/>
      <c r="T15077" s="16"/>
      <c r="U15077" s="16"/>
      <c r="V15077" s="16"/>
      <c r="W15077" s="16"/>
      <c r="X15077" s="16"/>
      <c r="Y15077" s="16"/>
      <c r="Z15077" s="16"/>
      <c r="AA15077" s="16"/>
    </row>
    <row r="15078" spans="1:27" s="1" customFormat="1" ht="11.1" customHeight="1" outlineLevel="4" x14ac:dyDescent="0.2">
      <c r="A15078" s="17">
        <v>4373</v>
      </c>
      <c r="B15078" s="17"/>
      <c r="C15078" s="17"/>
      <c r="D15078" s="18" t="s">
        <v>7475</v>
      </c>
      <c r="E15078" s="18"/>
      <c r="F15078" s="18"/>
      <c r="G15078" s="18"/>
      <c r="H15078" s="18"/>
      <c r="I15078" s="18"/>
      <c r="J15078" s="18"/>
      <c r="K15078" s="18"/>
      <c r="L15078" s="18"/>
      <c r="M15078" s="18"/>
      <c r="N15078" s="18"/>
      <c r="O15078" s="18"/>
      <c r="P15078" s="19">
        <v>280</v>
      </c>
      <c r="Q15078" s="19"/>
      <c r="R15078" s="19"/>
      <c r="S15078" s="19"/>
      <c r="T15078" s="21"/>
      <c r="U15078" s="21"/>
      <c r="V15078" s="21"/>
      <c r="W15078" s="21"/>
      <c r="X15078" s="19">
        <v>1</v>
      </c>
      <c r="Y15078" s="19"/>
      <c r="Z15078" s="19"/>
      <c r="AA15078" s="19"/>
    </row>
    <row r="15079" spans="1:27" s="1" customFormat="1" ht="11.1" customHeight="1" outlineLevel="4" x14ac:dyDescent="0.2">
      <c r="A15079" s="17"/>
      <c r="B15079" s="17"/>
      <c r="C15079" s="17"/>
      <c r="D15079" s="18"/>
      <c r="E15079" s="18"/>
      <c r="F15079" s="18"/>
      <c r="G15079" s="18"/>
      <c r="H15079" s="18"/>
      <c r="I15079" s="18"/>
      <c r="J15079" s="18"/>
      <c r="K15079" s="18"/>
      <c r="L15079" s="18"/>
      <c r="M15079" s="18"/>
      <c r="N15079" s="18"/>
      <c r="O15079" s="18"/>
      <c r="P15079" s="19"/>
      <c r="Q15079" s="19"/>
      <c r="R15079" s="19"/>
      <c r="S15079" s="19"/>
      <c r="T15079" s="21"/>
      <c r="U15079" s="21"/>
      <c r="V15079" s="21"/>
      <c r="W15079" s="21"/>
      <c r="X15079" s="19"/>
      <c r="Y15079" s="19"/>
      <c r="Z15079" s="19"/>
      <c r="AA15079" s="19"/>
    </row>
    <row r="15080" spans="1:27" s="1" customFormat="1" ht="11.1" customHeight="1" outlineLevel="4" x14ac:dyDescent="0.2">
      <c r="A15080" s="17">
        <v>4374</v>
      </c>
      <c r="B15080" s="17"/>
      <c r="C15080" s="17"/>
      <c r="D15080" s="18" t="s">
        <v>7476</v>
      </c>
      <c r="E15080" s="18"/>
      <c r="F15080" s="18"/>
      <c r="G15080" s="18"/>
      <c r="H15080" s="18"/>
      <c r="I15080" s="18"/>
      <c r="J15080" s="18"/>
      <c r="K15080" s="18"/>
      <c r="L15080" s="18"/>
      <c r="M15080" s="18"/>
      <c r="N15080" s="18"/>
      <c r="O15080" s="18"/>
      <c r="P15080" s="19">
        <v>280</v>
      </c>
      <c r="Q15080" s="19"/>
      <c r="R15080" s="19"/>
      <c r="S15080" s="19"/>
      <c r="T15080" s="21"/>
      <c r="U15080" s="21"/>
      <c r="V15080" s="21"/>
      <c r="W15080" s="21"/>
      <c r="X15080" s="19">
        <v>1</v>
      </c>
      <c r="Y15080" s="19"/>
      <c r="Z15080" s="19"/>
      <c r="AA15080" s="19"/>
    </row>
    <row r="15081" spans="1:27" s="1" customFormat="1" ht="11.1" customHeight="1" outlineLevel="4" x14ac:dyDescent="0.2">
      <c r="A15081" s="17"/>
      <c r="B15081" s="17"/>
      <c r="C15081" s="17"/>
      <c r="D15081" s="18"/>
      <c r="E15081" s="18"/>
      <c r="F15081" s="18"/>
      <c r="G15081" s="18"/>
      <c r="H15081" s="18"/>
      <c r="I15081" s="18"/>
      <c r="J15081" s="18"/>
      <c r="K15081" s="18"/>
      <c r="L15081" s="18"/>
      <c r="M15081" s="18"/>
      <c r="N15081" s="18"/>
      <c r="O15081" s="18"/>
      <c r="P15081" s="19"/>
      <c r="Q15081" s="19"/>
      <c r="R15081" s="19"/>
      <c r="S15081" s="19"/>
      <c r="T15081" s="21"/>
      <c r="U15081" s="21"/>
      <c r="V15081" s="21"/>
      <c r="W15081" s="21"/>
      <c r="X15081" s="19"/>
      <c r="Y15081" s="19"/>
      <c r="Z15081" s="19"/>
      <c r="AA15081" s="19"/>
    </row>
    <row r="15082" spans="1:27" s="1" customFormat="1" ht="11.1" customHeight="1" outlineLevel="4" x14ac:dyDescent="0.2">
      <c r="A15082" s="17">
        <v>4375</v>
      </c>
      <c r="B15082" s="17"/>
      <c r="C15082" s="17"/>
      <c r="D15082" s="18" t="s">
        <v>7477</v>
      </c>
      <c r="E15082" s="18"/>
      <c r="F15082" s="18"/>
      <c r="G15082" s="18"/>
      <c r="H15082" s="18"/>
      <c r="I15082" s="18"/>
      <c r="J15082" s="18"/>
      <c r="K15082" s="18"/>
      <c r="L15082" s="18"/>
      <c r="M15082" s="18"/>
      <c r="N15082" s="18"/>
      <c r="O15082" s="18"/>
      <c r="P15082" s="19">
        <v>300</v>
      </c>
      <c r="Q15082" s="19"/>
      <c r="R15082" s="19"/>
      <c r="S15082" s="19"/>
      <c r="T15082" s="21"/>
      <c r="U15082" s="21"/>
      <c r="V15082" s="21"/>
      <c r="W15082" s="21"/>
      <c r="X15082" s="19">
        <v>1</v>
      </c>
      <c r="Y15082" s="19"/>
      <c r="Z15082" s="19"/>
      <c r="AA15082" s="19"/>
    </row>
    <row r="15083" spans="1:27" s="1" customFormat="1" ht="11.1" customHeight="1" outlineLevel="4" x14ac:dyDescent="0.2">
      <c r="A15083" s="17"/>
      <c r="B15083" s="17"/>
      <c r="C15083" s="17"/>
      <c r="D15083" s="18"/>
      <c r="E15083" s="18"/>
      <c r="F15083" s="18"/>
      <c r="G15083" s="18"/>
      <c r="H15083" s="18"/>
      <c r="I15083" s="18"/>
      <c r="J15083" s="18"/>
      <c r="K15083" s="18"/>
      <c r="L15083" s="18"/>
      <c r="M15083" s="18"/>
      <c r="N15083" s="18"/>
      <c r="O15083" s="18"/>
      <c r="P15083" s="19"/>
      <c r="Q15083" s="19"/>
      <c r="R15083" s="19"/>
      <c r="S15083" s="19"/>
      <c r="T15083" s="21"/>
      <c r="U15083" s="21"/>
      <c r="V15083" s="21"/>
      <c r="W15083" s="21"/>
      <c r="X15083" s="19"/>
      <c r="Y15083" s="19"/>
      <c r="Z15083" s="19"/>
      <c r="AA15083" s="19"/>
    </row>
    <row r="15084" spans="1:27" s="1" customFormat="1" ht="11.1" customHeight="1" outlineLevel="3" x14ac:dyDescent="0.2">
      <c r="A15084" s="16" t="s">
        <v>7478</v>
      </c>
      <c r="B15084" s="16"/>
      <c r="C15084" s="16"/>
      <c r="D15084" s="16"/>
      <c r="E15084" s="16"/>
      <c r="F15084" s="16"/>
      <c r="G15084" s="16"/>
      <c r="H15084" s="16"/>
      <c r="I15084" s="16"/>
      <c r="J15084" s="16"/>
      <c r="K15084" s="16"/>
      <c r="L15084" s="16"/>
      <c r="M15084" s="16"/>
      <c r="N15084" s="16"/>
      <c r="O15084" s="16"/>
      <c r="P15084" s="16"/>
      <c r="Q15084" s="16"/>
      <c r="R15084" s="16"/>
      <c r="S15084" s="16"/>
      <c r="T15084" s="16"/>
      <c r="U15084" s="16"/>
      <c r="V15084" s="16"/>
      <c r="W15084" s="16"/>
      <c r="X15084" s="16"/>
      <c r="Y15084" s="16"/>
      <c r="Z15084" s="16"/>
      <c r="AA15084" s="16"/>
    </row>
    <row r="15085" spans="1:27" s="1" customFormat="1" ht="11.1" customHeight="1" outlineLevel="3" x14ac:dyDescent="0.2">
      <c r="A15085" s="16"/>
      <c r="B15085" s="16"/>
      <c r="C15085" s="16"/>
      <c r="D15085" s="16"/>
      <c r="E15085" s="16"/>
      <c r="F15085" s="16"/>
      <c r="G15085" s="16"/>
      <c r="H15085" s="16"/>
      <c r="I15085" s="16"/>
      <c r="J15085" s="16"/>
      <c r="K15085" s="16"/>
      <c r="L15085" s="16"/>
      <c r="M15085" s="16"/>
      <c r="N15085" s="16"/>
      <c r="O15085" s="16"/>
      <c r="P15085" s="16"/>
      <c r="Q15085" s="16"/>
      <c r="R15085" s="16"/>
      <c r="S15085" s="16"/>
      <c r="T15085" s="16"/>
      <c r="U15085" s="16"/>
      <c r="V15085" s="16"/>
      <c r="W15085" s="16"/>
      <c r="X15085" s="16"/>
      <c r="Y15085" s="16"/>
      <c r="Z15085" s="16"/>
      <c r="AA15085" s="16"/>
    </row>
    <row r="15086" spans="1:27" s="1" customFormat="1" ht="11.1" customHeight="1" outlineLevel="4" x14ac:dyDescent="0.2">
      <c r="A15086" s="17">
        <v>4391</v>
      </c>
      <c r="B15086" s="17"/>
      <c r="C15086" s="17"/>
      <c r="D15086" s="18" t="s">
        <v>7479</v>
      </c>
      <c r="E15086" s="18"/>
      <c r="F15086" s="18"/>
      <c r="G15086" s="18"/>
      <c r="H15086" s="18"/>
      <c r="I15086" s="18"/>
      <c r="J15086" s="18"/>
      <c r="K15086" s="18"/>
      <c r="L15086" s="18"/>
      <c r="M15086" s="18"/>
      <c r="N15086" s="18"/>
      <c r="O15086" s="18"/>
      <c r="P15086" s="19">
        <v>450</v>
      </c>
      <c r="Q15086" s="19"/>
      <c r="R15086" s="19"/>
      <c r="S15086" s="19"/>
      <c r="T15086" s="21"/>
      <c r="U15086" s="21"/>
      <c r="V15086" s="21"/>
      <c r="W15086" s="21"/>
      <c r="X15086" s="19">
        <v>1</v>
      </c>
      <c r="Y15086" s="19"/>
      <c r="Z15086" s="19"/>
      <c r="AA15086" s="19"/>
    </row>
    <row r="15087" spans="1:27" s="1" customFormat="1" ht="11.1" customHeight="1" outlineLevel="4" x14ac:dyDescent="0.2">
      <c r="A15087" s="17"/>
      <c r="B15087" s="17"/>
      <c r="C15087" s="17"/>
      <c r="D15087" s="18"/>
      <c r="E15087" s="18"/>
      <c r="F15087" s="18"/>
      <c r="G15087" s="18"/>
      <c r="H15087" s="18"/>
      <c r="I15087" s="18"/>
      <c r="J15087" s="18"/>
      <c r="K15087" s="18"/>
      <c r="L15087" s="18"/>
      <c r="M15087" s="18"/>
      <c r="N15087" s="18"/>
      <c r="O15087" s="18"/>
      <c r="P15087" s="19"/>
      <c r="Q15087" s="19"/>
      <c r="R15087" s="19"/>
      <c r="S15087" s="19"/>
      <c r="T15087" s="21"/>
      <c r="U15087" s="21"/>
      <c r="V15087" s="21"/>
      <c r="W15087" s="21"/>
      <c r="X15087" s="19"/>
      <c r="Y15087" s="19"/>
      <c r="Z15087" s="19"/>
      <c r="AA15087" s="19"/>
    </row>
    <row r="15088" spans="1:27" s="1" customFormat="1" ht="11.1" customHeight="1" outlineLevel="4" x14ac:dyDescent="0.2">
      <c r="A15088" s="17">
        <v>4300</v>
      </c>
      <c r="B15088" s="17"/>
      <c r="C15088" s="17"/>
      <c r="D15088" s="18" t="s">
        <v>7480</v>
      </c>
      <c r="E15088" s="18"/>
      <c r="F15088" s="18"/>
      <c r="G15088" s="18"/>
      <c r="H15088" s="18"/>
      <c r="I15088" s="18"/>
      <c r="J15088" s="18"/>
      <c r="K15088" s="18"/>
      <c r="L15088" s="18"/>
      <c r="M15088" s="18"/>
      <c r="N15088" s="18"/>
      <c r="O15088" s="18"/>
      <c r="P15088" s="19">
        <v>300</v>
      </c>
      <c r="Q15088" s="19"/>
      <c r="R15088" s="19"/>
      <c r="S15088" s="19"/>
      <c r="T15088" s="21"/>
      <c r="U15088" s="21"/>
      <c r="V15088" s="21"/>
      <c r="W15088" s="21"/>
      <c r="X15088" s="19">
        <v>1</v>
      </c>
      <c r="Y15088" s="19"/>
      <c r="Z15088" s="19"/>
      <c r="AA15088" s="19"/>
    </row>
    <row r="15089" spans="1:27" s="1" customFormat="1" ht="11.1" customHeight="1" outlineLevel="4" x14ac:dyDescent="0.2">
      <c r="A15089" s="17"/>
      <c r="B15089" s="17"/>
      <c r="C15089" s="17"/>
      <c r="D15089" s="18"/>
      <c r="E15089" s="18"/>
      <c r="F15089" s="18"/>
      <c r="G15089" s="18"/>
      <c r="H15089" s="18"/>
      <c r="I15089" s="18"/>
      <c r="J15089" s="18"/>
      <c r="K15089" s="18"/>
      <c r="L15089" s="18"/>
      <c r="M15089" s="18"/>
      <c r="N15089" s="18"/>
      <c r="O15089" s="18"/>
      <c r="P15089" s="19"/>
      <c r="Q15089" s="19"/>
      <c r="R15089" s="19"/>
      <c r="S15089" s="19"/>
      <c r="T15089" s="21"/>
      <c r="U15089" s="21"/>
      <c r="V15089" s="21"/>
      <c r="W15089" s="21"/>
      <c r="X15089" s="19"/>
      <c r="Y15089" s="19"/>
      <c r="Z15089" s="19"/>
      <c r="AA15089" s="19"/>
    </row>
    <row r="15090" spans="1:27" s="1" customFormat="1" ht="11.1" customHeight="1" outlineLevel="4" x14ac:dyDescent="0.2">
      <c r="A15090" s="17">
        <v>4301</v>
      </c>
      <c r="B15090" s="17"/>
      <c r="C15090" s="17"/>
      <c r="D15090" s="18" t="s">
        <v>7481</v>
      </c>
      <c r="E15090" s="18"/>
      <c r="F15090" s="18"/>
      <c r="G15090" s="18"/>
      <c r="H15090" s="18"/>
      <c r="I15090" s="18"/>
      <c r="J15090" s="18"/>
      <c r="K15090" s="18"/>
      <c r="L15090" s="18"/>
      <c r="M15090" s="18"/>
      <c r="N15090" s="18"/>
      <c r="O15090" s="18"/>
      <c r="P15090" s="19">
        <v>300</v>
      </c>
      <c r="Q15090" s="19"/>
      <c r="R15090" s="19"/>
      <c r="S15090" s="19"/>
      <c r="T15090" s="21"/>
      <c r="U15090" s="21"/>
      <c r="V15090" s="21"/>
      <c r="W15090" s="21"/>
      <c r="X15090" s="19">
        <v>1</v>
      </c>
      <c r="Y15090" s="19"/>
      <c r="Z15090" s="19"/>
      <c r="AA15090" s="19"/>
    </row>
    <row r="15091" spans="1:27" s="1" customFormat="1" ht="11.1" customHeight="1" outlineLevel="4" x14ac:dyDescent="0.2">
      <c r="A15091" s="17"/>
      <c r="B15091" s="17"/>
      <c r="C15091" s="17"/>
      <c r="D15091" s="18"/>
      <c r="E15091" s="18"/>
      <c r="F15091" s="18"/>
      <c r="G15091" s="18"/>
      <c r="H15091" s="18"/>
      <c r="I15091" s="18"/>
      <c r="J15091" s="18"/>
      <c r="K15091" s="18"/>
      <c r="L15091" s="18"/>
      <c r="M15091" s="18"/>
      <c r="N15091" s="18"/>
      <c r="O15091" s="18"/>
      <c r="P15091" s="19"/>
      <c r="Q15091" s="19"/>
      <c r="R15091" s="19"/>
      <c r="S15091" s="19"/>
      <c r="T15091" s="21"/>
      <c r="U15091" s="21"/>
      <c r="V15091" s="21"/>
      <c r="W15091" s="21"/>
      <c r="X15091" s="19"/>
      <c r="Y15091" s="19"/>
      <c r="Z15091" s="19"/>
      <c r="AA15091" s="19"/>
    </row>
    <row r="15092" spans="1:27" s="1" customFormat="1" ht="14.1" customHeight="1" outlineLevel="4" x14ac:dyDescent="0.2">
      <c r="A15092" s="17">
        <v>9336</v>
      </c>
      <c r="B15092" s="17"/>
      <c r="C15092" s="17"/>
      <c r="D15092" s="18" t="s">
        <v>7482</v>
      </c>
      <c r="E15092" s="18"/>
      <c r="F15092" s="18"/>
      <c r="G15092" s="18"/>
      <c r="H15092" s="18"/>
      <c r="I15092" s="18"/>
      <c r="J15092" s="18"/>
      <c r="K15092" s="18"/>
      <c r="L15092" s="18"/>
      <c r="M15092" s="18"/>
      <c r="N15092" s="18"/>
      <c r="O15092" s="18"/>
      <c r="P15092" s="19">
        <v>350</v>
      </c>
      <c r="Q15092" s="19"/>
      <c r="R15092" s="19"/>
      <c r="S15092" s="19"/>
      <c r="T15092" s="19">
        <v>200</v>
      </c>
      <c r="U15092" s="19"/>
      <c r="V15092" s="19"/>
      <c r="W15092" s="19"/>
      <c r="X15092" s="19">
        <v>1</v>
      </c>
      <c r="Y15092" s="19"/>
      <c r="Z15092" s="19"/>
      <c r="AA15092" s="19"/>
    </row>
    <row r="15093" spans="1:27" s="1" customFormat="1" ht="14.1" customHeight="1" outlineLevel="4" x14ac:dyDescent="0.2">
      <c r="A15093" s="17"/>
      <c r="B15093" s="17"/>
      <c r="C15093" s="17"/>
      <c r="D15093" s="18"/>
      <c r="E15093" s="18"/>
      <c r="F15093" s="18"/>
      <c r="G15093" s="18"/>
      <c r="H15093" s="18"/>
      <c r="I15093" s="18"/>
      <c r="J15093" s="18"/>
      <c r="K15093" s="18"/>
      <c r="L15093" s="18"/>
      <c r="M15093" s="18"/>
      <c r="N15093" s="18"/>
      <c r="O15093" s="18"/>
      <c r="P15093" s="19"/>
      <c r="Q15093" s="19"/>
      <c r="R15093" s="19"/>
      <c r="S15093" s="19"/>
      <c r="T15093" s="19"/>
      <c r="U15093" s="19"/>
      <c r="V15093" s="19"/>
      <c r="W15093" s="19"/>
      <c r="X15093" s="19"/>
      <c r="Y15093" s="19"/>
      <c r="Z15093" s="19"/>
      <c r="AA15093" s="19"/>
    </row>
    <row r="15094" spans="1:27" s="1" customFormat="1" ht="11.1" customHeight="1" outlineLevel="3" x14ac:dyDescent="0.2">
      <c r="A15094" s="16" t="s">
        <v>1212</v>
      </c>
      <c r="B15094" s="16"/>
      <c r="C15094" s="16"/>
      <c r="D15094" s="16"/>
      <c r="E15094" s="16"/>
      <c r="F15094" s="16"/>
      <c r="G15094" s="16"/>
      <c r="H15094" s="16"/>
      <c r="I15094" s="16"/>
      <c r="J15094" s="16"/>
      <c r="K15094" s="16"/>
      <c r="L15094" s="16"/>
      <c r="M15094" s="16"/>
      <c r="N15094" s="16"/>
      <c r="O15094" s="16"/>
      <c r="P15094" s="16"/>
      <c r="Q15094" s="16"/>
      <c r="R15094" s="16"/>
      <c r="S15094" s="16"/>
      <c r="T15094" s="16"/>
      <c r="U15094" s="16"/>
      <c r="V15094" s="16"/>
      <c r="W15094" s="16"/>
      <c r="X15094" s="16"/>
      <c r="Y15094" s="16"/>
      <c r="Z15094" s="16"/>
      <c r="AA15094" s="16"/>
    </row>
    <row r="15095" spans="1:27" s="1" customFormat="1" ht="11.1" customHeight="1" outlineLevel="3" x14ac:dyDescent="0.2">
      <c r="A15095" s="16"/>
      <c r="B15095" s="16"/>
      <c r="C15095" s="16"/>
      <c r="D15095" s="16"/>
      <c r="E15095" s="16"/>
      <c r="F15095" s="16"/>
      <c r="G15095" s="16"/>
      <c r="H15095" s="16"/>
      <c r="I15095" s="16"/>
      <c r="J15095" s="16"/>
      <c r="K15095" s="16"/>
      <c r="L15095" s="16"/>
      <c r="M15095" s="16"/>
      <c r="N15095" s="16"/>
      <c r="O15095" s="16"/>
      <c r="P15095" s="16"/>
      <c r="Q15095" s="16"/>
      <c r="R15095" s="16"/>
      <c r="S15095" s="16"/>
      <c r="T15095" s="16"/>
      <c r="U15095" s="16"/>
      <c r="V15095" s="16"/>
      <c r="W15095" s="16"/>
      <c r="X15095" s="16"/>
      <c r="Y15095" s="16"/>
      <c r="Z15095" s="16"/>
      <c r="AA15095" s="16"/>
    </row>
    <row r="15096" spans="1:27" s="1" customFormat="1" ht="14.1" customHeight="1" outlineLevel="4" x14ac:dyDescent="0.2">
      <c r="A15096" s="17">
        <v>4393</v>
      </c>
      <c r="B15096" s="17"/>
      <c r="C15096" s="17"/>
      <c r="D15096" s="18" t="s">
        <v>7483</v>
      </c>
      <c r="E15096" s="18"/>
      <c r="F15096" s="18"/>
      <c r="G15096" s="18"/>
      <c r="H15096" s="18"/>
      <c r="I15096" s="18"/>
      <c r="J15096" s="18"/>
      <c r="K15096" s="18"/>
      <c r="L15096" s="18"/>
      <c r="M15096" s="18"/>
      <c r="N15096" s="18"/>
      <c r="O15096" s="18"/>
      <c r="P15096" s="19">
        <v>400</v>
      </c>
      <c r="Q15096" s="19"/>
      <c r="R15096" s="19"/>
      <c r="S15096" s="19"/>
      <c r="T15096" s="21"/>
      <c r="U15096" s="21"/>
      <c r="V15096" s="21"/>
      <c r="W15096" s="21"/>
      <c r="X15096" s="19">
        <v>1</v>
      </c>
      <c r="Y15096" s="19"/>
      <c r="Z15096" s="19"/>
      <c r="AA15096" s="19"/>
    </row>
    <row r="15097" spans="1:27" s="1" customFormat="1" ht="14.1" customHeight="1" outlineLevel="4" x14ac:dyDescent="0.2">
      <c r="A15097" s="17"/>
      <c r="B15097" s="17"/>
      <c r="C15097" s="17"/>
      <c r="D15097" s="18"/>
      <c r="E15097" s="18"/>
      <c r="F15097" s="18"/>
      <c r="G15097" s="18"/>
      <c r="H15097" s="18"/>
      <c r="I15097" s="18"/>
      <c r="J15097" s="18"/>
      <c r="K15097" s="18"/>
      <c r="L15097" s="18"/>
      <c r="M15097" s="18"/>
      <c r="N15097" s="18"/>
      <c r="O15097" s="18"/>
      <c r="P15097" s="19"/>
      <c r="Q15097" s="19"/>
      <c r="R15097" s="19"/>
      <c r="S15097" s="19"/>
      <c r="T15097" s="21"/>
      <c r="U15097" s="21"/>
      <c r="V15097" s="21"/>
      <c r="W15097" s="21"/>
      <c r="X15097" s="19"/>
      <c r="Y15097" s="19"/>
      <c r="Z15097" s="19"/>
      <c r="AA15097" s="19"/>
    </row>
    <row r="15098" spans="1:27" s="1" customFormat="1" ht="11.1" customHeight="1" outlineLevel="4" x14ac:dyDescent="0.2">
      <c r="A15098" s="17">
        <v>4395</v>
      </c>
      <c r="B15098" s="17"/>
      <c r="C15098" s="17"/>
      <c r="D15098" s="18" t="s">
        <v>7484</v>
      </c>
      <c r="E15098" s="18"/>
      <c r="F15098" s="18"/>
      <c r="G15098" s="18"/>
      <c r="H15098" s="18"/>
      <c r="I15098" s="18"/>
      <c r="J15098" s="18"/>
      <c r="K15098" s="18"/>
      <c r="L15098" s="18"/>
      <c r="M15098" s="18"/>
      <c r="N15098" s="18"/>
      <c r="O15098" s="18"/>
      <c r="P15098" s="19">
        <v>350</v>
      </c>
      <c r="Q15098" s="19"/>
      <c r="R15098" s="19"/>
      <c r="S15098" s="19"/>
      <c r="T15098" s="19">
        <v>200</v>
      </c>
      <c r="U15098" s="19"/>
      <c r="V15098" s="19"/>
      <c r="W15098" s="19"/>
      <c r="X15098" s="19">
        <v>1</v>
      </c>
      <c r="Y15098" s="19"/>
      <c r="Z15098" s="19"/>
      <c r="AA15098" s="19"/>
    </row>
    <row r="15099" spans="1:27" s="1" customFormat="1" ht="11.1" customHeight="1" outlineLevel="4" x14ac:dyDescent="0.2">
      <c r="A15099" s="17"/>
      <c r="B15099" s="17"/>
      <c r="C15099" s="17"/>
      <c r="D15099" s="18"/>
      <c r="E15099" s="18"/>
      <c r="F15099" s="18"/>
      <c r="G15099" s="18"/>
      <c r="H15099" s="18"/>
      <c r="I15099" s="18"/>
      <c r="J15099" s="18"/>
      <c r="K15099" s="18"/>
      <c r="L15099" s="18"/>
      <c r="M15099" s="18"/>
      <c r="N15099" s="18"/>
      <c r="O15099" s="18"/>
      <c r="P15099" s="19"/>
      <c r="Q15099" s="19"/>
      <c r="R15099" s="19"/>
      <c r="S15099" s="19"/>
      <c r="T15099" s="19"/>
      <c r="U15099" s="19"/>
      <c r="V15099" s="19"/>
      <c r="W15099" s="19"/>
      <c r="X15099" s="19"/>
      <c r="Y15099" s="19"/>
      <c r="Z15099" s="19"/>
      <c r="AA15099" s="19"/>
    </row>
    <row r="15100" spans="1:27" s="1" customFormat="1" ht="14.1" customHeight="1" outlineLevel="4" x14ac:dyDescent="0.2">
      <c r="A15100" s="17">
        <v>8790</v>
      </c>
      <c r="B15100" s="17"/>
      <c r="C15100" s="17"/>
      <c r="D15100" s="18" t="s">
        <v>7485</v>
      </c>
      <c r="E15100" s="18"/>
      <c r="F15100" s="18"/>
      <c r="G15100" s="18"/>
      <c r="H15100" s="18"/>
      <c r="I15100" s="18"/>
      <c r="J15100" s="18"/>
      <c r="K15100" s="18"/>
      <c r="L15100" s="18"/>
      <c r="M15100" s="18"/>
      <c r="N15100" s="18"/>
      <c r="O15100" s="18"/>
      <c r="P15100" s="19">
        <v>410</v>
      </c>
      <c r="Q15100" s="19"/>
      <c r="R15100" s="19"/>
      <c r="S15100" s="19"/>
      <c r="T15100" s="19">
        <v>260</v>
      </c>
      <c r="U15100" s="19"/>
      <c r="V15100" s="19"/>
      <c r="W15100" s="19"/>
      <c r="X15100" s="19">
        <v>1</v>
      </c>
      <c r="Y15100" s="19"/>
      <c r="Z15100" s="19"/>
      <c r="AA15100" s="19"/>
    </row>
    <row r="15101" spans="1:27" s="1" customFormat="1" ht="14.1" customHeight="1" outlineLevel="4" x14ac:dyDescent="0.2">
      <c r="A15101" s="17"/>
      <c r="B15101" s="17"/>
      <c r="C15101" s="17"/>
      <c r="D15101" s="18"/>
      <c r="E15101" s="18"/>
      <c r="F15101" s="18"/>
      <c r="G15101" s="18"/>
      <c r="H15101" s="18"/>
      <c r="I15101" s="18"/>
      <c r="J15101" s="18"/>
      <c r="K15101" s="18"/>
      <c r="L15101" s="18"/>
      <c r="M15101" s="18"/>
      <c r="N15101" s="18"/>
      <c r="O15101" s="18"/>
      <c r="P15101" s="19"/>
      <c r="Q15101" s="19"/>
      <c r="R15101" s="19"/>
      <c r="S15101" s="19"/>
      <c r="T15101" s="19"/>
      <c r="U15101" s="19"/>
      <c r="V15101" s="19"/>
      <c r="W15101" s="19"/>
      <c r="X15101" s="19"/>
      <c r="Y15101" s="19"/>
      <c r="Z15101" s="19"/>
      <c r="AA15101" s="19"/>
    </row>
    <row r="15102" spans="1:27" s="1" customFormat="1" ht="11.1" customHeight="1" outlineLevel="4" x14ac:dyDescent="0.2">
      <c r="A15102" s="17">
        <v>8794</v>
      </c>
      <c r="B15102" s="17"/>
      <c r="C15102" s="17"/>
      <c r="D15102" s="18" t="s">
        <v>7486</v>
      </c>
      <c r="E15102" s="18"/>
      <c r="F15102" s="18"/>
      <c r="G15102" s="18"/>
      <c r="H15102" s="18"/>
      <c r="I15102" s="18"/>
      <c r="J15102" s="18"/>
      <c r="K15102" s="18"/>
      <c r="L15102" s="18"/>
      <c r="M15102" s="18"/>
      <c r="N15102" s="18"/>
      <c r="O15102" s="18"/>
      <c r="P15102" s="19">
        <v>400</v>
      </c>
      <c r="Q15102" s="19"/>
      <c r="R15102" s="19"/>
      <c r="S15102" s="19"/>
      <c r="T15102" s="19">
        <v>250</v>
      </c>
      <c r="U15102" s="19"/>
      <c r="V15102" s="19"/>
      <c r="W15102" s="19"/>
      <c r="X15102" s="19">
        <v>1</v>
      </c>
      <c r="Y15102" s="19"/>
      <c r="Z15102" s="19"/>
      <c r="AA15102" s="19"/>
    </row>
    <row r="15103" spans="1:27" s="1" customFormat="1" ht="11.1" customHeight="1" outlineLevel="4" x14ac:dyDescent="0.2">
      <c r="A15103" s="17"/>
      <c r="B15103" s="17"/>
      <c r="C15103" s="17"/>
      <c r="D15103" s="18"/>
      <c r="E15103" s="18"/>
      <c r="F15103" s="18"/>
      <c r="G15103" s="18"/>
      <c r="H15103" s="18"/>
      <c r="I15103" s="18"/>
      <c r="J15103" s="18"/>
      <c r="K15103" s="18"/>
      <c r="L15103" s="18"/>
      <c r="M15103" s="18"/>
      <c r="N15103" s="18"/>
      <c r="O15103" s="18"/>
      <c r="P15103" s="19"/>
      <c r="Q15103" s="19"/>
      <c r="R15103" s="19"/>
      <c r="S15103" s="19"/>
      <c r="T15103" s="19"/>
      <c r="U15103" s="19"/>
      <c r="V15103" s="19"/>
      <c r="W15103" s="19"/>
      <c r="X15103" s="19"/>
      <c r="Y15103" s="19"/>
      <c r="Z15103" s="19"/>
      <c r="AA15103" s="19"/>
    </row>
    <row r="15104" spans="1:27" s="1" customFormat="1" ht="11.1" customHeight="1" outlineLevel="4" x14ac:dyDescent="0.2">
      <c r="A15104" s="17">
        <v>4303</v>
      </c>
      <c r="B15104" s="17"/>
      <c r="C15104" s="17"/>
      <c r="D15104" s="18" t="s">
        <v>7487</v>
      </c>
      <c r="E15104" s="18"/>
      <c r="F15104" s="18"/>
      <c r="G15104" s="18"/>
      <c r="H15104" s="18"/>
      <c r="I15104" s="18"/>
      <c r="J15104" s="18"/>
      <c r="K15104" s="18"/>
      <c r="L15104" s="18"/>
      <c r="M15104" s="18"/>
      <c r="N15104" s="18"/>
      <c r="O15104" s="18"/>
      <c r="P15104" s="19">
        <v>280</v>
      </c>
      <c r="Q15104" s="19"/>
      <c r="R15104" s="19"/>
      <c r="S15104" s="19"/>
      <c r="T15104" s="21"/>
      <c r="U15104" s="21"/>
      <c r="V15104" s="21"/>
      <c r="W15104" s="21"/>
      <c r="X15104" s="19">
        <v>1</v>
      </c>
      <c r="Y15104" s="19"/>
      <c r="Z15104" s="19"/>
      <c r="AA15104" s="19"/>
    </row>
    <row r="15105" spans="1:27" s="1" customFormat="1" ht="11.1" customHeight="1" outlineLevel="4" x14ac:dyDescent="0.2">
      <c r="A15105" s="17"/>
      <c r="B15105" s="17"/>
      <c r="C15105" s="17"/>
      <c r="D15105" s="18"/>
      <c r="E15105" s="18"/>
      <c r="F15105" s="18"/>
      <c r="G15105" s="18"/>
      <c r="H15105" s="18"/>
      <c r="I15105" s="18"/>
      <c r="J15105" s="18"/>
      <c r="K15105" s="18"/>
      <c r="L15105" s="18"/>
      <c r="M15105" s="18"/>
      <c r="N15105" s="18"/>
      <c r="O15105" s="18"/>
      <c r="P15105" s="19"/>
      <c r="Q15105" s="19"/>
      <c r="R15105" s="19"/>
      <c r="S15105" s="19"/>
      <c r="T15105" s="21"/>
      <c r="U15105" s="21"/>
      <c r="V15105" s="21"/>
      <c r="W15105" s="21"/>
      <c r="X15105" s="19"/>
      <c r="Y15105" s="19"/>
      <c r="Z15105" s="19"/>
      <c r="AA15105" s="19"/>
    </row>
    <row r="15106" spans="1:27" s="1" customFormat="1" ht="11.1" customHeight="1" outlineLevel="4" x14ac:dyDescent="0.2">
      <c r="A15106" s="17">
        <v>4304</v>
      </c>
      <c r="B15106" s="17"/>
      <c r="C15106" s="17"/>
      <c r="D15106" s="18" t="s">
        <v>7488</v>
      </c>
      <c r="E15106" s="18"/>
      <c r="F15106" s="18"/>
      <c r="G15106" s="18"/>
      <c r="H15106" s="18"/>
      <c r="I15106" s="18"/>
      <c r="J15106" s="18"/>
      <c r="K15106" s="18"/>
      <c r="L15106" s="18"/>
      <c r="M15106" s="18"/>
      <c r="N15106" s="18"/>
      <c r="O15106" s="18"/>
      <c r="P15106" s="19">
        <v>350</v>
      </c>
      <c r="Q15106" s="19"/>
      <c r="R15106" s="19"/>
      <c r="S15106" s="19"/>
      <c r="T15106" s="21"/>
      <c r="U15106" s="21"/>
      <c r="V15106" s="21"/>
      <c r="W15106" s="21"/>
      <c r="X15106" s="19">
        <v>1</v>
      </c>
      <c r="Y15106" s="19"/>
      <c r="Z15106" s="19"/>
      <c r="AA15106" s="19"/>
    </row>
    <row r="15107" spans="1:27" s="1" customFormat="1" ht="11.1" customHeight="1" outlineLevel="4" x14ac:dyDescent="0.2">
      <c r="A15107" s="17"/>
      <c r="B15107" s="17"/>
      <c r="C15107" s="17"/>
      <c r="D15107" s="18"/>
      <c r="E15107" s="18"/>
      <c r="F15107" s="18"/>
      <c r="G15107" s="18"/>
      <c r="H15107" s="18"/>
      <c r="I15107" s="18"/>
      <c r="J15107" s="18"/>
      <c r="K15107" s="18"/>
      <c r="L15107" s="18"/>
      <c r="M15107" s="18"/>
      <c r="N15107" s="18"/>
      <c r="O15107" s="18"/>
      <c r="P15107" s="19"/>
      <c r="Q15107" s="19"/>
      <c r="R15107" s="19"/>
      <c r="S15107" s="19"/>
      <c r="T15107" s="21"/>
      <c r="U15107" s="21"/>
      <c r="V15107" s="21"/>
      <c r="W15107" s="21"/>
      <c r="X15107" s="19"/>
      <c r="Y15107" s="19"/>
      <c r="Z15107" s="19"/>
      <c r="AA15107" s="19"/>
    </row>
    <row r="15108" spans="1:27" s="1" customFormat="1" ht="14.1" customHeight="1" outlineLevel="4" x14ac:dyDescent="0.2">
      <c r="A15108" s="17">
        <v>4305</v>
      </c>
      <c r="B15108" s="17"/>
      <c r="C15108" s="17"/>
      <c r="D15108" s="18" t="s">
        <v>7489</v>
      </c>
      <c r="E15108" s="18"/>
      <c r="F15108" s="18"/>
      <c r="G15108" s="18"/>
      <c r="H15108" s="18"/>
      <c r="I15108" s="18"/>
      <c r="J15108" s="18"/>
      <c r="K15108" s="18"/>
      <c r="L15108" s="18"/>
      <c r="M15108" s="18"/>
      <c r="N15108" s="18"/>
      <c r="O15108" s="18"/>
      <c r="P15108" s="19">
        <v>300</v>
      </c>
      <c r="Q15108" s="19"/>
      <c r="R15108" s="19"/>
      <c r="S15108" s="19"/>
      <c r="T15108" s="21"/>
      <c r="U15108" s="21"/>
      <c r="V15108" s="21"/>
      <c r="W15108" s="21"/>
      <c r="X15108" s="19">
        <v>1</v>
      </c>
      <c r="Y15108" s="19"/>
      <c r="Z15108" s="19"/>
      <c r="AA15108" s="19"/>
    </row>
    <row r="15109" spans="1:27" s="1" customFormat="1" ht="14.1" customHeight="1" outlineLevel="4" x14ac:dyDescent="0.2">
      <c r="A15109" s="17"/>
      <c r="B15109" s="17"/>
      <c r="C15109" s="17"/>
      <c r="D15109" s="18"/>
      <c r="E15109" s="18"/>
      <c r="F15109" s="18"/>
      <c r="G15109" s="18"/>
      <c r="H15109" s="18"/>
      <c r="I15109" s="18"/>
      <c r="J15109" s="18"/>
      <c r="K15109" s="18"/>
      <c r="L15109" s="18"/>
      <c r="M15109" s="18"/>
      <c r="N15109" s="18"/>
      <c r="O15109" s="18"/>
      <c r="P15109" s="19"/>
      <c r="Q15109" s="19"/>
      <c r="R15109" s="19"/>
      <c r="S15109" s="19"/>
      <c r="T15109" s="21"/>
      <c r="U15109" s="21"/>
      <c r="V15109" s="21"/>
      <c r="W15109" s="21"/>
      <c r="X15109" s="19"/>
      <c r="Y15109" s="19"/>
      <c r="Z15109" s="19"/>
      <c r="AA15109" s="19"/>
    </row>
    <row r="15110" spans="1:27" s="1" customFormat="1" ht="11.1" customHeight="1" outlineLevel="4" x14ac:dyDescent="0.2">
      <c r="A15110" s="17">
        <v>4307</v>
      </c>
      <c r="B15110" s="17"/>
      <c r="C15110" s="17"/>
      <c r="D15110" s="18" t="s">
        <v>7490</v>
      </c>
      <c r="E15110" s="18"/>
      <c r="F15110" s="18"/>
      <c r="G15110" s="18"/>
      <c r="H15110" s="18"/>
      <c r="I15110" s="18"/>
      <c r="J15110" s="18"/>
      <c r="K15110" s="18"/>
      <c r="L15110" s="18"/>
      <c r="M15110" s="18"/>
      <c r="N15110" s="18"/>
      <c r="O15110" s="18"/>
      <c r="P15110" s="19">
        <v>300</v>
      </c>
      <c r="Q15110" s="19"/>
      <c r="R15110" s="19"/>
      <c r="S15110" s="19"/>
      <c r="T15110" s="21"/>
      <c r="U15110" s="21"/>
      <c r="V15110" s="21"/>
      <c r="W15110" s="21"/>
      <c r="X15110" s="19">
        <v>1</v>
      </c>
      <c r="Y15110" s="19"/>
      <c r="Z15110" s="19"/>
      <c r="AA15110" s="19"/>
    </row>
    <row r="15111" spans="1:27" s="1" customFormat="1" ht="11.1" customHeight="1" outlineLevel="4" x14ac:dyDescent="0.2">
      <c r="A15111" s="17"/>
      <c r="B15111" s="17"/>
      <c r="C15111" s="17"/>
      <c r="D15111" s="18"/>
      <c r="E15111" s="18"/>
      <c r="F15111" s="18"/>
      <c r="G15111" s="18"/>
      <c r="H15111" s="18"/>
      <c r="I15111" s="18"/>
      <c r="J15111" s="18"/>
      <c r="K15111" s="18"/>
      <c r="L15111" s="18"/>
      <c r="M15111" s="18"/>
      <c r="N15111" s="18"/>
      <c r="O15111" s="18"/>
      <c r="P15111" s="19"/>
      <c r="Q15111" s="19"/>
      <c r="R15111" s="19"/>
      <c r="S15111" s="19"/>
      <c r="T15111" s="21"/>
      <c r="U15111" s="21"/>
      <c r="V15111" s="21"/>
      <c r="W15111" s="21"/>
      <c r="X15111" s="19"/>
      <c r="Y15111" s="19"/>
      <c r="Z15111" s="19"/>
      <c r="AA15111" s="19"/>
    </row>
    <row r="15112" spans="1:27" s="1" customFormat="1" ht="11.1" customHeight="1" outlineLevel="4" x14ac:dyDescent="0.2">
      <c r="A15112" s="17">
        <v>5678</v>
      </c>
      <c r="B15112" s="17"/>
      <c r="C15112" s="17"/>
      <c r="D15112" s="18" t="s">
        <v>7491</v>
      </c>
      <c r="E15112" s="18"/>
      <c r="F15112" s="18"/>
      <c r="G15112" s="18"/>
      <c r="H15112" s="18"/>
      <c r="I15112" s="18"/>
      <c r="J15112" s="18"/>
      <c r="K15112" s="18"/>
      <c r="L15112" s="18"/>
      <c r="M15112" s="18"/>
      <c r="N15112" s="18"/>
      <c r="O15112" s="18"/>
      <c r="P15112" s="19">
        <v>400</v>
      </c>
      <c r="Q15112" s="19"/>
      <c r="R15112" s="19"/>
      <c r="S15112" s="19"/>
      <c r="T15112" s="21"/>
      <c r="U15112" s="21"/>
      <c r="V15112" s="21"/>
      <c r="W15112" s="21"/>
      <c r="X15112" s="19">
        <v>2</v>
      </c>
      <c r="Y15112" s="19"/>
      <c r="Z15112" s="19"/>
      <c r="AA15112" s="19"/>
    </row>
    <row r="15113" spans="1:27" s="1" customFormat="1" ht="11.1" customHeight="1" outlineLevel="4" x14ac:dyDescent="0.2">
      <c r="A15113" s="17"/>
      <c r="B15113" s="17"/>
      <c r="C15113" s="17"/>
      <c r="D15113" s="18"/>
      <c r="E15113" s="18"/>
      <c r="F15113" s="18"/>
      <c r="G15113" s="18"/>
      <c r="H15113" s="18"/>
      <c r="I15113" s="18"/>
      <c r="J15113" s="18"/>
      <c r="K15113" s="18"/>
      <c r="L15113" s="18"/>
      <c r="M15113" s="18"/>
      <c r="N15113" s="18"/>
      <c r="O15113" s="18"/>
      <c r="P15113" s="19"/>
      <c r="Q15113" s="19"/>
      <c r="R15113" s="19"/>
      <c r="S15113" s="19"/>
      <c r="T15113" s="21"/>
      <c r="U15113" s="21"/>
      <c r="V15113" s="21"/>
      <c r="W15113" s="21"/>
      <c r="X15113" s="19"/>
      <c r="Y15113" s="19"/>
      <c r="Z15113" s="19"/>
      <c r="AA15113" s="19"/>
    </row>
    <row r="15114" spans="1:27" s="1" customFormat="1" ht="11.1" customHeight="1" outlineLevel="4" x14ac:dyDescent="0.2">
      <c r="A15114" s="17">
        <v>8752</v>
      </c>
      <c r="B15114" s="17"/>
      <c r="C15114" s="17"/>
      <c r="D15114" s="18" t="s">
        <v>7492</v>
      </c>
      <c r="E15114" s="18"/>
      <c r="F15114" s="18"/>
      <c r="G15114" s="18"/>
      <c r="H15114" s="18"/>
      <c r="I15114" s="18"/>
      <c r="J15114" s="18"/>
      <c r="K15114" s="18"/>
      <c r="L15114" s="18"/>
      <c r="M15114" s="18"/>
      <c r="N15114" s="18"/>
      <c r="O15114" s="18"/>
      <c r="P15114" s="19">
        <v>420</v>
      </c>
      <c r="Q15114" s="19"/>
      <c r="R15114" s="19"/>
      <c r="S15114" s="19"/>
      <c r="T15114" s="19">
        <v>270</v>
      </c>
      <c r="U15114" s="19"/>
      <c r="V15114" s="19"/>
      <c r="W15114" s="19"/>
      <c r="X15114" s="19">
        <v>1</v>
      </c>
      <c r="Y15114" s="19"/>
      <c r="Z15114" s="19"/>
      <c r="AA15114" s="19"/>
    </row>
    <row r="15115" spans="1:27" s="1" customFormat="1" ht="11.1" customHeight="1" outlineLevel="4" x14ac:dyDescent="0.2">
      <c r="A15115" s="17"/>
      <c r="B15115" s="17"/>
      <c r="C15115" s="17"/>
      <c r="D15115" s="18"/>
      <c r="E15115" s="18"/>
      <c r="F15115" s="18"/>
      <c r="G15115" s="18"/>
      <c r="H15115" s="18"/>
      <c r="I15115" s="18"/>
      <c r="J15115" s="18"/>
      <c r="K15115" s="18"/>
      <c r="L15115" s="18"/>
      <c r="M15115" s="18"/>
      <c r="N15115" s="18"/>
      <c r="O15115" s="18"/>
      <c r="P15115" s="19"/>
      <c r="Q15115" s="19"/>
      <c r="R15115" s="19"/>
      <c r="S15115" s="19"/>
      <c r="T15115" s="19"/>
      <c r="U15115" s="19"/>
      <c r="V15115" s="19"/>
      <c r="W15115" s="19"/>
      <c r="X15115" s="19"/>
      <c r="Y15115" s="19"/>
      <c r="Z15115" s="19"/>
      <c r="AA15115" s="19"/>
    </row>
    <row r="15116" spans="1:27" s="1" customFormat="1" ht="11.1" customHeight="1" outlineLevel="4" x14ac:dyDescent="0.2">
      <c r="A15116" s="17">
        <v>8753</v>
      </c>
      <c r="B15116" s="17"/>
      <c r="C15116" s="17"/>
      <c r="D15116" s="18" t="s">
        <v>7493</v>
      </c>
      <c r="E15116" s="18"/>
      <c r="F15116" s="18"/>
      <c r="G15116" s="18"/>
      <c r="H15116" s="18"/>
      <c r="I15116" s="18"/>
      <c r="J15116" s="18"/>
      <c r="K15116" s="18"/>
      <c r="L15116" s="18"/>
      <c r="M15116" s="18"/>
      <c r="N15116" s="18"/>
      <c r="O15116" s="18"/>
      <c r="P15116" s="19">
        <v>370</v>
      </c>
      <c r="Q15116" s="19"/>
      <c r="R15116" s="19"/>
      <c r="S15116" s="19"/>
      <c r="T15116" s="19">
        <v>220</v>
      </c>
      <c r="U15116" s="19"/>
      <c r="V15116" s="19"/>
      <c r="W15116" s="19"/>
      <c r="X15116" s="19">
        <v>1</v>
      </c>
      <c r="Y15116" s="19"/>
      <c r="Z15116" s="19"/>
      <c r="AA15116" s="19"/>
    </row>
    <row r="15117" spans="1:27" s="1" customFormat="1" ht="11.1" customHeight="1" outlineLevel="4" x14ac:dyDescent="0.2">
      <c r="A15117" s="17"/>
      <c r="B15117" s="17"/>
      <c r="C15117" s="17"/>
      <c r="D15117" s="18"/>
      <c r="E15117" s="18"/>
      <c r="F15117" s="18"/>
      <c r="G15117" s="18"/>
      <c r="H15117" s="18"/>
      <c r="I15117" s="18"/>
      <c r="J15117" s="18"/>
      <c r="K15117" s="18"/>
      <c r="L15117" s="18"/>
      <c r="M15117" s="18"/>
      <c r="N15117" s="18"/>
      <c r="O15117" s="18"/>
      <c r="P15117" s="19"/>
      <c r="Q15117" s="19"/>
      <c r="R15117" s="19"/>
      <c r="S15117" s="19"/>
      <c r="T15117" s="19"/>
      <c r="U15117" s="19"/>
      <c r="V15117" s="19"/>
      <c r="W15117" s="19"/>
      <c r="X15117" s="19"/>
      <c r="Y15117" s="19"/>
      <c r="Z15117" s="19"/>
      <c r="AA15117" s="19"/>
    </row>
    <row r="15118" spans="1:27" s="1" customFormat="1" ht="11.1" customHeight="1" outlineLevel="4" x14ac:dyDescent="0.2">
      <c r="A15118" s="17">
        <v>8754</v>
      </c>
      <c r="B15118" s="17"/>
      <c r="C15118" s="17"/>
      <c r="D15118" s="18" t="s">
        <v>7494</v>
      </c>
      <c r="E15118" s="18"/>
      <c r="F15118" s="18"/>
      <c r="G15118" s="18"/>
      <c r="H15118" s="18"/>
      <c r="I15118" s="18"/>
      <c r="J15118" s="18"/>
      <c r="K15118" s="18"/>
      <c r="L15118" s="18"/>
      <c r="M15118" s="18"/>
      <c r="N15118" s="18"/>
      <c r="O15118" s="18"/>
      <c r="P15118" s="19">
        <v>370</v>
      </c>
      <c r="Q15118" s="19"/>
      <c r="R15118" s="19"/>
      <c r="S15118" s="19"/>
      <c r="T15118" s="19">
        <v>220</v>
      </c>
      <c r="U15118" s="19"/>
      <c r="V15118" s="19"/>
      <c r="W15118" s="19"/>
      <c r="X15118" s="19">
        <v>1</v>
      </c>
      <c r="Y15118" s="19"/>
      <c r="Z15118" s="19"/>
      <c r="AA15118" s="19"/>
    </row>
    <row r="15119" spans="1:27" s="1" customFormat="1" ht="11.1" customHeight="1" outlineLevel="4" x14ac:dyDescent="0.2">
      <c r="A15119" s="17"/>
      <c r="B15119" s="17"/>
      <c r="C15119" s="17"/>
      <c r="D15119" s="18"/>
      <c r="E15119" s="18"/>
      <c r="F15119" s="18"/>
      <c r="G15119" s="18"/>
      <c r="H15119" s="18"/>
      <c r="I15119" s="18"/>
      <c r="J15119" s="18"/>
      <c r="K15119" s="18"/>
      <c r="L15119" s="18"/>
      <c r="M15119" s="18"/>
      <c r="N15119" s="18"/>
      <c r="O15119" s="18"/>
      <c r="P15119" s="19"/>
      <c r="Q15119" s="19"/>
      <c r="R15119" s="19"/>
      <c r="S15119" s="19"/>
      <c r="T15119" s="19"/>
      <c r="U15119" s="19"/>
      <c r="V15119" s="19"/>
      <c r="W15119" s="19"/>
      <c r="X15119" s="19"/>
      <c r="Y15119" s="19"/>
      <c r="Z15119" s="19"/>
      <c r="AA15119" s="19"/>
    </row>
    <row r="15120" spans="1:27" s="1" customFormat="1" ht="11.1" customHeight="1" outlineLevel="4" x14ac:dyDescent="0.2">
      <c r="A15120" s="17">
        <v>4314</v>
      </c>
      <c r="B15120" s="17"/>
      <c r="C15120" s="17"/>
      <c r="D15120" s="18" t="s">
        <v>7495</v>
      </c>
      <c r="E15120" s="18"/>
      <c r="F15120" s="18"/>
      <c r="G15120" s="18"/>
      <c r="H15120" s="18"/>
      <c r="I15120" s="18"/>
      <c r="J15120" s="18"/>
      <c r="K15120" s="18"/>
      <c r="L15120" s="18"/>
      <c r="M15120" s="18"/>
      <c r="N15120" s="18"/>
      <c r="O15120" s="18"/>
      <c r="P15120" s="19">
        <v>420</v>
      </c>
      <c r="Q15120" s="19"/>
      <c r="R15120" s="19"/>
      <c r="S15120" s="19"/>
      <c r="T15120" s="21"/>
      <c r="U15120" s="21"/>
      <c r="V15120" s="21"/>
      <c r="W15120" s="21"/>
      <c r="X15120" s="19">
        <v>1</v>
      </c>
      <c r="Y15120" s="19"/>
      <c r="Z15120" s="19"/>
      <c r="AA15120" s="19"/>
    </row>
    <row r="15121" spans="1:27" s="1" customFormat="1" ht="11.1" customHeight="1" outlineLevel="4" x14ac:dyDescent="0.2">
      <c r="A15121" s="17"/>
      <c r="B15121" s="17"/>
      <c r="C15121" s="17"/>
      <c r="D15121" s="18"/>
      <c r="E15121" s="18"/>
      <c r="F15121" s="18"/>
      <c r="G15121" s="18"/>
      <c r="H15121" s="18"/>
      <c r="I15121" s="18"/>
      <c r="J15121" s="18"/>
      <c r="K15121" s="18"/>
      <c r="L15121" s="18"/>
      <c r="M15121" s="18"/>
      <c r="N15121" s="18"/>
      <c r="O15121" s="18"/>
      <c r="P15121" s="19"/>
      <c r="Q15121" s="19"/>
      <c r="R15121" s="19"/>
      <c r="S15121" s="19"/>
      <c r="T15121" s="21"/>
      <c r="U15121" s="21"/>
      <c r="V15121" s="21"/>
      <c r="W15121" s="21"/>
      <c r="X15121" s="19"/>
      <c r="Y15121" s="19"/>
      <c r="Z15121" s="19"/>
      <c r="AA15121" s="19"/>
    </row>
    <row r="15122" spans="1:27" s="1" customFormat="1" ht="11.1" customHeight="1" outlineLevel="4" x14ac:dyDescent="0.2">
      <c r="A15122" s="17">
        <v>4315</v>
      </c>
      <c r="B15122" s="17"/>
      <c r="C15122" s="17"/>
      <c r="D15122" s="18" t="s">
        <v>7496</v>
      </c>
      <c r="E15122" s="18"/>
      <c r="F15122" s="18"/>
      <c r="G15122" s="18"/>
      <c r="H15122" s="18"/>
      <c r="I15122" s="18"/>
      <c r="J15122" s="18"/>
      <c r="K15122" s="18"/>
      <c r="L15122" s="18"/>
      <c r="M15122" s="18"/>
      <c r="N15122" s="18"/>
      <c r="O15122" s="18"/>
      <c r="P15122" s="19">
        <v>420</v>
      </c>
      <c r="Q15122" s="19"/>
      <c r="R15122" s="19"/>
      <c r="S15122" s="19"/>
      <c r="T15122" s="21"/>
      <c r="U15122" s="21"/>
      <c r="V15122" s="21"/>
      <c r="W15122" s="21"/>
      <c r="X15122" s="19">
        <v>1</v>
      </c>
      <c r="Y15122" s="19"/>
      <c r="Z15122" s="19"/>
      <c r="AA15122" s="19"/>
    </row>
    <row r="15123" spans="1:27" s="1" customFormat="1" ht="11.1" customHeight="1" outlineLevel="4" x14ac:dyDescent="0.2">
      <c r="A15123" s="17"/>
      <c r="B15123" s="17"/>
      <c r="C15123" s="17"/>
      <c r="D15123" s="18"/>
      <c r="E15123" s="18"/>
      <c r="F15123" s="18"/>
      <c r="G15123" s="18"/>
      <c r="H15123" s="18"/>
      <c r="I15123" s="18"/>
      <c r="J15123" s="18"/>
      <c r="K15123" s="18"/>
      <c r="L15123" s="18"/>
      <c r="M15123" s="18"/>
      <c r="N15123" s="18"/>
      <c r="O15123" s="18"/>
      <c r="P15123" s="19"/>
      <c r="Q15123" s="19"/>
      <c r="R15123" s="19"/>
      <c r="S15123" s="19"/>
      <c r="T15123" s="21"/>
      <c r="U15123" s="21"/>
      <c r="V15123" s="21"/>
      <c r="W15123" s="21"/>
      <c r="X15123" s="19"/>
      <c r="Y15123" s="19"/>
      <c r="Z15123" s="19"/>
      <c r="AA15123" s="19"/>
    </row>
    <row r="15124" spans="1:27" s="1" customFormat="1" ht="11.1" customHeight="1" outlineLevel="4" x14ac:dyDescent="0.2">
      <c r="A15124" s="17">
        <v>4318</v>
      </c>
      <c r="B15124" s="17"/>
      <c r="C15124" s="17"/>
      <c r="D15124" s="18" t="s">
        <v>7497</v>
      </c>
      <c r="E15124" s="18"/>
      <c r="F15124" s="18"/>
      <c r="G15124" s="18"/>
      <c r="H15124" s="18"/>
      <c r="I15124" s="18"/>
      <c r="J15124" s="18"/>
      <c r="K15124" s="18"/>
      <c r="L15124" s="18"/>
      <c r="M15124" s="18"/>
      <c r="N15124" s="18"/>
      <c r="O15124" s="18"/>
      <c r="P15124" s="19">
        <v>450</v>
      </c>
      <c r="Q15124" s="19"/>
      <c r="R15124" s="19"/>
      <c r="S15124" s="19"/>
      <c r="T15124" s="21"/>
      <c r="U15124" s="21"/>
      <c r="V15124" s="21"/>
      <c r="W15124" s="21"/>
      <c r="X15124" s="19">
        <v>1</v>
      </c>
      <c r="Y15124" s="19"/>
      <c r="Z15124" s="19"/>
      <c r="AA15124" s="19"/>
    </row>
    <row r="15125" spans="1:27" s="1" customFormat="1" ht="11.1" customHeight="1" outlineLevel="4" x14ac:dyDescent="0.2">
      <c r="A15125" s="17"/>
      <c r="B15125" s="17"/>
      <c r="C15125" s="17"/>
      <c r="D15125" s="18"/>
      <c r="E15125" s="18"/>
      <c r="F15125" s="18"/>
      <c r="G15125" s="18"/>
      <c r="H15125" s="18"/>
      <c r="I15125" s="18"/>
      <c r="J15125" s="18"/>
      <c r="K15125" s="18"/>
      <c r="L15125" s="18"/>
      <c r="M15125" s="18"/>
      <c r="N15125" s="18"/>
      <c r="O15125" s="18"/>
      <c r="P15125" s="19"/>
      <c r="Q15125" s="19"/>
      <c r="R15125" s="19"/>
      <c r="S15125" s="19"/>
      <c r="T15125" s="21"/>
      <c r="U15125" s="21"/>
      <c r="V15125" s="21"/>
      <c r="W15125" s="21"/>
      <c r="X15125" s="19"/>
      <c r="Y15125" s="19"/>
      <c r="Z15125" s="19"/>
      <c r="AA15125" s="19"/>
    </row>
    <row r="15126" spans="1:27" s="1" customFormat="1" ht="11.1" customHeight="1" outlineLevel="4" x14ac:dyDescent="0.2">
      <c r="A15126" s="17">
        <v>8756</v>
      </c>
      <c r="B15126" s="17"/>
      <c r="C15126" s="17"/>
      <c r="D15126" s="18" t="s">
        <v>7498</v>
      </c>
      <c r="E15126" s="18"/>
      <c r="F15126" s="18"/>
      <c r="G15126" s="18"/>
      <c r="H15126" s="18"/>
      <c r="I15126" s="18"/>
      <c r="J15126" s="18"/>
      <c r="K15126" s="18"/>
      <c r="L15126" s="18"/>
      <c r="M15126" s="18"/>
      <c r="N15126" s="18"/>
      <c r="O15126" s="18"/>
      <c r="P15126" s="19">
        <v>370</v>
      </c>
      <c r="Q15126" s="19"/>
      <c r="R15126" s="19"/>
      <c r="S15126" s="19"/>
      <c r="T15126" s="19">
        <v>220</v>
      </c>
      <c r="U15126" s="19"/>
      <c r="V15126" s="19"/>
      <c r="W15126" s="19"/>
      <c r="X15126" s="19">
        <v>1</v>
      </c>
      <c r="Y15126" s="19"/>
      <c r="Z15126" s="19"/>
      <c r="AA15126" s="19"/>
    </row>
    <row r="15127" spans="1:27" s="1" customFormat="1" ht="11.1" customHeight="1" outlineLevel="4" x14ac:dyDescent="0.2">
      <c r="A15127" s="17"/>
      <c r="B15127" s="17"/>
      <c r="C15127" s="17"/>
      <c r="D15127" s="18"/>
      <c r="E15127" s="18"/>
      <c r="F15127" s="18"/>
      <c r="G15127" s="18"/>
      <c r="H15127" s="18"/>
      <c r="I15127" s="18"/>
      <c r="J15127" s="18"/>
      <c r="K15127" s="18"/>
      <c r="L15127" s="18"/>
      <c r="M15127" s="18"/>
      <c r="N15127" s="18"/>
      <c r="O15127" s="18"/>
      <c r="P15127" s="19"/>
      <c r="Q15127" s="19"/>
      <c r="R15127" s="19"/>
      <c r="S15127" s="19"/>
      <c r="T15127" s="19"/>
      <c r="U15127" s="19"/>
      <c r="V15127" s="19"/>
      <c r="W15127" s="19"/>
      <c r="X15127" s="19"/>
      <c r="Y15127" s="19"/>
      <c r="Z15127" s="19"/>
      <c r="AA15127" s="19"/>
    </row>
    <row r="15128" spans="1:27" s="1" customFormat="1" ht="11.1" customHeight="1" outlineLevel="4" x14ac:dyDescent="0.2">
      <c r="A15128" s="17">
        <v>8757</v>
      </c>
      <c r="B15128" s="17"/>
      <c r="C15128" s="17"/>
      <c r="D15128" s="18" t="s">
        <v>7499</v>
      </c>
      <c r="E15128" s="18"/>
      <c r="F15128" s="18"/>
      <c r="G15128" s="18"/>
      <c r="H15128" s="18"/>
      <c r="I15128" s="18"/>
      <c r="J15128" s="18"/>
      <c r="K15128" s="18"/>
      <c r="L15128" s="18"/>
      <c r="M15128" s="18"/>
      <c r="N15128" s="18"/>
      <c r="O15128" s="18"/>
      <c r="P15128" s="19">
        <v>400</v>
      </c>
      <c r="Q15128" s="19"/>
      <c r="R15128" s="19"/>
      <c r="S15128" s="19"/>
      <c r="T15128" s="19">
        <v>250</v>
      </c>
      <c r="U15128" s="19"/>
      <c r="V15128" s="19"/>
      <c r="W15128" s="19"/>
      <c r="X15128" s="19">
        <v>1</v>
      </c>
      <c r="Y15128" s="19"/>
      <c r="Z15128" s="19"/>
      <c r="AA15128" s="19"/>
    </row>
    <row r="15129" spans="1:27" s="1" customFormat="1" ht="11.1" customHeight="1" outlineLevel="4" x14ac:dyDescent="0.2">
      <c r="A15129" s="17"/>
      <c r="B15129" s="17"/>
      <c r="C15129" s="17"/>
      <c r="D15129" s="18"/>
      <c r="E15129" s="18"/>
      <c r="F15129" s="18"/>
      <c r="G15129" s="18"/>
      <c r="H15129" s="18"/>
      <c r="I15129" s="18"/>
      <c r="J15129" s="18"/>
      <c r="K15129" s="18"/>
      <c r="L15129" s="18"/>
      <c r="M15129" s="18"/>
      <c r="N15129" s="18"/>
      <c r="O15129" s="18"/>
      <c r="P15129" s="19"/>
      <c r="Q15129" s="19"/>
      <c r="R15129" s="19"/>
      <c r="S15129" s="19"/>
      <c r="T15129" s="19"/>
      <c r="U15129" s="19"/>
      <c r="V15129" s="19"/>
      <c r="W15129" s="19"/>
      <c r="X15129" s="19"/>
      <c r="Y15129" s="19"/>
      <c r="Z15129" s="19"/>
      <c r="AA15129" s="19"/>
    </row>
    <row r="15130" spans="1:27" s="1" customFormat="1" ht="11.1" customHeight="1" outlineLevel="4" x14ac:dyDescent="0.2">
      <c r="A15130" s="17">
        <v>4319</v>
      </c>
      <c r="B15130" s="17"/>
      <c r="C15130" s="17"/>
      <c r="D15130" s="18" t="s">
        <v>7500</v>
      </c>
      <c r="E15130" s="18"/>
      <c r="F15130" s="18"/>
      <c r="G15130" s="18"/>
      <c r="H15130" s="18"/>
      <c r="I15130" s="18"/>
      <c r="J15130" s="18"/>
      <c r="K15130" s="18"/>
      <c r="L15130" s="18"/>
      <c r="M15130" s="18"/>
      <c r="N15130" s="18"/>
      <c r="O15130" s="18"/>
      <c r="P15130" s="19">
        <v>300</v>
      </c>
      <c r="Q15130" s="19"/>
      <c r="R15130" s="19"/>
      <c r="S15130" s="19"/>
      <c r="T15130" s="21"/>
      <c r="U15130" s="21"/>
      <c r="V15130" s="21"/>
      <c r="W15130" s="21"/>
      <c r="X15130" s="19">
        <v>1</v>
      </c>
      <c r="Y15130" s="19"/>
      <c r="Z15130" s="19"/>
      <c r="AA15130" s="19"/>
    </row>
    <row r="15131" spans="1:27" s="1" customFormat="1" ht="11.1" customHeight="1" outlineLevel="4" x14ac:dyDescent="0.2">
      <c r="A15131" s="17"/>
      <c r="B15131" s="17"/>
      <c r="C15131" s="17"/>
      <c r="D15131" s="18"/>
      <c r="E15131" s="18"/>
      <c r="F15131" s="18"/>
      <c r="G15131" s="18"/>
      <c r="H15131" s="18"/>
      <c r="I15131" s="18"/>
      <c r="J15131" s="18"/>
      <c r="K15131" s="18"/>
      <c r="L15131" s="18"/>
      <c r="M15131" s="18"/>
      <c r="N15131" s="18"/>
      <c r="O15131" s="18"/>
      <c r="P15131" s="19"/>
      <c r="Q15131" s="19"/>
      <c r="R15131" s="19"/>
      <c r="S15131" s="19"/>
      <c r="T15131" s="21"/>
      <c r="U15131" s="21"/>
      <c r="V15131" s="21"/>
      <c r="W15131" s="21"/>
      <c r="X15131" s="19"/>
      <c r="Y15131" s="19"/>
      <c r="Z15131" s="19"/>
      <c r="AA15131" s="19"/>
    </row>
    <row r="15132" spans="1:27" s="1" customFormat="1" ht="11.1" customHeight="1" outlineLevel="4" x14ac:dyDescent="0.2">
      <c r="A15132" s="17">
        <v>4320</v>
      </c>
      <c r="B15132" s="17"/>
      <c r="C15132" s="17"/>
      <c r="D15132" s="18" t="s">
        <v>7501</v>
      </c>
      <c r="E15132" s="18"/>
      <c r="F15132" s="18"/>
      <c r="G15132" s="18"/>
      <c r="H15132" s="18"/>
      <c r="I15132" s="18"/>
      <c r="J15132" s="18"/>
      <c r="K15132" s="18"/>
      <c r="L15132" s="18"/>
      <c r="M15132" s="18"/>
      <c r="N15132" s="18"/>
      <c r="O15132" s="18"/>
      <c r="P15132" s="19">
        <v>400</v>
      </c>
      <c r="Q15132" s="19"/>
      <c r="R15132" s="19"/>
      <c r="S15132" s="19"/>
      <c r="T15132" s="21"/>
      <c r="U15132" s="21"/>
      <c r="V15132" s="21"/>
      <c r="W15132" s="21"/>
      <c r="X15132" s="19">
        <v>1</v>
      </c>
      <c r="Y15132" s="19"/>
      <c r="Z15132" s="19"/>
      <c r="AA15132" s="19"/>
    </row>
    <row r="15133" spans="1:27" s="1" customFormat="1" ht="11.1" customHeight="1" outlineLevel="4" x14ac:dyDescent="0.2">
      <c r="A15133" s="17"/>
      <c r="B15133" s="17"/>
      <c r="C15133" s="17"/>
      <c r="D15133" s="18"/>
      <c r="E15133" s="18"/>
      <c r="F15133" s="18"/>
      <c r="G15133" s="18"/>
      <c r="H15133" s="18"/>
      <c r="I15133" s="18"/>
      <c r="J15133" s="18"/>
      <c r="K15133" s="18"/>
      <c r="L15133" s="18"/>
      <c r="M15133" s="18"/>
      <c r="N15133" s="18"/>
      <c r="O15133" s="18"/>
      <c r="P15133" s="19"/>
      <c r="Q15133" s="19"/>
      <c r="R15133" s="19"/>
      <c r="S15133" s="19"/>
      <c r="T15133" s="21"/>
      <c r="U15133" s="21"/>
      <c r="V15133" s="21"/>
      <c r="W15133" s="21"/>
      <c r="X15133" s="19"/>
      <c r="Y15133" s="19"/>
      <c r="Z15133" s="19"/>
      <c r="AA15133" s="19"/>
    </row>
    <row r="15134" spans="1:27" s="1" customFormat="1" ht="11.1" customHeight="1" outlineLevel="4" x14ac:dyDescent="0.2">
      <c r="A15134" s="17">
        <v>4322</v>
      </c>
      <c r="B15134" s="17"/>
      <c r="C15134" s="17"/>
      <c r="D15134" s="18" t="s">
        <v>7502</v>
      </c>
      <c r="E15134" s="18"/>
      <c r="F15134" s="18"/>
      <c r="G15134" s="18"/>
      <c r="H15134" s="18"/>
      <c r="I15134" s="18"/>
      <c r="J15134" s="18"/>
      <c r="K15134" s="18"/>
      <c r="L15134" s="18"/>
      <c r="M15134" s="18"/>
      <c r="N15134" s="18"/>
      <c r="O15134" s="18"/>
      <c r="P15134" s="19">
        <v>450</v>
      </c>
      <c r="Q15134" s="19"/>
      <c r="R15134" s="19"/>
      <c r="S15134" s="19"/>
      <c r="T15134" s="21"/>
      <c r="U15134" s="21"/>
      <c r="V15134" s="21"/>
      <c r="W15134" s="21"/>
      <c r="X15134" s="19">
        <v>1</v>
      </c>
      <c r="Y15134" s="19"/>
      <c r="Z15134" s="19"/>
      <c r="AA15134" s="19"/>
    </row>
    <row r="15135" spans="1:27" s="1" customFormat="1" ht="11.1" customHeight="1" outlineLevel="4" x14ac:dyDescent="0.2">
      <c r="A15135" s="17"/>
      <c r="B15135" s="17"/>
      <c r="C15135" s="17"/>
      <c r="D15135" s="18"/>
      <c r="E15135" s="18"/>
      <c r="F15135" s="18"/>
      <c r="G15135" s="18"/>
      <c r="H15135" s="18"/>
      <c r="I15135" s="18"/>
      <c r="J15135" s="18"/>
      <c r="K15135" s="18"/>
      <c r="L15135" s="18"/>
      <c r="M15135" s="18"/>
      <c r="N15135" s="18"/>
      <c r="O15135" s="18"/>
      <c r="P15135" s="19"/>
      <c r="Q15135" s="19"/>
      <c r="R15135" s="19"/>
      <c r="S15135" s="19"/>
      <c r="T15135" s="21"/>
      <c r="U15135" s="21"/>
      <c r="V15135" s="21"/>
      <c r="W15135" s="21"/>
      <c r="X15135" s="19"/>
      <c r="Y15135" s="19"/>
      <c r="Z15135" s="19"/>
      <c r="AA15135" s="19"/>
    </row>
    <row r="15136" spans="1:27" s="1" customFormat="1" ht="11.1" customHeight="1" outlineLevel="3" x14ac:dyDescent="0.2">
      <c r="A15136" s="16" t="s">
        <v>7503</v>
      </c>
      <c r="B15136" s="16"/>
      <c r="C15136" s="16"/>
      <c r="D15136" s="16"/>
      <c r="E15136" s="16"/>
      <c r="F15136" s="16"/>
      <c r="G15136" s="16"/>
      <c r="H15136" s="16"/>
      <c r="I15136" s="16"/>
      <c r="J15136" s="16"/>
      <c r="K15136" s="16"/>
      <c r="L15136" s="16"/>
      <c r="M15136" s="16"/>
      <c r="N15136" s="16"/>
      <c r="O15136" s="16"/>
      <c r="P15136" s="16"/>
      <c r="Q15136" s="16"/>
      <c r="R15136" s="16"/>
      <c r="S15136" s="16"/>
      <c r="T15136" s="16"/>
      <c r="U15136" s="16"/>
      <c r="V15136" s="16"/>
      <c r="W15136" s="16"/>
      <c r="X15136" s="16"/>
      <c r="Y15136" s="16"/>
      <c r="Z15136" s="16"/>
      <c r="AA15136" s="16"/>
    </row>
    <row r="15137" spans="1:27" s="1" customFormat="1" ht="11.1" customHeight="1" outlineLevel="3" x14ac:dyDescent="0.2">
      <c r="A15137" s="16"/>
      <c r="B15137" s="16"/>
      <c r="C15137" s="16"/>
      <c r="D15137" s="16"/>
      <c r="E15137" s="16"/>
      <c r="F15137" s="16"/>
      <c r="G15137" s="16"/>
      <c r="H15137" s="16"/>
      <c r="I15137" s="16"/>
      <c r="J15137" s="16"/>
      <c r="K15137" s="16"/>
      <c r="L15137" s="16"/>
      <c r="M15137" s="16"/>
      <c r="N15137" s="16"/>
      <c r="O15137" s="16"/>
      <c r="P15137" s="16"/>
      <c r="Q15137" s="16"/>
      <c r="R15137" s="16"/>
      <c r="S15137" s="16"/>
      <c r="T15137" s="16"/>
      <c r="U15137" s="16"/>
      <c r="V15137" s="16"/>
      <c r="W15137" s="16"/>
      <c r="X15137" s="16"/>
      <c r="Y15137" s="16"/>
      <c r="Z15137" s="16"/>
      <c r="AA15137" s="16"/>
    </row>
    <row r="15138" spans="1:27" s="1" customFormat="1" ht="11.1" customHeight="1" outlineLevel="4" x14ac:dyDescent="0.2">
      <c r="A15138" s="17">
        <v>8799</v>
      </c>
      <c r="B15138" s="17"/>
      <c r="C15138" s="17"/>
      <c r="D15138" s="18" t="s">
        <v>7504</v>
      </c>
      <c r="E15138" s="18"/>
      <c r="F15138" s="18"/>
      <c r="G15138" s="18"/>
      <c r="H15138" s="18"/>
      <c r="I15138" s="18"/>
      <c r="J15138" s="18"/>
      <c r="K15138" s="18"/>
      <c r="L15138" s="18"/>
      <c r="M15138" s="18"/>
      <c r="N15138" s="18"/>
      <c r="O15138" s="18"/>
      <c r="P15138" s="19">
        <v>410</v>
      </c>
      <c r="Q15138" s="19"/>
      <c r="R15138" s="19"/>
      <c r="S15138" s="19"/>
      <c r="T15138" s="19">
        <v>260</v>
      </c>
      <c r="U15138" s="19"/>
      <c r="V15138" s="19"/>
      <c r="W15138" s="19"/>
      <c r="X15138" s="19">
        <v>1</v>
      </c>
      <c r="Y15138" s="19"/>
      <c r="Z15138" s="19"/>
      <c r="AA15138" s="19"/>
    </row>
    <row r="15139" spans="1:27" s="1" customFormat="1" ht="11.1" customHeight="1" outlineLevel="4" x14ac:dyDescent="0.2">
      <c r="A15139" s="17"/>
      <c r="B15139" s="17"/>
      <c r="C15139" s="17"/>
      <c r="D15139" s="18"/>
      <c r="E15139" s="18"/>
      <c r="F15139" s="18"/>
      <c r="G15139" s="18"/>
      <c r="H15139" s="18"/>
      <c r="I15139" s="18"/>
      <c r="J15139" s="18"/>
      <c r="K15139" s="18"/>
      <c r="L15139" s="18"/>
      <c r="M15139" s="18"/>
      <c r="N15139" s="18"/>
      <c r="O15139" s="18"/>
      <c r="P15139" s="19"/>
      <c r="Q15139" s="19"/>
      <c r="R15139" s="19"/>
      <c r="S15139" s="19"/>
      <c r="T15139" s="19"/>
      <c r="U15139" s="19"/>
      <c r="V15139" s="19"/>
      <c r="W15139" s="19"/>
      <c r="X15139" s="19"/>
      <c r="Y15139" s="19"/>
      <c r="Z15139" s="19"/>
      <c r="AA15139" s="19"/>
    </row>
    <row r="15140" spans="1:27" s="1" customFormat="1" ht="14.1" customHeight="1" outlineLevel="4" x14ac:dyDescent="0.2">
      <c r="A15140" s="17">
        <v>8800</v>
      </c>
      <c r="B15140" s="17"/>
      <c r="C15140" s="17"/>
      <c r="D15140" s="18" t="s">
        <v>7505</v>
      </c>
      <c r="E15140" s="18"/>
      <c r="F15140" s="18"/>
      <c r="G15140" s="18"/>
      <c r="H15140" s="18"/>
      <c r="I15140" s="18"/>
      <c r="J15140" s="18"/>
      <c r="K15140" s="18"/>
      <c r="L15140" s="18"/>
      <c r="M15140" s="18"/>
      <c r="N15140" s="18"/>
      <c r="O15140" s="18"/>
      <c r="P15140" s="19">
        <v>350</v>
      </c>
      <c r="Q15140" s="19"/>
      <c r="R15140" s="19"/>
      <c r="S15140" s="19"/>
      <c r="T15140" s="19">
        <v>300</v>
      </c>
      <c r="U15140" s="19"/>
      <c r="V15140" s="19"/>
      <c r="W15140" s="19"/>
      <c r="X15140" s="19">
        <v>1</v>
      </c>
      <c r="Y15140" s="19"/>
      <c r="Z15140" s="19"/>
      <c r="AA15140" s="19"/>
    </row>
    <row r="15141" spans="1:27" s="1" customFormat="1" ht="14.1" customHeight="1" outlineLevel="4" x14ac:dyDescent="0.2">
      <c r="A15141" s="17"/>
      <c r="B15141" s="17"/>
      <c r="C15141" s="17"/>
      <c r="D15141" s="18"/>
      <c r="E15141" s="18"/>
      <c r="F15141" s="18"/>
      <c r="G15141" s="18"/>
      <c r="H15141" s="18"/>
      <c r="I15141" s="18"/>
      <c r="J15141" s="18"/>
      <c r="K15141" s="18"/>
      <c r="L15141" s="18"/>
      <c r="M15141" s="18"/>
      <c r="N15141" s="18"/>
      <c r="O15141" s="18"/>
      <c r="P15141" s="19"/>
      <c r="Q15141" s="19"/>
      <c r="R15141" s="19"/>
      <c r="S15141" s="19"/>
      <c r="T15141" s="19"/>
      <c r="U15141" s="19"/>
      <c r="V15141" s="19"/>
      <c r="W15141" s="19"/>
      <c r="X15141" s="19"/>
      <c r="Y15141" s="19"/>
      <c r="Z15141" s="19"/>
      <c r="AA15141" s="19"/>
    </row>
    <row r="15142" spans="1:27" s="1" customFormat="1" ht="11.1" customHeight="1" outlineLevel="4" x14ac:dyDescent="0.2">
      <c r="A15142" s="17">
        <v>8801</v>
      </c>
      <c r="B15142" s="17"/>
      <c r="C15142" s="17"/>
      <c r="D15142" s="18" t="s">
        <v>7506</v>
      </c>
      <c r="E15142" s="18"/>
      <c r="F15142" s="18"/>
      <c r="G15142" s="18"/>
      <c r="H15142" s="18"/>
      <c r="I15142" s="18"/>
      <c r="J15142" s="18"/>
      <c r="K15142" s="18"/>
      <c r="L15142" s="18"/>
      <c r="M15142" s="18"/>
      <c r="N15142" s="18"/>
      <c r="O15142" s="18"/>
      <c r="P15142" s="19">
        <v>370</v>
      </c>
      <c r="Q15142" s="19"/>
      <c r="R15142" s="19"/>
      <c r="S15142" s="19"/>
      <c r="T15142" s="19">
        <v>220</v>
      </c>
      <c r="U15142" s="19"/>
      <c r="V15142" s="19"/>
      <c r="W15142" s="19"/>
      <c r="X15142" s="19">
        <v>1</v>
      </c>
      <c r="Y15142" s="19"/>
      <c r="Z15142" s="19"/>
      <c r="AA15142" s="19"/>
    </row>
    <row r="15143" spans="1:27" s="1" customFormat="1" ht="11.1" customHeight="1" outlineLevel="4" x14ac:dyDescent="0.2">
      <c r="A15143" s="17"/>
      <c r="B15143" s="17"/>
      <c r="C15143" s="17"/>
      <c r="D15143" s="18"/>
      <c r="E15143" s="18"/>
      <c r="F15143" s="18"/>
      <c r="G15143" s="18"/>
      <c r="H15143" s="18"/>
      <c r="I15143" s="18"/>
      <c r="J15143" s="18"/>
      <c r="K15143" s="18"/>
      <c r="L15143" s="18"/>
      <c r="M15143" s="18"/>
      <c r="N15143" s="18"/>
      <c r="O15143" s="18"/>
      <c r="P15143" s="19"/>
      <c r="Q15143" s="19"/>
      <c r="R15143" s="19"/>
      <c r="S15143" s="19"/>
      <c r="T15143" s="19"/>
      <c r="U15143" s="19"/>
      <c r="V15143" s="19"/>
      <c r="W15143" s="19"/>
      <c r="X15143" s="19"/>
      <c r="Y15143" s="19"/>
      <c r="Z15143" s="19"/>
      <c r="AA15143" s="19"/>
    </row>
    <row r="15144" spans="1:27" s="1" customFormat="1" ht="11.1" customHeight="1" outlineLevel="4" x14ac:dyDescent="0.2">
      <c r="A15144" s="17">
        <v>4324</v>
      </c>
      <c r="B15144" s="17"/>
      <c r="C15144" s="17"/>
      <c r="D15144" s="18" t="s">
        <v>7507</v>
      </c>
      <c r="E15144" s="18"/>
      <c r="F15144" s="18"/>
      <c r="G15144" s="18"/>
      <c r="H15144" s="18"/>
      <c r="I15144" s="18"/>
      <c r="J15144" s="18"/>
      <c r="K15144" s="18"/>
      <c r="L15144" s="18"/>
      <c r="M15144" s="18"/>
      <c r="N15144" s="18"/>
      <c r="O15144" s="18"/>
      <c r="P15144" s="19">
        <v>280</v>
      </c>
      <c r="Q15144" s="19"/>
      <c r="R15144" s="19"/>
      <c r="S15144" s="19"/>
      <c r="T15144" s="21"/>
      <c r="U15144" s="21"/>
      <c r="V15144" s="21"/>
      <c r="W15144" s="21"/>
      <c r="X15144" s="19">
        <v>1</v>
      </c>
      <c r="Y15144" s="19"/>
      <c r="Z15144" s="19"/>
      <c r="AA15144" s="19"/>
    </row>
    <row r="15145" spans="1:27" s="1" customFormat="1" ht="11.1" customHeight="1" outlineLevel="4" x14ac:dyDescent="0.2">
      <c r="A15145" s="17"/>
      <c r="B15145" s="17"/>
      <c r="C15145" s="17"/>
      <c r="D15145" s="18"/>
      <c r="E15145" s="18"/>
      <c r="F15145" s="18"/>
      <c r="G15145" s="18"/>
      <c r="H15145" s="18"/>
      <c r="I15145" s="18"/>
      <c r="J15145" s="18"/>
      <c r="K15145" s="18"/>
      <c r="L15145" s="18"/>
      <c r="M15145" s="18"/>
      <c r="N15145" s="18"/>
      <c r="O15145" s="18"/>
      <c r="P15145" s="19"/>
      <c r="Q15145" s="19"/>
      <c r="R15145" s="19"/>
      <c r="S15145" s="19"/>
      <c r="T15145" s="21"/>
      <c r="U15145" s="21"/>
      <c r="V15145" s="21"/>
      <c r="W15145" s="21"/>
      <c r="X15145" s="19"/>
      <c r="Y15145" s="19"/>
      <c r="Z15145" s="19"/>
      <c r="AA15145" s="19"/>
    </row>
    <row r="15146" spans="1:27" s="1" customFormat="1" ht="11.1" customHeight="1" outlineLevel="4" x14ac:dyDescent="0.2">
      <c r="A15146" s="17">
        <v>4327</v>
      </c>
      <c r="B15146" s="17"/>
      <c r="C15146" s="17"/>
      <c r="D15146" s="18" t="s">
        <v>7508</v>
      </c>
      <c r="E15146" s="18"/>
      <c r="F15146" s="18"/>
      <c r="G15146" s="18"/>
      <c r="H15146" s="18"/>
      <c r="I15146" s="18"/>
      <c r="J15146" s="18"/>
      <c r="K15146" s="18"/>
      <c r="L15146" s="18"/>
      <c r="M15146" s="18"/>
      <c r="N15146" s="18"/>
      <c r="O15146" s="18"/>
      <c r="P15146" s="19">
        <v>340</v>
      </c>
      <c r="Q15146" s="19"/>
      <c r="R15146" s="19"/>
      <c r="S15146" s="19"/>
      <c r="T15146" s="19">
        <v>190</v>
      </c>
      <c r="U15146" s="19"/>
      <c r="V15146" s="19"/>
      <c r="W15146" s="19"/>
      <c r="X15146" s="19">
        <v>1</v>
      </c>
      <c r="Y15146" s="19"/>
      <c r="Z15146" s="19"/>
      <c r="AA15146" s="19"/>
    </row>
    <row r="15147" spans="1:27" s="1" customFormat="1" ht="11.1" customHeight="1" outlineLevel="4" x14ac:dyDescent="0.2">
      <c r="A15147" s="17"/>
      <c r="B15147" s="17"/>
      <c r="C15147" s="17"/>
      <c r="D15147" s="18"/>
      <c r="E15147" s="18"/>
      <c r="F15147" s="18"/>
      <c r="G15147" s="18"/>
      <c r="H15147" s="18"/>
      <c r="I15147" s="18"/>
      <c r="J15147" s="18"/>
      <c r="K15147" s="18"/>
      <c r="L15147" s="18"/>
      <c r="M15147" s="18"/>
      <c r="N15147" s="18"/>
      <c r="O15147" s="18"/>
      <c r="P15147" s="19"/>
      <c r="Q15147" s="19"/>
      <c r="R15147" s="19"/>
      <c r="S15147" s="19"/>
      <c r="T15147" s="19"/>
      <c r="U15147" s="19"/>
      <c r="V15147" s="19"/>
      <c r="W15147" s="19"/>
      <c r="X15147" s="19"/>
      <c r="Y15147" s="19"/>
      <c r="Z15147" s="19"/>
      <c r="AA15147" s="19"/>
    </row>
    <row r="15148" spans="1:27" s="1" customFormat="1" ht="11.1" customHeight="1" outlineLevel="4" x14ac:dyDescent="0.2">
      <c r="A15148" s="17">
        <v>4329</v>
      </c>
      <c r="B15148" s="17"/>
      <c r="C15148" s="17"/>
      <c r="D15148" s="18" t="s">
        <v>7509</v>
      </c>
      <c r="E15148" s="18"/>
      <c r="F15148" s="18"/>
      <c r="G15148" s="18"/>
      <c r="H15148" s="18"/>
      <c r="I15148" s="18"/>
      <c r="J15148" s="18"/>
      <c r="K15148" s="18"/>
      <c r="L15148" s="18"/>
      <c r="M15148" s="18"/>
      <c r="N15148" s="18"/>
      <c r="O15148" s="18"/>
      <c r="P15148" s="19">
        <v>350</v>
      </c>
      <c r="Q15148" s="19"/>
      <c r="R15148" s="19"/>
      <c r="S15148" s="19"/>
      <c r="T15148" s="21"/>
      <c r="U15148" s="21"/>
      <c r="V15148" s="21"/>
      <c r="W15148" s="21"/>
      <c r="X15148" s="19">
        <v>1</v>
      </c>
      <c r="Y15148" s="19"/>
      <c r="Z15148" s="19"/>
      <c r="AA15148" s="19"/>
    </row>
    <row r="15149" spans="1:27" s="1" customFormat="1" ht="11.1" customHeight="1" outlineLevel="4" x14ac:dyDescent="0.2">
      <c r="A15149" s="17"/>
      <c r="B15149" s="17"/>
      <c r="C15149" s="17"/>
      <c r="D15149" s="18"/>
      <c r="E15149" s="18"/>
      <c r="F15149" s="18"/>
      <c r="G15149" s="18"/>
      <c r="H15149" s="18"/>
      <c r="I15149" s="18"/>
      <c r="J15149" s="18"/>
      <c r="K15149" s="18"/>
      <c r="L15149" s="18"/>
      <c r="M15149" s="18"/>
      <c r="N15149" s="18"/>
      <c r="O15149" s="18"/>
      <c r="P15149" s="19"/>
      <c r="Q15149" s="19"/>
      <c r="R15149" s="19"/>
      <c r="S15149" s="19"/>
      <c r="T15149" s="21"/>
      <c r="U15149" s="21"/>
      <c r="V15149" s="21"/>
      <c r="W15149" s="21"/>
      <c r="X15149" s="19"/>
      <c r="Y15149" s="19"/>
      <c r="Z15149" s="19"/>
      <c r="AA15149" s="19"/>
    </row>
    <row r="15150" spans="1:27" s="1" customFormat="1" ht="11.1" customHeight="1" outlineLevel="4" x14ac:dyDescent="0.2">
      <c r="A15150" s="17">
        <v>4330</v>
      </c>
      <c r="B15150" s="17"/>
      <c r="C15150" s="17"/>
      <c r="D15150" s="18" t="s">
        <v>7510</v>
      </c>
      <c r="E15150" s="18"/>
      <c r="F15150" s="18"/>
      <c r="G15150" s="18"/>
      <c r="H15150" s="18"/>
      <c r="I15150" s="18"/>
      <c r="J15150" s="18"/>
      <c r="K15150" s="18"/>
      <c r="L15150" s="18"/>
      <c r="M15150" s="18"/>
      <c r="N15150" s="18"/>
      <c r="O15150" s="18"/>
      <c r="P15150" s="19">
        <v>400</v>
      </c>
      <c r="Q15150" s="19"/>
      <c r="R15150" s="19"/>
      <c r="S15150" s="19"/>
      <c r="T15150" s="19">
        <v>250</v>
      </c>
      <c r="U15150" s="19"/>
      <c r="V15150" s="19"/>
      <c r="W15150" s="19"/>
      <c r="X15150" s="19">
        <v>1</v>
      </c>
      <c r="Y15150" s="19"/>
      <c r="Z15150" s="19"/>
      <c r="AA15150" s="19"/>
    </row>
    <row r="15151" spans="1:27" s="1" customFormat="1" ht="11.1" customHeight="1" outlineLevel="4" x14ac:dyDescent="0.2">
      <c r="A15151" s="17"/>
      <c r="B15151" s="17"/>
      <c r="C15151" s="17"/>
      <c r="D15151" s="18"/>
      <c r="E15151" s="18"/>
      <c r="F15151" s="18"/>
      <c r="G15151" s="18"/>
      <c r="H15151" s="18"/>
      <c r="I15151" s="18"/>
      <c r="J15151" s="18"/>
      <c r="K15151" s="18"/>
      <c r="L15151" s="18"/>
      <c r="M15151" s="18"/>
      <c r="N15151" s="18"/>
      <c r="O15151" s="18"/>
      <c r="P15151" s="19"/>
      <c r="Q15151" s="19"/>
      <c r="R15151" s="19"/>
      <c r="S15151" s="19"/>
      <c r="T15151" s="19"/>
      <c r="U15151" s="19"/>
      <c r="V15151" s="19"/>
      <c r="W15151" s="19"/>
      <c r="X15151" s="19"/>
      <c r="Y15151" s="19"/>
      <c r="Z15151" s="19"/>
      <c r="AA15151" s="19"/>
    </row>
    <row r="15152" spans="1:27" s="1" customFormat="1" ht="11.1" customHeight="1" outlineLevel="3" x14ac:dyDescent="0.2">
      <c r="A15152" s="16" t="s">
        <v>7511</v>
      </c>
      <c r="B15152" s="16"/>
      <c r="C15152" s="16"/>
      <c r="D15152" s="16"/>
      <c r="E15152" s="16"/>
      <c r="F15152" s="16"/>
      <c r="G15152" s="16"/>
      <c r="H15152" s="16"/>
      <c r="I15152" s="16"/>
      <c r="J15152" s="16"/>
      <c r="K15152" s="16"/>
      <c r="L15152" s="16"/>
      <c r="M15152" s="16"/>
      <c r="N15152" s="16"/>
      <c r="O15152" s="16"/>
      <c r="P15152" s="16"/>
      <c r="Q15152" s="16"/>
      <c r="R15152" s="16"/>
      <c r="S15152" s="16"/>
      <c r="T15152" s="16"/>
      <c r="U15152" s="16"/>
      <c r="V15152" s="16"/>
      <c r="W15152" s="16"/>
      <c r="X15152" s="16"/>
      <c r="Y15152" s="16"/>
      <c r="Z15152" s="16"/>
      <c r="AA15152" s="16"/>
    </row>
    <row r="15153" spans="1:27" s="1" customFormat="1" ht="11.1" customHeight="1" outlineLevel="3" x14ac:dyDescent="0.2">
      <c r="A15153" s="16"/>
      <c r="B15153" s="16"/>
      <c r="C15153" s="16"/>
      <c r="D15153" s="16"/>
      <c r="E15153" s="16"/>
      <c r="F15153" s="16"/>
      <c r="G15153" s="16"/>
      <c r="H15153" s="16"/>
      <c r="I15153" s="16"/>
      <c r="J15153" s="16"/>
      <c r="K15153" s="16"/>
      <c r="L15153" s="16"/>
      <c r="M15153" s="16"/>
      <c r="N15153" s="16"/>
      <c r="O15153" s="16"/>
      <c r="P15153" s="16"/>
      <c r="Q15153" s="16"/>
      <c r="R15153" s="16"/>
      <c r="S15153" s="16"/>
      <c r="T15153" s="16"/>
      <c r="U15153" s="16"/>
      <c r="V15153" s="16"/>
      <c r="W15153" s="16"/>
      <c r="X15153" s="16"/>
      <c r="Y15153" s="16"/>
      <c r="Z15153" s="16"/>
      <c r="AA15153" s="16"/>
    </row>
    <row r="15154" spans="1:27" s="1" customFormat="1" ht="11.1" customHeight="1" outlineLevel="4" x14ac:dyDescent="0.2">
      <c r="A15154" s="17">
        <v>4331</v>
      </c>
      <c r="B15154" s="17"/>
      <c r="C15154" s="17"/>
      <c r="D15154" s="18" t="s">
        <v>7512</v>
      </c>
      <c r="E15154" s="18"/>
      <c r="F15154" s="18"/>
      <c r="G15154" s="18"/>
      <c r="H15154" s="18"/>
      <c r="I15154" s="18"/>
      <c r="J15154" s="18"/>
      <c r="K15154" s="18"/>
      <c r="L15154" s="18"/>
      <c r="M15154" s="18"/>
      <c r="N15154" s="18"/>
      <c r="O15154" s="18"/>
      <c r="P15154" s="19">
        <v>280</v>
      </c>
      <c r="Q15154" s="19"/>
      <c r="R15154" s="19"/>
      <c r="S15154" s="19"/>
      <c r="T15154" s="21"/>
      <c r="U15154" s="21"/>
      <c r="V15154" s="21"/>
      <c r="W15154" s="21"/>
      <c r="X15154" s="19">
        <v>1</v>
      </c>
      <c r="Y15154" s="19"/>
      <c r="Z15154" s="19"/>
      <c r="AA15154" s="19"/>
    </row>
    <row r="15155" spans="1:27" s="1" customFormat="1" ht="11.1" customHeight="1" outlineLevel="4" x14ac:dyDescent="0.2">
      <c r="A15155" s="17"/>
      <c r="B15155" s="17"/>
      <c r="C15155" s="17"/>
      <c r="D15155" s="18"/>
      <c r="E15155" s="18"/>
      <c r="F15155" s="18"/>
      <c r="G15155" s="18"/>
      <c r="H15155" s="18"/>
      <c r="I15155" s="18"/>
      <c r="J15155" s="18"/>
      <c r="K15155" s="18"/>
      <c r="L15155" s="18"/>
      <c r="M15155" s="18"/>
      <c r="N15155" s="18"/>
      <c r="O15155" s="18"/>
      <c r="P15155" s="19"/>
      <c r="Q15155" s="19"/>
      <c r="R15155" s="19"/>
      <c r="S15155" s="19"/>
      <c r="T15155" s="21"/>
      <c r="U15155" s="21"/>
      <c r="V15155" s="21"/>
      <c r="W15155" s="21"/>
      <c r="X15155" s="19"/>
      <c r="Y15155" s="19"/>
      <c r="Z15155" s="19"/>
      <c r="AA15155" s="19"/>
    </row>
    <row r="15156" spans="1:27" s="1" customFormat="1" ht="11.1" customHeight="1" outlineLevel="4" x14ac:dyDescent="0.2">
      <c r="A15156" s="17">
        <v>4332</v>
      </c>
      <c r="B15156" s="17"/>
      <c r="C15156" s="17"/>
      <c r="D15156" s="18" t="s">
        <v>7513</v>
      </c>
      <c r="E15156" s="18"/>
      <c r="F15156" s="18"/>
      <c r="G15156" s="18"/>
      <c r="H15156" s="18"/>
      <c r="I15156" s="18"/>
      <c r="J15156" s="18"/>
      <c r="K15156" s="18"/>
      <c r="L15156" s="18"/>
      <c r="M15156" s="18"/>
      <c r="N15156" s="18"/>
      <c r="O15156" s="18"/>
      <c r="P15156" s="19">
        <v>300</v>
      </c>
      <c r="Q15156" s="19"/>
      <c r="R15156" s="19"/>
      <c r="S15156" s="19"/>
      <c r="T15156" s="21"/>
      <c r="U15156" s="21"/>
      <c r="V15156" s="21"/>
      <c r="W15156" s="21"/>
      <c r="X15156" s="19">
        <v>1</v>
      </c>
      <c r="Y15156" s="19"/>
      <c r="Z15156" s="19"/>
      <c r="AA15156" s="19"/>
    </row>
    <row r="15157" spans="1:27" s="1" customFormat="1" ht="11.1" customHeight="1" outlineLevel="4" x14ac:dyDescent="0.2">
      <c r="A15157" s="17"/>
      <c r="B15157" s="17"/>
      <c r="C15157" s="17"/>
      <c r="D15157" s="18"/>
      <c r="E15157" s="18"/>
      <c r="F15157" s="18"/>
      <c r="G15157" s="18"/>
      <c r="H15157" s="18"/>
      <c r="I15157" s="18"/>
      <c r="J15157" s="18"/>
      <c r="K15157" s="18"/>
      <c r="L15157" s="18"/>
      <c r="M15157" s="18"/>
      <c r="N15157" s="18"/>
      <c r="O15157" s="18"/>
      <c r="P15157" s="19"/>
      <c r="Q15157" s="19"/>
      <c r="R15157" s="19"/>
      <c r="S15157" s="19"/>
      <c r="T15157" s="21"/>
      <c r="U15157" s="21"/>
      <c r="V15157" s="21"/>
      <c r="W15157" s="21"/>
      <c r="X15157" s="19"/>
      <c r="Y15157" s="19"/>
      <c r="Z15157" s="19"/>
      <c r="AA15157" s="19"/>
    </row>
    <row r="15158" spans="1:27" s="1" customFormat="1" ht="11.1" customHeight="1" outlineLevel="3" x14ac:dyDescent="0.2">
      <c r="A15158" s="16" t="s">
        <v>6410</v>
      </c>
      <c r="B15158" s="16"/>
      <c r="C15158" s="16"/>
      <c r="D15158" s="16"/>
      <c r="E15158" s="16"/>
      <c r="F15158" s="16"/>
      <c r="G15158" s="16"/>
      <c r="H15158" s="16"/>
      <c r="I15158" s="16"/>
      <c r="J15158" s="16"/>
      <c r="K15158" s="16"/>
      <c r="L15158" s="16"/>
      <c r="M15158" s="16"/>
      <c r="N15158" s="16"/>
      <c r="O15158" s="16"/>
      <c r="P15158" s="16"/>
      <c r="Q15158" s="16"/>
      <c r="R15158" s="16"/>
      <c r="S15158" s="16"/>
      <c r="T15158" s="16"/>
      <c r="U15158" s="16"/>
      <c r="V15158" s="16"/>
      <c r="W15158" s="16"/>
      <c r="X15158" s="16"/>
      <c r="Y15158" s="16"/>
      <c r="Z15158" s="16"/>
      <c r="AA15158" s="16"/>
    </row>
    <row r="15159" spans="1:27" s="1" customFormat="1" ht="11.1" customHeight="1" outlineLevel="3" x14ac:dyDescent="0.2">
      <c r="A15159" s="16"/>
      <c r="B15159" s="16"/>
      <c r="C15159" s="16"/>
      <c r="D15159" s="16"/>
      <c r="E15159" s="16"/>
      <c r="F15159" s="16"/>
      <c r="G15159" s="16"/>
      <c r="H15159" s="16"/>
      <c r="I15159" s="16"/>
      <c r="J15159" s="16"/>
      <c r="K15159" s="16"/>
      <c r="L15159" s="16"/>
      <c r="M15159" s="16"/>
      <c r="N15159" s="16"/>
      <c r="O15159" s="16"/>
      <c r="P15159" s="16"/>
      <c r="Q15159" s="16"/>
      <c r="R15159" s="16"/>
      <c r="S15159" s="16"/>
      <c r="T15159" s="16"/>
      <c r="U15159" s="16"/>
      <c r="V15159" s="16"/>
      <c r="W15159" s="16"/>
      <c r="X15159" s="16"/>
      <c r="Y15159" s="16"/>
      <c r="Z15159" s="16"/>
      <c r="AA15159" s="16"/>
    </row>
    <row r="15160" spans="1:27" s="1" customFormat="1" ht="14.1" customHeight="1" outlineLevel="4" x14ac:dyDescent="0.2">
      <c r="A15160" s="17">
        <v>8805</v>
      </c>
      <c r="B15160" s="17"/>
      <c r="C15160" s="17"/>
      <c r="D15160" s="18" t="s">
        <v>7514</v>
      </c>
      <c r="E15160" s="18"/>
      <c r="F15160" s="18"/>
      <c r="G15160" s="18"/>
      <c r="H15160" s="18"/>
      <c r="I15160" s="18"/>
      <c r="J15160" s="18"/>
      <c r="K15160" s="18"/>
      <c r="L15160" s="18"/>
      <c r="M15160" s="18"/>
      <c r="N15160" s="18"/>
      <c r="O15160" s="18"/>
      <c r="P15160" s="19">
        <v>430</v>
      </c>
      <c r="Q15160" s="19"/>
      <c r="R15160" s="19"/>
      <c r="S15160" s="19"/>
      <c r="T15160" s="19">
        <v>280</v>
      </c>
      <c r="U15160" s="19"/>
      <c r="V15160" s="19"/>
      <c r="W15160" s="19"/>
      <c r="X15160" s="19">
        <v>1</v>
      </c>
      <c r="Y15160" s="19"/>
      <c r="Z15160" s="19"/>
      <c r="AA15160" s="19"/>
    </row>
    <row r="15161" spans="1:27" s="1" customFormat="1" ht="14.1" customHeight="1" outlineLevel="4" x14ac:dyDescent="0.2">
      <c r="A15161" s="17"/>
      <c r="B15161" s="17"/>
      <c r="C15161" s="17"/>
      <c r="D15161" s="18"/>
      <c r="E15161" s="18"/>
      <c r="F15161" s="18"/>
      <c r="G15161" s="18"/>
      <c r="H15161" s="18"/>
      <c r="I15161" s="18"/>
      <c r="J15161" s="18"/>
      <c r="K15161" s="18"/>
      <c r="L15161" s="18"/>
      <c r="M15161" s="18"/>
      <c r="N15161" s="18"/>
      <c r="O15161" s="18"/>
      <c r="P15161" s="19"/>
      <c r="Q15161" s="19"/>
      <c r="R15161" s="19"/>
      <c r="S15161" s="19"/>
      <c r="T15161" s="19"/>
      <c r="U15161" s="19"/>
      <c r="V15161" s="19"/>
      <c r="W15161" s="19"/>
      <c r="X15161" s="19"/>
      <c r="Y15161" s="19"/>
      <c r="Z15161" s="19"/>
      <c r="AA15161" s="19"/>
    </row>
    <row r="15162" spans="1:27" s="1" customFormat="1" ht="11.1" customHeight="1" outlineLevel="4" x14ac:dyDescent="0.2">
      <c r="A15162" s="17">
        <v>8804</v>
      </c>
      <c r="B15162" s="17"/>
      <c r="C15162" s="17"/>
      <c r="D15162" s="18" t="s">
        <v>7515</v>
      </c>
      <c r="E15162" s="18"/>
      <c r="F15162" s="18"/>
      <c r="G15162" s="18"/>
      <c r="H15162" s="18"/>
      <c r="I15162" s="18"/>
      <c r="J15162" s="18"/>
      <c r="K15162" s="18"/>
      <c r="L15162" s="18"/>
      <c r="M15162" s="18"/>
      <c r="N15162" s="18"/>
      <c r="O15162" s="18"/>
      <c r="P15162" s="19">
        <v>380</v>
      </c>
      <c r="Q15162" s="19"/>
      <c r="R15162" s="19"/>
      <c r="S15162" s="19"/>
      <c r="T15162" s="19">
        <v>230</v>
      </c>
      <c r="U15162" s="19"/>
      <c r="V15162" s="19"/>
      <c r="W15162" s="19"/>
      <c r="X15162" s="19">
        <v>1</v>
      </c>
      <c r="Y15162" s="19"/>
      <c r="Z15162" s="19"/>
      <c r="AA15162" s="19"/>
    </row>
    <row r="15163" spans="1:27" s="1" customFormat="1" ht="11.1" customHeight="1" outlineLevel="4" x14ac:dyDescent="0.2">
      <c r="A15163" s="17"/>
      <c r="B15163" s="17"/>
      <c r="C15163" s="17"/>
      <c r="D15163" s="18"/>
      <c r="E15163" s="18"/>
      <c r="F15163" s="18"/>
      <c r="G15163" s="18"/>
      <c r="H15163" s="18"/>
      <c r="I15163" s="18"/>
      <c r="J15163" s="18"/>
      <c r="K15163" s="18"/>
      <c r="L15163" s="18"/>
      <c r="M15163" s="18"/>
      <c r="N15163" s="18"/>
      <c r="O15163" s="18"/>
      <c r="P15163" s="19"/>
      <c r="Q15163" s="19"/>
      <c r="R15163" s="19"/>
      <c r="S15163" s="19"/>
      <c r="T15163" s="19"/>
      <c r="U15163" s="19"/>
      <c r="V15163" s="19"/>
      <c r="W15163" s="19"/>
      <c r="X15163" s="19"/>
      <c r="Y15163" s="19"/>
      <c r="Z15163" s="19"/>
      <c r="AA15163" s="19"/>
    </row>
    <row r="15164" spans="1:27" s="1" customFormat="1" ht="11.1" customHeight="1" outlineLevel="4" x14ac:dyDescent="0.2">
      <c r="A15164" s="17">
        <v>8803</v>
      </c>
      <c r="B15164" s="17"/>
      <c r="C15164" s="17"/>
      <c r="D15164" s="18" t="s">
        <v>7516</v>
      </c>
      <c r="E15164" s="18"/>
      <c r="F15164" s="18"/>
      <c r="G15164" s="18"/>
      <c r="H15164" s="18"/>
      <c r="I15164" s="18"/>
      <c r="J15164" s="18"/>
      <c r="K15164" s="18"/>
      <c r="L15164" s="18"/>
      <c r="M15164" s="18"/>
      <c r="N15164" s="18"/>
      <c r="O15164" s="18"/>
      <c r="P15164" s="19">
        <v>390</v>
      </c>
      <c r="Q15164" s="19"/>
      <c r="R15164" s="19"/>
      <c r="S15164" s="19"/>
      <c r="T15164" s="19">
        <v>240</v>
      </c>
      <c r="U15164" s="19"/>
      <c r="V15164" s="19"/>
      <c r="W15164" s="19"/>
      <c r="X15164" s="19">
        <v>1</v>
      </c>
      <c r="Y15164" s="19"/>
      <c r="Z15164" s="19"/>
      <c r="AA15164" s="19"/>
    </row>
    <row r="15165" spans="1:27" s="1" customFormat="1" ht="11.1" customHeight="1" outlineLevel="4" x14ac:dyDescent="0.2">
      <c r="A15165" s="17"/>
      <c r="B15165" s="17"/>
      <c r="C15165" s="17"/>
      <c r="D15165" s="18"/>
      <c r="E15165" s="18"/>
      <c r="F15165" s="18"/>
      <c r="G15165" s="18"/>
      <c r="H15165" s="18"/>
      <c r="I15165" s="18"/>
      <c r="J15165" s="18"/>
      <c r="K15165" s="18"/>
      <c r="L15165" s="18"/>
      <c r="M15165" s="18"/>
      <c r="N15165" s="18"/>
      <c r="O15165" s="18"/>
      <c r="P15165" s="19"/>
      <c r="Q15165" s="19"/>
      <c r="R15165" s="19"/>
      <c r="S15165" s="19"/>
      <c r="T15165" s="19"/>
      <c r="U15165" s="19"/>
      <c r="V15165" s="19"/>
      <c r="W15165" s="19"/>
      <c r="X15165" s="19"/>
      <c r="Y15165" s="19"/>
      <c r="Z15165" s="19"/>
      <c r="AA15165" s="19"/>
    </row>
    <row r="15166" spans="1:27" s="1" customFormat="1" ht="14.1" customHeight="1" outlineLevel="4" x14ac:dyDescent="0.2">
      <c r="A15166" s="17">
        <v>8806</v>
      </c>
      <c r="B15166" s="17"/>
      <c r="C15166" s="17"/>
      <c r="D15166" s="18" t="s">
        <v>7517</v>
      </c>
      <c r="E15166" s="18"/>
      <c r="F15166" s="18"/>
      <c r="G15166" s="18"/>
      <c r="H15166" s="18"/>
      <c r="I15166" s="18"/>
      <c r="J15166" s="18"/>
      <c r="K15166" s="18"/>
      <c r="L15166" s="18"/>
      <c r="M15166" s="18"/>
      <c r="N15166" s="18"/>
      <c r="O15166" s="18"/>
      <c r="P15166" s="19">
        <v>380</v>
      </c>
      <c r="Q15166" s="19"/>
      <c r="R15166" s="19"/>
      <c r="S15166" s="19"/>
      <c r="T15166" s="19">
        <v>230</v>
      </c>
      <c r="U15166" s="19"/>
      <c r="V15166" s="19"/>
      <c r="W15166" s="19"/>
      <c r="X15166" s="19">
        <v>1</v>
      </c>
      <c r="Y15166" s="19"/>
      <c r="Z15166" s="19"/>
      <c r="AA15166" s="19"/>
    </row>
    <row r="15167" spans="1:27" s="1" customFormat="1" ht="14.1" customHeight="1" outlineLevel="4" x14ac:dyDescent="0.2">
      <c r="A15167" s="17"/>
      <c r="B15167" s="17"/>
      <c r="C15167" s="17"/>
      <c r="D15167" s="18"/>
      <c r="E15167" s="18"/>
      <c r="F15167" s="18"/>
      <c r="G15167" s="18"/>
      <c r="H15167" s="18"/>
      <c r="I15167" s="18"/>
      <c r="J15167" s="18"/>
      <c r="K15167" s="18"/>
      <c r="L15167" s="18"/>
      <c r="M15167" s="18"/>
      <c r="N15167" s="18"/>
      <c r="O15167" s="18"/>
      <c r="P15167" s="19"/>
      <c r="Q15167" s="19"/>
      <c r="R15167" s="19"/>
      <c r="S15167" s="19"/>
      <c r="T15167" s="19"/>
      <c r="U15167" s="19"/>
      <c r="V15167" s="19"/>
      <c r="W15167" s="19"/>
      <c r="X15167" s="19"/>
      <c r="Y15167" s="19"/>
      <c r="Z15167" s="19"/>
      <c r="AA15167" s="19"/>
    </row>
    <row r="15168" spans="1:27" s="1" customFormat="1" ht="14.1" customHeight="1" outlineLevel="4" x14ac:dyDescent="0.2">
      <c r="A15168" s="17">
        <v>8811</v>
      </c>
      <c r="B15168" s="17"/>
      <c r="C15168" s="17"/>
      <c r="D15168" s="18" t="s">
        <v>7518</v>
      </c>
      <c r="E15168" s="18"/>
      <c r="F15168" s="18"/>
      <c r="G15168" s="18"/>
      <c r="H15168" s="18"/>
      <c r="I15168" s="18"/>
      <c r="J15168" s="18"/>
      <c r="K15168" s="18"/>
      <c r="L15168" s="18"/>
      <c r="M15168" s="18"/>
      <c r="N15168" s="18"/>
      <c r="O15168" s="18"/>
      <c r="P15168" s="19">
        <v>420</v>
      </c>
      <c r="Q15168" s="19"/>
      <c r="R15168" s="19"/>
      <c r="S15168" s="19"/>
      <c r="T15168" s="19">
        <v>270</v>
      </c>
      <c r="U15168" s="19"/>
      <c r="V15168" s="19"/>
      <c r="W15168" s="19"/>
      <c r="X15168" s="19">
        <v>1</v>
      </c>
      <c r="Y15168" s="19"/>
      <c r="Z15168" s="19"/>
      <c r="AA15168" s="19"/>
    </row>
    <row r="15169" spans="1:27" s="1" customFormat="1" ht="14.1" customHeight="1" outlineLevel="4" x14ac:dyDescent="0.2">
      <c r="A15169" s="17"/>
      <c r="B15169" s="17"/>
      <c r="C15169" s="17"/>
      <c r="D15169" s="18"/>
      <c r="E15169" s="18"/>
      <c r="F15169" s="18"/>
      <c r="G15169" s="18"/>
      <c r="H15169" s="18"/>
      <c r="I15169" s="18"/>
      <c r="J15169" s="18"/>
      <c r="K15169" s="18"/>
      <c r="L15169" s="18"/>
      <c r="M15169" s="18"/>
      <c r="N15169" s="18"/>
      <c r="O15169" s="18"/>
      <c r="P15169" s="19"/>
      <c r="Q15169" s="19"/>
      <c r="R15169" s="19"/>
      <c r="S15169" s="19"/>
      <c r="T15169" s="19"/>
      <c r="U15169" s="19"/>
      <c r="V15169" s="19"/>
      <c r="W15169" s="19"/>
      <c r="X15169" s="19"/>
      <c r="Y15169" s="19"/>
      <c r="Z15169" s="19"/>
      <c r="AA15169" s="19"/>
    </row>
    <row r="15170" spans="1:27" s="1" customFormat="1" ht="14.1" customHeight="1" outlineLevel="4" x14ac:dyDescent="0.2">
      <c r="A15170" s="17">
        <v>4338</v>
      </c>
      <c r="B15170" s="17"/>
      <c r="C15170" s="17"/>
      <c r="D15170" s="18" t="s">
        <v>7519</v>
      </c>
      <c r="E15170" s="18"/>
      <c r="F15170" s="18"/>
      <c r="G15170" s="18"/>
      <c r="H15170" s="18"/>
      <c r="I15170" s="18"/>
      <c r="J15170" s="18"/>
      <c r="K15170" s="18"/>
      <c r="L15170" s="18"/>
      <c r="M15170" s="18"/>
      <c r="N15170" s="18"/>
      <c r="O15170" s="18"/>
      <c r="P15170" s="19">
        <v>350</v>
      </c>
      <c r="Q15170" s="19"/>
      <c r="R15170" s="19"/>
      <c r="S15170" s="19"/>
      <c r="T15170" s="19">
        <v>200</v>
      </c>
      <c r="U15170" s="19"/>
      <c r="V15170" s="19"/>
      <c r="W15170" s="19"/>
      <c r="X15170" s="19">
        <v>1</v>
      </c>
      <c r="Y15170" s="19"/>
      <c r="Z15170" s="19"/>
      <c r="AA15170" s="19"/>
    </row>
    <row r="15171" spans="1:27" s="1" customFormat="1" ht="14.1" customHeight="1" outlineLevel="4" x14ac:dyDescent="0.2">
      <c r="A15171" s="17"/>
      <c r="B15171" s="17"/>
      <c r="C15171" s="17"/>
      <c r="D15171" s="18"/>
      <c r="E15171" s="18"/>
      <c r="F15171" s="18"/>
      <c r="G15171" s="18"/>
      <c r="H15171" s="18"/>
      <c r="I15171" s="18"/>
      <c r="J15171" s="18"/>
      <c r="K15171" s="18"/>
      <c r="L15171" s="18"/>
      <c r="M15171" s="18"/>
      <c r="N15171" s="18"/>
      <c r="O15171" s="18"/>
      <c r="P15171" s="19"/>
      <c r="Q15171" s="19"/>
      <c r="R15171" s="19"/>
      <c r="S15171" s="19"/>
      <c r="T15171" s="19"/>
      <c r="U15171" s="19"/>
      <c r="V15171" s="19"/>
      <c r="W15171" s="19"/>
      <c r="X15171" s="19"/>
      <c r="Y15171" s="19"/>
      <c r="Z15171" s="19"/>
      <c r="AA15171" s="19"/>
    </row>
    <row r="15172" spans="1:27" s="1" customFormat="1" ht="11.1" customHeight="1" outlineLevel="4" x14ac:dyDescent="0.2">
      <c r="A15172" s="17">
        <v>4337</v>
      </c>
      <c r="B15172" s="17"/>
      <c r="C15172" s="17"/>
      <c r="D15172" s="18" t="s">
        <v>7520</v>
      </c>
      <c r="E15172" s="18"/>
      <c r="F15172" s="18"/>
      <c r="G15172" s="18"/>
      <c r="H15172" s="18"/>
      <c r="I15172" s="18"/>
      <c r="J15172" s="18"/>
      <c r="K15172" s="18"/>
      <c r="L15172" s="18"/>
      <c r="M15172" s="18"/>
      <c r="N15172" s="18"/>
      <c r="O15172" s="18"/>
      <c r="P15172" s="19">
        <v>380</v>
      </c>
      <c r="Q15172" s="19"/>
      <c r="R15172" s="19"/>
      <c r="S15172" s="19"/>
      <c r="T15172" s="19">
        <v>230</v>
      </c>
      <c r="U15172" s="19"/>
      <c r="V15172" s="19"/>
      <c r="W15172" s="19"/>
      <c r="X15172" s="19">
        <v>1</v>
      </c>
      <c r="Y15172" s="19"/>
      <c r="Z15172" s="19"/>
      <c r="AA15172" s="19"/>
    </row>
    <row r="15173" spans="1:27" s="1" customFormat="1" ht="11.1" customHeight="1" outlineLevel="4" x14ac:dyDescent="0.2">
      <c r="A15173" s="17"/>
      <c r="B15173" s="17"/>
      <c r="C15173" s="17"/>
      <c r="D15173" s="18"/>
      <c r="E15173" s="18"/>
      <c r="F15173" s="18"/>
      <c r="G15173" s="18"/>
      <c r="H15173" s="18"/>
      <c r="I15173" s="18"/>
      <c r="J15173" s="18"/>
      <c r="K15173" s="18"/>
      <c r="L15173" s="18"/>
      <c r="M15173" s="18"/>
      <c r="N15173" s="18"/>
      <c r="O15173" s="18"/>
      <c r="P15173" s="19"/>
      <c r="Q15173" s="19"/>
      <c r="R15173" s="19"/>
      <c r="S15173" s="19"/>
      <c r="T15173" s="19"/>
      <c r="U15173" s="19"/>
      <c r="V15173" s="19"/>
      <c r="W15173" s="19"/>
      <c r="X15173" s="19"/>
      <c r="Y15173" s="19"/>
      <c r="Z15173" s="19"/>
      <c r="AA15173" s="19"/>
    </row>
    <row r="15174" spans="1:27" s="1" customFormat="1" ht="11.1" customHeight="1" outlineLevel="4" x14ac:dyDescent="0.2">
      <c r="A15174" s="17">
        <v>4683</v>
      </c>
      <c r="B15174" s="17"/>
      <c r="C15174" s="17"/>
      <c r="D15174" s="18" t="s">
        <v>7521</v>
      </c>
      <c r="E15174" s="18"/>
      <c r="F15174" s="18"/>
      <c r="G15174" s="18"/>
      <c r="H15174" s="18"/>
      <c r="I15174" s="18"/>
      <c r="J15174" s="18"/>
      <c r="K15174" s="18"/>
      <c r="L15174" s="18"/>
      <c r="M15174" s="18"/>
      <c r="N15174" s="18"/>
      <c r="O15174" s="18"/>
      <c r="P15174" s="19">
        <v>430</v>
      </c>
      <c r="Q15174" s="19"/>
      <c r="R15174" s="19"/>
      <c r="S15174" s="19"/>
      <c r="T15174" s="19">
        <v>280</v>
      </c>
      <c r="U15174" s="19"/>
      <c r="V15174" s="19"/>
      <c r="W15174" s="19"/>
      <c r="X15174" s="19">
        <v>1</v>
      </c>
      <c r="Y15174" s="19"/>
      <c r="Z15174" s="19"/>
      <c r="AA15174" s="19"/>
    </row>
    <row r="15175" spans="1:27" s="1" customFormat="1" ht="11.1" customHeight="1" outlineLevel="4" x14ac:dyDescent="0.2">
      <c r="A15175" s="17"/>
      <c r="B15175" s="17"/>
      <c r="C15175" s="17"/>
      <c r="D15175" s="18"/>
      <c r="E15175" s="18"/>
      <c r="F15175" s="18"/>
      <c r="G15175" s="18"/>
      <c r="H15175" s="18"/>
      <c r="I15175" s="18"/>
      <c r="J15175" s="18"/>
      <c r="K15175" s="18"/>
      <c r="L15175" s="18"/>
      <c r="M15175" s="18"/>
      <c r="N15175" s="18"/>
      <c r="O15175" s="18"/>
      <c r="P15175" s="19"/>
      <c r="Q15175" s="19"/>
      <c r="R15175" s="19"/>
      <c r="S15175" s="19"/>
      <c r="T15175" s="19"/>
      <c r="U15175" s="19"/>
      <c r="V15175" s="19"/>
      <c r="W15175" s="19"/>
      <c r="X15175" s="19"/>
      <c r="Y15175" s="19"/>
      <c r="Z15175" s="19"/>
      <c r="AA15175" s="19"/>
    </row>
    <row r="15176" spans="1:27" s="1" customFormat="1" ht="11.1" customHeight="1" outlineLevel="4" x14ac:dyDescent="0.2">
      <c r="A15176" s="17">
        <v>8767</v>
      </c>
      <c r="B15176" s="17"/>
      <c r="C15176" s="17"/>
      <c r="D15176" s="18" t="s">
        <v>7522</v>
      </c>
      <c r="E15176" s="18"/>
      <c r="F15176" s="18"/>
      <c r="G15176" s="18"/>
      <c r="H15176" s="18"/>
      <c r="I15176" s="18"/>
      <c r="J15176" s="18"/>
      <c r="K15176" s="18"/>
      <c r="L15176" s="18"/>
      <c r="M15176" s="18"/>
      <c r="N15176" s="18"/>
      <c r="O15176" s="18"/>
      <c r="P15176" s="19">
        <v>430</v>
      </c>
      <c r="Q15176" s="19"/>
      <c r="R15176" s="19"/>
      <c r="S15176" s="19"/>
      <c r="T15176" s="19">
        <v>270</v>
      </c>
      <c r="U15176" s="19"/>
      <c r="V15176" s="19"/>
      <c r="W15176" s="19"/>
      <c r="X15176" s="19">
        <v>1</v>
      </c>
      <c r="Y15176" s="19"/>
      <c r="Z15176" s="19"/>
      <c r="AA15176" s="19"/>
    </row>
    <row r="15177" spans="1:27" s="1" customFormat="1" ht="11.1" customHeight="1" outlineLevel="4" x14ac:dyDescent="0.2">
      <c r="A15177" s="17"/>
      <c r="B15177" s="17"/>
      <c r="C15177" s="17"/>
      <c r="D15177" s="18"/>
      <c r="E15177" s="18"/>
      <c r="F15177" s="18"/>
      <c r="G15177" s="18"/>
      <c r="H15177" s="18"/>
      <c r="I15177" s="18"/>
      <c r="J15177" s="18"/>
      <c r="K15177" s="18"/>
      <c r="L15177" s="18"/>
      <c r="M15177" s="18"/>
      <c r="N15177" s="18"/>
      <c r="O15177" s="18"/>
      <c r="P15177" s="19"/>
      <c r="Q15177" s="19"/>
      <c r="R15177" s="19"/>
      <c r="S15177" s="19"/>
      <c r="T15177" s="19"/>
      <c r="U15177" s="19"/>
      <c r="V15177" s="19"/>
      <c r="W15177" s="19"/>
      <c r="X15177" s="19"/>
      <c r="Y15177" s="19"/>
      <c r="Z15177" s="19"/>
      <c r="AA15177" s="19"/>
    </row>
    <row r="15178" spans="1:27" s="1" customFormat="1" ht="11.1" customHeight="1" outlineLevel="4" x14ac:dyDescent="0.2">
      <c r="A15178" s="17">
        <v>4334</v>
      </c>
      <c r="B15178" s="17"/>
      <c r="C15178" s="17"/>
      <c r="D15178" s="18" t="s">
        <v>7523</v>
      </c>
      <c r="E15178" s="18"/>
      <c r="F15178" s="18"/>
      <c r="G15178" s="18"/>
      <c r="H15178" s="18"/>
      <c r="I15178" s="18"/>
      <c r="J15178" s="18"/>
      <c r="K15178" s="18"/>
      <c r="L15178" s="18"/>
      <c r="M15178" s="18"/>
      <c r="N15178" s="18"/>
      <c r="O15178" s="18"/>
      <c r="P15178" s="19">
        <v>280</v>
      </c>
      <c r="Q15178" s="19"/>
      <c r="R15178" s="19"/>
      <c r="S15178" s="19"/>
      <c r="T15178" s="21"/>
      <c r="U15178" s="21"/>
      <c r="V15178" s="21"/>
      <c r="W15178" s="21"/>
      <c r="X15178" s="19">
        <v>1</v>
      </c>
      <c r="Y15178" s="19"/>
      <c r="Z15178" s="19"/>
      <c r="AA15178" s="19"/>
    </row>
    <row r="15179" spans="1:27" s="1" customFormat="1" ht="11.1" customHeight="1" outlineLevel="4" x14ac:dyDescent="0.2">
      <c r="A15179" s="17"/>
      <c r="B15179" s="17"/>
      <c r="C15179" s="17"/>
      <c r="D15179" s="18"/>
      <c r="E15179" s="18"/>
      <c r="F15179" s="18"/>
      <c r="G15179" s="18"/>
      <c r="H15179" s="18"/>
      <c r="I15179" s="18"/>
      <c r="J15179" s="18"/>
      <c r="K15179" s="18"/>
      <c r="L15179" s="18"/>
      <c r="M15179" s="18"/>
      <c r="N15179" s="18"/>
      <c r="O15179" s="18"/>
      <c r="P15179" s="19"/>
      <c r="Q15179" s="19"/>
      <c r="R15179" s="19"/>
      <c r="S15179" s="19"/>
      <c r="T15179" s="21"/>
      <c r="U15179" s="21"/>
      <c r="V15179" s="21"/>
      <c r="W15179" s="21"/>
      <c r="X15179" s="19"/>
      <c r="Y15179" s="19"/>
      <c r="Z15179" s="19"/>
      <c r="AA15179" s="19"/>
    </row>
    <row r="15180" spans="1:27" s="1" customFormat="1" ht="11.1" customHeight="1" outlineLevel="3" x14ac:dyDescent="0.2">
      <c r="A15180" s="16" t="s">
        <v>7524</v>
      </c>
      <c r="B15180" s="16"/>
      <c r="C15180" s="16"/>
      <c r="D15180" s="16"/>
      <c r="E15180" s="16"/>
      <c r="F15180" s="16"/>
      <c r="G15180" s="16"/>
      <c r="H15180" s="16"/>
      <c r="I15180" s="16"/>
      <c r="J15180" s="16"/>
      <c r="K15180" s="16"/>
      <c r="L15180" s="16"/>
      <c r="M15180" s="16"/>
      <c r="N15180" s="16"/>
      <c r="O15180" s="16"/>
      <c r="P15180" s="16"/>
      <c r="Q15180" s="16"/>
      <c r="R15180" s="16"/>
      <c r="S15180" s="16"/>
      <c r="T15180" s="16"/>
      <c r="U15180" s="16"/>
      <c r="V15180" s="16"/>
      <c r="W15180" s="16"/>
      <c r="X15180" s="16"/>
      <c r="Y15180" s="16"/>
      <c r="Z15180" s="16"/>
      <c r="AA15180" s="16"/>
    </row>
    <row r="15181" spans="1:27" s="1" customFormat="1" ht="11.1" customHeight="1" outlineLevel="3" x14ac:dyDescent="0.2">
      <c r="A15181" s="16"/>
      <c r="B15181" s="16"/>
      <c r="C15181" s="16"/>
      <c r="D15181" s="16"/>
      <c r="E15181" s="16"/>
      <c r="F15181" s="16"/>
      <c r="G15181" s="16"/>
      <c r="H15181" s="16"/>
      <c r="I15181" s="16"/>
      <c r="J15181" s="16"/>
      <c r="K15181" s="16"/>
      <c r="L15181" s="16"/>
      <c r="M15181" s="16"/>
      <c r="N15181" s="16"/>
      <c r="O15181" s="16"/>
      <c r="P15181" s="16"/>
      <c r="Q15181" s="16"/>
      <c r="R15181" s="16"/>
      <c r="S15181" s="16"/>
      <c r="T15181" s="16"/>
      <c r="U15181" s="16"/>
      <c r="V15181" s="16"/>
      <c r="W15181" s="16"/>
      <c r="X15181" s="16"/>
      <c r="Y15181" s="16"/>
      <c r="Z15181" s="16"/>
      <c r="AA15181" s="16"/>
    </row>
    <row r="15182" spans="1:27" s="1" customFormat="1" ht="11.1" customHeight="1" outlineLevel="4" x14ac:dyDescent="0.2">
      <c r="A15182" s="17">
        <v>4346</v>
      </c>
      <c r="B15182" s="17"/>
      <c r="C15182" s="17"/>
      <c r="D15182" s="18" t="s">
        <v>7525</v>
      </c>
      <c r="E15182" s="18"/>
      <c r="F15182" s="18"/>
      <c r="G15182" s="18"/>
      <c r="H15182" s="18"/>
      <c r="I15182" s="18"/>
      <c r="J15182" s="18"/>
      <c r="K15182" s="18"/>
      <c r="L15182" s="18"/>
      <c r="M15182" s="18"/>
      <c r="N15182" s="18"/>
      <c r="O15182" s="18"/>
      <c r="P15182" s="19">
        <v>350</v>
      </c>
      <c r="Q15182" s="19"/>
      <c r="R15182" s="19"/>
      <c r="S15182" s="19"/>
      <c r="T15182" s="21"/>
      <c r="U15182" s="21"/>
      <c r="V15182" s="21"/>
      <c r="W15182" s="21"/>
      <c r="X15182" s="19">
        <v>1</v>
      </c>
      <c r="Y15182" s="19"/>
      <c r="Z15182" s="19"/>
      <c r="AA15182" s="19"/>
    </row>
    <row r="15183" spans="1:27" s="1" customFormat="1" ht="11.1" customHeight="1" outlineLevel="4" x14ac:dyDescent="0.2">
      <c r="A15183" s="17"/>
      <c r="B15183" s="17"/>
      <c r="C15183" s="17"/>
      <c r="D15183" s="18"/>
      <c r="E15183" s="18"/>
      <c r="F15183" s="18"/>
      <c r="G15183" s="18"/>
      <c r="H15183" s="18"/>
      <c r="I15183" s="18"/>
      <c r="J15183" s="18"/>
      <c r="K15183" s="18"/>
      <c r="L15183" s="18"/>
      <c r="M15183" s="18"/>
      <c r="N15183" s="18"/>
      <c r="O15183" s="18"/>
      <c r="P15183" s="19"/>
      <c r="Q15183" s="19"/>
      <c r="R15183" s="19"/>
      <c r="S15183" s="19"/>
      <c r="T15183" s="21"/>
      <c r="U15183" s="21"/>
      <c r="V15183" s="21"/>
      <c r="W15183" s="21"/>
      <c r="X15183" s="19"/>
      <c r="Y15183" s="19"/>
      <c r="Z15183" s="19"/>
      <c r="AA15183" s="19"/>
    </row>
    <row r="15184" spans="1:27" s="1" customFormat="1" ht="11.1" customHeight="1" outlineLevel="4" x14ac:dyDescent="0.2">
      <c r="A15184" s="17">
        <v>4339</v>
      </c>
      <c r="B15184" s="17"/>
      <c r="C15184" s="17"/>
      <c r="D15184" s="18" t="s">
        <v>7526</v>
      </c>
      <c r="E15184" s="18"/>
      <c r="F15184" s="18"/>
      <c r="G15184" s="18"/>
      <c r="H15184" s="18"/>
      <c r="I15184" s="18"/>
      <c r="J15184" s="18"/>
      <c r="K15184" s="18"/>
      <c r="L15184" s="18"/>
      <c r="M15184" s="18"/>
      <c r="N15184" s="18"/>
      <c r="O15184" s="18"/>
      <c r="P15184" s="19">
        <v>280</v>
      </c>
      <c r="Q15184" s="19"/>
      <c r="R15184" s="19"/>
      <c r="S15184" s="19"/>
      <c r="T15184" s="21"/>
      <c r="U15184" s="21"/>
      <c r="V15184" s="21"/>
      <c r="W15184" s="21"/>
      <c r="X15184" s="19">
        <v>1</v>
      </c>
      <c r="Y15184" s="19"/>
      <c r="Z15184" s="19"/>
      <c r="AA15184" s="19"/>
    </row>
    <row r="15185" spans="1:27" s="1" customFormat="1" ht="11.1" customHeight="1" outlineLevel="4" x14ac:dyDescent="0.2">
      <c r="A15185" s="17"/>
      <c r="B15185" s="17"/>
      <c r="C15185" s="17"/>
      <c r="D15185" s="18"/>
      <c r="E15185" s="18"/>
      <c r="F15185" s="18"/>
      <c r="G15185" s="18"/>
      <c r="H15185" s="18"/>
      <c r="I15185" s="18"/>
      <c r="J15185" s="18"/>
      <c r="K15185" s="18"/>
      <c r="L15185" s="18"/>
      <c r="M15185" s="18"/>
      <c r="N15185" s="18"/>
      <c r="O15185" s="18"/>
      <c r="P15185" s="19"/>
      <c r="Q15185" s="19"/>
      <c r="R15185" s="19"/>
      <c r="S15185" s="19"/>
      <c r="T15185" s="21"/>
      <c r="U15185" s="21"/>
      <c r="V15185" s="21"/>
      <c r="W15185" s="21"/>
      <c r="X15185" s="19"/>
      <c r="Y15185" s="19"/>
      <c r="Z15185" s="19"/>
      <c r="AA15185" s="19"/>
    </row>
    <row r="15186" spans="1:27" s="1" customFormat="1" ht="11.1" customHeight="1" outlineLevel="4" x14ac:dyDescent="0.2">
      <c r="A15186" s="17">
        <v>4340</v>
      </c>
      <c r="B15186" s="17"/>
      <c r="C15186" s="17"/>
      <c r="D15186" s="18" t="s">
        <v>7527</v>
      </c>
      <c r="E15186" s="18"/>
      <c r="F15186" s="18"/>
      <c r="G15186" s="18"/>
      <c r="H15186" s="18"/>
      <c r="I15186" s="18"/>
      <c r="J15186" s="18"/>
      <c r="K15186" s="18"/>
      <c r="L15186" s="18"/>
      <c r="M15186" s="18"/>
      <c r="N15186" s="18"/>
      <c r="O15186" s="18"/>
      <c r="P15186" s="19">
        <v>250</v>
      </c>
      <c r="Q15186" s="19"/>
      <c r="R15186" s="19"/>
      <c r="S15186" s="19"/>
      <c r="T15186" s="21"/>
      <c r="U15186" s="21"/>
      <c r="V15186" s="21"/>
      <c r="W15186" s="21"/>
      <c r="X15186" s="19">
        <v>1</v>
      </c>
      <c r="Y15186" s="19"/>
      <c r="Z15186" s="19"/>
      <c r="AA15186" s="19"/>
    </row>
    <row r="15187" spans="1:27" s="1" customFormat="1" ht="11.1" customHeight="1" outlineLevel="4" x14ac:dyDescent="0.2">
      <c r="A15187" s="17"/>
      <c r="B15187" s="17"/>
      <c r="C15187" s="17"/>
      <c r="D15187" s="18"/>
      <c r="E15187" s="18"/>
      <c r="F15187" s="18"/>
      <c r="G15187" s="18"/>
      <c r="H15187" s="18"/>
      <c r="I15187" s="18"/>
      <c r="J15187" s="18"/>
      <c r="K15187" s="18"/>
      <c r="L15187" s="18"/>
      <c r="M15187" s="18"/>
      <c r="N15187" s="18"/>
      <c r="O15187" s="18"/>
      <c r="P15187" s="19"/>
      <c r="Q15187" s="19"/>
      <c r="R15187" s="19"/>
      <c r="S15187" s="19"/>
      <c r="T15187" s="21"/>
      <c r="U15187" s="21"/>
      <c r="V15187" s="21"/>
      <c r="W15187" s="21"/>
      <c r="X15187" s="19"/>
      <c r="Y15187" s="19"/>
      <c r="Z15187" s="19"/>
      <c r="AA15187" s="19"/>
    </row>
    <row r="15188" spans="1:27" s="1" customFormat="1" ht="11.1" customHeight="1" outlineLevel="4" x14ac:dyDescent="0.2">
      <c r="A15188" s="17">
        <v>4341</v>
      </c>
      <c r="B15188" s="17"/>
      <c r="C15188" s="17"/>
      <c r="D15188" s="18" t="s">
        <v>7528</v>
      </c>
      <c r="E15188" s="18"/>
      <c r="F15188" s="18"/>
      <c r="G15188" s="18"/>
      <c r="H15188" s="18"/>
      <c r="I15188" s="18"/>
      <c r="J15188" s="18"/>
      <c r="K15188" s="18"/>
      <c r="L15188" s="18"/>
      <c r="M15188" s="18"/>
      <c r="N15188" s="18"/>
      <c r="O15188" s="18"/>
      <c r="P15188" s="19">
        <v>250</v>
      </c>
      <c r="Q15188" s="19"/>
      <c r="R15188" s="19"/>
      <c r="S15188" s="19"/>
      <c r="T15188" s="21"/>
      <c r="U15188" s="21"/>
      <c r="V15188" s="21"/>
      <c r="W15188" s="21"/>
      <c r="X15188" s="19">
        <v>1</v>
      </c>
      <c r="Y15188" s="19"/>
      <c r="Z15188" s="19"/>
      <c r="AA15188" s="19"/>
    </row>
    <row r="15189" spans="1:27" s="1" customFormat="1" ht="11.1" customHeight="1" outlineLevel="4" x14ac:dyDescent="0.2">
      <c r="A15189" s="17"/>
      <c r="B15189" s="17"/>
      <c r="C15189" s="17"/>
      <c r="D15189" s="18"/>
      <c r="E15189" s="18"/>
      <c r="F15189" s="18"/>
      <c r="G15189" s="18"/>
      <c r="H15189" s="18"/>
      <c r="I15189" s="18"/>
      <c r="J15189" s="18"/>
      <c r="K15189" s="18"/>
      <c r="L15189" s="18"/>
      <c r="M15189" s="18"/>
      <c r="N15189" s="18"/>
      <c r="O15189" s="18"/>
      <c r="P15189" s="19"/>
      <c r="Q15189" s="19"/>
      <c r="R15189" s="19"/>
      <c r="S15189" s="19"/>
      <c r="T15189" s="21"/>
      <c r="U15189" s="21"/>
      <c r="V15189" s="21"/>
      <c r="W15189" s="21"/>
      <c r="X15189" s="19"/>
      <c r="Y15189" s="19"/>
      <c r="Z15189" s="19"/>
      <c r="AA15189" s="19"/>
    </row>
    <row r="15190" spans="1:27" s="1" customFormat="1" ht="11.1" customHeight="1" outlineLevel="4" x14ac:dyDescent="0.2">
      <c r="A15190" s="17">
        <v>4342</v>
      </c>
      <c r="B15190" s="17"/>
      <c r="C15190" s="17"/>
      <c r="D15190" s="18" t="s">
        <v>7529</v>
      </c>
      <c r="E15190" s="18"/>
      <c r="F15190" s="18"/>
      <c r="G15190" s="18"/>
      <c r="H15190" s="18"/>
      <c r="I15190" s="18"/>
      <c r="J15190" s="18"/>
      <c r="K15190" s="18"/>
      <c r="L15190" s="18"/>
      <c r="M15190" s="18"/>
      <c r="N15190" s="18"/>
      <c r="O15190" s="18"/>
      <c r="P15190" s="19">
        <v>400</v>
      </c>
      <c r="Q15190" s="19"/>
      <c r="R15190" s="19"/>
      <c r="S15190" s="19"/>
      <c r="T15190" s="21"/>
      <c r="U15190" s="21"/>
      <c r="V15190" s="21"/>
      <c r="W15190" s="21"/>
      <c r="X15190" s="19">
        <v>1</v>
      </c>
      <c r="Y15190" s="19"/>
      <c r="Z15190" s="19"/>
      <c r="AA15190" s="19"/>
    </row>
    <row r="15191" spans="1:27" s="1" customFormat="1" ht="11.1" customHeight="1" outlineLevel="4" x14ac:dyDescent="0.2">
      <c r="A15191" s="17"/>
      <c r="B15191" s="17"/>
      <c r="C15191" s="17"/>
      <c r="D15191" s="18"/>
      <c r="E15191" s="18"/>
      <c r="F15191" s="18"/>
      <c r="G15191" s="18"/>
      <c r="H15191" s="18"/>
      <c r="I15191" s="18"/>
      <c r="J15191" s="18"/>
      <c r="K15191" s="18"/>
      <c r="L15191" s="18"/>
      <c r="M15191" s="18"/>
      <c r="N15191" s="18"/>
      <c r="O15191" s="18"/>
      <c r="P15191" s="19"/>
      <c r="Q15191" s="19"/>
      <c r="R15191" s="19"/>
      <c r="S15191" s="19"/>
      <c r="T15191" s="21"/>
      <c r="U15191" s="21"/>
      <c r="V15191" s="21"/>
      <c r="W15191" s="21"/>
      <c r="X15191" s="19"/>
      <c r="Y15191" s="19"/>
      <c r="Z15191" s="19"/>
      <c r="AA15191" s="19"/>
    </row>
    <row r="15192" spans="1:27" s="1" customFormat="1" ht="11.1" customHeight="1" outlineLevel="4" x14ac:dyDescent="0.2">
      <c r="A15192" s="17">
        <v>4343</v>
      </c>
      <c r="B15192" s="17"/>
      <c r="C15192" s="17"/>
      <c r="D15192" s="18" t="s">
        <v>7530</v>
      </c>
      <c r="E15192" s="18"/>
      <c r="F15192" s="18"/>
      <c r="G15192" s="18"/>
      <c r="H15192" s="18"/>
      <c r="I15192" s="18"/>
      <c r="J15192" s="18"/>
      <c r="K15192" s="18"/>
      <c r="L15192" s="18"/>
      <c r="M15192" s="18"/>
      <c r="N15192" s="18"/>
      <c r="O15192" s="18"/>
      <c r="P15192" s="19">
        <v>400</v>
      </c>
      <c r="Q15192" s="19"/>
      <c r="R15192" s="19"/>
      <c r="S15192" s="19"/>
      <c r="T15192" s="21"/>
      <c r="U15192" s="21"/>
      <c r="V15192" s="21"/>
      <c r="W15192" s="21"/>
      <c r="X15192" s="19">
        <v>1</v>
      </c>
      <c r="Y15192" s="19"/>
      <c r="Z15192" s="19"/>
      <c r="AA15192" s="19"/>
    </row>
    <row r="15193" spans="1:27" s="1" customFormat="1" ht="11.1" customHeight="1" outlineLevel="4" x14ac:dyDescent="0.2">
      <c r="A15193" s="17"/>
      <c r="B15193" s="17"/>
      <c r="C15193" s="17"/>
      <c r="D15193" s="18"/>
      <c r="E15193" s="18"/>
      <c r="F15193" s="18"/>
      <c r="G15193" s="18"/>
      <c r="H15193" s="18"/>
      <c r="I15193" s="18"/>
      <c r="J15193" s="18"/>
      <c r="K15193" s="18"/>
      <c r="L15193" s="18"/>
      <c r="M15193" s="18"/>
      <c r="N15193" s="18"/>
      <c r="O15193" s="18"/>
      <c r="P15193" s="19"/>
      <c r="Q15193" s="19"/>
      <c r="R15193" s="19"/>
      <c r="S15193" s="19"/>
      <c r="T15193" s="21"/>
      <c r="U15193" s="21"/>
      <c r="V15193" s="21"/>
      <c r="W15193" s="21"/>
      <c r="X15193" s="19"/>
      <c r="Y15193" s="19"/>
      <c r="Z15193" s="19"/>
      <c r="AA15193" s="19"/>
    </row>
    <row r="15194" spans="1:27" s="1" customFormat="1" ht="14.1" customHeight="1" outlineLevel="4" x14ac:dyDescent="0.2">
      <c r="A15194" s="17">
        <v>4344</v>
      </c>
      <c r="B15194" s="17"/>
      <c r="C15194" s="17"/>
      <c r="D15194" s="18" t="s">
        <v>7531</v>
      </c>
      <c r="E15194" s="18"/>
      <c r="F15194" s="18"/>
      <c r="G15194" s="18"/>
      <c r="H15194" s="18"/>
      <c r="I15194" s="18"/>
      <c r="J15194" s="18"/>
      <c r="K15194" s="18"/>
      <c r="L15194" s="18"/>
      <c r="M15194" s="18"/>
      <c r="N15194" s="18"/>
      <c r="O15194" s="18"/>
      <c r="P15194" s="19">
        <v>300</v>
      </c>
      <c r="Q15194" s="19"/>
      <c r="R15194" s="19"/>
      <c r="S15194" s="19"/>
      <c r="T15194" s="21"/>
      <c r="U15194" s="21"/>
      <c r="V15194" s="21"/>
      <c r="W15194" s="21"/>
      <c r="X15194" s="19">
        <v>2</v>
      </c>
      <c r="Y15194" s="19"/>
      <c r="Z15194" s="19"/>
      <c r="AA15194" s="19"/>
    </row>
    <row r="15195" spans="1:27" s="1" customFormat="1" ht="14.1" customHeight="1" outlineLevel="4" x14ac:dyDescent="0.2">
      <c r="A15195" s="17"/>
      <c r="B15195" s="17"/>
      <c r="C15195" s="17"/>
      <c r="D15195" s="18"/>
      <c r="E15195" s="18"/>
      <c r="F15195" s="18"/>
      <c r="G15195" s="18"/>
      <c r="H15195" s="18"/>
      <c r="I15195" s="18"/>
      <c r="J15195" s="18"/>
      <c r="K15195" s="18"/>
      <c r="L15195" s="18"/>
      <c r="M15195" s="18"/>
      <c r="N15195" s="18"/>
      <c r="O15195" s="18"/>
      <c r="P15195" s="19"/>
      <c r="Q15195" s="19"/>
      <c r="R15195" s="19"/>
      <c r="S15195" s="19"/>
      <c r="T15195" s="21"/>
      <c r="U15195" s="21"/>
      <c r="V15195" s="21"/>
      <c r="W15195" s="21"/>
      <c r="X15195" s="19"/>
      <c r="Y15195" s="19"/>
      <c r="Z15195" s="19"/>
      <c r="AA15195" s="19"/>
    </row>
    <row r="15196" spans="1:27" s="1" customFormat="1" ht="11.1" customHeight="1" outlineLevel="3" x14ac:dyDescent="0.2">
      <c r="A15196" s="16" t="s">
        <v>7532</v>
      </c>
      <c r="B15196" s="16"/>
      <c r="C15196" s="16"/>
      <c r="D15196" s="16"/>
      <c r="E15196" s="16"/>
      <c r="F15196" s="16"/>
      <c r="G15196" s="16"/>
      <c r="H15196" s="16"/>
      <c r="I15196" s="16"/>
      <c r="J15196" s="16"/>
      <c r="K15196" s="16"/>
      <c r="L15196" s="16"/>
      <c r="M15196" s="16"/>
      <c r="N15196" s="16"/>
      <c r="O15196" s="16"/>
      <c r="P15196" s="16"/>
      <c r="Q15196" s="16"/>
      <c r="R15196" s="16"/>
      <c r="S15196" s="16"/>
      <c r="T15196" s="16"/>
      <c r="U15196" s="16"/>
      <c r="V15196" s="16"/>
      <c r="W15196" s="16"/>
      <c r="X15196" s="16"/>
      <c r="Y15196" s="16"/>
      <c r="Z15196" s="16"/>
      <c r="AA15196" s="16"/>
    </row>
    <row r="15197" spans="1:27" s="1" customFormat="1" ht="11.1" customHeight="1" outlineLevel="3" x14ac:dyDescent="0.2">
      <c r="A15197" s="16"/>
      <c r="B15197" s="16"/>
      <c r="C15197" s="16"/>
      <c r="D15197" s="16"/>
      <c r="E15197" s="16"/>
      <c r="F15197" s="16"/>
      <c r="G15197" s="16"/>
      <c r="H15197" s="16"/>
      <c r="I15197" s="16"/>
      <c r="J15197" s="16"/>
      <c r="K15197" s="16"/>
      <c r="L15197" s="16"/>
      <c r="M15197" s="16"/>
      <c r="N15197" s="16"/>
      <c r="O15197" s="16"/>
      <c r="P15197" s="16"/>
      <c r="Q15197" s="16"/>
      <c r="R15197" s="16"/>
      <c r="S15197" s="16"/>
      <c r="T15197" s="16"/>
      <c r="U15197" s="16"/>
      <c r="V15197" s="16"/>
      <c r="W15197" s="16"/>
      <c r="X15197" s="16"/>
      <c r="Y15197" s="16"/>
      <c r="Z15197" s="16"/>
      <c r="AA15197" s="16"/>
    </row>
    <row r="15198" spans="1:27" s="1" customFormat="1" ht="11.1" customHeight="1" outlineLevel="4" x14ac:dyDescent="0.2">
      <c r="A15198" s="17">
        <v>4350</v>
      </c>
      <c r="B15198" s="17"/>
      <c r="C15198" s="17"/>
      <c r="D15198" s="18" t="s">
        <v>7533</v>
      </c>
      <c r="E15198" s="18"/>
      <c r="F15198" s="18"/>
      <c r="G15198" s="18"/>
      <c r="H15198" s="18"/>
      <c r="I15198" s="18"/>
      <c r="J15198" s="18"/>
      <c r="K15198" s="18"/>
      <c r="L15198" s="18"/>
      <c r="M15198" s="18"/>
      <c r="N15198" s="18"/>
      <c r="O15198" s="18"/>
      <c r="P15198" s="19">
        <v>450</v>
      </c>
      <c r="Q15198" s="19"/>
      <c r="R15198" s="19"/>
      <c r="S15198" s="19"/>
      <c r="T15198" s="21"/>
      <c r="U15198" s="21"/>
      <c r="V15198" s="21"/>
      <c r="W15198" s="21"/>
      <c r="X15198" s="19">
        <v>1</v>
      </c>
      <c r="Y15198" s="19"/>
      <c r="Z15198" s="19"/>
      <c r="AA15198" s="19"/>
    </row>
    <row r="15199" spans="1:27" s="1" customFormat="1" ht="11.1" customHeight="1" outlineLevel="4" x14ac:dyDescent="0.2">
      <c r="A15199" s="17"/>
      <c r="B15199" s="17"/>
      <c r="C15199" s="17"/>
      <c r="D15199" s="18"/>
      <c r="E15199" s="18"/>
      <c r="F15199" s="18"/>
      <c r="G15199" s="18"/>
      <c r="H15199" s="18"/>
      <c r="I15199" s="18"/>
      <c r="J15199" s="18"/>
      <c r="K15199" s="18"/>
      <c r="L15199" s="18"/>
      <c r="M15199" s="18"/>
      <c r="N15199" s="18"/>
      <c r="O15199" s="18"/>
      <c r="P15199" s="19"/>
      <c r="Q15199" s="19"/>
      <c r="R15199" s="19"/>
      <c r="S15199" s="19"/>
      <c r="T15199" s="21"/>
      <c r="U15199" s="21"/>
      <c r="V15199" s="21"/>
      <c r="W15199" s="21"/>
      <c r="X15199" s="19"/>
      <c r="Y15199" s="19"/>
      <c r="Z15199" s="19"/>
      <c r="AA15199" s="19"/>
    </row>
    <row r="15200" spans="1:27" s="1" customFormat="1" ht="11.1" customHeight="1" outlineLevel="4" x14ac:dyDescent="0.2">
      <c r="A15200" s="17">
        <v>4348</v>
      </c>
      <c r="B15200" s="17"/>
      <c r="C15200" s="17"/>
      <c r="D15200" s="18" t="s">
        <v>7534</v>
      </c>
      <c r="E15200" s="18"/>
      <c r="F15200" s="18"/>
      <c r="G15200" s="18"/>
      <c r="H15200" s="18"/>
      <c r="I15200" s="18"/>
      <c r="J15200" s="18"/>
      <c r="K15200" s="18"/>
      <c r="L15200" s="18"/>
      <c r="M15200" s="18"/>
      <c r="N15200" s="18"/>
      <c r="O15200" s="18"/>
      <c r="P15200" s="19">
        <v>345</v>
      </c>
      <c r="Q15200" s="19"/>
      <c r="R15200" s="19"/>
      <c r="S15200" s="19"/>
      <c r="T15200" s="19">
        <v>295</v>
      </c>
      <c r="U15200" s="19"/>
      <c r="V15200" s="19"/>
      <c r="W15200" s="19"/>
      <c r="X15200" s="19">
        <v>1</v>
      </c>
      <c r="Y15200" s="19"/>
      <c r="Z15200" s="19"/>
      <c r="AA15200" s="19"/>
    </row>
    <row r="15201" spans="1:27" s="1" customFormat="1" ht="11.1" customHeight="1" outlineLevel="4" x14ac:dyDescent="0.2">
      <c r="A15201" s="17"/>
      <c r="B15201" s="17"/>
      <c r="C15201" s="17"/>
      <c r="D15201" s="18"/>
      <c r="E15201" s="18"/>
      <c r="F15201" s="18"/>
      <c r="G15201" s="18"/>
      <c r="H15201" s="18"/>
      <c r="I15201" s="18"/>
      <c r="J15201" s="18"/>
      <c r="K15201" s="18"/>
      <c r="L15201" s="18"/>
      <c r="M15201" s="18"/>
      <c r="N15201" s="18"/>
      <c r="O15201" s="18"/>
      <c r="P15201" s="19"/>
      <c r="Q15201" s="19"/>
      <c r="R15201" s="19"/>
      <c r="S15201" s="19"/>
      <c r="T15201" s="19"/>
      <c r="U15201" s="19"/>
      <c r="V15201" s="19"/>
      <c r="W15201" s="19"/>
      <c r="X15201" s="19"/>
      <c r="Y15201" s="19"/>
      <c r="Z15201" s="19"/>
      <c r="AA15201" s="19"/>
    </row>
    <row r="15202" spans="1:27" s="1" customFormat="1" ht="11.1" customHeight="1" outlineLevel="4" x14ac:dyDescent="0.2">
      <c r="A15202" s="17">
        <v>4349</v>
      </c>
      <c r="B15202" s="17"/>
      <c r="C15202" s="17"/>
      <c r="D15202" s="18" t="s">
        <v>7535</v>
      </c>
      <c r="E15202" s="18"/>
      <c r="F15202" s="18"/>
      <c r="G15202" s="18"/>
      <c r="H15202" s="18"/>
      <c r="I15202" s="18"/>
      <c r="J15202" s="18"/>
      <c r="K15202" s="18"/>
      <c r="L15202" s="18"/>
      <c r="M15202" s="18"/>
      <c r="N15202" s="18"/>
      <c r="O15202" s="18"/>
      <c r="P15202" s="19">
        <v>358</v>
      </c>
      <c r="Q15202" s="19"/>
      <c r="R15202" s="19"/>
      <c r="S15202" s="19"/>
      <c r="T15202" s="19">
        <v>210</v>
      </c>
      <c r="U15202" s="19"/>
      <c r="V15202" s="19"/>
      <c r="W15202" s="19"/>
      <c r="X15202" s="19">
        <v>1</v>
      </c>
      <c r="Y15202" s="19"/>
      <c r="Z15202" s="19"/>
      <c r="AA15202" s="19"/>
    </row>
    <row r="15203" spans="1:27" s="1" customFormat="1" ht="11.1" customHeight="1" outlineLevel="4" x14ac:dyDescent="0.2">
      <c r="A15203" s="17"/>
      <c r="B15203" s="17"/>
      <c r="C15203" s="17"/>
      <c r="D15203" s="18"/>
      <c r="E15203" s="18"/>
      <c r="F15203" s="18"/>
      <c r="G15203" s="18"/>
      <c r="H15203" s="18"/>
      <c r="I15203" s="18"/>
      <c r="J15203" s="18"/>
      <c r="K15203" s="18"/>
      <c r="L15203" s="18"/>
      <c r="M15203" s="18"/>
      <c r="N15203" s="18"/>
      <c r="O15203" s="18"/>
      <c r="P15203" s="19"/>
      <c r="Q15203" s="19"/>
      <c r="R15203" s="19"/>
      <c r="S15203" s="19"/>
      <c r="T15203" s="19"/>
      <c r="U15203" s="19"/>
      <c r="V15203" s="19"/>
      <c r="W15203" s="19"/>
      <c r="X15203" s="19"/>
      <c r="Y15203" s="19"/>
      <c r="Z15203" s="19"/>
      <c r="AA15203" s="19"/>
    </row>
    <row r="15204" spans="1:27" s="1" customFormat="1" ht="11.1" customHeight="1" outlineLevel="3" x14ac:dyDescent="0.2">
      <c r="A15204" s="16" t="s">
        <v>7536</v>
      </c>
      <c r="B15204" s="16"/>
      <c r="C15204" s="16"/>
      <c r="D15204" s="16"/>
      <c r="E15204" s="16"/>
      <c r="F15204" s="16"/>
      <c r="G15204" s="16"/>
      <c r="H15204" s="16"/>
      <c r="I15204" s="16"/>
      <c r="J15204" s="16"/>
      <c r="K15204" s="16"/>
      <c r="L15204" s="16"/>
      <c r="M15204" s="16"/>
      <c r="N15204" s="16"/>
      <c r="O15204" s="16"/>
      <c r="P15204" s="16"/>
      <c r="Q15204" s="16"/>
      <c r="R15204" s="16"/>
      <c r="S15204" s="16"/>
      <c r="T15204" s="16"/>
      <c r="U15204" s="16"/>
      <c r="V15204" s="16"/>
      <c r="W15204" s="16"/>
      <c r="X15204" s="16"/>
      <c r="Y15204" s="16"/>
      <c r="Z15204" s="16"/>
      <c r="AA15204" s="16"/>
    </row>
    <row r="15205" spans="1:27" s="1" customFormat="1" ht="11.1" customHeight="1" outlineLevel="3" x14ac:dyDescent="0.2">
      <c r="A15205" s="16"/>
      <c r="B15205" s="16"/>
      <c r="C15205" s="16"/>
      <c r="D15205" s="16"/>
      <c r="E15205" s="16"/>
      <c r="F15205" s="16"/>
      <c r="G15205" s="16"/>
      <c r="H15205" s="16"/>
      <c r="I15205" s="16"/>
      <c r="J15205" s="16"/>
      <c r="K15205" s="16"/>
      <c r="L15205" s="16"/>
      <c r="M15205" s="16"/>
      <c r="N15205" s="16"/>
      <c r="O15205" s="16"/>
      <c r="P15205" s="16"/>
      <c r="Q15205" s="16"/>
      <c r="R15205" s="16"/>
      <c r="S15205" s="16"/>
      <c r="T15205" s="16"/>
      <c r="U15205" s="16"/>
      <c r="V15205" s="16"/>
      <c r="W15205" s="16"/>
      <c r="X15205" s="16"/>
      <c r="Y15205" s="16"/>
      <c r="Z15205" s="16"/>
      <c r="AA15205" s="16"/>
    </row>
    <row r="15206" spans="1:27" s="1" customFormat="1" ht="11.1" customHeight="1" outlineLevel="4" x14ac:dyDescent="0.2">
      <c r="A15206" s="17">
        <v>4351</v>
      </c>
      <c r="B15206" s="17"/>
      <c r="C15206" s="17"/>
      <c r="D15206" s="18" t="s">
        <v>7537</v>
      </c>
      <c r="E15206" s="18"/>
      <c r="F15206" s="18"/>
      <c r="G15206" s="18"/>
      <c r="H15206" s="18"/>
      <c r="I15206" s="18"/>
      <c r="J15206" s="18"/>
      <c r="K15206" s="18"/>
      <c r="L15206" s="18"/>
      <c r="M15206" s="18"/>
      <c r="N15206" s="18"/>
      <c r="O15206" s="18"/>
      <c r="P15206" s="19">
        <v>450</v>
      </c>
      <c r="Q15206" s="19"/>
      <c r="R15206" s="19"/>
      <c r="S15206" s="19"/>
      <c r="T15206" s="21"/>
      <c r="U15206" s="21"/>
      <c r="V15206" s="21"/>
      <c r="W15206" s="21"/>
      <c r="X15206" s="19">
        <v>1</v>
      </c>
      <c r="Y15206" s="19"/>
      <c r="Z15206" s="19"/>
      <c r="AA15206" s="19"/>
    </row>
    <row r="15207" spans="1:27" s="1" customFormat="1" ht="11.1" customHeight="1" outlineLevel="4" x14ac:dyDescent="0.2">
      <c r="A15207" s="17"/>
      <c r="B15207" s="17"/>
      <c r="C15207" s="17"/>
      <c r="D15207" s="18"/>
      <c r="E15207" s="18"/>
      <c r="F15207" s="18"/>
      <c r="G15207" s="18"/>
      <c r="H15207" s="18"/>
      <c r="I15207" s="18"/>
      <c r="J15207" s="18"/>
      <c r="K15207" s="18"/>
      <c r="L15207" s="18"/>
      <c r="M15207" s="18"/>
      <c r="N15207" s="18"/>
      <c r="O15207" s="18"/>
      <c r="P15207" s="19"/>
      <c r="Q15207" s="19"/>
      <c r="R15207" s="19"/>
      <c r="S15207" s="19"/>
      <c r="T15207" s="21"/>
      <c r="U15207" s="21"/>
      <c r="V15207" s="21"/>
      <c r="W15207" s="21"/>
      <c r="X15207" s="19"/>
      <c r="Y15207" s="19"/>
      <c r="Z15207" s="19"/>
      <c r="AA15207" s="19"/>
    </row>
    <row r="15208" spans="1:27" s="1" customFormat="1" ht="11.1" customHeight="1" outlineLevel="4" x14ac:dyDescent="0.2">
      <c r="A15208" s="17">
        <v>4352</v>
      </c>
      <c r="B15208" s="17"/>
      <c r="C15208" s="17"/>
      <c r="D15208" s="18" t="s">
        <v>7538</v>
      </c>
      <c r="E15208" s="18"/>
      <c r="F15208" s="18"/>
      <c r="G15208" s="18"/>
      <c r="H15208" s="18"/>
      <c r="I15208" s="18"/>
      <c r="J15208" s="18"/>
      <c r="K15208" s="18"/>
      <c r="L15208" s="18"/>
      <c r="M15208" s="18"/>
      <c r="N15208" s="18"/>
      <c r="O15208" s="18"/>
      <c r="P15208" s="19">
        <v>350</v>
      </c>
      <c r="Q15208" s="19"/>
      <c r="R15208" s="19"/>
      <c r="S15208" s="19"/>
      <c r="T15208" s="21"/>
      <c r="U15208" s="21"/>
      <c r="V15208" s="21"/>
      <c r="W15208" s="21"/>
      <c r="X15208" s="19">
        <v>1</v>
      </c>
      <c r="Y15208" s="19"/>
      <c r="Z15208" s="19"/>
      <c r="AA15208" s="19"/>
    </row>
    <row r="15209" spans="1:27" s="1" customFormat="1" ht="11.1" customHeight="1" outlineLevel="4" x14ac:dyDescent="0.2">
      <c r="A15209" s="17"/>
      <c r="B15209" s="17"/>
      <c r="C15209" s="17"/>
      <c r="D15209" s="18"/>
      <c r="E15209" s="18"/>
      <c r="F15209" s="18"/>
      <c r="G15209" s="18"/>
      <c r="H15209" s="18"/>
      <c r="I15209" s="18"/>
      <c r="J15209" s="18"/>
      <c r="K15209" s="18"/>
      <c r="L15209" s="18"/>
      <c r="M15209" s="18"/>
      <c r="N15209" s="18"/>
      <c r="O15209" s="18"/>
      <c r="P15209" s="19"/>
      <c r="Q15209" s="19"/>
      <c r="R15209" s="19"/>
      <c r="S15209" s="19"/>
      <c r="T15209" s="21"/>
      <c r="U15209" s="21"/>
      <c r="V15209" s="21"/>
      <c r="W15209" s="21"/>
      <c r="X15209" s="19"/>
      <c r="Y15209" s="19"/>
      <c r="Z15209" s="19"/>
      <c r="AA15209" s="19"/>
    </row>
    <row r="15210" spans="1:27" s="1" customFormat="1" ht="11.1" customHeight="1" outlineLevel="4" x14ac:dyDescent="0.2">
      <c r="A15210" s="17">
        <v>4354</v>
      </c>
      <c r="B15210" s="17"/>
      <c r="C15210" s="17"/>
      <c r="D15210" s="18" t="s">
        <v>7539</v>
      </c>
      <c r="E15210" s="18"/>
      <c r="F15210" s="18"/>
      <c r="G15210" s="18"/>
      <c r="H15210" s="18"/>
      <c r="I15210" s="18"/>
      <c r="J15210" s="18"/>
      <c r="K15210" s="18"/>
      <c r="L15210" s="18"/>
      <c r="M15210" s="18"/>
      <c r="N15210" s="18"/>
      <c r="O15210" s="18"/>
      <c r="P15210" s="19">
        <v>450</v>
      </c>
      <c r="Q15210" s="19"/>
      <c r="R15210" s="19"/>
      <c r="S15210" s="19"/>
      <c r="T15210" s="21"/>
      <c r="U15210" s="21"/>
      <c r="V15210" s="21"/>
      <c r="W15210" s="21"/>
      <c r="X15210" s="19">
        <v>1</v>
      </c>
      <c r="Y15210" s="19"/>
      <c r="Z15210" s="19"/>
      <c r="AA15210" s="19"/>
    </row>
    <row r="15211" spans="1:27" s="1" customFormat="1" ht="11.1" customHeight="1" outlineLevel="4" x14ac:dyDescent="0.2">
      <c r="A15211" s="17"/>
      <c r="B15211" s="17"/>
      <c r="C15211" s="17"/>
      <c r="D15211" s="18"/>
      <c r="E15211" s="18"/>
      <c r="F15211" s="18"/>
      <c r="G15211" s="18"/>
      <c r="H15211" s="18"/>
      <c r="I15211" s="18"/>
      <c r="J15211" s="18"/>
      <c r="K15211" s="18"/>
      <c r="L15211" s="18"/>
      <c r="M15211" s="18"/>
      <c r="N15211" s="18"/>
      <c r="O15211" s="18"/>
      <c r="P15211" s="19"/>
      <c r="Q15211" s="19"/>
      <c r="R15211" s="19"/>
      <c r="S15211" s="19"/>
      <c r="T15211" s="21"/>
      <c r="U15211" s="21"/>
      <c r="V15211" s="21"/>
      <c r="W15211" s="21"/>
      <c r="X15211" s="19"/>
      <c r="Y15211" s="19"/>
      <c r="Z15211" s="19"/>
      <c r="AA15211" s="19"/>
    </row>
    <row r="15212" spans="1:27" s="1" customFormat="1" ht="14.1" customHeight="1" outlineLevel="4" x14ac:dyDescent="0.2">
      <c r="A15212" s="17">
        <v>4355</v>
      </c>
      <c r="B15212" s="17"/>
      <c r="C15212" s="17"/>
      <c r="D15212" s="18" t="s">
        <v>7540</v>
      </c>
      <c r="E15212" s="18"/>
      <c r="F15212" s="18"/>
      <c r="G15212" s="18"/>
      <c r="H15212" s="18"/>
      <c r="I15212" s="18"/>
      <c r="J15212" s="18"/>
      <c r="K15212" s="18"/>
      <c r="L15212" s="18"/>
      <c r="M15212" s="18"/>
      <c r="N15212" s="18"/>
      <c r="O15212" s="18"/>
      <c r="P15212" s="19">
        <v>300</v>
      </c>
      <c r="Q15212" s="19"/>
      <c r="R15212" s="19"/>
      <c r="S15212" s="19"/>
      <c r="T15212" s="21"/>
      <c r="U15212" s="21"/>
      <c r="V15212" s="21"/>
      <c r="W15212" s="21"/>
      <c r="X15212" s="19">
        <v>1</v>
      </c>
      <c r="Y15212" s="19"/>
      <c r="Z15212" s="19"/>
      <c r="AA15212" s="19"/>
    </row>
    <row r="15213" spans="1:27" s="1" customFormat="1" ht="14.1" customHeight="1" outlineLevel="4" x14ac:dyDescent="0.2">
      <c r="A15213" s="17"/>
      <c r="B15213" s="17"/>
      <c r="C15213" s="17"/>
      <c r="D15213" s="18"/>
      <c r="E15213" s="18"/>
      <c r="F15213" s="18"/>
      <c r="G15213" s="18"/>
      <c r="H15213" s="18"/>
      <c r="I15213" s="18"/>
      <c r="J15213" s="18"/>
      <c r="K15213" s="18"/>
      <c r="L15213" s="18"/>
      <c r="M15213" s="18"/>
      <c r="N15213" s="18"/>
      <c r="O15213" s="18"/>
      <c r="P15213" s="19"/>
      <c r="Q15213" s="19"/>
      <c r="R15213" s="19"/>
      <c r="S15213" s="19"/>
      <c r="T15213" s="21"/>
      <c r="U15213" s="21"/>
      <c r="V15213" s="21"/>
      <c r="W15213" s="21"/>
      <c r="X15213" s="19"/>
      <c r="Y15213" s="19"/>
      <c r="Z15213" s="19"/>
      <c r="AA15213" s="19"/>
    </row>
    <row r="15214" spans="1:27" s="1" customFormat="1" ht="11.1" customHeight="1" outlineLevel="4" x14ac:dyDescent="0.2">
      <c r="A15214" s="17">
        <v>4357</v>
      </c>
      <c r="B15214" s="17"/>
      <c r="C15214" s="17"/>
      <c r="D15214" s="18" t="s">
        <v>7541</v>
      </c>
      <c r="E15214" s="18"/>
      <c r="F15214" s="18"/>
      <c r="G15214" s="18"/>
      <c r="H15214" s="18"/>
      <c r="I15214" s="18"/>
      <c r="J15214" s="18"/>
      <c r="K15214" s="18"/>
      <c r="L15214" s="18"/>
      <c r="M15214" s="18"/>
      <c r="N15214" s="18"/>
      <c r="O15214" s="18"/>
      <c r="P15214" s="19">
        <v>280</v>
      </c>
      <c r="Q15214" s="19"/>
      <c r="R15214" s="19"/>
      <c r="S15214" s="19"/>
      <c r="T15214" s="21"/>
      <c r="U15214" s="21"/>
      <c r="V15214" s="21"/>
      <c r="W15214" s="21"/>
      <c r="X15214" s="19">
        <v>1</v>
      </c>
      <c r="Y15214" s="19"/>
      <c r="Z15214" s="19"/>
      <c r="AA15214" s="19"/>
    </row>
    <row r="15215" spans="1:27" s="1" customFormat="1" ht="11.1" customHeight="1" outlineLevel="4" x14ac:dyDescent="0.2">
      <c r="A15215" s="17"/>
      <c r="B15215" s="17"/>
      <c r="C15215" s="17"/>
      <c r="D15215" s="18"/>
      <c r="E15215" s="18"/>
      <c r="F15215" s="18"/>
      <c r="G15215" s="18"/>
      <c r="H15215" s="18"/>
      <c r="I15215" s="18"/>
      <c r="J15215" s="18"/>
      <c r="K15215" s="18"/>
      <c r="L15215" s="18"/>
      <c r="M15215" s="18"/>
      <c r="N15215" s="18"/>
      <c r="O15215" s="18"/>
      <c r="P15215" s="19"/>
      <c r="Q15215" s="19"/>
      <c r="R15215" s="19"/>
      <c r="S15215" s="19"/>
      <c r="T15215" s="21"/>
      <c r="U15215" s="21"/>
      <c r="V15215" s="21"/>
      <c r="W15215" s="21"/>
      <c r="X15215" s="19"/>
      <c r="Y15215" s="19"/>
      <c r="Z15215" s="19"/>
      <c r="AA15215" s="19"/>
    </row>
    <row r="15216" spans="1:27" s="1" customFormat="1" ht="11.1" customHeight="1" outlineLevel="4" x14ac:dyDescent="0.2">
      <c r="A15216" s="17">
        <v>4359</v>
      </c>
      <c r="B15216" s="17"/>
      <c r="C15216" s="17"/>
      <c r="D15216" s="18" t="s">
        <v>7542</v>
      </c>
      <c r="E15216" s="18"/>
      <c r="F15216" s="18"/>
      <c r="G15216" s="18"/>
      <c r="H15216" s="18"/>
      <c r="I15216" s="18"/>
      <c r="J15216" s="18"/>
      <c r="K15216" s="18"/>
      <c r="L15216" s="18"/>
      <c r="M15216" s="18"/>
      <c r="N15216" s="18"/>
      <c r="O15216" s="18"/>
      <c r="P15216" s="19">
        <v>350</v>
      </c>
      <c r="Q15216" s="19"/>
      <c r="R15216" s="19"/>
      <c r="S15216" s="19"/>
      <c r="T15216" s="19">
        <v>200</v>
      </c>
      <c r="U15216" s="19"/>
      <c r="V15216" s="19"/>
      <c r="W15216" s="19"/>
      <c r="X15216" s="19">
        <v>1</v>
      </c>
      <c r="Y15216" s="19"/>
      <c r="Z15216" s="19"/>
      <c r="AA15216" s="19"/>
    </row>
    <row r="15217" spans="1:27" s="1" customFormat="1" ht="11.1" customHeight="1" outlineLevel="4" x14ac:dyDescent="0.2">
      <c r="A15217" s="17"/>
      <c r="B15217" s="17"/>
      <c r="C15217" s="17"/>
      <c r="D15217" s="18"/>
      <c r="E15217" s="18"/>
      <c r="F15217" s="18"/>
      <c r="G15217" s="18"/>
      <c r="H15217" s="18"/>
      <c r="I15217" s="18"/>
      <c r="J15217" s="18"/>
      <c r="K15217" s="18"/>
      <c r="L15217" s="18"/>
      <c r="M15217" s="18"/>
      <c r="N15217" s="18"/>
      <c r="O15217" s="18"/>
      <c r="P15217" s="19"/>
      <c r="Q15217" s="19"/>
      <c r="R15217" s="19"/>
      <c r="S15217" s="19"/>
      <c r="T15217" s="19"/>
      <c r="U15217" s="19"/>
      <c r="V15217" s="19"/>
      <c r="W15217" s="19"/>
      <c r="X15217" s="19"/>
      <c r="Y15217" s="19"/>
      <c r="Z15217" s="19"/>
      <c r="AA15217" s="19"/>
    </row>
    <row r="15218" spans="1:27" s="1" customFormat="1" ht="11.1" customHeight="1" outlineLevel="4" x14ac:dyDescent="0.2">
      <c r="A15218" s="17">
        <v>4362</v>
      </c>
      <c r="B15218" s="17"/>
      <c r="C15218" s="17"/>
      <c r="D15218" s="18" t="s">
        <v>7543</v>
      </c>
      <c r="E15218" s="18"/>
      <c r="F15218" s="18"/>
      <c r="G15218" s="18"/>
      <c r="H15218" s="18"/>
      <c r="I15218" s="18"/>
      <c r="J15218" s="18"/>
      <c r="K15218" s="18"/>
      <c r="L15218" s="18"/>
      <c r="M15218" s="18"/>
      <c r="N15218" s="18"/>
      <c r="O15218" s="18"/>
      <c r="P15218" s="19">
        <v>270</v>
      </c>
      <c r="Q15218" s="19"/>
      <c r="R15218" s="19"/>
      <c r="S15218" s="19"/>
      <c r="T15218" s="21"/>
      <c r="U15218" s="21"/>
      <c r="V15218" s="21"/>
      <c r="W15218" s="21"/>
      <c r="X15218" s="19">
        <v>1</v>
      </c>
      <c r="Y15218" s="19"/>
      <c r="Z15218" s="19"/>
      <c r="AA15218" s="19"/>
    </row>
    <row r="15219" spans="1:27" s="1" customFormat="1" ht="11.1" customHeight="1" outlineLevel="4" x14ac:dyDescent="0.2">
      <c r="A15219" s="17"/>
      <c r="B15219" s="17"/>
      <c r="C15219" s="17"/>
      <c r="D15219" s="18"/>
      <c r="E15219" s="18"/>
      <c r="F15219" s="18"/>
      <c r="G15219" s="18"/>
      <c r="H15219" s="18"/>
      <c r="I15219" s="18"/>
      <c r="J15219" s="18"/>
      <c r="K15219" s="18"/>
      <c r="L15219" s="18"/>
      <c r="M15219" s="18"/>
      <c r="N15219" s="18"/>
      <c r="O15219" s="18"/>
      <c r="P15219" s="19"/>
      <c r="Q15219" s="19"/>
      <c r="R15219" s="19"/>
      <c r="S15219" s="19"/>
      <c r="T15219" s="21"/>
      <c r="U15219" s="21"/>
      <c r="V15219" s="21"/>
      <c r="W15219" s="21"/>
      <c r="X15219" s="19"/>
      <c r="Y15219" s="19"/>
      <c r="Z15219" s="19"/>
      <c r="AA15219" s="19"/>
    </row>
    <row r="15220" spans="1:27" s="1" customFormat="1" ht="11.1" customHeight="1" outlineLevel="4" x14ac:dyDescent="0.2">
      <c r="A15220" s="17">
        <v>4363</v>
      </c>
      <c r="B15220" s="17"/>
      <c r="C15220" s="17"/>
      <c r="D15220" s="18" t="s">
        <v>7544</v>
      </c>
      <c r="E15220" s="18"/>
      <c r="F15220" s="18"/>
      <c r="G15220" s="18"/>
      <c r="H15220" s="18"/>
      <c r="I15220" s="18"/>
      <c r="J15220" s="18"/>
      <c r="K15220" s="18"/>
      <c r="L15220" s="18"/>
      <c r="M15220" s="18"/>
      <c r="N15220" s="18"/>
      <c r="O15220" s="18"/>
      <c r="P15220" s="19">
        <v>500</v>
      </c>
      <c r="Q15220" s="19"/>
      <c r="R15220" s="19"/>
      <c r="S15220" s="19"/>
      <c r="T15220" s="21"/>
      <c r="U15220" s="21"/>
      <c r="V15220" s="21"/>
      <c r="W15220" s="21"/>
      <c r="X15220" s="19">
        <v>1</v>
      </c>
      <c r="Y15220" s="19"/>
      <c r="Z15220" s="19"/>
      <c r="AA15220" s="19"/>
    </row>
    <row r="15221" spans="1:27" s="1" customFormat="1" ht="11.1" customHeight="1" outlineLevel="4" x14ac:dyDescent="0.2">
      <c r="A15221" s="17"/>
      <c r="B15221" s="17"/>
      <c r="C15221" s="17"/>
      <c r="D15221" s="18"/>
      <c r="E15221" s="18"/>
      <c r="F15221" s="18"/>
      <c r="G15221" s="18"/>
      <c r="H15221" s="18"/>
      <c r="I15221" s="18"/>
      <c r="J15221" s="18"/>
      <c r="K15221" s="18"/>
      <c r="L15221" s="18"/>
      <c r="M15221" s="18"/>
      <c r="N15221" s="18"/>
      <c r="O15221" s="18"/>
      <c r="P15221" s="19"/>
      <c r="Q15221" s="19"/>
      <c r="R15221" s="19"/>
      <c r="S15221" s="19"/>
      <c r="T15221" s="21"/>
      <c r="U15221" s="21"/>
      <c r="V15221" s="21"/>
      <c r="W15221" s="21"/>
      <c r="X15221" s="19"/>
      <c r="Y15221" s="19"/>
      <c r="Z15221" s="19"/>
      <c r="AA15221" s="19"/>
    </row>
    <row r="15222" spans="1:27" s="1" customFormat="1" ht="11.1" customHeight="1" outlineLevel="3" x14ac:dyDescent="0.2">
      <c r="A15222" s="16" t="s">
        <v>7545</v>
      </c>
      <c r="B15222" s="16"/>
      <c r="C15222" s="16"/>
      <c r="D15222" s="16"/>
      <c r="E15222" s="16"/>
      <c r="F15222" s="16"/>
      <c r="G15222" s="16"/>
      <c r="H15222" s="16"/>
      <c r="I15222" s="16"/>
      <c r="J15222" s="16"/>
      <c r="K15222" s="16"/>
      <c r="L15222" s="16"/>
      <c r="M15222" s="16"/>
      <c r="N15222" s="16"/>
      <c r="O15222" s="16"/>
      <c r="P15222" s="16"/>
      <c r="Q15222" s="16"/>
      <c r="R15222" s="16"/>
      <c r="S15222" s="16"/>
      <c r="T15222" s="16"/>
      <c r="U15222" s="16"/>
      <c r="V15222" s="16"/>
      <c r="W15222" s="16"/>
      <c r="X15222" s="16"/>
      <c r="Y15222" s="16"/>
      <c r="Z15222" s="16"/>
      <c r="AA15222" s="16"/>
    </row>
    <row r="15223" spans="1:27" s="1" customFormat="1" ht="11.1" customHeight="1" outlineLevel="3" x14ac:dyDescent="0.2">
      <c r="A15223" s="16"/>
      <c r="B15223" s="16"/>
      <c r="C15223" s="16"/>
      <c r="D15223" s="16"/>
      <c r="E15223" s="16"/>
      <c r="F15223" s="16"/>
      <c r="G15223" s="16"/>
      <c r="H15223" s="16"/>
      <c r="I15223" s="16"/>
      <c r="J15223" s="16"/>
      <c r="K15223" s="16"/>
      <c r="L15223" s="16"/>
      <c r="M15223" s="16"/>
      <c r="N15223" s="16"/>
      <c r="O15223" s="16"/>
      <c r="P15223" s="16"/>
      <c r="Q15223" s="16"/>
      <c r="R15223" s="16"/>
      <c r="S15223" s="16"/>
      <c r="T15223" s="16"/>
      <c r="U15223" s="16"/>
      <c r="V15223" s="16"/>
      <c r="W15223" s="16"/>
      <c r="X15223" s="16"/>
      <c r="Y15223" s="16"/>
      <c r="Z15223" s="16"/>
      <c r="AA15223" s="16"/>
    </row>
    <row r="15224" spans="1:27" s="1" customFormat="1" ht="11.1" customHeight="1" outlineLevel="4" x14ac:dyDescent="0.2">
      <c r="A15224" s="17">
        <v>4366</v>
      </c>
      <c r="B15224" s="17"/>
      <c r="C15224" s="17"/>
      <c r="D15224" s="18" t="s">
        <v>7546</v>
      </c>
      <c r="E15224" s="18"/>
      <c r="F15224" s="18"/>
      <c r="G15224" s="18"/>
      <c r="H15224" s="18"/>
      <c r="I15224" s="18"/>
      <c r="J15224" s="18"/>
      <c r="K15224" s="18"/>
      <c r="L15224" s="18"/>
      <c r="M15224" s="18"/>
      <c r="N15224" s="18"/>
      <c r="O15224" s="18"/>
      <c r="P15224" s="19">
        <v>300</v>
      </c>
      <c r="Q15224" s="19"/>
      <c r="R15224" s="19"/>
      <c r="S15224" s="19"/>
      <c r="T15224" s="21"/>
      <c r="U15224" s="21"/>
      <c r="V15224" s="21"/>
      <c r="W15224" s="21"/>
      <c r="X15224" s="19">
        <v>1</v>
      </c>
      <c r="Y15224" s="19"/>
      <c r="Z15224" s="19"/>
      <c r="AA15224" s="19"/>
    </row>
    <row r="15225" spans="1:27" s="1" customFormat="1" ht="11.1" customHeight="1" outlineLevel="4" x14ac:dyDescent="0.2">
      <c r="A15225" s="17"/>
      <c r="B15225" s="17"/>
      <c r="C15225" s="17"/>
      <c r="D15225" s="18"/>
      <c r="E15225" s="18"/>
      <c r="F15225" s="18"/>
      <c r="G15225" s="18"/>
      <c r="H15225" s="18"/>
      <c r="I15225" s="18"/>
      <c r="J15225" s="18"/>
      <c r="K15225" s="18"/>
      <c r="L15225" s="18"/>
      <c r="M15225" s="18"/>
      <c r="N15225" s="18"/>
      <c r="O15225" s="18"/>
      <c r="P15225" s="19"/>
      <c r="Q15225" s="19"/>
      <c r="R15225" s="19"/>
      <c r="S15225" s="19"/>
      <c r="T15225" s="21"/>
      <c r="U15225" s="21"/>
      <c r="V15225" s="21"/>
      <c r="W15225" s="21"/>
      <c r="X15225" s="19"/>
      <c r="Y15225" s="19"/>
      <c r="Z15225" s="19"/>
      <c r="AA15225" s="19"/>
    </row>
    <row r="15226" spans="1:27" s="1" customFormat="1" ht="11.1" customHeight="1" outlineLevel="4" x14ac:dyDescent="0.2">
      <c r="A15226" s="17">
        <v>11870</v>
      </c>
      <c r="B15226" s="17"/>
      <c r="C15226" s="17"/>
      <c r="D15226" s="18" t="s">
        <v>7547</v>
      </c>
      <c r="E15226" s="18"/>
      <c r="F15226" s="18"/>
      <c r="G15226" s="18"/>
      <c r="H15226" s="18"/>
      <c r="I15226" s="18"/>
      <c r="J15226" s="18"/>
      <c r="K15226" s="18"/>
      <c r="L15226" s="18"/>
      <c r="M15226" s="18"/>
      <c r="N15226" s="18"/>
      <c r="O15226" s="18"/>
      <c r="P15226" s="19">
        <v>370</v>
      </c>
      <c r="Q15226" s="19"/>
      <c r="R15226" s="19"/>
      <c r="S15226" s="19"/>
      <c r="T15226" s="19">
        <v>230</v>
      </c>
      <c r="U15226" s="19"/>
      <c r="V15226" s="19"/>
      <c r="W15226" s="19"/>
      <c r="X15226" s="19">
        <v>6</v>
      </c>
      <c r="Y15226" s="19"/>
      <c r="Z15226" s="19"/>
      <c r="AA15226" s="19"/>
    </row>
    <row r="15227" spans="1:27" s="1" customFormat="1" ht="11.1" customHeight="1" outlineLevel="4" x14ac:dyDescent="0.2">
      <c r="A15227" s="17"/>
      <c r="B15227" s="17"/>
      <c r="C15227" s="17"/>
      <c r="D15227" s="18"/>
      <c r="E15227" s="18"/>
      <c r="F15227" s="18"/>
      <c r="G15227" s="18"/>
      <c r="H15227" s="18"/>
      <c r="I15227" s="18"/>
      <c r="J15227" s="18"/>
      <c r="K15227" s="18"/>
      <c r="L15227" s="18"/>
      <c r="M15227" s="18"/>
      <c r="N15227" s="18"/>
      <c r="O15227" s="18"/>
      <c r="P15227" s="19"/>
      <c r="Q15227" s="19"/>
      <c r="R15227" s="19"/>
      <c r="S15227" s="19"/>
      <c r="T15227" s="19"/>
      <c r="U15227" s="19"/>
      <c r="V15227" s="19"/>
      <c r="W15227" s="19"/>
      <c r="X15227" s="19"/>
      <c r="Y15227" s="19"/>
      <c r="Z15227" s="19"/>
      <c r="AA15227" s="19"/>
    </row>
    <row r="15228" spans="1:27" s="1" customFormat="1" ht="11.1" customHeight="1" outlineLevel="3" x14ac:dyDescent="0.2">
      <c r="A15228" s="16" t="s">
        <v>7548</v>
      </c>
      <c r="B15228" s="16"/>
      <c r="C15228" s="16"/>
      <c r="D15228" s="16"/>
      <c r="E15228" s="16"/>
      <c r="F15228" s="16"/>
      <c r="G15228" s="16"/>
      <c r="H15228" s="16"/>
      <c r="I15228" s="16"/>
      <c r="J15228" s="16"/>
      <c r="K15228" s="16"/>
      <c r="L15228" s="16"/>
      <c r="M15228" s="16"/>
      <c r="N15228" s="16"/>
      <c r="O15228" s="16"/>
      <c r="P15228" s="16"/>
      <c r="Q15228" s="16"/>
      <c r="R15228" s="16"/>
      <c r="S15228" s="16"/>
      <c r="T15228" s="16"/>
      <c r="U15228" s="16"/>
      <c r="V15228" s="16"/>
      <c r="W15228" s="16"/>
      <c r="X15228" s="16"/>
      <c r="Y15228" s="16"/>
      <c r="Z15228" s="16"/>
      <c r="AA15228" s="16"/>
    </row>
    <row r="15229" spans="1:27" s="1" customFormat="1" ht="11.1" customHeight="1" outlineLevel="3" x14ac:dyDescent="0.2">
      <c r="A15229" s="16"/>
      <c r="B15229" s="16"/>
      <c r="C15229" s="16"/>
      <c r="D15229" s="16"/>
      <c r="E15229" s="16"/>
      <c r="F15229" s="16"/>
      <c r="G15229" s="16"/>
      <c r="H15229" s="16"/>
      <c r="I15229" s="16"/>
      <c r="J15229" s="16"/>
      <c r="K15229" s="16"/>
      <c r="L15229" s="16"/>
      <c r="M15229" s="16"/>
      <c r="N15229" s="16"/>
      <c r="O15229" s="16"/>
      <c r="P15229" s="16"/>
      <c r="Q15229" s="16"/>
      <c r="R15229" s="16"/>
      <c r="S15229" s="16"/>
      <c r="T15229" s="16"/>
      <c r="U15229" s="16"/>
      <c r="V15229" s="16"/>
      <c r="W15229" s="16"/>
      <c r="X15229" s="16"/>
      <c r="Y15229" s="16"/>
      <c r="Z15229" s="16"/>
      <c r="AA15229" s="16"/>
    </row>
    <row r="15230" spans="1:27" s="1" customFormat="1" ht="11.1" customHeight="1" outlineLevel="4" x14ac:dyDescent="0.2">
      <c r="A15230" s="17">
        <v>4369</v>
      </c>
      <c r="B15230" s="17"/>
      <c r="C15230" s="17"/>
      <c r="D15230" s="18" t="s">
        <v>7549</v>
      </c>
      <c r="E15230" s="18"/>
      <c r="F15230" s="18"/>
      <c r="G15230" s="18"/>
      <c r="H15230" s="18"/>
      <c r="I15230" s="18"/>
      <c r="J15230" s="18"/>
      <c r="K15230" s="18"/>
      <c r="L15230" s="18"/>
      <c r="M15230" s="18"/>
      <c r="N15230" s="18"/>
      <c r="O15230" s="18"/>
      <c r="P15230" s="19">
        <v>280</v>
      </c>
      <c r="Q15230" s="19"/>
      <c r="R15230" s="19"/>
      <c r="S15230" s="19"/>
      <c r="T15230" s="21"/>
      <c r="U15230" s="21"/>
      <c r="V15230" s="21"/>
      <c r="W15230" s="21"/>
      <c r="X15230" s="19">
        <v>1</v>
      </c>
      <c r="Y15230" s="19"/>
      <c r="Z15230" s="19"/>
      <c r="AA15230" s="19"/>
    </row>
    <row r="15231" spans="1:27" s="1" customFormat="1" ht="11.1" customHeight="1" outlineLevel="4" x14ac:dyDescent="0.2">
      <c r="A15231" s="17"/>
      <c r="B15231" s="17"/>
      <c r="C15231" s="17"/>
      <c r="D15231" s="18"/>
      <c r="E15231" s="18"/>
      <c r="F15231" s="18"/>
      <c r="G15231" s="18"/>
      <c r="H15231" s="18"/>
      <c r="I15231" s="18"/>
      <c r="J15231" s="18"/>
      <c r="K15231" s="18"/>
      <c r="L15231" s="18"/>
      <c r="M15231" s="18"/>
      <c r="N15231" s="18"/>
      <c r="O15231" s="18"/>
      <c r="P15231" s="19"/>
      <c r="Q15231" s="19"/>
      <c r="R15231" s="19"/>
      <c r="S15231" s="19"/>
      <c r="T15231" s="21"/>
      <c r="U15231" s="21"/>
      <c r="V15231" s="21"/>
      <c r="W15231" s="21"/>
      <c r="X15231" s="19"/>
      <c r="Y15231" s="19"/>
      <c r="Z15231" s="19"/>
      <c r="AA15231" s="19"/>
    </row>
    <row r="15232" spans="1:27" s="1" customFormat="1" ht="11.1" customHeight="1" outlineLevel="4" x14ac:dyDescent="0.2">
      <c r="A15232" s="17">
        <v>4370</v>
      </c>
      <c r="B15232" s="17"/>
      <c r="C15232" s="17"/>
      <c r="D15232" s="18" t="s">
        <v>7550</v>
      </c>
      <c r="E15232" s="18"/>
      <c r="F15232" s="18"/>
      <c r="G15232" s="18"/>
      <c r="H15232" s="18"/>
      <c r="I15232" s="18"/>
      <c r="J15232" s="18"/>
      <c r="K15232" s="18"/>
      <c r="L15232" s="18"/>
      <c r="M15232" s="18"/>
      <c r="N15232" s="18"/>
      <c r="O15232" s="18"/>
      <c r="P15232" s="19">
        <v>300</v>
      </c>
      <c r="Q15232" s="19"/>
      <c r="R15232" s="19"/>
      <c r="S15232" s="19"/>
      <c r="T15232" s="21"/>
      <c r="U15232" s="21"/>
      <c r="V15232" s="21"/>
      <c r="W15232" s="21"/>
      <c r="X15232" s="19">
        <v>1</v>
      </c>
      <c r="Y15232" s="19"/>
      <c r="Z15232" s="19"/>
      <c r="AA15232" s="19"/>
    </row>
    <row r="15233" spans="1:27" s="1" customFormat="1" ht="11.1" customHeight="1" outlineLevel="4" x14ac:dyDescent="0.2">
      <c r="A15233" s="17"/>
      <c r="B15233" s="17"/>
      <c r="C15233" s="17"/>
      <c r="D15233" s="18"/>
      <c r="E15233" s="18"/>
      <c r="F15233" s="18"/>
      <c r="G15233" s="18"/>
      <c r="H15233" s="18"/>
      <c r="I15233" s="18"/>
      <c r="J15233" s="18"/>
      <c r="K15233" s="18"/>
      <c r="L15233" s="18"/>
      <c r="M15233" s="18"/>
      <c r="N15233" s="18"/>
      <c r="O15233" s="18"/>
      <c r="P15233" s="19"/>
      <c r="Q15233" s="19"/>
      <c r="R15233" s="19"/>
      <c r="S15233" s="19"/>
      <c r="T15233" s="21"/>
      <c r="U15233" s="21"/>
      <c r="V15233" s="21"/>
      <c r="W15233" s="21"/>
      <c r="X15233" s="19"/>
      <c r="Y15233" s="19"/>
      <c r="Z15233" s="19"/>
      <c r="AA15233" s="19"/>
    </row>
    <row r="15234" spans="1:27" s="1" customFormat="1" ht="11.1" customHeight="1" outlineLevel="4" x14ac:dyDescent="0.2">
      <c r="A15234" s="17">
        <v>4371</v>
      </c>
      <c r="B15234" s="17"/>
      <c r="C15234" s="17"/>
      <c r="D15234" s="18" t="s">
        <v>7551</v>
      </c>
      <c r="E15234" s="18"/>
      <c r="F15234" s="18"/>
      <c r="G15234" s="18"/>
      <c r="H15234" s="18"/>
      <c r="I15234" s="18"/>
      <c r="J15234" s="18"/>
      <c r="K15234" s="18"/>
      <c r="L15234" s="18"/>
      <c r="M15234" s="18"/>
      <c r="N15234" s="18"/>
      <c r="O15234" s="18"/>
      <c r="P15234" s="19">
        <v>300</v>
      </c>
      <c r="Q15234" s="19"/>
      <c r="R15234" s="19"/>
      <c r="S15234" s="19"/>
      <c r="T15234" s="21"/>
      <c r="U15234" s="21"/>
      <c r="V15234" s="21"/>
      <c r="W15234" s="21"/>
      <c r="X15234" s="19">
        <v>1</v>
      </c>
      <c r="Y15234" s="19"/>
      <c r="Z15234" s="19"/>
      <c r="AA15234" s="19"/>
    </row>
    <row r="15235" spans="1:27" s="1" customFormat="1" ht="11.1" customHeight="1" outlineLevel="4" x14ac:dyDescent="0.2">
      <c r="A15235" s="17"/>
      <c r="B15235" s="17"/>
      <c r="C15235" s="17"/>
      <c r="D15235" s="18"/>
      <c r="E15235" s="18"/>
      <c r="F15235" s="18"/>
      <c r="G15235" s="18"/>
      <c r="H15235" s="18"/>
      <c r="I15235" s="18"/>
      <c r="J15235" s="18"/>
      <c r="K15235" s="18"/>
      <c r="L15235" s="18"/>
      <c r="M15235" s="18"/>
      <c r="N15235" s="18"/>
      <c r="O15235" s="18"/>
      <c r="P15235" s="19"/>
      <c r="Q15235" s="19"/>
      <c r="R15235" s="19"/>
      <c r="S15235" s="19"/>
      <c r="T15235" s="21"/>
      <c r="U15235" s="21"/>
      <c r="V15235" s="21"/>
      <c r="W15235" s="21"/>
      <c r="X15235" s="19"/>
      <c r="Y15235" s="19"/>
      <c r="Z15235" s="19"/>
      <c r="AA15235" s="19"/>
    </row>
    <row r="15236" spans="1:27" s="1" customFormat="1" ht="11.1" customHeight="1" outlineLevel="4" x14ac:dyDescent="0.2">
      <c r="A15236" s="17">
        <v>4368</v>
      </c>
      <c r="B15236" s="17"/>
      <c r="C15236" s="17"/>
      <c r="D15236" s="18" t="s">
        <v>7552</v>
      </c>
      <c r="E15236" s="18"/>
      <c r="F15236" s="18"/>
      <c r="G15236" s="18"/>
      <c r="H15236" s="18"/>
      <c r="I15236" s="18"/>
      <c r="J15236" s="18"/>
      <c r="K15236" s="18"/>
      <c r="L15236" s="18"/>
      <c r="M15236" s="18"/>
      <c r="N15236" s="18"/>
      <c r="O15236" s="18"/>
      <c r="P15236" s="19">
        <v>280</v>
      </c>
      <c r="Q15236" s="19"/>
      <c r="R15236" s="19"/>
      <c r="S15236" s="19"/>
      <c r="T15236" s="21"/>
      <c r="U15236" s="21"/>
      <c r="V15236" s="21"/>
      <c r="W15236" s="21"/>
      <c r="X15236" s="19">
        <v>1</v>
      </c>
      <c r="Y15236" s="19"/>
      <c r="Z15236" s="19"/>
      <c r="AA15236" s="19"/>
    </row>
    <row r="15237" spans="1:27" s="1" customFormat="1" ht="11.1" customHeight="1" outlineLevel="4" x14ac:dyDescent="0.2">
      <c r="A15237" s="17"/>
      <c r="B15237" s="17"/>
      <c r="C15237" s="17"/>
      <c r="D15237" s="18"/>
      <c r="E15237" s="18"/>
      <c r="F15237" s="18"/>
      <c r="G15237" s="18"/>
      <c r="H15237" s="18"/>
      <c r="I15237" s="18"/>
      <c r="J15237" s="18"/>
      <c r="K15237" s="18"/>
      <c r="L15237" s="18"/>
      <c r="M15237" s="18"/>
      <c r="N15237" s="18"/>
      <c r="O15237" s="18"/>
      <c r="P15237" s="19"/>
      <c r="Q15237" s="19"/>
      <c r="R15237" s="19"/>
      <c r="S15237" s="19"/>
      <c r="T15237" s="21"/>
      <c r="U15237" s="21"/>
      <c r="V15237" s="21"/>
      <c r="W15237" s="21"/>
      <c r="X15237" s="19"/>
      <c r="Y15237" s="19"/>
      <c r="Z15237" s="19"/>
      <c r="AA15237" s="19"/>
    </row>
    <row r="15238" spans="1:27" s="1" customFormat="1" ht="11.1" customHeight="1" outlineLevel="3" x14ac:dyDescent="0.2">
      <c r="A15238" s="16" t="s">
        <v>7553</v>
      </c>
      <c r="B15238" s="16"/>
      <c r="C15238" s="16"/>
      <c r="D15238" s="16"/>
      <c r="E15238" s="16"/>
      <c r="F15238" s="16"/>
      <c r="G15238" s="16"/>
      <c r="H15238" s="16"/>
      <c r="I15238" s="16"/>
      <c r="J15238" s="16"/>
      <c r="K15238" s="16"/>
      <c r="L15238" s="16"/>
      <c r="M15238" s="16"/>
      <c r="N15238" s="16"/>
      <c r="O15238" s="16"/>
      <c r="P15238" s="16"/>
      <c r="Q15238" s="16"/>
      <c r="R15238" s="16"/>
      <c r="S15238" s="16"/>
      <c r="T15238" s="16"/>
      <c r="U15238" s="16"/>
      <c r="V15238" s="16"/>
      <c r="W15238" s="16"/>
      <c r="X15238" s="16"/>
      <c r="Y15238" s="16"/>
      <c r="Z15238" s="16"/>
      <c r="AA15238" s="16"/>
    </row>
    <row r="15239" spans="1:27" s="1" customFormat="1" ht="11.1" customHeight="1" outlineLevel="3" x14ac:dyDescent="0.2">
      <c r="A15239" s="16"/>
      <c r="B15239" s="16"/>
      <c r="C15239" s="16"/>
      <c r="D15239" s="16"/>
      <c r="E15239" s="16"/>
      <c r="F15239" s="16"/>
      <c r="G15239" s="16"/>
      <c r="H15239" s="16"/>
      <c r="I15239" s="16"/>
      <c r="J15239" s="16"/>
      <c r="K15239" s="16"/>
      <c r="L15239" s="16"/>
      <c r="M15239" s="16"/>
      <c r="N15239" s="16"/>
      <c r="O15239" s="16"/>
      <c r="P15239" s="16"/>
      <c r="Q15239" s="16"/>
      <c r="R15239" s="16"/>
      <c r="S15239" s="16"/>
      <c r="T15239" s="16"/>
      <c r="U15239" s="16"/>
      <c r="V15239" s="16"/>
      <c r="W15239" s="16"/>
      <c r="X15239" s="16"/>
      <c r="Y15239" s="16"/>
      <c r="Z15239" s="16"/>
      <c r="AA15239" s="16"/>
    </row>
    <row r="15240" spans="1:27" s="1" customFormat="1" ht="11.1" customHeight="1" outlineLevel="4" x14ac:dyDescent="0.2">
      <c r="A15240" s="17">
        <v>4681</v>
      </c>
      <c r="B15240" s="17"/>
      <c r="C15240" s="17"/>
      <c r="D15240" s="18" t="s">
        <v>7554</v>
      </c>
      <c r="E15240" s="18"/>
      <c r="F15240" s="18"/>
      <c r="G15240" s="18"/>
      <c r="H15240" s="18"/>
      <c r="I15240" s="18"/>
      <c r="J15240" s="18"/>
      <c r="K15240" s="18"/>
      <c r="L15240" s="18"/>
      <c r="M15240" s="18"/>
      <c r="N15240" s="18"/>
      <c r="O15240" s="18"/>
      <c r="P15240" s="19">
        <v>300</v>
      </c>
      <c r="Q15240" s="19"/>
      <c r="R15240" s="19"/>
      <c r="S15240" s="19"/>
      <c r="T15240" s="21"/>
      <c r="U15240" s="21"/>
      <c r="V15240" s="21"/>
      <c r="W15240" s="21"/>
      <c r="X15240" s="19">
        <v>1</v>
      </c>
      <c r="Y15240" s="19"/>
      <c r="Z15240" s="19"/>
      <c r="AA15240" s="19"/>
    </row>
    <row r="15241" spans="1:27" s="1" customFormat="1" ht="11.1" customHeight="1" outlineLevel="4" x14ac:dyDescent="0.2">
      <c r="A15241" s="17"/>
      <c r="B15241" s="17"/>
      <c r="C15241" s="17"/>
      <c r="D15241" s="18"/>
      <c r="E15241" s="18"/>
      <c r="F15241" s="18"/>
      <c r="G15241" s="18"/>
      <c r="H15241" s="18"/>
      <c r="I15241" s="18"/>
      <c r="J15241" s="18"/>
      <c r="K15241" s="18"/>
      <c r="L15241" s="18"/>
      <c r="M15241" s="18"/>
      <c r="N15241" s="18"/>
      <c r="O15241" s="18"/>
      <c r="P15241" s="19"/>
      <c r="Q15241" s="19"/>
      <c r="R15241" s="19"/>
      <c r="S15241" s="19"/>
      <c r="T15241" s="21"/>
      <c r="U15241" s="21"/>
      <c r="V15241" s="21"/>
      <c r="W15241" s="21"/>
      <c r="X15241" s="19"/>
      <c r="Y15241" s="19"/>
      <c r="Z15241" s="19"/>
      <c r="AA15241" s="19"/>
    </row>
    <row r="15242" spans="1:27" s="1" customFormat="1" ht="11.1" customHeight="1" outlineLevel="4" x14ac:dyDescent="0.2">
      <c r="A15242" s="17">
        <v>4673</v>
      </c>
      <c r="B15242" s="17"/>
      <c r="C15242" s="17"/>
      <c r="D15242" s="18" t="s">
        <v>7555</v>
      </c>
      <c r="E15242" s="18"/>
      <c r="F15242" s="18"/>
      <c r="G15242" s="18"/>
      <c r="H15242" s="18"/>
      <c r="I15242" s="18"/>
      <c r="J15242" s="18"/>
      <c r="K15242" s="18"/>
      <c r="L15242" s="18"/>
      <c r="M15242" s="18"/>
      <c r="N15242" s="18"/>
      <c r="O15242" s="18"/>
      <c r="P15242" s="19">
        <v>450</v>
      </c>
      <c r="Q15242" s="19"/>
      <c r="R15242" s="19"/>
      <c r="S15242" s="19"/>
      <c r="T15242" s="21"/>
      <c r="U15242" s="21"/>
      <c r="V15242" s="21"/>
      <c r="W15242" s="21"/>
      <c r="X15242" s="19">
        <v>1</v>
      </c>
      <c r="Y15242" s="19"/>
      <c r="Z15242" s="19"/>
      <c r="AA15242" s="19"/>
    </row>
    <row r="15243" spans="1:27" s="1" customFormat="1" ht="11.1" customHeight="1" outlineLevel="4" x14ac:dyDescent="0.2">
      <c r="A15243" s="17"/>
      <c r="B15243" s="17"/>
      <c r="C15243" s="17"/>
      <c r="D15243" s="18"/>
      <c r="E15243" s="18"/>
      <c r="F15243" s="18"/>
      <c r="G15243" s="18"/>
      <c r="H15243" s="18"/>
      <c r="I15243" s="18"/>
      <c r="J15243" s="18"/>
      <c r="K15243" s="18"/>
      <c r="L15243" s="18"/>
      <c r="M15243" s="18"/>
      <c r="N15243" s="18"/>
      <c r="O15243" s="18"/>
      <c r="P15243" s="19"/>
      <c r="Q15243" s="19"/>
      <c r="R15243" s="19"/>
      <c r="S15243" s="19"/>
      <c r="T15243" s="21"/>
      <c r="U15243" s="21"/>
      <c r="V15243" s="21"/>
      <c r="W15243" s="21"/>
      <c r="X15243" s="19"/>
      <c r="Y15243" s="19"/>
      <c r="Z15243" s="19"/>
      <c r="AA15243" s="19"/>
    </row>
    <row r="15244" spans="1:27" s="1" customFormat="1" ht="14.1" customHeight="1" outlineLevel="4" x14ac:dyDescent="0.2">
      <c r="A15244" s="17">
        <v>4674</v>
      </c>
      <c r="B15244" s="17"/>
      <c r="C15244" s="17"/>
      <c r="D15244" s="18" t="s">
        <v>7556</v>
      </c>
      <c r="E15244" s="18"/>
      <c r="F15244" s="18"/>
      <c r="G15244" s="18"/>
      <c r="H15244" s="18"/>
      <c r="I15244" s="18"/>
      <c r="J15244" s="18"/>
      <c r="K15244" s="18"/>
      <c r="L15244" s="18"/>
      <c r="M15244" s="18"/>
      <c r="N15244" s="18"/>
      <c r="O15244" s="18"/>
      <c r="P15244" s="19">
        <v>350</v>
      </c>
      <c r="Q15244" s="19"/>
      <c r="R15244" s="19"/>
      <c r="S15244" s="19"/>
      <c r="T15244" s="21"/>
      <c r="U15244" s="21"/>
      <c r="V15244" s="21"/>
      <c r="W15244" s="21"/>
      <c r="X15244" s="19">
        <v>1</v>
      </c>
      <c r="Y15244" s="19"/>
      <c r="Z15244" s="19"/>
      <c r="AA15244" s="19"/>
    </row>
    <row r="15245" spans="1:27" s="1" customFormat="1" ht="14.1" customHeight="1" outlineLevel="4" x14ac:dyDescent="0.2">
      <c r="A15245" s="17"/>
      <c r="B15245" s="17"/>
      <c r="C15245" s="17"/>
      <c r="D15245" s="18"/>
      <c r="E15245" s="18"/>
      <c r="F15245" s="18"/>
      <c r="G15245" s="18"/>
      <c r="H15245" s="18"/>
      <c r="I15245" s="18"/>
      <c r="J15245" s="18"/>
      <c r="K15245" s="18"/>
      <c r="L15245" s="18"/>
      <c r="M15245" s="18"/>
      <c r="N15245" s="18"/>
      <c r="O15245" s="18"/>
      <c r="P15245" s="19"/>
      <c r="Q15245" s="19"/>
      <c r="R15245" s="19"/>
      <c r="S15245" s="19"/>
      <c r="T15245" s="21"/>
      <c r="U15245" s="21"/>
      <c r="V15245" s="21"/>
      <c r="W15245" s="21"/>
      <c r="X15245" s="19"/>
      <c r="Y15245" s="19"/>
      <c r="Z15245" s="19"/>
      <c r="AA15245" s="19"/>
    </row>
    <row r="15246" spans="1:27" s="1" customFormat="1" ht="11.1" customHeight="1" outlineLevel="4" x14ac:dyDescent="0.2">
      <c r="A15246" s="17">
        <v>4259</v>
      </c>
      <c r="B15246" s="17"/>
      <c r="C15246" s="17"/>
      <c r="D15246" s="18" t="s">
        <v>7557</v>
      </c>
      <c r="E15246" s="18"/>
      <c r="F15246" s="18"/>
      <c r="G15246" s="18"/>
      <c r="H15246" s="18"/>
      <c r="I15246" s="18"/>
      <c r="J15246" s="18"/>
      <c r="K15246" s="18"/>
      <c r="L15246" s="18"/>
      <c r="M15246" s="18"/>
      <c r="N15246" s="18"/>
      <c r="O15246" s="18"/>
      <c r="P15246" s="19">
        <v>280</v>
      </c>
      <c r="Q15246" s="19"/>
      <c r="R15246" s="19"/>
      <c r="S15246" s="19"/>
      <c r="T15246" s="21"/>
      <c r="U15246" s="21"/>
      <c r="V15246" s="21"/>
      <c r="W15246" s="21"/>
      <c r="X15246" s="19">
        <v>1</v>
      </c>
      <c r="Y15246" s="19"/>
      <c r="Z15246" s="19"/>
      <c r="AA15246" s="19"/>
    </row>
    <row r="15247" spans="1:27" s="1" customFormat="1" ht="11.1" customHeight="1" outlineLevel="4" x14ac:dyDescent="0.2">
      <c r="A15247" s="17"/>
      <c r="B15247" s="17"/>
      <c r="C15247" s="17"/>
      <c r="D15247" s="18"/>
      <c r="E15247" s="18"/>
      <c r="F15247" s="18"/>
      <c r="G15247" s="18"/>
      <c r="H15247" s="18"/>
      <c r="I15247" s="18"/>
      <c r="J15247" s="18"/>
      <c r="K15247" s="18"/>
      <c r="L15247" s="18"/>
      <c r="M15247" s="18"/>
      <c r="N15247" s="18"/>
      <c r="O15247" s="18"/>
      <c r="P15247" s="19"/>
      <c r="Q15247" s="19"/>
      <c r="R15247" s="19"/>
      <c r="S15247" s="19"/>
      <c r="T15247" s="21"/>
      <c r="U15247" s="21"/>
      <c r="V15247" s="21"/>
      <c r="W15247" s="21"/>
      <c r="X15247" s="19"/>
      <c r="Y15247" s="19"/>
      <c r="Z15247" s="19"/>
      <c r="AA15247" s="19"/>
    </row>
    <row r="15248" spans="1:27" s="1" customFormat="1" ht="11.1" customHeight="1" outlineLevel="4" x14ac:dyDescent="0.2">
      <c r="A15248" s="17">
        <v>4377</v>
      </c>
      <c r="B15248" s="17"/>
      <c r="C15248" s="17"/>
      <c r="D15248" s="18" t="s">
        <v>7558</v>
      </c>
      <c r="E15248" s="18"/>
      <c r="F15248" s="18"/>
      <c r="G15248" s="18"/>
      <c r="H15248" s="18"/>
      <c r="I15248" s="18"/>
      <c r="J15248" s="18"/>
      <c r="K15248" s="18"/>
      <c r="L15248" s="18"/>
      <c r="M15248" s="18"/>
      <c r="N15248" s="18"/>
      <c r="O15248" s="18"/>
      <c r="P15248" s="19">
        <v>400</v>
      </c>
      <c r="Q15248" s="19"/>
      <c r="R15248" s="19"/>
      <c r="S15248" s="19"/>
      <c r="T15248" s="21"/>
      <c r="U15248" s="21"/>
      <c r="V15248" s="21"/>
      <c r="W15248" s="21"/>
      <c r="X15248" s="19">
        <v>1</v>
      </c>
      <c r="Y15248" s="19"/>
      <c r="Z15248" s="19"/>
      <c r="AA15248" s="19"/>
    </row>
    <row r="15249" spans="1:27" s="1" customFormat="1" ht="11.1" customHeight="1" outlineLevel="4" x14ac:dyDescent="0.2">
      <c r="A15249" s="17"/>
      <c r="B15249" s="17"/>
      <c r="C15249" s="17"/>
      <c r="D15249" s="18"/>
      <c r="E15249" s="18"/>
      <c r="F15249" s="18"/>
      <c r="G15249" s="18"/>
      <c r="H15249" s="18"/>
      <c r="I15249" s="18"/>
      <c r="J15249" s="18"/>
      <c r="K15249" s="18"/>
      <c r="L15249" s="18"/>
      <c r="M15249" s="18"/>
      <c r="N15249" s="18"/>
      <c r="O15249" s="18"/>
      <c r="P15249" s="19"/>
      <c r="Q15249" s="19"/>
      <c r="R15249" s="19"/>
      <c r="S15249" s="19"/>
      <c r="T15249" s="21"/>
      <c r="U15249" s="21"/>
      <c r="V15249" s="21"/>
      <c r="W15249" s="21"/>
      <c r="X15249" s="19"/>
      <c r="Y15249" s="19"/>
      <c r="Z15249" s="19"/>
      <c r="AA15249" s="19"/>
    </row>
    <row r="15250" spans="1:27" s="1" customFormat="1" ht="11.1" customHeight="1" outlineLevel="4" x14ac:dyDescent="0.2">
      <c r="A15250" s="17">
        <v>16468</v>
      </c>
      <c r="B15250" s="17"/>
      <c r="C15250" s="17"/>
      <c r="D15250" s="18" t="s">
        <v>7559</v>
      </c>
      <c r="E15250" s="18"/>
      <c r="F15250" s="18"/>
      <c r="G15250" s="18"/>
      <c r="H15250" s="18"/>
      <c r="I15250" s="18"/>
      <c r="J15250" s="18"/>
      <c r="K15250" s="18"/>
      <c r="L15250" s="18"/>
      <c r="M15250" s="18"/>
      <c r="N15250" s="18"/>
      <c r="O15250" s="18"/>
      <c r="P15250" s="20">
        <v>1500</v>
      </c>
      <c r="Q15250" s="20"/>
      <c r="R15250" s="20"/>
      <c r="S15250" s="20"/>
      <c r="T15250" s="20">
        <v>1400</v>
      </c>
      <c r="U15250" s="20"/>
      <c r="V15250" s="20"/>
      <c r="W15250" s="20"/>
      <c r="X15250" s="19">
        <v>1</v>
      </c>
      <c r="Y15250" s="19"/>
      <c r="Z15250" s="19"/>
      <c r="AA15250" s="19"/>
    </row>
    <row r="15251" spans="1:27" s="1" customFormat="1" ht="11.1" customHeight="1" outlineLevel="4" x14ac:dyDescent="0.2">
      <c r="A15251" s="17"/>
      <c r="B15251" s="17"/>
      <c r="C15251" s="17"/>
      <c r="D15251" s="18"/>
      <c r="E15251" s="18"/>
      <c r="F15251" s="18"/>
      <c r="G15251" s="18"/>
      <c r="H15251" s="18"/>
      <c r="I15251" s="18"/>
      <c r="J15251" s="18"/>
      <c r="K15251" s="18"/>
      <c r="L15251" s="18"/>
      <c r="M15251" s="18"/>
      <c r="N15251" s="18"/>
      <c r="O15251" s="18"/>
      <c r="P15251" s="20"/>
      <c r="Q15251" s="20"/>
      <c r="R15251" s="20"/>
      <c r="S15251" s="20"/>
      <c r="T15251" s="20"/>
      <c r="U15251" s="20"/>
      <c r="V15251" s="20"/>
      <c r="W15251" s="20"/>
      <c r="X15251" s="19"/>
      <c r="Y15251" s="19"/>
      <c r="Z15251" s="19"/>
      <c r="AA15251" s="19"/>
    </row>
    <row r="15252" spans="1:27" s="1" customFormat="1" ht="11.1" customHeight="1" outlineLevel="4" x14ac:dyDescent="0.2">
      <c r="A15252" s="17">
        <v>4376</v>
      </c>
      <c r="B15252" s="17"/>
      <c r="C15252" s="17"/>
      <c r="D15252" s="18" t="s">
        <v>7560</v>
      </c>
      <c r="E15252" s="18"/>
      <c r="F15252" s="18"/>
      <c r="G15252" s="18"/>
      <c r="H15252" s="18"/>
      <c r="I15252" s="18"/>
      <c r="J15252" s="18"/>
      <c r="K15252" s="18"/>
      <c r="L15252" s="18"/>
      <c r="M15252" s="18"/>
      <c r="N15252" s="18"/>
      <c r="O15252" s="18"/>
      <c r="P15252" s="19">
        <v>280</v>
      </c>
      <c r="Q15252" s="19"/>
      <c r="R15252" s="19"/>
      <c r="S15252" s="19"/>
      <c r="T15252" s="21"/>
      <c r="U15252" s="21"/>
      <c r="V15252" s="21"/>
      <c r="W15252" s="21"/>
      <c r="X15252" s="19">
        <v>1</v>
      </c>
      <c r="Y15252" s="19"/>
      <c r="Z15252" s="19"/>
      <c r="AA15252" s="19"/>
    </row>
    <row r="15253" spans="1:27" s="1" customFormat="1" ht="11.1" customHeight="1" outlineLevel="4" x14ac:dyDescent="0.2">
      <c r="A15253" s="17"/>
      <c r="B15253" s="17"/>
      <c r="C15253" s="17"/>
      <c r="D15253" s="18"/>
      <c r="E15253" s="18"/>
      <c r="F15253" s="18"/>
      <c r="G15253" s="18"/>
      <c r="H15253" s="18"/>
      <c r="I15253" s="18"/>
      <c r="J15253" s="18"/>
      <c r="K15253" s="18"/>
      <c r="L15253" s="18"/>
      <c r="M15253" s="18"/>
      <c r="N15253" s="18"/>
      <c r="O15253" s="18"/>
      <c r="P15253" s="19"/>
      <c r="Q15253" s="19"/>
      <c r="R15253" s="19"/>
      <c r="S15253" s="19"/>
      <c r="T15253" s="21"/>
      <c r="U15253" s="21"/>
      <c r="V15253" s="21"/>
      <c r="W15253" s="21"/>
      <c r="X15253" s="19"/>
      <c r="Y15253" s="19"/>
      <c r="Z15253" s="19"/>
      <c r="AA15253" s="19"/>
    </row>
    <row r="15254" spans="1:27" s="1" customFormat="1" ht="11.1" customHeight="1" outlineLevel="4" x14ac:dyDescent="0.2">
      <c r="A15254" s="17">
        <v>4323</v>
      </c>
      <c r="B15254" s="17"/>
      <c r="C15254" s="17"/>
      <c r="D15254" s="18" t="s">
        <v>7561</v>
      </c>
      <c r="E15254" s="18"/>
      <c r="F15254" s="18"/>
      <c r="G15254" s="18"/>
      <c r="H15254" s="18"/>
      <c r="I15254" s="18"/>
      <c r="J15254" s="18"/>
      <c r="K15254" s="18"/>
      <c r="L15254" s="18"/>
      <c r="M15254" s="18"/>
      <c r="N15254" s="18"/>
      <c r="O15254" s="18"/>
      <c r="P15254" s="19">
        <v>300</v>
      </c>
      <c r="Q15254" s="19"/>
      <c r="R15254" s="19"/>
      <c r="S15254" s="19"/>
      <c r="T15254" s="21"/>
      <c r="U15254" s="21"/>
      <c r="V15254" s="21"/>
      <c r="W15254" s="21"/>
      <c r="X15254" s="19">
        <v>1</v>
      </c>
      <c r="Y15254" s="19"/>
      <c r="Z15254" s="19"/>
      <c r="AA15254" s="19"/>
    </row>
    <row r="15255" spans="1:27" s="1" customFormat="1" ht="11.1" customHeight="1" outlineLevel="4" x14ac:dyDescent="0.2">
      <c r="A15255" s="17"/>
      <c r="B15255" s="17"/>
      <c r="C15255" s="17"/>
      <c r="D15255" s="18"/>
      <c r="E15255" s="18"/>
      <c r="F15255" s="18"/>
      <c r="G15255" s="18"/>
      <c r="H15255" s="18"/>
      <c r="I15255" s="18"/>
      <c r="J15255" s="18"/>
      <c r="K15255" s="18"/>
      <c r="L15255" s="18"/>
      <c r="M15255" s="18"/>
      <c r="N15255" s="18"/>
      <c r="O15255" s="18"/>
      <c r="P15255" s="19"/>
      <c r="Q15255" s="19"/>
      <c r="R15255" s="19"/>
      <c r="S15255" s="19"/>
      <c r="T15255" s="21"/>
      <c r="U15255" s="21"/>
      <c r="V15255" s="21"/>
      <c r="W15255" s="21"/>
      <c r="X15255" s="19"/>
      <c r="Y15255" s="19"/>
      <c r="Z15255" s="19"/>
      <c r="AA15255" s="19"/>
    </row>
    <row r="15256" spans="1:27" s="1" customFormat="1" ht="11.1" customHeight="1" outlineLevel="4" x14ac:dyDescent="0.2">
      <c r="A15256" s="17">
        <v>4333</v>
      </c>
      <c r="B15256" s="17"/>
      <c r="C15256" s="17"/>
      <c r="D15256" s="18" t="s">
        <v>7562</v>
      </c>
      <c r="E15256" s="18"/>
      <c r="F15256" s="18"/>
      <c r="G15256" s="18"/>
      <c r="H15256" s="18"/>
      <c r="I15256" s="18"/>
      <c r="J15256" s="18"/>
      <c r="K15256" s="18"/>
      <c r="L15256" s="18"/>
      <c r="M15256" s="18"/>
      <c r="N15256" s="18"/>
      <c r="O15256" s="18"/>
      <c r="P15256" s="19">
        <v>280</v>
      </c>
      <c r="Q15256" s="19"/>
      <c r="R15256" s="19"/>
      <c r="S15256" s="19"/>
      <c r="T15256" s="21"/>
      <c r="U15256" s="21"/>
      <c r="V15256" s="21"/>
      <c r="W15256" s="21"/>
      <c r="X15256" s="19">
        <v>1</v>
      </c>
      <c r="Y15256" s="19"/>
      <c r="Z15256" s="19"/>
      <c r="AA15256" s="19"/>
    </row>
    <row r="15257" spans="1:27" s="1" customFormat="1" ht="11.1" customHeight="1" outlineLevel="4" x14ac:dyDescent="0.2">
      <c r="A15257" s="17"/>
      <c r="B15257" s="17"/>
      <c r="C15257" s="17"/>
      <c r="D15257" s="18"/>
      <c r="E15257" s="18"/>
      <c r="F15257" s="18"/>
      <c r="G15257" s="18"/>
      <c r="H15257" s="18"/>
      <c r="I15257" s="18"/>
      <c r="J15257" s="18"/>
      <c r="K15257" s="18"/>
      <c r="L15257" s="18"/>
      <c r="M15257" s="18"/>
      <c r="N15257" s="18"/>
      <c r="O15257" s="18"/>
      <c r="P15257" s="19"/>
      <c r="Q15257" s="19"/>
      <c r="R15257" s="19"/>
      <c r="S15257" s="19"/>
      <c r="T15257" s="21"/>
      <c r="U15257" s="21"/>
      <c r="V15257" s="21"/>
      <c r="W15257" s="21"/>
      <c r="X15257" s="19"/>
      <c r="Y15257" s="19"/>
      <c r="Z15257" s="19"/>
      <c r="AA15257" s="19"/>
    </row>
    <row r="15258" spans="1:27" s="1" customFormat="1" ht="11.1" customHeight="1" outlineLevel="3" x14ac:dyDescent="0.2">
      <c r="A15258" s="16" t="s">
        <v>7563</v>
      </c>
      <c r="B15258" s="16"/>
      <c r="C15258" s="16"/>
      <c r="D15258" s="16"/>
      <c r="E15258" s="16"/>
      <c r="F15258" s="16"/>
      <c r="G15258" s="16"/>
      <c r="H15258" s="16"/>
      <c r="I15258" s="16"/>
      <c r="J15258" s="16"/>
      <c r="K15258" s="16"/>
      <c r="L15258" s="16"/>
      <c r="M15258" s="16"/>
      <c r="N15258" s="16"/>
      <c r="O15258" s="16"/>
      <c r="P15258" s="16"/>
      <c r="Q15258" s="16"/>
      <c r="R15258" s="16"/>
      <c r="S15258" s="16"/>
      <c r="T15258" s="16"/>
      <c r="U15258" s="16"/>
      <c r="V15258" s="16"/>
      <c r="W15258" s="16"/>
      <c r="X15258" s="16"/>
      <c r="Y15258" s="16"/>
      <c r="Z15258" s="16"/>
      <c r="AA15258" s="16"/>
    </row>
    <row r="15259" spans="1:27" s="1" customFormat="1" ht="11.1" customHeight="1" outlineLevel="3" x14ac:dyDescent="0.2">
      <c r="A15259" s="16"/>
      <c r="B15259" s="16"/>
      <c r="C15259" s="16"/>
      <c r="D15259" s="16"/>
      <c r="E15259" s="16"/>
      <c r="F15259" s="16"/>
      <c r="G15259" s="16"/>
      <c r="H15259" s="16"/>
      <c r="I15259" s="16"/>
      <c r="J15259" s="16"/>
      <c r="K15259" s="16"/>
      <c r="L15259" s="16"/>
      <c r="M15259" s="16"/>
      <c r="N15259" s="16"/>
      <c r="O15259" s="16"/>
      <c r="P15259" s="16"/>
      <c r="Q15259" s="16"/>
      <c r="R15259" s="16"/>
      <c r="S15259" s="16"/>
      <c r="T15259" s="16"/>
      <c r="U15259" s="16"/>
      <c r="V15259" s="16"/>
      <c r="W15259" s="16"/>
      <c r="X15259" s="16"/>
      <c r="Y15259" s="16"/>
      <c r="Z15259" s="16"/>
      <c r="AA15259" s="16"/>
    </row>
    <row r="15260" spans="1:27" s="1" customFormat="1" ht="14.1" customHeight="1" outlineLevel="4" x14ac:dyDescent="0.2">
      <c r="A15260" s="17">
        <v>11878</v>
      </c>
      <c r="B15260" s="17"/>
      <c r="C15260" s="17"/>
      <c r="D15260" s="18" t="s">
        <v>7564</v>
      </c>
      <c r="E15260" s="18"/>
      <c r="F15260" s="18"/>
      <c r="G15260" s="18"/>
      <c r="H15260" s="18"/>
      <c r="I15260" s="18"/>
      <c r="J15260" s="18"/>
      <c r="K15260" s="18"/>
      <c r="L15260" s="18"/>
      <c r="M15260" s="18"/>
      <c r="N15260" s="18"/>
      <c r="O15260" s="18"/>
      <c r="P15260" s="19">
        <v>420</v>
      </c>
      <c r="Q15260" s="19"/>
      <c r="R15260" s="19"/>
      <c r="S15260" s="19"/>
      <c r="T15260" s="19">
        <v>250</v>
      </c>
      <c r="U15260" s="19"/>
      <c r="V15260" s="19"/>
      <c r="W15260" s="19"/>
      <c r="X15260" s="19">
        <v>1</v>
      </c>
      <c r="Y15260" s="19"/>
      <c r="Z15260" s="19"/>
      <c r="AA15260" s="19"/>
    </row>
    <row r="15261" spans="1:27" s="1" customFormat="1" ht="14.1" customHeight="1" outlineLevel="4" x14ac:dyDescent="0.2">
      <c r="A15261" s="17"/>
      <c r="B15261" s="17"/>
      <c r="C15261" s="17"/>
      <c r="D15261" s="18"/>
      <c r="E15261" s="18"/>
      <c r="F15261" s="18"/>
      <c r="G15261" s="18"/>
      <c r="H15261" s="18"/>
      <c r="I15261" s="18"/>
      <c r="J15261" s="18"/>
      <c r="K15261" s="18"/>
      <c r="L15261" s="18"/>
      <c r="M15261" s="18"/>
      <c r="N15261" s="18"/>
      <c r="O15261" s="18"/>
      <c r="P15261" s="19"/>
      <c r="Q15261" s="19"/>
      <c r="R15261" s="19"/>
      <c r="S15261" s="19"/>
      <c r="T15261" s="19"/>
      <c r="U15261" s="19"/>
      <c r="V15261" s="19"/>
      <c r="W15261" s="19"/>
      <c r="X15261" s="19"/>
      <c r="Y15261" s="19"/>
      <c r="Z15261" s="19"/>
      <c r="AA15261" s="19"/>
    </row>
    <row r="15262" spans="1:27" s="1" customFormat="1" ht="11.1" customHeight="1" outlineLevel="3" x14ac:dyDescent="0.2">
      <c r="A15262" s="16" t="s">
        <v>7565</v>
      </c>
      <c r="B15262" s="16"/>
      <c r="C15262" s="16"/>
      <c r="D15262" s="16"/>
      <c r="E15262" s="16"/>
      <c r="F15262" s="16"/>
      <c r="G15262" s="16"/>
      <c r="H15262" s="16"/>
      <c r="I15262" s="16"/>
      <c r="J15262" s="16"/>
      <c r="K15262" s="16"/>
      <c r="L15262" s="16"/>
      <c r="M15262" s="16"/>
      <c r="N15262" s="16"/>
      <c r="O15262" s="16"/>
      <c r="P15262" s="16"/>
      <c r="Q15262" s="16"/>
      <c r="R15262" s="16"/>
      <c r="S15262" s="16"/>
      <c r="T15262" s="16"/>
      <c r="U15262" s="16"/>
      <c r="V15262" s="16"/>
      <c r="W15262" s="16"/>
      <c r="X15262" s="16"/>
      <c r="Y15262" s="16"/>
      <c r="Z15262" s="16"/>
      <c r="AA15262" s="16"/>
    </row>
    <row r="15263" spans="1:27" s="1" customFormat="1" ht="11.1" customHeight="1" outlineLevel="3" x14ac:dyDescent="0.2">
      <c r="A15263" s="16"/>
      <c r="B15263" s="16"/>
      <c r="C15263" s="16"/>
      <c r="D15263" s="16"/>
      <c r="E15263" s="16"/>
      <c r="F15263" s="16"/>
      <c r="G15263" s="16"/>
      <c r="H15263" s="16"/>
      <c r="I15263" s="16"/>
      <c r="J15263" s="16"/>
      <c r="K15263" s="16"/>
      <c r="L15263" s="16"/>
      <c r="M15263" s="16"/>
      <c r="N15263" s="16"/>
      <c r="O15263" s="16"/>
      <c r="P15263" s="16"/>
      <c r="Q15263" s="16"/>
      <c r="R15263" s="16"/>
      <c r="S15263" s="16"/>
      <c r="T15263" s="16"/>
      <c r="U15263" s="16"/>
      <c r="V15263" s="16"/>
      <c r="W15263" s="16"/>
      <c r="X15263" s="16"/>
      <c r="Y15263" s="16"/>
      <c r="Z15263" s="16"/>
      <c r="AA15263" s="16"/>
    </row>
    <row r="15264" spans="1:27" s="1" customFormat="1" ht="14.1" customHeight="1" outlineLevel="4" x14ac:dyDescent="0.2">
      <c r="A15264" s="17">
        <v>4378</v>
      </c>
      <c r="B15264" s="17"/>
      <c r="C15264" s="17"/>
      <c r="D15264" s="18" t="s">
        <v>7566</v>
      </c>
      <c r="E15264" s="18"/>
      <c r="F15264" s="18"/>
      <c r="G15264" s="18"/>
      <c r="H15264" s="18"/>
      <c r="I15264" s="18"/>
      <c r="J15264" s="18"/>
      <c r="K15264" s="18"/>
      <c r="L15264" s="18"/>
      <c r="M15264" s="18"/>
      <c r="N15264" s="18"/>
      <c r="O15264" s="18"/>
      <c r="P15264" s="19">
        <v>280</v>
      </c>
      <c r="Q15264" s="19"/>
      <c r="R15264" s="19"/>
      <c r="S15264" s="19"/>
      <c r="T15264" s="21"/>
      <c r="U15264" s="21"/>
      <c r="V15264" s="21"/>
      <c r="W15264" s="21"/>
      <c r="X15264" s="19">
        <v>1</v>
      </c>
      <c r="Y15264" s="19"/>
      <c r="Z15264" s="19"/>
      <c r="AA15264" s="19"/>
    </row>
    <row r="15265" spans="1:27" s="1" customFormat="1" ht="14.1" customHeight="1" outlineLevel="4" x14ac:dyDescent="0.2">
      <c r="A15265" s="17"/>
      <c r="B15265" s="17"/>
      <c r="C15265" s="17"/>
      <c r="D15265" s="18"/>
      <c r="E15265" s="18"/>
      <c r="F15265" s="18"/>
      <c r="G15265" s="18"/>
      <c r="H15265" s="18"/>
      <c r="I15265" s="18"/>
      <c r="J15265" s="18"/>
      <c r="K15265" s="18"/>
      <c r="L15265" s="18"/>
      <c r="M15265" s="18"/>
      <c r="N15265" s="18"/>
      <c r="O15265" s="18"/>
      <c r="P15265" s="19"/>
      <c r="Q15265" s="19"/>
      <c r="R15265" s="19"/>
      <c r="S15265" s="19"/>
      <c r="T15265" s="21"/>
      <c r="U15265" s="21"/>
      <c r="V15265" s="21"/>
      <c r="W15265" s="21"/>
      <c r="X15265" s="19"/>
      <c r="Y15265" s="19"/>
      <c r="Z15265" s="19"/>
      <c r="AA15265" s="19"/>
    </row>
    <row r="15266" spans="1:27" s="1" customFormat="1" ht="11.1" customHeight="1" outlineLevel="4" x14ac:dyDescent="0.2">
      <c r="A15266" s="17">
        <v>4379</v>
      </c>
      <c r="B15266" s="17"/>
      <c r="C15266" s="17"/>
      <c r="D15266" s="18" t="s">
        <v>7567</v>
      </c>
      <c r="E15266" s="18"/>
      <c r="F15266" s="18"/>
      <c r="G15266" s="18"/>
      <c r="H15266" s="18"/>
      <c r="I15266" s="18"/>
      <c r="J15266" s="18"/>
      <c r="K15266" s="18"/>
      <c r="L15266" s="18"/>
      <c r="M15266" s="18"/>
      <c r="N15266" s="18"/>
      <c r="O15266" s="18"/>
      <c r="P15266" s="19">
        <v>340</v>
      </c>
      <c r="Q15266" s="19"/>
      <c r="R15266" s="19"/>
      <c r="S15266" s="19"/>
      <c r="T15266" s="19">
        <v>190</v>
      </c>
      <c r="U15266" s="19"/>
      <c r="V15266" s="19"/>
      <c r="W15266" s="19"/>
      <c r="X15266" s="19">
        <v>1</v>
      </c>
      <c r="Y15266" s="19"/>
      <c r="Z15266" s="19"/>
      <c r="AA15266" s="19"/>
    </row>
    <row r="15267" spans="1:27" s="1" customFormat="1" ht="11.1" customHeight="1" outlineLevel="4" x14ac:dyDescent="0.2">
      <c r="A15267" s="17"/>
      <c r="B15267" s="17"/>
      <c r="C15267" s="17"/>
      <c r="D15267" s="18"/>
      <c r="E15267" s="18"/>
      <c r="F15267" s="18"/>
      <c r="G15267" s="18"/>
      <c r="H15267" s="18"/>
      <c r="I15267" s="18"/>
      <c r="J15267" s="18"/>
      <c r="K15267" s="18"/>
      <c r="L15267" s="18"/>
      <c r="M15267" s="18"/>
      <c r="N15267" s="18"/>
      <c r="O15267" s="18"/>
      <c r="P15267" s="19"/>
      <c r="Q15267" s="19"/>
      <c r="R15267" s="19"/>
      <c r="S15267" s="19"/>
      <c r="T15267" s="19"/>
      <c r="U15267" s="19"/>
      <c r="V15267" s="19"/>
      <c r="W15267" s="19"/>
      <c r="X15267" s="19"/>
      <c r="Y15267" s="19"/>
      <c r="Z15267" s="19"/>
      <c r="AA15267" s="19"/>
    </row>
    <row r="15268" spans="1:27" s="1" customFormat="1" ht="11.1" customHeight="1" outlineLevel="4" x14ac:dyDescent="0.2">
      <c r="A15268" s="17">
        <v>4380</v>
      </c>
      <c r="B15268" s="17"/>
      <c r="C15268" s="17"/>
      <c r="D15268" s="18" t="s">
        <v>7568</v>
      </c>
      <c r="E15268" s="18"/>
      <c r="F15268" s="18"/>
      <c r="G15268" s="18"/>
      <c r="H15268" s="18"/>
      <c r="I15268" s="18"/>
      <c r="J15268" s="18"/>
      <c r="K15268" s="18"/>
      <c r="L15268" s="18"/>
      <c r="M15268" s="18"/>
      <c r="N15268" s="18"/>
      <c r="O15268" s="18"/>
      <c r="P15268" s="19">
        <v>250</v>
      </c>
      <c r="Q15268" s="19"/>
      <c r="R15268" s="19"/>
      <c r="S15268" s="19"/>
      <c r="T15268" s="21"/>
      <c r="U15268" s="21"/>
      <c r="V15268" s="21"/>
      <c r="W15268" s="21"/>
      <c r="X15268" s="19">
        <v>2</v>
      </c>
      <c r="Y15268" s="19"/>
      <c r="Z15268" s="19"/>
      <c r="AA15268" s="19"/>
    </row>
    <row r="15269" spans="1:27" s="1" customFormat="1" ht="11.1" customHeight="1" outlineLevel="4" x14ac:dyDescent="0.2">
      <c r="A15269" s="17"/>
      <c r="B15269" s="17"/>
      <c r="C15269" s="17"/>
      <c r="D15269" s="18"/>
      <c r="E15269" s="18"/>
      <c r="F15269" s="18"/>
      <c r="G15269" s="18"/>
      <c r="H15269" s="18"/>
      <c r="I15269" s="18"/>
      <c r="J15269" s="18"/>
      <c r="K15269" s="18"/>
      <c r="L15269" s="18"/>
      <c r="M15269" s="18"/>
      <c r="N15269" s="18"/>
      <c r="O15269" s="18"/>
      <c r="P15269" s="19"/>
      <c r="Q15269" s="19"/>
      <c r="R15269" s="19"/>
      <c r="S15269" s="19"/>
      <c r="T15269" s="21"/>
      <c r="U15269" s="21"/>
      <c r="V15269" s="21"/>
      <c r="W15269" s="21"/>
      <c r="X15269" s="19"/>
      <c r="Y15269" s="19"/>
      <c r="Z15269" s="19"/>
      <c r="AA15269" s="19"/>
    </row>
    <row r="15270" spans="1:27" s="1" customFormat="1" ht="11.1" customHeight="1" outlineLevel="3" x14ac:dyDescent="0.2">
      <c r="A15270" s="16" t="s">
        <v>7569</v>
      </c>
      <c r="B15270" s="16"/>
      <c r="C15270" s="16"/>
      <c r="D15270" s="16"/>
      <c r="E15270" s="16"/>
      <c r="F15270" s="16"/>
      <c r="G15270" s="16"/>
      <c r="H15270" s="16"/>
      <c r="I15270" s="16"/>
      <c r="J15270" s="16"/>
      <c r="K15270" s="16"/>
      <c r="L15270" s="16"/>
      <c r="M15270" s="16"/>
      <c r="N15270" s="16"/>
      <c r="O15270" s="16"/>
      <c r="P15270" s="16"/>
      <c r="Q15270" s="16"/>
      <c r="R15270" s="16"/>
      <c r="S15270" s="16"/>
      <c r="T15270" s="16"/>
      <c r="U15270" s="16"/>
      <c r="V15270" s="16"/>
      <c r="W15270" s="16"/>
      <c r="X15270" s="16"/>
      <c r="Y15270" s="16"/>
      <c r="Z15270" s="16"/>
      <c r="AA15270" s="16"/>
    </row>
    <row r="15271" spans="1:27" s="1" customFormat="1" ht="11.1" customHeight="1" outlineLevel="3" x14ac:dyDescent="0.2">
      <c r="A15271" s="16"/>
      <c r="B15271" s="16"/>
      <c r="C15271" s="16"/>
      <c r="D15271" s="16"/>
      <c r="E15271" s="16"/>
      <c r="F15271" s="16"/>
      <c r="G15271" s="16"/>
      <c r="H15271" s="16"/>
      <c r="I15271" s="16"/>
      <c r="J15271" s="16"/>
      <c r="K15271" s="16"/>
      <c r="L15271" s="16"/>
      <c r="M15271" s="16"/>
      <c r="N15271" s="16"/>
      <c r="O15271" s="16"/>
      <c r="P15271" s="16"/>
      <c r="Q15271" s="16"/>
      <c r="R15271" s="16"/>
      <c r="S15271" s="16"/>
      <c r="T15271" s="16"/>
      <c r="U15271" s="16"/>
      <c r="V15271" s="16"/>
      <c r="W15271" s="16"/>
      <c r="X15271" s="16"/>
      <c r="Y15271" s="16"/>
      <c r="Z15271" s="16"/>
      <c r="AA15271" s="16"/>
    </row>
    <row r="15272" spans="1:27" s="1" customFormat="1" ht="11.1" customHeight="1" outlineLevel="4" x14ac:dyDescent="0.2">
      <c r="A15272" s="17">
        <v>4381</v>
      </c>
      <c r="B15272" s="17"/>
      <c r="C15272" s="17"/>
      <c r="D15272" s="18" t="s">
        <v>7570</v>
      </c>
      <c r="E15272" s="18"/>
      <c r="F15272" s="18"/>
      <c r="G15272" s="18"/>
      <c r="H15272" s="18"/>
      <c r="I15272" s="18"/>
      <c r="J15272" s="18"/>
      <c r="K15272" s="18"/>
      <c r="L15272" s="18"/>
      <c r="M15272" s="18"/>
      <c r="N15272" s="18"/>
      <c r="O15272" s="18"/>
      <c r="P15272" s="19">
        <v>280</v>
      </c>
      <c r="Q15272" s="19"/>
      <c r="R15272" s="19"/>
      <c r="S15272" s="19"/>
      <c r="T15272" s="21"/>
      <c r="U15272" s="21"/>
      <c r="V15272" s="21"/>
      <c r="W15272" s="21"/>
      <c r="X15272" s="19">
        <v>1</v>
      </c>
      <c r="Y15272" s="19"/>
      <c r="Z15272" s="19"/>
      <c r="AA15272" s="19"/>
    </row>
    <row r="15273" spans="1:27" s="1" customFormat="1" ht="11.1" customHeight="1" outlineLevel="4" x14ac:dyDescent="0.2">
      <c r="A15273" s="17"/>
      <c r="B15273" s="17"/>
      <c r="C15273" s="17"/>
      <c r="D15273" s="18"/>
      <c r="E15273" s="18"/>
      <c r="F15273" s="18"/>
      <c r="G15273" s="18"/>
      <c r="H15273" s="18"/>
      <c r="I15273" s="18"/>
      <c r="J15273" s="18"/>
      <c r="K15273" s="18"/>
      <c r="L15273" s="18"/>
      <c r="M15273" s="18"/>
      <c r="N15273" s="18"/>
      <c r="O15273" s="18"/>
      <c r="P15273" s="19"/>
      <c r="Q15273" s="19"/>
      <c r="R15273" s="19"/>
      <c r="S15273" s="19"/>
      <c r="T15273" s="21"/>
      <c r="U15273" s="21"/>
      <c r="V15273" s="21"/>
      <c r="W15273" s="21"/>
      <c r="X15273" s="19"/>
      <c r="Y15273" s="19"/>
      <c r="Z15273" s="19"/>
      <c r="AA15273" s="19"/>
    </row>
    <row r="15274" spans="1:27" s="1" customFormat="1" ht="11.1" customHeight="1" outlineLevel="3" x14ac:dyDescent="0.2">
      <c r="A15274" s="16" t="s">
        <v>7571</v>
      </c>
      <c r="B15274" s="16"/>
      <c r="C15274" s="16"/>
      <c r="D15274" s="16"/>
      <c r="E15274" s="16"/>
      <c r="F15274" s="16"/>
      <c r="G15274" s="16"/>
      <c r="H15274" s="16"/>
      <c r="I15274" s="16"/>
      <c r="J15274" s="16"/>
      <c r="K15274" s="16"/>
      <c r="L15274" s="16"/>
      <c r="M15274" s="16"/>
      <c r="N15274" s="16"/>
      <c r="O15274" s="16"/>
      <c r="P15274" s="16"/>
      <c r="Q15274" s="16"/>
      <c r="R15274" s="16"/>
      <c r="S15274" s="16"/>
      <c r="T15274" s="16"/>
      <c r="U15274" s="16"/>
      <c r="V15274" s="16"/>
      <c r="W15274" s="16"/>
      <c r="X15274" s="16"/>
      <c r="Y15274" s="16"/>
      <c r="Z15274" s="16"/>
      <c r="AA15274" s="16"/>
    </row>
    <row r="15275" spans="1:27" s="1" customFormat="1" ht="11.1" customHeight="1" outlineLevel="3" x14ac:dyDescent="0.2">
      <c r="A15275" s="16"/>
      <c r="B15275" s="16"/>
      <c r="C15275" s="16"/>
      <c r="D15275" s="16"/>
      <c r="E15275" s="16"/>
      <c r="F15275" s="16"/>
      <c r="G15275" s="16"/>
      <c r="H15275" s="16"/>
      <c r="I15275" s="16"/>
      <c r="J15275" s="16"/>
      <c r="K15275" s="16"/>
      <c r="L15275" s="16"/>
      <c r="M15275" s="16"/>
      <c r="N15275" s="16"/>
      <c r="O15275" s="16"/>
      <c r="P15275" s="16"/>
      <c r="Q15275" s="16"/>
      <c r="R15275" s="16"/>
      <c r="S15275" s="16"/>
      <c r="T15275" s="16"/>
      <c r="U15275" s="16"/>
      <c r="V15275" s="16"/>
      <c r="W15275" s="16"/>
      <c r="X15275" s="16"/>
      <c r="Y15275" s="16"/>
      <c r="Z15275" s="16"/>
      <c r="AA15275" s="16"/>
    </row>
    <row r="15276" spans="1:27" s="1" customFormat="1" ht="11.1" customHeight="1" outlineLevel="4" x14ac:dyDescent="0.2">
      <c r="A15276" s="17">
        <v>4364</v>
      </c>
      <c r="B15276" s="17"/>
      <c r="C15276" s="17"/>
      <c r="D15276" s="18" t="s">
        <v>7572</v>
      </c>
      <c r="E15276" s="18"/>
      <c r="F15276" s="18"/>
      <c r="G15276" s="18"/>
      <c r="H15276" s="18"/>
      <c r="I15276" s="18"/>
      <c r="J15276" s="18"/>
      <c r="K15276" s="18"/>
      <c r="L15276" s="18"/>
      <c r="M15276" s="18"/>
      <c r="N15276" s="18"/>
      <c r="O15276" s="18"/>
      <c r="P15276" s="19">
        <v>400</v>
      </c>
      <c r="Q15276" s="19"/>
      <c r="R15276" s="19"/>
      <c r="S15276" s="19"/>
      <c r="T15276" s="21"/>
      <c r="U15276" s="21"/>
      <c r="V15276" s="21"/>
      <c r="W15276" s="21"/>
      <c r="X15276" s="19">
        <v>1</v>
      </c>
      <c r="Y15276" s="19"/>
      <c r="Z15276" s="19"/>
      <c r="AA15276" s="19"/>
    </row>
    <row r="15277" spans="1:27" s="1" customFormat="1" ht="11.1" customHeight="1" outlineLevel="4" x14ac:dyDescent="0.2">
      <c r="A15277" s="17"/>
      <c r="B15277" s="17"/>
      <c r="C15277" s="17"/>
      <c r="D15277" s="18"/>
      <c r="E15277" s="18"/>
      <c r="F15277" s="18"/>
      <c r="G15277" s="18"/>
      <c r="H15277" s="18"/>
      <c r="I15277" s="18"/>
      <c r="J15277" s="18"/>
      <c r="K15277" s="18"/>
      <c r="L15277" s="18"/>
      <c r="M15277" s="18"/>
      <c r="N15277" s="18"/>
      <c r="O15277" s="18"/>
      <c r="P15277" s="19"/>
      <c r="Q15277" s="19"/>
      <c r="R15277" s="19"/>
      <c r="S15277" s="19"/>
      <c r="T15277" s="21"/>
      <c r="U15277" s="21"/>
      <c r="V15277" s="21"/>
      <c r="W15277" s="21"/>
      <c r="X15277" s="19"/>
      <c r="Y15277" s="19"/>
      <c r="Z15277" s="19"/>
      <c r="AA15277" s="19"/>
    </row>
    <row r="15278" spans="1:27" s="1" customFormat="1" ht="11.1" customHeight="1" outlineLevel="3" x14ac:dyDescent="0.2">
      <c r="A15278" s="16" t="s">
        <v>6467</v>
      </c>
      <c r="B15278" s="16"/>
      <c r="C15278" s="16"/>
      <c r="D15278" s="16"/>
      <c r="E15278" s="16"/>
      <c r="F15278" s="16"/>
      <c r="G15278" s="16"/>
      <c r="H15278" s="16"/>
      <c r="I15278" s="16"/>
      <c r="J15278" s="16"/>
      <c r="K15278" s="16"/>
      <c r="L15278" s="16"/>
      <c r="M15278" s="16"/>
      <c r="N15278" s="16"/>
      <c r="O15278" s="16"/>
      <c r="P15278" s="16"/>
      <c r="Q15278" s="16"/>
      <c r="R15278" s="16"/>
      <c r="S15278" s="16"/>
      <c r="T15278" s="16"/>
      <c r="U15278" s="16"/>
      <c r="V15278" s="16"/>
      <c r="W15278" s="16"/>
      <c r="X15278" s="16"/>
      <c r="Y15278" s="16"/>
      <c r="Z15278" s="16"/>
      <c r="AA15278" s="16"/>
    </row>
    <row r="15279" spans="1:27" s="1" customFormat="1" ht="11.1" customHeight="1" outlineLevel="3" x14ac:dyDescent="0.2">
      <c r="A15279" s="16"/>
      <c r="B15279" s="16"/>
      <c r="C15279" s="16"/>
      <c r="D15279" s="16"/>
      <c r="E15279" s="16"/>
      <c r="F15279" s="16"/>
      <c r="G15279" s="16"/>
      <c r="H15279" s="16"/>
      <c r="I15279" s="16"/>
      <c r="J15279" s="16"/>
      <c r="K15279" s="16"/>
      <c r="L15279" s="16"/>
      <c r="M15279" s="16"/>
      <c r="N15279" s="16"/>
      <c r="O15279" s="16"/>
      <c r="P15279" s="16"/>
      <c r="Q15279" s="16"/>
      <c r="R15279" s="16"/>
      <c r="S15279" s="16"/>
      <c r="T15279" s="16"/>
      <c r="U15279" s="16"/>
      <c r="V15279" s="16"/>
      <c r="W15279" s="16"/>
      <c r="X15279" s="16"/>
      <c r="Y15279" s="16"/>
      <c r="Z15279" s="16"/>
      <c r="AA15279" s="16"/>
    </row>
    <row r="15280" spans="1:27" s="1" customFormat="1" ht="14.1" customHeight="1" outlineLevel="4" x14ac:dyDescent="0.2">
      <c r="A15280" s="17">
        <v>4398</v>
      </c>
      <c r="B15280" s="17"/>
      <c r="C15280" s="17"/>
      <c r="D15280" s="18" t="s">
        <v>7573</v>
      </c>
      <c r="E15280" s="18"/>
      <c r="F15280" s="18"/>
      <c r="G15280" s="18"/>
      <c r="H15280" s="18"/>
      <c r="I15280" s="18"/>
      <c r="J15280" s="18"/>
      <c r="K15280" s="18"/>
      <c r="L15280" s="18"/>
      <c r="M15280" s="18"/>
      <c r="N15280" s="18"/>
      <c r="O15280" s="18"/>
      <c r="P15280" s="19">
        <v>340</v>
      </c>
      <c r="Q15280" s="19"/>
      <c r="R15280" s="19"/>
      <c r="S15280" s="19"/>
      <c r="T15280" s="19">
        <v>200</v>
      </c>
      <c r="U15280" s="19"/>
      <c r="V15280" s="19"/>
      <c r="W15280" s="19"/>
      <c r="X15280" s="19">
        <v>1</v>
      </c>
      <c r="Y15280" s="19"/>
      <c r="Z15280" s="19"/>
      <c r="AA15280" s="19"/>
    </row>
    <row r="15281" spans="1:27" s="1" customFormat="1" ht="14.1" customHeight="1" outlineLevel="4" x14ac:dyDescent="0.2">
      <c r="A15281" s="17"/>
      <c r="B15281" s="17"/>
      <c r="C15281" s="17"/>
      <c r="D15281" s="18"/>
      <c r="E15281" s="18"/>
      <c r="F15281" s="18"/>
      <c r="G15281" s="18"/>
      <c r="H15281" s="18"/>
      <c r="I15281" s="18"/>
      <c r="J15281" s="18"/>
      <c r="K15281" s="18"/>
      <c r="L15281" s="18"/>
      <c r="M15281" s="18"/>
      <c r="N15281" s="18"/>
      <c r="O15281" s="18"/>
      <c r="P15281" s="19"/>
      <c r="Q15281" s="19"/>
      <c r="R15281" s="19"/>
      <c r="S15281" s="19"/>
      <c r="T15281" s="19"/>
      <c r="U15281" s="19"/>
      <c r="V15281" s="19"/>
      <c r="W15281" s="19"/>
      <c r="X15281" s="19"/>
      <c r="Y15281" s="19"/>
      <c r="Z15281" s="19"/>
      <c r="AA15281" s="19"/>
    </row>
    <row r="15282" spans="1:27" s="1" customFormat="1" ht="14.1" customHeight="1" outlineLevel="4" x14ac:dyDescent="0.2">
      <c r="A15282" s="17">
        <v>8771</v>
      </c>
      <c r="B15282" s="17"/>
      <c r="C15282" s="17"/>
      <c r="D15282" s="18" t="s">
        <v>7574</v>
      </c>
      <c r="E15282" s="18"/>
      <c r="F15282" s="18"/>
      <c r="G15282" s="18"/>
      <c r="H15282" s="18"/>
      <c r="I15282" s="18"/>
      <c r="J15282" s="18"/>
      <c r="K15282" s="18"/>
      <c r="L15282" s="18"/>
      <c r="M15282" s="18"/>
      <c r="N15282" s="18"/>
      <c r="O15282" s="18"/>
      <c r="P15282" s="19">
        <v>430</v>
      </c>
      <c r="Q15282" s="19"/>
      <c r="R15282" s="19"/>
      <c r="S15282" s="19"/>
      <c r="T15282" s="19">
        <v>270</v>
      </c>
      <c r="U15282" s="19"/>
      <c r="V15282" s="19"/>
      <c r="W15282" s="19"/>
      <c r="X15282" s="19">
        <v>1</v>
      </c>
      <c r="Y15282" s="19"/>
      <c r="Z15282" s="19"/>
      <c r="AA15282" s="19"/>
    </row>
    <row r="15283" spans="1:27" s="1" customFormat="1" ht="14.1" customHeight="1" outlineLevel="4" x14ac:dyDescent="0.2">
      <c r="A15283" s="17"/>
      <c r="B15283" s="17"/>
      <c r="C15283" s="17"/>
      <c r="D15283" s="18"/>
      <c r="E15283" s="18"/>
      <c r="F15283" s="18"/>
      <c r="G15283" s="18"/>
      <c r="H15283" s="18"/>
      <c r="I15283" s="18"/>
      <c r="J15283" s="18"/>
      <c r="K15283" s="18"/>
      <c r="L15283" s="18"/>
      <c r="M15283" s="18"/>
      <c r="N15283" s="18"/>
      <c r="O15283" s="18"/>
      <c r="P15283" s="19"/>
      <c r="Q15283" s="19"/>
      <c r="R15283" s="19"/>
      <c r="S15283" s="19"/>
      <c r="T15283" s="19"/>
      <c r="U15283" s="19"/>
      <c r="V15283" s="19"/>
      <c r="W15283" s="19"/>
      <c r="X15283" s="19"/>
      <c r="Y15283" s="19"/>
      <c r="Z15283" s="19"/>
      <c r="AA15283" s="19"/>
    </row>
    <row r="15284" spans="1:27" s="1" customFormat="1" ht="14.1" customHeight="1" outlineLevel="4" x14ac:dyDescent="0.2">
      <c r="A15284" s="17">
        <v>8813</v>
      </c>
      <c r="B15284" s="17"/>
      <c r="C15284" s="17"/>
      <c r="D15284" s="18" t="s">
        <v>7575</v>
      </c>
      <c r="E15284" s="18"/>
      <c r="F15284" s="18"/>
      <c r="G15284" s="18"/>
      <c r="H15284" s="18"/>
      <c r="I15284" s="18"/>
      <c r="J15284" s="18"/>
      <c r="K15284" s="18"/>
      <c r="L15284" s="18"/>
      <c r="M15284" s="18"/>
      <c r="N15284" s="18"/>
      <c r="O15284" s="18"/>
      <c r="P15284" s="19">
        <v>375</v>
      </c>
      <c r="Q15284" s="19"/>
      <c r="R15284" s="19"/>
      <c r="S15284" s="19"/>
      <c r="T15284" s="19">
        <v>225</v>
      </c>
      <c r="U15284" s="19"/>
      <c r="V15284" s="19"/>
      <c r="W15284" s="19"/>
      <c r="X15284" s="19">
        <v>1</v>
      </c>
      <c r="Y15284" s="19"/>
      <c r="Z15284" s="19"/>
      <c r="AA15284" s="19"/>
    </row>
    <row r="15285" spans="1:27" s="1" customFormat="1" ht="14.1" customHeight="1" outlineLevel="4" x14ac:dyDescent="0.2">
      <c r="A15285" s="17"/>
      <c r="B15285" s="17"/>
      <c r="C15285" s="17"/>
      <c r="D15285" s="18"/>
      <c r="E15285" s="18"/>
      <c r="F15285" s="18"/>
      <c r="G15285" s="18"/>
      <c r="H15285" s="18"/>
      <c r="I15285" s="18"/>
      <c r="J15285" s="18"/>
      <c r="K15285" s="18"/>
      <c r="L15285" s="18"/>
      <c r="M15285" s="18"/>
      <c r="N15285" s="18"/>
      <c r="O15285" s="18"/>
      <c r="P15285" s="19"/>
      <c r="Q15285" s="19"/>
      <c r="R15285" s="19"/>
      <c r="S15285" s="19"/>
      <c r="T15285" s="19"/>
      <c r="U15285" s="19"/>
      <c r="V15285" s="19"/>
      <c r="W15285" s="19"/>
      <c r="X15285" s="19"/>
      <c r="Y15285" s="19"/>
      <c r="Z15285" s="19"/>
      <c r="AA15285" s="19"/>
    </row>
    <row r="15286" spans="1:27" s="1" customFormat="1" ht="14.1" customHeight="1" outlineLevel="4" x14ac:dyDescent="0.2">
      <c r="A15286" s="17">
        <v>8814</v>
      </c>
      <c r="B15286" s="17"/>
      <c r="C15286" s="17"/>
      <c r="D15286" s="18" t="s">
        <v>7576</v>
      </c>
      <c r="E15286" s="18"/>
      <c r="F15286" s="18"/>
      <c r="G15286" s="18"/>
      <c r="H15286" s="18"/>
      <c r="I15286" s="18"/>
      <c r="J15286" s="18"/>
      <c r="K15286" s="18"/>
      <c r="L15286" s="18"/>
      <c r="M15286" s="18"/>
      <c r="N15286" s="18"/>
      <c r="O15286" s="18"/>
      <c r="P15286" s="19">
        <v>380</v>
      </c>
      <c r="Q15286" s="19"/>
      <c r="R15286" s="19"/>
      <c r="S15286" s="19"/>
      <c r="T15286" s="19">
        <v>230</v>
      </c>
      <c r="U15286" s="19"/>
      <c r="V15286" s="19"/>
      <c r="W15286" s="19"/>
      <c r="X15286" s="19">
        <v>1</v>
      </c>
      <c r="Y15286" s="19"/>
      <c r="Z15286" s="19"/>
      <c r="AA15286" s="19"/>
    </row>
    <row r="15287" spans="1:27" s="1" customFormat="1" ht="14.1" customHeight="1" outlineLevel="4" x14ac:dyDescent="0.2">
      <c r="A15287" s="17"/>
      <c r="B15287" s="17"/>
      <c r="C15287" s="17"/>
      <c r="D15287" s="18"/>
      <c r="E15287" s="18"/>
      <c r="F15287" s="18"/>
      <c r="G15287" s="18"/>
      <c r="H15287" s="18"/>
      <c r="I15287" s="18"/>
      <c r="J15287" s="18"/>
      <c r="K15287" s="18"/>
      <c r="L15287" s="18"/>
      <c r="M15287" s="18"/>
      <c r="N15287" s="18"/>
      <c r="O15287" s="18"/>
      <c r="P15287" s="19"/>
      <c r="Q15287" s="19"/>
      <c r="R15287" s="19"/>
      <c r="S15287" s="19"/>
      <c r="T15287" s="19"/>
      <c r="U15287" s="19"/>
      <c r="V15287" s="19"/>
      <c r="W15287" s="19"/>
      <c r="X15287" s="19"/>
      <c r="Y15287" s="19"/>
      <c r="Z15287" s="19"/>
      <c r="AA15287" s="19"/>
    </row>
    <row r="15288" spans="1:27" s="1" customFormat="1" ht="14.1" customHeight="1" outlineLevel="4" x14ac:dyDescent="0.2">
      <c r="A15288" s="17">
        <v>9298</v>
      </c>
      <c r="B15288" s="17"/>
      <c r="C15288" s="17"/>
      <c r="D15288" s="18" t="s">
        <v>7577</v>
      </c>
      <c r="E15288" s="18"/>
      <c r="F15288" s="18"/>
      <c r="G15288" s="18"/>
      <c r="H15288" s="18"/>
      <c r="I15288" s="18"/>
      <c r="J15288" s="18"/>
      <c r="K15288" s="18"/>
      <c r="L15288" s="18"/>
      <c r="M15288" s="18"/>
      <c r="N15288" s="18"/>
      <c r="O15288" s="18"/>
      <c r="P15288" s="19">
        <v>210</v>
      </c>
      <c r="Q15288" s="19"/>
      <c r="R15288" s="19"/>
      <c r="S15288" s="19"/>
      <c r="T15288" s="19">
        <v>120</v>
      </c>
      <c r="U15288" s="19"/>
      <c r="V15288" s="19"/>
      <c r="W15288" s="19"/>
      <c r="X15288" s="19">
        <v>16</v>
      </c>
      <c r="Y15288" s="19"/>
      <c r="Z15288" s="19"/>
      <c r="AA15288" s="19"/>
    </row>
    <row r="15289" spans="1:27" s="1" customFormat="1" ht="14.1" customHeight="1" outlineLevel="4" x14ac:dyDescent="0.2">
      <c r="A15289" s="17"/>
      <c r="B15289" s="17"/>
      <c r="C15289" s="17"/>
      <c r="D15289" s="18"/>
      <c r="E15289" s="18"/>
      <c r="F15289" s="18"/>
      <c r="G15289" s="18"/>
      <c r="H15289" s="18"/>
      <c r="I15289" s="18"/>
      <c r="J15289" s="18"/>
      <c r="K15289" s="18"/>
      <c r="L15289" s="18"/>
      <c r="M15289" s="18"/>
      <c r="N15289" s="18"/>
      <c r="O15289" s="18"/>
      <c r="P15289" s="19"/>
      <c r="Q15289" s="19"/>
      <c r="R15289" s="19"/>
      <c r="S15289" s="19"/>
      <c r="T15289" s="19"/>
      <c r="U15289" s="19"/>
      <c r="V15289" s="19"/>
      <c r="W15289" s="19"/>
      <c r="X15289" s="19"/>
      <c r="Y15289" s="19"/>
      <c r="Z15289" s="19"/>
      <c r="AA15289" s="19"/>
    </row>
    <row r="15290" spans="1:27" s="1" customFormat="1" ht="14.1" customHeight="1" outlineLevel="4" x14ac:dyDescent="0.2">
      <c r="A15290" s="17">
        <v>9991</v>
      </c>
      <c r="B15290" s="17"/>
      <c r="C15290" s="17"/>
      <c r="D15290" s="18" t="s">
        <v>7578</v>
      </c>
      <c r="E15290" s="18"/>
      <c r="F15290" s="18"/>
      <c r="G15290" s="18"/>
      <c r="H15290" s="18"/>
      <c r="I15290" s="18"/>
      <c r="J15290" s="18"/>
      <c r="K15290" s="18"/>
      <c r="L15290" s="18"/>
      <c r="M15290" s="18"/>
      <c r="N15290" s="18"/>
      <c r="O15290" s="18"/>
      <c r="P15290" s="19">
        <v>210</v>
      </c>
      <c r="Q15290" s="19"/>
      <c r="R15290" s="19"/>
      <c r="S15290" s="19"/>
      <c r="T15290" s="19">
        <v>120</v>
      </c>
      <c r="U15290" s="19"/>
      <c r="V15290" s="19"/>
      <c r="W15290" s="19"/>
      <c r="X15290" s="19">
        <v>17</v>
      </c>
      <c r="Y15290" s="19"/>
      <c r="Z15290" s="19"/>
      <c r="AA15290" s="19"/>
    </row>
    <row r="15291" spans="1:27" s="1" customFormat="1" ht="14.1" customHeight="1" outlineLevel="4" x14ac:dyDescent="0.2">
      <c r="A15291" s="17"/>
      <c r="B15291" s="17"/>
      <c r="C15291" s="17"/>
      <c r="D15291" s="18"/>
      <c r="E15291" s="18"/>
      <c r="F15291" s="18"/>
      <c r="G15291" s="18"/>
      <c r="H15291" s="18"/>
      <c r="I15291" s="18"/>
      <c r="J15291" s="18"/>
      <c r="K15291" s="18"/>
      <c r="L15291" s="18"/>
      <c r="M15291" s="18"/>
      <c r="N15291" s="18"/>
      <c r="O15291" s="18"/>
      <c r="P15291" s="19"/>
      <c r="Q15291" s="19"/>
      <c r="R15291" s="19"/>
      <c r="S15291" s="19"/>
      <c r="T15291" s="19"/>
      <c r="U15291" s="19"/>
      <c r="V15291" s="19"/>
      <c r="W15291" s="19"/>
      <c r="X15291" s="19"/>
      <c r="Y15291" s="19"/>
      <c r="Z15291" s="19"/>
      <c r="AA15291" s="19"/>
    </row>
    <row r="15292" spans="1:27" s="1" customFormat="1" ht="11.1" customHeight="1" outlineLevel="4" x14ac:dyDescent="0.2">
      <c r="A15292" s="17">
        <v>11867</v>
      </c>
      <c r="B15292" s="17"/>
      <c r="C15292" s="17"/>
      <c r="D15292" s="18" t="s">
        <v>7579</v>
      </c>
      <c r="E15292" s="18"/>
      <c r="F15292" s="18"/>
      <c r="G15292" s="18"/>
      <c r="H15292" s="18"/>
      <c r="I15292" s="18"/>
      <c r="J15292" s="18"/>
      <c r="K15292" s="18"/>
      <c r="L15292" s="18"/>
      <c r="M15292" s="18"/>
      <c r="N15292" s="18"/>
      <c r="O15292" s="18"/>
      <c r="P15292" s="19">
        <v>300</v>
      </c>
      <c r="Q15292" s="19"/>
      <c r="R15292" s="19"/>
      <c r="S15292" s="19"/>
      <c r="T15292" s="19">
        <v>160</v>
      </c>
      <c r="U15292" s="19"/>
      <c r="V15292" s="19"/>
      <c r="W15292" s="19"/>
      <c r="X15292" s="19">
        <v>2</v>
      </c>
      <c r="Y15292" s="19"/>
      <c r="Z15292" s="19"/>
      <c r="AA15292" s="19"/>
    </row>
    <row r="15293" spans="1:27" s="1" customFormat="1" ht="11.1" customHeight="1" outlineLevel="4" x14ac:dyDescent="0.2">
      <c r="A15293" s="17"/>
      <c r="B15293" s="17"/>
      <c r="C15293" s="17"/>
      <c r="D15293" s="18"/>
      <c r="E15293" s="18"/>
      <c r="F15293" s="18"/>
      <c r="G15293" s="18"/>
      <c r="H15293" s="18"/>
      <c r="I15293" s="18"/>
      <c r="J15293" s="18"/>
      <c r="K15293" s="18"/>
      <c r="L15293" s="18"/>
      <c r="M15293" s="18"/>
      <c r="N15293" s="18"/>
      <c r="O15293" s="18"/>
      <c r="P15293" s="19"/>
      <c r="Q15293" s="19"/>
      <c r="R15293" s="19"/>
      <c r="S15293" s="19"/>
      <c r="T15293" s="19"/>
      <c r="U15293" s="19"/>
      <c r="V15293" s="19"/>
      <c r="W15293" s="19"/>
      <c r="X15293" s="19"/>
      <c r="Y15293" s="19"/>
      <c r="Z15293" s="19"/>
      <c r="AA15293" s="19"/>
    </row>
    <row r="15294" spans="1:27" s="1" customFormat="1" ht="11.1" customHeight="1" outlineLevel="4" x14ac:dyDescent="0.2">
      <c r="A15294" s="17">
        <v>11874</v>
      </c>
      <c r="B15294" s="17"/>
      <c r="C15294" s="17"/>
      <c r="D15294" s="18" t="s">
        <v>7580</v>
      </c>
      <c r="E15294" s="18"/>
      <c r="F15294" s="18"/>
      <c r="G15294" s="18"/>
      <c r="H15294" s="18"/>
      <c r="I15294" s="18"/>
      <c r="J15294" s="18"/>
      <c r="K15294" s="18"/>
      <c r="L15294" s="18"/>
      <c r="M15294" s="18"/>
      <c r="N15294" s="18"/>
      <c r="O15294" s="18"/>
      <c r="P15294" s="19">
        <v>355</v>
      </c>
      <c r="Q15294" s="19"/>
      <c r="R15294" s="19"/>
      <c r="S15294" s="19"/>
      <c r="T15294" s="19">
        <v>210</v>
      </c>
      <c r="U15294" s="19"/>
      <c r="V15294" s="19"/>
      <c r="W15294" s="19"/>
      <c r="X15294" s="19">
        <v>3</v>
      </c>
      <c r="Y15294" s="19"/>
      <c r="Z15294" s="19"/>
      <c r="AA15294" s="19"/>
    </row>
    <row r="15295" spans="1:27" s="1" customFormat="1" ht="11.1" customHeight="1" outlineLevel="4" x14ac:dyDescent="0.2">
      <c r="A15295" s="17"/>
      <c r="B15295" s="17"/>
      <c r="C15295" s="17"/>
      <c r="D15295" s="18"/>
      <c r="E15295" s="18"/>
      <c r="F15295" s="18"/>
      <c r="G15295" s="18"/>
      <c r="H15295" s="18"/>
      <c r="I15295" s="18"/>
      <c r="J15295" s="18"/>
      <c r="K15295" s="18"/>
      <c r="L15295" s="18"/>
      <c r="M15295" s="18"/>
      <c r="N15295" s="18"/>
      <c r="O15295" s="18"/>
      <c r="P15295" s="19"/>
      <c r="Q15295" s="19"/>
      <c r="R15295" s="19"/>
      <c r="S15295" s="19"/>
      <c r="T15295" s="19"/>
      <c r="U15295" s="19"/>
      <c r="V15295" s="19"/>
      <c r="W15295" s="19"/>
      <c r="X15295" s="19"/>
      <c r="Y15295" s="19"/>
      <c r="Z15295" s="19"/>
      <c r="AA15295" s="19"/>
    </row>
    <row r="15296" spans="1:27" s="1" customFormat="1" ht="11.1" customHeight="1" outlineLevel="4" x14ac:dyDescent="0.2">
      <c r="A15296" s="17">
        <v>11869</v>
      </c>
      <c r="B15296" s="17"/>
      <c r="C15296" s="17"/>
      <c r="D15296" s="18" t="s">
        <v>7581</v>
      </c>
      <c r="E15296" s="18"/>
      <c r="F15296" s="18"/>
      <c r="G15296" s="18"/>
      <c r="H15296" s="18"/>
      <c r="I15296" s="18"/>
      <c r="J15296" s="18"/>
      <c r="K15296" s="18"/>
      <c r="L15296" s="18"/>
      <c r="M15296" s="18"/>
      <c r="N15296" s="18"/>
      <c r="O15296" s="18"/>
      <c r="P15296" s="19">
        <v>370</v>
      </c>
      <c r="Q15296" s="19"/>
      <c r="R15296" s="19"/>
      <c r="S15296" s="19"/>
      <c r="T15296" s="19">
        <v>230</v>
      </c>
      <c r="U15296" s="19"/>
      <c r="V15296" s="19"/>
      <c r="W15296" s="19"/>
      <c r="X15296" s="19">
        <v>2</v>
      </c>
      <c r="Y15296" s="19"/>
      <c r="Z15296" s="19"/>
      <c r="AA15296" s="19"/>
    </row>
    <row r="15297" spans="1:27" s="1" customFormat="1" ht="11.1" customHeight="1" outlineLevel="4" x14ac:dyDescent="0.2">
      <c r="A15297" s="17"/>
      <c r="B15297" s="17"/>
      <c r="C15297" s="17"/>
      <c r="D15297" s="18"/>
      <c r="E15297" s="18"/>
      <c r="F15297" s="18"/>
      <c r="G15297" s="18"/>
      <c r="H15297" s="18"/>
      <c r="I15297" s="18"/>
      <c r="J15297" s="18"/>
      <c r="K15297" s="18"/>
      <c r="L15297" s="18"/>
      <c r="M15297" s="18"/>
      <c r="N15297" s="18"/>
      <c r="O15297" s="18"/>
      <c r="P15297" s="19"/>
      <c r="Q15297" s="19"/>
      <c r="R15297" s="19"/>
      <c r="S15297" s="19"/>
      <c r="T15297" s="19"/>
      <c r="U15297" s="19"/>
      <c r="V15297" s="19"/>
      <c r="W15297" s="19"/>
      <c r="X15297" s="19"/>
      <c r="Y15297" s="19"/>
      <c r="Z15297" s="19"/>
      <c r="AA15297" s="19"/>
    </row>
    <row r="15298" spans="1:27" s="1" customFormat="1" ht="14.1" customHeight="1" outlineLevel="4" x14ac:dyDescent="0.2">
      <c r="A15298" s="17">
        <v>12992</v>
      </c>
      <c r="B15298" s="17"/>
      <c r="C15298" s="17"/>
      <c r="D15298" s="18" t="s">
        <v>7582</v>
      </c>
      <c r="E15298" s="18"/>
      <c r="F15298" s="18"/>
      <c r="G15298" s="18"/>
      <c r="H15298" s="18"/>
      <c r="I15298" s="18"/>
      <c r="J15298" s="18"/>
      <c r="K15298" s="18"/>
      <c r="L15298" s="18"/>
      <c r="M15298" s="18"/>
      <c r="N15298" s="18"/>
      <c r="O15298" s="18"/>
      <c r="P15298" s="19">
        <v>290</v>
      </c>
      <c r="Q15298" s="19"/>
      <c r="R15298" s="19"/>
      <c r="S15298" s="19"/>
      <c r="T15298" s="19">
        <v>190</v>
      </c>
      <c r="U15298" s="19"/>
      <c r="V15298" s="19"/>
      <c r="W15298" s="19"/>
      <c r="X15298" s="19">
        <v>9</v>
      </c>
      <c r="Y15298" s="19"/>
      <c r="Z15298" s="19"/>
      <c r="AA15298" s="19"/>
    </row>
    <row r="15299" spans="1:27" s="1" customFormat="1" ht="14.1" customHeight="1" outlineLevel="4" x14ac:dyDescent="0.2">
      <c r="A15299" s="17"/>
      <c r="B15299" s="17"/>
      <c r="C15299" s="17"/>
      <c r="D15299" s="18"/>
      <c r="E15299" s="18"/>
      <c r="F15299" s="18"/>
      <c r="G15299" s="18"/>
      <c r="H15299" s="18"/>
      <c r="I15299" s="18"/>
      <c r="J15299" s="18"/>
      <c r="K15299" s="18"/>
      <c r="L15299" s="18"/>
      <c r="M15299" s="18"/>
      <c r="N15299" s="18"/>
      <c r="O15299" s="18"/>
      <c r="P15299" s="19"/>
      <c r="Q15299" s="19"/>
      <c r="R15299" s="19"/>
      <c r="S15299" s="19"/>
      <c r="T15299" s="19"/>
      <c r="U15299" s="19"/>
      <c r="V15299" s="19"/>
      <c r="W15299" s="19"/>
      <c r="X15299" s="19"/>
      <c r="Y15299" s="19"/>
      <c r="Z15299" s="19"/>
      <c r="AA15299" s="19"/>
    </row>
    <row r="15300" spans="1:27" s="1" customFormat="1" ht="14.1" customHeight="1" outlineLevel="4" x14ac:dyDescent="0.2">
      <c r="A15300" s="17">
        <v>9992</v>
      </c>
      <c r="B15300" s="17"/>
      <c r="C15300" s="17"/>
      <c r="D15300" s="18" t="s">
        <v>7583</v>
      </c>
      <c r="E15300" s="18"/>
      <c r="F15300" s="18"/>
      <c r="G15300" s="18"/>
      <c r="H15300" s="18"/>
      <c r="I15300" s="18"/>
      <c r="J15300" s="18"/>
      <c r="K15300" s="18"/>
      <c r="L15300" s="18"/>
      <c r="M15300" s="18"/>
      <c r="N15300" s="18"/>
      <c r="O15300" s="18"/>
      <c r="P15300" s="19">
        <v>150</v>
      </c>
      <c r="Q15300" s="19"/>
      <c r="R15300" s="19"/>
      <c r="S15300" s="19"/>
      <c r="T15300" s="19">
        <v>90</v>
      </c>
      <c r="U15300" s="19"/>
      <c r="V15300" s="19"/>
      <c r="W15300" s="19"/>
      <c r="X15300" s="19">
        <v>34</v>
      </c>
      <c r="Y15300" s="19"/>
      <c r="Z15300" s="19"/>
      <c r="AA15300" s="19"/>
    </row>
    <row r="15301" spans="1:27" s="1" customFormat="1" ht="14.1" customHeight="1" outlineLevel="4" x14ac:dyDescent="0.2">
      <c r="A15301" s="17"/>
      <c r="B15301" s="17"/>
      <c r="C15301" s="17"/>
      <c r="D15301" s="18"/>
      <c r="E15301" s="18"/>
      <c r="F15301" s="18"/>
      <c r="G15301" s="18"/>
      <c r="H15301" s="18"/>
      <c r="I15301" s="18"/>
      <c r="J15301" s="18"/>
      <c r="K15301" s="18"/>
      <c r="L15301" s="18"/>
      <c r="M15301" s="18"/>
      <c r="N15301" s="18"/>
      <c r="O15301" s="18"/>
      <c r="P15301" s="19"/>
      <c r="Q15301" s="19"/>
      <c r="R15301" s="19"/>
      <c r="S15301" s="19"/>
      <c r="T15301" s="19"/>
      <c r="U15301" s="19"/>
      <c r="V15301" s="19"/>
      <c r="W15301" s="19"/>
      <c r="X15301" s="19"/>
      <c r="Y15301" s="19"/>
      <c r="Z15301" s="19"/>
      <c r="AA15301" s="19"/>
    </row>
    <row r="15302" spans="1:27" s="1" customFormat="1" ht="14.1" customHeight="1" outlineLevel="4" x14ac:dyDescent="0.2">
      <c r="A15302" s="17">
        <v>9993</v>
      </c>
      <c r="B15302" s="17"/>
      <c r="C15302" s="17"/>
      <c r="D15302" s="18" t="s">
        <v>7584</v>
      </c>
      <c r="E15302" s="18"/>
      <c r="F15302" s="18"/>
      <c r="G15302" s="18"/>
      <c r="H15302" s="18"/>
      <c r="I15302" s="18"/>
      <c r="J15302" s="18"/>
      <c r="K15302" s="18"/>
      <c r="L15302" s="18"/>
      <c r="M15302" s="18"/>
      <c r="N15302" s="18"/>
      <c r="O15302" s="18"/>
      <c r="P15302" s="19">
        <v>150</v>
      </c>
      <c r="Q15302" s="19"/>
      <c r="R15302" s="19"/>
      <c r="S15302" s="19"/>
      <c r="T15302" s="19">
        <v>90</v>
      </c>
      <c r="U15302" s="19"/>
      <c r="V15302" s="19"/>
      <c r="W15302" s="19"/>
      <c r="X15302" s="19">
        <v>30</v>
      </c>
      <c r="Y15302" s="19"/>
      <c r="Z15302" s="19"/>
      <c r="AA15302" s="19"/>
    </row>
    <row r="15303" spans="1:27" s="1" customFormat="1" ht="14.1" customHeight="1" outlineLevel="4" x14ac:dyDescent="0.2">
      <c r="A15303" s="17"/>
      <c r="B15303" s="17"/>
      <c r="C15303" s="17"/>
      <c r="D15303" s="18"/>
      <c r="E15303" s="18"/>
      <c r="F15303" s="18"/>
      <c r="G15303" s="18"/>
      <c r="H15303" s="18"/>
      <c r="I15303" s="18"/>
      <c r="J15303" s="18"/>
      <c r="K15303" s="18"/>
      <c r="L15303" s="18"/>
      <c r="M15303" s="18"/>
      <c r="N15303" s="18"/>
      <c r="O15303" s="18"/>
      <c r="P15303" s="19"/>
      <c r="Q15303" s="19"/>
      <c r="R15303" s="19"/>
      <c r="S15303" s="19"/>
      <c r="T15303" s="19"/>
      <c r="U15303" s="19"/>
      <c r="V15303" s="19"/>
      <c r="W15303" s="19"/>
      <c r="X15303" s="19"/>
      <c r="Y15303" s="19"/>
      <c r="Z15303" s="19"/>
      <c r="AA15303" s="19"/>
    </row>
    <row r="15304" spans="1:27" s="1" customFormat="1" ht="14.1" customHeight="1" outlineLevel="4" x14ac:dyDescent="0.2">
      <c r="A15304" s="17">
        <v>11879</v>
      </c>
      <c r="B15304" s="17"/>
      <c r="C15304" s="17"/>
      <c r="D15304" s="18" t="s">
        <v>7585</v>
      </c>
      <c r="E15304" s="18"/>
      <c r="F15304" s="18"/>
      <c r="G15304" s="18"/>
      <c r="H15304" s="18"/>
      <c r="I15304" s="18"/>
      <c r="J15304" s="18"/>
      <c r="K15304" s="18"/>
      <c r="L15304" s="18"/>
      <c r="M15304" s="18"/>
      <c r="N15304" s="18"/>
      <c r="O15304" s="18"/>
      <c r="P15304" s="19">
        <v>160</v>
      </c>
      <c r="Q15304" s="19"/>
      <c r="R15304" s="19"/>
      <c r="S15304" s="19"/>
      <c r="T15304" s="19">
        <v>100</v>
      </c>
      <c r="U15304" s="19"/>
      <c r="V15304" s="19"/>
      <c r="W15304" s="19"/>
      <c r="X15304" s="19">
        <v>17</v>
      </c>
      <c r="Y15304" s="19"/>
      <c r="Z15304" s="19"/>
      <c r="AA15304" s="19"/>
    </row>
    <row r="15305" spans="1:27" s="1" customFormat="1" ht="14.1" customHeight="1" outlineLevel="4" x14ac:dyDescent="0.2">
      <c r="A15305" s="17"/>
      <c r="B15305" s="17"/>
      <c r="C15305" s="17"/>
      <c r="D15305" s="18"/>
      <c r="E15305" s="18"/>
      <c r="F15305" s="18"/>
      <c r="G15305" s="18"/>
      <c r="H15305" s="18"/>
      <c r="I15305" s="18"/>
      <c r="J15305" s="18"/>
      <c r="K15305" s="18"/>
      <c r="L15305" s="18"/>
      <c r="M15305" s="18"/>
      <c r="N15305" s="18"/>
      <c r="O15305" s="18"/>
      <c r="P15305" s="19"/>
      <c r="Q15305" s="19"/>
      <c r="R15305" s="19"/>
      <c r="S15305" s="19"/>
      <c r="T15305" s="19"/>
      <c r="U15305" s="19"/>
      <c r="V15305" s="19"/>
      <c r="W15305" s="19"/>
      <c r="X15305" s="19"/>
      <c r="Y15305" s="19"/>
      <c r="Z15305" s="19"/>
      <c r="AA15305" s="19"/>
    </row>
    <row r="15306" spans="1:27" s="1" customFormat="1" ht="14.1" customHeight="1" outlineLevel="4" x14ac:dyDescent="0.2">
      <c r="A15306" s="17">
        <v>11872</v>
      </c>
      <c r="B15306" s="17"/>
      <c r="C15306" s="17"/>
      <c r="D15306" s="18" t="s">
        <v>7586</v>
      </c>
      <c r="E15306" s="18"/>
      <c r="F15306" s="18"/>
      <c r="G15306" s="18"/>
      <c r="H15306" s="18"/>
      <c r="I15306" s="18"/>
      <c r="J15306" s="18"/>
      <c r="K15306" s="18"/>
      <c r="L15306" s="18"/>
      <c r="M15306" s="18"/>
      <c r="N15306" s="18"/>
      <c r="O15306" s="18"/>
      <c r="P15306" s="19">
        <v>340</v>
      </c>
      <c r="Q15306" s="19"/>
      <c r="R15306" s="19"/>
      <c r="S15306" s="19"/>
      <c r="T15306" s="19">
        <v>200</v>
      </c>
      <c r="U15306" s="19"/>
      <c r="V15306" s="19"/>
      <c r="W15306" s="19"/>
      <c r="X15306" s="19">
        <v>3</v>
      </c>
      <c r="Y15306" s="19"/>
      <c r="Z15306" s="19"/>
      <c r="AA15306" s="19"/>
    </row>
    <row r="15307" spans="1:27" s="1" customFormat="1" ht="14.1" customHeight="1" outlineLevel="4" x14ac:dyDescent="0.2">
      <c r="A15307" s="17"/>
      <c r="B15307" s="17"/>
      <c r="C15307" s="17"/>
      <c r="D15307" s="18"/>
      <c r="E15307" s="18"/>
      <c r="F15307" s="18"/>
      <c r="G15307" s="18"/>
      <c r="H15307" s="18"/>
      <c r="I15307" s="18"/>
      <c r="J15307" s="18"/>
      <c r="K15307" s="18"/>
      <c r="L15307" s="18"/>
      <c r="M15307" s="18"/>
      <c r="N15307" s="18"/>
      <c r="O15307" s="18"/>
      <c r="P15307" s="19"/>
      <c r="Q15307" s="19"/>
      <c r="R15307" s="19"/>
      <c r="S15307" s="19"/>
      <c r="T15307" s="19"/>
      <c r="U15307" s="19"/>
      <c r="V15307" s="19"/>
      <c r="W15307" s="19"/>
      <c r="X15307" s="19"/>
      <c r="Y15307" s="19"/>
      <c r="Z15307" s="19"/>
      <c r="AA15307" s="19"/>
    </row>
    <row r="15308" spans="1:27" s="1" customFormat="1" ht="11.1" customHeight="1" outlineLevel="2" x14ac:dyDescent="0.2">
      <c r="A15308" s="16" t="s">
        <v>7587</v>
      </c>
      <c r="B15308" s="16"/>
      <c r="C15308" s="16"/>
      <c r="D15308" s="16"/>
      <c r="E15308" s="16"/>
      <c r="F15308" s="16"/>
      <c r="G15308" s="16"/>
      <c r="H15308" s="16"/>
      <c r="I15308" s="16"/>
      <c r="J15308" s="16"/>
      <c r="K15308" s="16"/>
      <c r="L15308" s="16"/>
      <c r="M15308" s="16"/>
      <c r="N15308" s="16"/>
      <c r="O15308" s="16"/>
      <c r="P15308" s="16"/>
      <c r="Q15308" s="16"/>
      <c r="R15308" s="16"/>
      <c r="S15308" s="16"/>
      <c r="T15308" s="16"/>
      <c r="U15308" s="16"/>
      <c r="V15308" s="16"/>
      <c r="W15308" s="16"/>
      <c r="X15308" s="16"/>
      <c r="Y15308" s="16"/>
      <c r="Z15308" s="16"/>
      <c r="AA15308" s="16"/>
    </row>
    <row r="15309" spans="1:27" s="1" customFormat="1" ht="11.1" customHeight="1" outlineLevel="2" x14ac:dyDescent="0.2">
      <c r="A15309" s="16"/>
      <c r="B15309" s="16"/>
      <c r="C15309" s="16"/>
      <c r="D15309" s="16"/>
      <c r="E15309" s="16"/>
      <c r="F15309" s="16"/>
      <c r="G15309" s="16"/>
      <c r="H15309" s="16"/>
      <c r="I15309" s="16"/>
      <c r="J15309" s="16"/>
      <c r="K15309" s="16"/>
      <c r="L15309" s="16"/>
      <c r="M15309" s="16"/>
      <c r="N15309" s="16"/>
      <c r="O15309" s="16"/>
      <c r="P15309" s="16"/>
      <c r="Q15309" s="16"/>
      <c r="R15309" s="16"/>
      <c r="S15309" s="16"/>
      <c r="T15309" s="16"/>
      <c r="U15309" s="16"/>
      <c r="V15309" s="16"/>
      <c r="W15309" s="16"/>
      <c r="X15309" s="16"/>
      <c r="Y15309" s="16"/>
      <c r="Z15309" s="16"/>
      <c r="AA15309" s="16"/>
    </row>
    <row r="15310" spans="1:27" s="1" customFormat="1" ht="11.1" customHeight="1" outlineLevel="3" x14ac:dyDescent="0.2">
      <c r="A15310" s="17">
        <v>8537</v>
      </c>
      <c r="B15310" s="17"/>
      <c r="C15310" s="17"/>
      <c r="D15310" s="18" t="s">
        <v>7588</v>
      </c>
      <c r="E15310" s="18"/>
      <c r="F15310" s="18"/>
      <c r="G15310" s="18"/>
      <c r="H15310" s="18"/>
      <c r="I15310" s="18"/>
      <c r="J15310" s="18"/>
      <c r="K15310" s="18"/>
      <c r="L15310" s="18"/>
      <c r="M15310" s="18"/>
      <c r="N15310" s="18"/>
      <c r="O15310" s="18"/>
      <c r="P15310" s="19">
        <v>630</v>
      </c>
      <c r="Q15310" s="19"/>
      <c r="R15310" s="19"/>
      <c r="S15310" s="19"/>
      <c r="T15310" s="19">
        <v>385</v>
      </c>
      <c r="U15310" s="19"/>
      <c r="V15310" s="19"/>
      <c r="W15310" s="19"/>
      <c r="X15310" s="19">
        <v>4</v>
      </c>
      <c r="Y15310" s="19"/>
      <c r="Z15310" s="19"/>
      <c r="AA15310" s="19"/>
    </row>
    <row r="15311" spans="1:27" s="1" customFormat="1" ht="11.1" customHeight="1" outlineLevel="3" x14ac:dyDescent="0.2">
      <c r="A15311" s="17"/>
      <c r="B15311" s="17"/>
      <c r="C15311" s="17"/>
      <c r="D15311" s="18"/>
      <c r="E15311" s="18"/>
      <c r="F15311" s="18"/>
      <c r="G15311" s="18"/>
      <c r="H15311" s="18"/>
      <c r="I15311" s="18"/>
      <c r="J15311" s="18"/>
      <c r="K15311" s="18"/>
      <c r="L15311" s="18"/>
      <c r="M15311" s="18"/>
      <c r="N15311" s="18"/>
      <c r="O15311" s="18"/>
      <c r="P15311" s="19"/>
      <c r="Q15311" s="19"/>
      <c r="R15311" s="19"/>
      <c r="S15311" s="19"/>
      <c r="T15311" s="19"/>
      <c r="U15311" s="19"/>
      <c r="V15311" s="19"/>
      <c r="W15311" s="19"/>
      <c r="X15311" s="19"/>
      <c r="Y15311" s="19"/>
      <c r="Z15311" s="19"/>
      <c r="AA15311" s="19"/>
    </row>
    <row r="15312" spans="1:27" s="1" customFormat="1" ht="11.1" customHeight="1" outlineLevel="3" x14ac:dyDescent="0.2">
      <c r="A15312" s="17">
        <v>8540</v>
      </c>
      <c r="B15312" s="17"/>
      <c r="C15312" s="17"/>
      <c r="D15312" s="18" t="s">
        <v>7589</v>
      </c>
      <c r="E15312" s="18"/>
      <c r="F15312" s="18"/>
      <c r="G15312" s="18"/>
      <c r="H15312" s="18"/>
      <c r="I15312" s="18"/>
      <c r="J15312" s="18"/>
      <c r="K15312" s="18"/>
      <c r="L15312" s="18"/>
      <c r="M15312" s="18"/>
      <c r="N15312" s="18"/>
      <c r="O15312" s="18"/>
      <c r="P15312" s="19">
        <v>850</v>
      </c>
      <c r="Q15312" s="19"/>
      <c r="R15312" s="19"/>
      <c r="S15312" s="19"/>
      <c r="T15312" s="19">
        <v>500</v>
      </c>
      <c r="U15312" s="19"/>
      <c r="V15312" s="19"/>
      <c r="W15312" s="19"/>
      <c r="X15312" s="19">
        <v>2</v>
      </c>
      <c r="Y15312" s="19"/>
      <c r="Z15312" s="19"/>
      <c r="AA15312" s="19"/>
    </row>
    <row r="15313" spans="1:27" s="1" customFormat="1" ht="11.1" customHeight="1" outlineLevel="3" x14ac:dyDescent="0.2">
      <c r="A15313" s="17"/>
      <c r="B15313" s="17"/>
      <c r="C15313" s="17"/>
      <c r="D15313" s="18"/>
      <c r="E15313" s="18"/>
      <c r="F15313" s="18"/>
      <c r="G15313" s="18"/>
      <c r="H15313" s="18"/>
      <c r="I15313" s="18"/>
      <c r="J15313" s="18"/>
      <c r="K15313" s="18"/>
      <c r="L15313" s="18"/>
      <c r="M15313" s="18"/>
      <c r="N15313" s="18"/>
      <c r="O15313" s="18"/>
      <c r="P15313" s="19"/>
      <c r="Q15313" s="19"/>
      <c r="R15313" s="19"/>
      <c r="S15313" s="19"/>
      <c r="T15313" s="19"/>
      <c r="U15313" s="19"/>
      <c r="V15313" s="19"/>
      <c r="W15313" s="19"/>
      <c r="X15313" s="19"/>
      <c r="Y15313" s="19"/>
      <c r="Z15313" s="19"/>
      <c r="AA15313" s="19"/>
    </row>
    <row r="15314" spans="1:27" s="1" customFormat="1" ht="11.1" customHeight="1" outlineLevel="3" x14ac:dyDescent="0.2">
      <c r="A15314" s="17">
        <v>11354</v>
      </c>
      <c r="B15314" s="17"/>
      <c r="C15314" s="17"/>
      <c r="D15314" s="18" t="s">
        <v>7590</v>
      </c>
      <c r="E15314" s="18"/>
      <c r="F15314" s="18"/>
      <c r="G15314" s="18"/>
      <c r="H15314" s="18"/>
      <c r="I15314" s="18"/>
      <c r="J15314" s="18"/>
      <c r="K15314" s="18"/>
      <c r="L15314" s="18"/>
      <c r="M15314" s="18"/>
      <c r="N15314" s="18"/>
      <c r="O15314" s="18"/>
      <c r="P15314" s="19">
        <v>530</v>
      </c>
      <c r="Q15314" s="19"/>
      <c r="R15314" s="19"/>
      <c r="S15314" s="19"/>
      <c r="T15314" s="19">
        <v>450</v>
      </c>
      <c r="U15314" s="19"/>
      <c r="V15314" s="19"/>
      <c r="W15314" s="19"/>
      <c r="X15314" s="19">
        <v>4</v>
      </c>
      <c r="Y15314" s="19"/>
      <c r="Z15314" s="19"/>
      <c r="AA15314" s="19"/>
    </row>
    <row r="15315" spans="1:27" s="1" customFormat="1" ht="11.1" customHeight="1" outlineLevel="3" x14ac:dyDescent="0.2">
      <c r="A15315" s="17"/>
      <c r="B15315" s="17"/>
      <c r="C15315" s="17"/>
      <c r="D15315" s="18"/>
      <c r="E15315" s="18"/>
      <c r="F15315" s="18"/>
      <c r="G15315" s="18"/>
      <c r="H15315" s="18"/>
      <c r="I15315" s="18"/>
      <c r="J15315" s="18"/>
      <c r="K15315" s="18"/>
      <c r="L15315" s="18"/>
      <c r="M15315" s="18"/>
      <c r="N15315" s="18"/>
      <c r="O15315" s="18"/>
      <c r="P15315" s="19"/>
      <c r="Q15315" s="19"/>
      <c r="R15315" s="19"/>
      <c r="S15315" s="19"/>
      <c r="T15315" s="19"/>
      <c r="U15315" s="19"/>
      <c r="V15315" s="19"/>
      <c r="W15315" s="19"/>
      <c r="X15315" s="19"/>
      <c r="Y15315" s="19"/>
      <c r="Z15315" s="19"/>
      <c r="AA15315" s="19"/>
    </row>
    <row r="15316" spans="1:27" s="1" customFormat="1" ht="14.1" customHeight="1" outlineLevel="3" x14ac:dyDescent="0.2">
      <c r="A15316" s="17">
        <v>8538</v>
      </c>
      <c r="B15316" s="17"/>
      <c r="C15316" s="17"/>
      <c r="D15316" s="18" t="s">
        <v>7591</v>
      </c>
      <c r="E15316" s="18"/>
      <c r="F15316" s="18"/>
      <c r="G15316" s="18"/>
      <c r="H15316" s="18"/>
      <c r="I15316" s="18"/>
      <c r="J15316" s="18"/>
      <c r="K15316" s="18"/>
      <c r="L15316" s="18"/>
      <c r="M15316" s="18"/>
      <c r="N15316" s="18"/>
      <c r="O15316" s="18"/>
      <c r="P15316" s="19">
        <v>560</v>
      </c>
      <c r="Q15316" s="19"/>
      <c r="R15316" s="19"/>
      <c r="S15316" s="19"/>
      <c r="T15316" s="19">
        <v>350</v>
      </c>
      <c r="U15316" s="19"/>
      <c r="V15316" s="19"/>
      <c r="W15316" s="19"/>
      <c r="X15316" s="19">
        <v>2</v>
      </c>
      <c r="Y15316" s="19"/>
      <c r="Z15316" s="19"/>
      <c r="AA15316" s="19"/>
    </row>
    <row r="15317" spans="1:27" s="1" customFormat="1" ht="14.1" customHeight="1" outlineLevel="3" x14ac:dyDescent="0.2">
      <c r="A15317" s="17"/>
      <c r="B15317" s="17"/>
      <c r="C15317" s="17"/>
      <c r="D15317" s="18"/>
      <c r="E15317" s="18"/>
      <c r="F15317" s="18"/>
      <c r="G15317" s="18"/>
      <c r="H15317" s="18"/>
      <c r="I15317" s="18"/>
      <c r="J15317" s="18"/>
      <c r="K15317" s="18"/>
      <c r="L15317" s="18"/>
      <c r="M15317" s="18"/>
      <c r="N15317" s="18"/>
      <c r="O15317" s="18"/>
      <c r="P15317" s="19"/>
      <c r="Q15317" s="19"/>
      <c r="R15317" s="19"/>
      <c r="S15317" s="19"/>
      <c r="T15317" s="19"/>
      <c r="U15317" s="19"/>
      <c r="V15317" s="19"/>
      <c r="W15317" s="19"/>
      <c r="X15317" s="19"/>
      <c r="Y15317" s="19"/>
      <c r="Z15317" s="19"/>
      <c r="AA15317" s="19"/>
    </row>
    <row r="15318" spans="1:27" s="1" customFormat="1" ht="11.1" customHeight="1" outlineLevel="3" x14ac:dyDescent="0.2">
      <c r="A15318" s="17">
        <v>11442</v>
      </c>
      <c r="B15318" s="17"/>
      <c r="C15318" s="17"/>
      <c r="D15318" s="18" t="s">
        <v>7592</v>
      </c>
      <c r="E15318" s="18"/>
      <c r="F15318" s="18"/>
      <c r="G15318" s="18"/>
      <c r="H15318" s="18"/>
      <c r="I15318" s="18"/>
      <c r="J15318" s="18"/>
      <c r="K15318" s="18"/>
      <c r="L15318" s="18"/>
      <c r="M15318" s="18"/>
      <c r="N15318" s="18"/>
      <c r="O15318" s="18"/>
      <c r="P15318" s="20">
        <v>1150</v>
      </c>
      <c r="Q15318" s="20"/>
      <c r="R15318" s="20"/>
      <c r="S15318" s="20"/>
      <c r="T15318" s="19">
        <v>800</v>
      </c>
      <c r="U15318" s="19"/>
      <c r="V15318" s="19"/>
      <c r="W15318" s="19"/>
      <c r="X15318" s="19">
        <v>23</v>
      </c>
      <c r="Y15318" s="19"/>
      <c r="Z15318" s="19"/>
      <c r="AA15318" s="19"/>
    </row>
    <row r="15319" spans="1:27" s="1" customFormat="1" ht="11.1" customHeight="1" outlineLevel="3" x14ac:dyDescent="0.2">
      <c r="A15319" s="17"/>
      <c r="B15319" s="17"/>
      <c r="C15319" s="17"/>
      <c r="D15319" s="18"/>
      <c r="E15319" s="18"/>
      <c r="F15319" s="18"/>
      <c r="G15319" s="18"/>
      <c r="H15319" s="18"/>
      <c r="I15319" s="18"/>
      <c r="J15319" s="18"/>
      <c r="K15319" s="18"/>
      <c r="L15319" s="18"/>
      <c r="M15319" s="18"/>
      <c r="N15319" s="18"/>
      <c r="O15319" s="18"/>
      <c r="P15319" s="20"/>
      <c r="Q15319" s="20"/>
      <c r="R15319" s="20"/>
      <c r="S15319" s="20"/>
      <c r="T15319" s="19"/>
      <c r="U15319" s="19"/>
      <c r="V15319" s="19"/>
      <c r="W15319" s="19"/>
      <c r="X15319" s="19"/>
      <c r="Y15319" s="19"/>
      <c r="Z15319" s="19"/>
      <c r="AA15319" s="19"/>
    </row>
    <row r="15320" spans="1:27" s="1" customFormat="1" ht="11.1" customHeight="1" outlineLevel="3" x14ac:dyDescent="0.2">
      <c r="A15320" s="17">
        <v>7571</v>
      </c>
      <c r="B15320" s="17"/>
      <c r="C15320" s="17"/>
      <c r="D15320" s="18" t="s">
        <v>7593</v>
      </c>
      <c r="E15320" s="18"/>
      <c r="F15320" s="18"/>
      <c r="G15320" s="18"/>
      <c r="H15320" s="18"/>
      <c r="I15320" s="18"/>
      <c r="J15320" s="18"/>
      <c r="K15320" s="18"/>
      <c r="L15320" s="18"/>
      <c r="M15320" s="18"/>
      <c r="N15320" s="18"/>
      <c r="O15320" s="18"/>
      <c r="P15320" s="19">
        <v>110</v>
      </c>
      <c r="Q15320" s="19"/>
      <c r="R15320" s="19"/>
      <c r="S15320" s="19"/>
      <c r="T15320" s="19">
        <v>60</v>
      </c>
      <c r="U15320" s="19"/>
      <c r="V15320" s="19"/>
      <c r="W15320" s="19"/>
      <c r="X15320" s="19">
        <v>15</v>
      </c>
      <c r="Y15320" s="19"/>
      <c r="Z15320" s="19"/>
      <c r="AA15320" s="19"/>
    </row>
    <row r="15321" spans="1:27" s="1" customFormat="1" ht="11.1" customHeight="1" outlineLevel="3" x14ac:dyDescent="0.2">
      <c r="A15321" s="17"/>
      <c r="B15321" s="17"/>
      <c r="C15321" s="17"/>
      <c r="D15321" s="18"/>
      <c r="E15321" s="18"/>
      <c r="F15321" s="18"/>
      <c r="G15321" s="18"/>
      <c r="H15321" s="18"/>
      <c r="I15321" s="18"/>
      <c r="J15321" s="18"/>
      <c r="K15321" s="18"/>
      <c r="L15321" s="18"/>
      <c r="M15321" s="18"/>
      <c r="N15321" s="18"/>
      <c r="O15321" s="18"/>
      <c r="P15321" s="19"/>
      <c r="Q15321" s="19"/>
      <c r="R15321" s="19"/>
      <c r="S15321" s="19"/>
      <c r="T15321" s="19"/>
      <c r="U15321" s="19"/>
      <c r="V15321" s="19"/>
      <c r="W15321" s="19"/>
      <c r="X15321" s="19"/>
      <c r="Y15321" s="19"/>
      <c r="Z15321" s="19"/>
      <c r="AA15321" s="19"/>
    </row>
    <row r="15322" spans="1:27" s="1" customFormat="1" ht="11.1" customHeight="1" outlineLevel="3" x14ac:dyDescent="0.2">
      <c r="A15322" s="17">
        <v>7569</v>
      </c>
      <c r="B15322" s="17"/>
      <c r="C15322" s="17"/>
      <c r="D15322" s="18" t="s">
        <v>7594</v>
      </c>
      <c r="E15322" s="18"/>
      <c r="F15322" s="18"/>
      <c r="G15322" s="18"/>
      <c r="H15322" s="18"/>
      <c r="I15322" s="18"/>
      <c r="J15322" s="18"/>
      <c r="K15322" s="18"/>
      <c r="L15322" s="18"/>
      <c r="M15322" s="18"/>
      <c r="N15322" s="18"/>
      <c r="O15322" s="18"/>
      <c r="P15322" s="19">
        <v>155</v>
      </c>
      <c r="Q15322" s="19"/>
      <c r="R15322" s="19"/>
      <c r="S15322" s="19"/>
      <c r="T15322" s="19">
        <v>105</v>
      </c>
      <c r="U15322" s="19"/>
      <c r="V15322" s="19"/>
      <c r="W15322" s="19"/>
      <c r="X15322" s="19">
        <v>1</v>
      </c>
      <c r="Y15322" s="19"/>
      <c r="Z15322" s="19"/>
      <c r="AA15322" s="19"/>
    </row>
    <row r="15323" spans="1:27" s="1" customFormat="1" ht="11.1" customHeight="1" outlineLevel="3" x14ac:dyDescent="0.2">
      <c r="A15323" s="17"/>
      <c r="B15323" s="17"/>
      <c r="C15323" s="17"/>
      <c r="D15323" s="18"/>
      <c r="E15323" s="18"/>
      <c r="F15323" s="18"/>
      <c r="G15323" s="18"/>
      <c r="H15323" s="18"/>
      <c r="I15323" s="18"/>
      <c r="J15323" s="18"/>
      <c r="K15323" s="18"/>
      <c r="L15323" s="18"/>
      <c r="M15323" s="18"/>
      <c r="N15323" s="18"/>
      <c r="O15323" s="18"/>
      <c r="P15323" s="19"/>
      <c r="Q15323" s="19"/>
      <c r="R15323" s="19"/>
      <c r="S15323" s="19"/>
      <c r="T15323" s="19"/>
      <c r="U15323" s="19"/>
      <c r="V15323" s="19"/>
      <c r="W15323" s="19"/>
      <c r="X15323" s="19"/>
      <c r="Y15323" s="19"/>
      <c r="Z15323" s="19"/>
      <c r="AA15323" s="19"/>
    </row>
    <row r="15324" spans="1:27" s="1" customFormat="1" ht="11.1" customHeight="1" outlineLevel="3" x14ac:dyDescent="0.2">
      <c r="A15324" s="17">
        <v>7573</v>
      </c>
      <c r="B15324" s="17"/>
      <c r="C15324" s="17"/>
      <c r="D15324" s="18" t="s">
        <v>7595</v>
      </c>
      <c r="E15324" s="18"/>
      <c r="F15324" s="18"/>
      <c r="G15324" s="18"/>
      <c r="H15324" s="18"/>
      <c r="I15324" s="18"/>
      <c r="J15324" s="18"/>
      <c r="K15324" s="18"/>
      <c r="L15324" s="18"/>
      <c r="M15324" s="18"/>
      <c r="N15324" s="18"/>
      <c r="O15324" s="18"/>
      <c r="P15324" s="19">
        <v>150</v>
      </c>
      <c r="Q15324" s="19"/>
      <c r="R15324" s="19"/>
      <c r="S15324" s="19"/>
      <c r="T15324" s="19">
        <v>90</v>
      </c>
      <c r="U15324" s="19"/>
      <c r="V15324" s="19"/>
      <c r="W15324" s="19"/>
      <c r="X15324" s="19">
        <v>5</v>
      </c>
      <c r="Y15324" s="19"/>
      <c r="Z15324" s="19"/>
      <c r="AA15324" s="19"/>
    </row>
    <row r="15325" spans="1:27" s="1" customFormat="1" ht="11.1" customHeight="1" outlineLevel="3" x14ac:dyDescent="0.2">
      <c r="A15325" s="17"/>
      <c r="B15325" s="17"/>
      <c r="C15325" s="17"/>
      <c r="D15325" s="18"/>
      <c r="E15325" s="18"/>
      <c r="F15325" s="18"/>
      <c r="G15325" s="18"/>
      <c r="H15325" s="18"/>
      <c r="I15325" s="18"/>
      <c r="J15325" s="18"/>
      <c r="K15325" s="18"/>
      <c r="L15325" s="18"/>
      <c r="M15325" s="18"/>
      <c r="N15325" s="18"/>
      <c r="O15325" s="18"/>
      <c r="P15325" s="19"/>
      <c r="Q15325" s="19"/>
      <c r="R15325" s="19"/>
      <c r="S15325" s="19"/>
      <c r="T15325" s="19"/>
      <c r="U15325" s="19"/>
      <c r="V15325" s="19"/>
      <c r="W15325" s="19"/>
      <c r="X15325" s="19"/>
      <c r="Y15325" s="19"/>
      <c r="Z15325" s="19"/>
      <c r="AA15325" s="19"/>
    </row>
    <row r="15326" spans="1:27" s="1" customFormat="1" ht="11.1" customHeight="1" outlineLevel="3" x14ac:dyDescent="0.2">
      <c r="A15326" s="17">
        <v>7552</v>
      </c>
      <c r="B15326" s="17"/>
      <c r="C15326" s="17"/>
      <c r="D15326" s="18" t="s">
        <v>7596</v>
      </c>
      <c r="E15326" s="18"/>
      <c r="F15326" s="18"/>
      <c r="G15326" s="18"/>
      <c r="H15326" s="18"/>
      <c r="I15326" s="18"/>
      <c r="J15326" s="18"/>
      <c r="K15326" s="18"/>
      <c r="L15326" s="18"/>
      <c r="M15326" s="18"/>
      <c r="N15326" s="18"/>
      <c r="O15326" s="18"/>
      <c r="P15326" s="19">
        <v>250</v>
      </c>
      <c r="Q15326" s="19"/>
      <c r="R15326" s="19"/>
      <c r="S15326" s="19"/>
      <c r="T15326" s="19">
        <v>170</v>
      </c>
      <c r="U15326" s="19"/>
      <c r="V15326" s="19"/>
      <c r="W15326" s="19"/>
      <c r="X15326" s="19">
        <v>1</v>
      </c>
      <c r="Y15326" s="19"/>
      <c r="Z15326" s="19"/>
      <c r="AA15326" s="19"/>
    </row>
    <row r="15327" spans="1:27" s="1" customFormat="1" ht="11.1" customHeight="1" outlineLevel="3" x14ac:dyDescent="0.2">
      <c r="A15327" s="17"/>
      <c r="B15327" s="17"/>
      <c r="C15327" s="17"/>
      <c r="D15327" s="18"/>
      <c r="E15327" s="18"/>
      <c r="F15327" s="18"/>
      <c r="G15327" s="18"/>
      <c r="H15327" s="18"/>
      <c r="I15327" s="18"/>
      <c r="J15327" s="18"/>
      <c r="K15327" s="18"/>
      <c r="L15327" s="18"/>
      <c r="M15327" s="18"/>
      <c r="N15327" s="18"/>
      <c r="O15327" s="18"/>
      <c r="P15327" s="19"/>
      <c r="Q15327" s="19"/>
      <c r="R15327" s="19"/>
      <c r="S15327" s="19"/>
      <c r="T15327" s="19"/>
      <c r="U15327" s="19"/>
      <c r="V15327" s="19"/>
      <c r="W15327" s="19"/>
      <c r="X15327" s="19"/>
      <c r="Y15327" s="19"/>
      <c r="Z15327" s="19"/>
      <c r="AA15327" s="19"/>
    </row>
    <row r="15328" spans="1:27" s="1" customFormat="1" ht="11.1" customHeight="1" outlineLevel="3" x14ac:dyDescent="0.2">
      <c r="A15328" s="17">
        <v>15592</v>
      </c>
      <c r="B15328" s="17"/>
      <c r="C15328" s="17"/>
      <c r="D15328" s="18" t="s">
        <v>7597</v>
      </c>
      <c r="E15328" s="18"/>
      <c r="F15328" s="18"/>
      <c r="G15328" s="18"/>
      <c r="H15328" s="18"/>
      <c r="I15328" s="18"/>
      <c r="J15328" s="18"/>
      <c r="K15328" s="18"/>
      <c r="L15328" s="18"/>
      <c r="M15328" s="18"/>
      <c r="N15328" s="18"/>
      <c r="O15328" s="18"/>
      <c r="P15328" s="19">
        <v>880</v>
      </c>
      <c r="Q15328" s="19"/>
      <c r="R15328" s="19"/>
      <c r="S15328" s="19"/>
      <c r="T15328" s="19">
        <v>700</v>
      </c>
      <c r="U15328" s="19"/>
      <c r="V15328" s="19"/>
      <c r="W15328" s="19"/>
      <c r="X15328" s="19">
        <v>4</v>
      </c>
      <c r="Y15328" s="19"/>
      <c r="Z15328" s="19"/>
      <c r="AA15328" s="19"/>
    </row>
    <row r="15329" spans="1:27" s="1" customFormat="1" ht="11.1" customHeight="1" outlineLevel="3" x14ac:dyDescent="0.2">
      <c r="A15329" s="17"/>
      <c r="B15329" s="17"/>
      <c r="C15329" s="17"/>
      <c r="D15329" s="18"/>
      <c r="E15329" s="18"/>
      <c r="F15329" s="18"/>
      <c r="G15329" s="18"/>
      <c r="H15329" s="18"/>
      <c r="I15329" s="18"/>
      <c r="J15329" s="18"/>
      <c r="K15329" s="18"/>
      <c r="L15329" s="18"/>
      <c r="M15329" s="18"/>
      <c r="N15329" s="18"/>
      <c r="O15329" s="18"/>
      <c r="P15329" s="19"/>
      <c r="Q15329" s="19"/>
      <c r="R15329" s="19"/>
      <c r="S15329" s="19"/>
      <c r="T15329" s="19"/>
      <c r="U15329" s="19"/>
      <c r="V15329" s="19"/>
      <c r="W15329" s="19"/>
      <c r="X15329" s="19"/>
      <c r="Y15329" s="19"/>
      <c r="Z15329" s="19"/>
      <c r="AA15329" s="19"/>
    </row>
    <row r="15330" spans="1:27" s="1" customFormat="1" ht="11.1" customHeight="1" outlineLevel="3" x14ac:dyDescent="0.2">
      <c r="A15330" s="17">
        <v>15591</v>
      </c>
      <c r="B15330" s="17"/>
      <c r="C15330" s="17"/>
      <c r="D15330" s="18" t="s">
        <v>7598</v>
      </c>
      <c r="E15330" s="18"/>
      <c r="F15330" s="18"/>
      <c r="G15330" s="18"/>
      <c r="H15330" s="18"/>
      <c r="I15330" s="18"/>
      <c r="J15330" s="18"/>
      <c r="K15330" s="18"/>
      <c r="L15330" s="18"/>
      <c r="M15330" s="18"/>
      <c r="N15330" s="18"/>
      <c r="O15330" s="18"/>
      <c r="P15330" s="19">
        <v>610</v>
      </c>
      <c r="Q15330" s="19"/>
      <c r="R15330" s="19"/>
      <c r="S15330" s="19"/>
      <c r="T15330" s="19">
        <v>460</v>
      </c>
      <c r="U15330" s="19"/>
      <c r="V15330" s="19"/>
      <c r="W15330" s="19"/>
      <c r="X15330" s="19">
        <v>4</v>
      </c>
      <c r="Y15330" s="19"/>
      <c r="Z15330" s="19"/>
      <c r="AA15330" s="19"/>
    </row>
    <row r="15331" spans="1:27" s="1" customFormat="1" ht="11.1" customHeight="1" outlineLevel="3" x14ac:dyDescent="0.2">
      <c r="A15331" s="17"/>
      <c r="B15331" s="17"/>
      <c r="C15331" s="17"/>
      <c r="D15331" s="18"/>
      <c r="E15331" s="18"/>
      <c r="F15331" s="18"/>
      <c r="G15331" s="18"/>
      <c r="H15331" s="18"/>
      <c r="I15331" s="18"/>
      <c r="J15331" s="18"/>
      <c r="K15331" s="18"/>
      <c r="L15331" s="18"/>
      <c r="M15331" s="18"/>
      <c r="N15331" s="18"/>
      <c r="O15331" s="18"/>
      <c r="P15331" s="19"/>
      <c r="Q15331" s="19"/>
      <c r="R15331" s="19"/>
      <c r="S15331" s="19"/>
      <c r="T15331" s="19"/>
      <c r="U15331" s="19"/>
      <c r="V15331" s="19"/>
      <c r="W15331" s="19"/>
      <c r="X15331" s="19"/>
      <c r="Y15331" s="19"/>
      <c r="Z15331" s="19"/>
      <c r="AA15331" s="19"/>
    </row>
    <row r="15332" spans="1:27" s="1" customFormat="1" ht="11.1" customHeight="1" outlineLevel="3" x14ac:dyDescent="0.2">
      <c r="A15332" s="17">
        <v>15590</v>
      </c>
      <c r="B15332" s="17"/>
      <c r="C15332" s="17"/>
      <c r="D15332" s="18" t="s">
        <v>7599</v>
      </c>
      <c r="E15332" s="18"/>
      <c r="F15332" s="18"/>
      <c r="G15332" s="18"/>
      <c r="H15332" s="18"/>
      <c r="I15332" s="18"/>
      <c r="J15332" s="18"/>
      <c r="K15332" s="18"/>
      <c r="L15332" s="18"/>
      <c r="M15332" s="18"/>
      <c r="N15332" s="18"/>
      <c r="O15332" s="18"/>
      <c r="P15332" s="19">
        <v>700</v>
      </c>
      <c r="Q15332" s="19"/>
      <c r="R15332" s="19"/>
      <c r="S15332" s="19"/>
      <c r="T15332" s="19">
        <v>550</v>
      </c>
      <c r="U15332" s="19"/>
      <c r="V15332" s="19"/>
      <c r="W15332" s="19"/>
      <c r="X15332" s="19">
        <v>2</v>
      </c>
      <c r="Y15332" s="19"/>
      <c r="Z15332" s="19"/>
      <c r="AA15332" s="19"/>
    </row>
    <row r="15333" spans="1:27" s="1" customFormat="1" ht="11.1" customHeight="1" outlineLevel="3" x14ac:dyDescent="0.2">
      <c r="A15333" s="17"/>
      <c r="B15333" s="17"/>
      <c r="C15333" s="17"/>
      <c r="D15333" s="18"/>
      <c r="E15333" s="18"/>
      <c r="F15333" s="18"/>
      <c r="G15333" s="18"/>
      <c r="H15333" s="18"/>
      <c r="I15333" s="18"/>
      <c r="J15333" s="18"/>
      <c r="K15333" s="18"/>
      <c r="L15333" s="18"/>
      <c r="M15333" s="18"/>
      <c r="N15333" s="18"/>
      <c r="O15333" s="18"/>
      <c r="P15333" s="19"/>
      <c r="Q15333" s="19"/>
      <c r="R15333" s="19"/>
      <c r="S15333" s="19"/>
      <c r="T15333" s="19"/>
      <c r="U15333" s="19"/>
      <c r="V15333" s="19"/>
      <c r="W15333" s="19"/>
      <c r="X15333" s="19"/>
      <c r="Y15333" s="19"/>
      <c r="Z15333" s="19"/>
      <c r="AA15333" s="19"/>
    </row>
    <row r="15334" spans="1:27" s="1" customFormat="1" ht="11.1" customHeight="1" outlineLevel="3" x14ac:dyDescent="0.2">
      <c r="A15334" s="17">
        <v>7554</v>
      </c>
      <c r="B15334" s="17"/>
      <c r="C15334" s="17"/>
      <c r="D15334" s="18" t="s">
        <v>7600</v>
      </c>
      <c r="E15334" s="18"/>
      <c r="F15334" s="18"/>
      <c r="G15334" s="18"/>
      <c r="H15334" s="18"/>
      <c r="I15334" s="18"/>
      <c r="J15334" s="18"/>
      <c r="K15334" s="18"/>
      <c r="L15334" s="18"/>
      <c r="M15334" s="18"/>
      <c r="N15334" s="18"/>
      <c r="O15334" s="18"/>
      <c r="P15334" s="19">
        <v>270</v>
      </c>
      <c r="Q15334" s="19"/>
      <c r="R15334" s="19"/>
      <c r="S15334" s="19"/>
      <c r="T15334" s="19">
        <v>190</v>
      </c>
      <c r="U15334" s="19"/>
      <c r="V15334" s="19"/>
      <c r="W15334" s="19"/>
      <c r="X15334" s="19">
        <v>1</v>
      </c>
      <c r="Y15334" s="19"/>
      <c r="Z15334" s="19"/>
      <c r="AA15334" s="19"/>
    </row>
    <row r="15335" spans="1:27" s="1" customFormat="1" ht="11.1" customHeight="1" outlineLevel="3" x14ac:dyDescent="0.2">
      <c r="A15335" s="17"/>
      <c r="B15335" s="17"/>
      <c r="C15335" s="17"/>
      <c r="D15335" s="18"/>
      <c r="E15335" s="18"/>
      <c r="F15335" s="18"/>
      <c r="G15335" s="18"/>
      <c r="H15335" s="18"/>
      <c r="I15335" s="18"/>
      <c r="J15335" s="18"/>
      <c r="K15335" s="18"/>
      <c r="L15335" s="18"/>
      <c r="M15335" s="18"/>
      <c r="N15335" s="18"/>
      <c r="O15335" s="18"/>
      <c r="P15335" s="19"/>
      <c r="Q15335" s="19"/>
      <c r="R15335" s="19"/>
      <c r="S15335" s="19"/>
      <c r="T15335" s="19"/>
      <c r="U15335" s="19"/>
      <c r="V15335" s="19"/>
      <c r="W15335" s="19"/>
      <c r="X15335" s="19"/>
      <c r="Y15335" s="19"/>
      <c r="Z15335" s="19"/>
      <c r="AA15335" s="19"/>
    </row>
    <row r="15336" spans="1:27" s="1" customFormat="1" ht="11.1" customHeight="1" outlineLevel="3" x14ac:dyDescent="0.2">
      <c r="A15336" s="17">
        <v>7551</v>
      </c>
      <c r="B15336" s="17"/>
      <c r="C15336" s="17"/>
      <c r="D15336" s="18" t="s">
        <v>7601</v>
      </c>
      <c r="E15336" s="18"/>
      <c r="F15336" s="18"/>
      <c r="G15336" s="18"/>
      <c r="H15336" s="18"/>
      <c r="I15336" s="18"/>
      <c r="J15336" s="18"/>
      <c r="K15336" s="18"/>
      <c r="L15336" s="18"/>
      <c r="M15336" s="18"/>
      <c r="N15336" s="18"/>
      <c r="O15336" s="18"/>
      <c r="P15336" s="19">
        <v>310</v>
      </c>
      <c r="Q15336" s="19"/>
      <c r="R15336" s="19"/>
      <c r="S15336" s="19"/>
      <c r="T15336" s="19">
        <v>230</v>
      </c>
      <c r="U15336" s="19"/>
      <c r="V15336" s="19"/>
      <c r="W15336" s="19"/>
      <c r="X15336" s="19">
        <v>1</v>
      </c>
      <c r="Y15336" s="19"/>
      <c r="Z15336" s="19"/>
      <c r="AA15336" s="19"/>
    </row>
    <row r="15337" spans="1:27" s="1" customFormat="1" ht="11.1" customHeight="1" outlineLevel="3" x14ac:dyDescent="0.2">
      <c r="A15337" s="17"/>
      <c r="B15337" s="17"/>
      <c r="C15337" s="17"/>
      <c r="D15337" s="18"/>
      <c r="E15337" s="18"/>
      <c r="F15337" s="18"/>
      <c r="G15337" s="18"/>
      <c r="H15337" s="18"/>
      <c r="I15337" s="18"/>
      <c r="J15337" s="18"/>
      <c r="K15337" s="18"/>
      <c r="L15337" s="18"/>
      <c r="M15337" s="18"/>
      <c r="N15337" s="18"/>
      <c r="O15337" s="18"/>
      <c r="P15337" s="19"/>
      <c r="Q15337" s="19"/>
      <c r="R15337" s="19"/>
      <c r="S15337" s="19"/>
      <c r="T15337" s="19"/>
      <c r="U15337" s="19"/>
      <c r="V15337" s="19"/>
      <c r="W15337" s="19"/>
      <c r="X15337" s="19"/>
      <c r="Y15337" s="19"/>
      <c r="Z15337" s="19"/>
      <c r="AA15337" s="19"/>
    </row>
    <row r="15338" spans="1:27" s="1" customFormat="1" ht="14.1" customHeight="1" outlineLevel="3" x14ac:dyDescent="0.2">
      <c r="A15338" s="17">
        <v>7766</v>
      </c>
      <c r="B15338" s="17"/>
      <c r="C15338" s="17"/>
      <c r="D15338" s="18" t="s">
        <v>7602</v>
      </c>
      <c r="E15338" s="18"/>
      <c r="F15338" s="18"/>
      <c r="G15338" s="18"/>
      <c r="H15338" s="18"/>
      <c r="I15338" s="18"/>
      <c r="J15338" s="18"/>
      <c r="K15338" s="18"/>
      <c r="L15338" s="18"/>
      <c r="M15338" s="18"/>
      <c r="N15338" s="18"/>
      <c r="O15338" s="18"/>
      <c r="P15338" s="19">
        <v>550</v>
      </c>
      <c r="Q15338" s="19"/>
      <c r="R15338" s="19"/>
      <c r="S15338" s="19"/>
      <c r="T15338" s="19">
        <v>390</v>
      </c>
      <c r="U15338" s="19"/>
      <c r="V15338" s="19"/>
      <c r="W15338" s="19"/>
      <c r="X15338" s="19">
        <v>1</v>
      </c>
      <c r="Y15338" s="19"/>
      <c r="Z15338" s="19"/>
      <c r="AA15338" s="19"/>
    </row>
    <row r="15339" spans="1:27" s="1" customFormat="1" ht="14.1" customHeight="1" outlineLevel="3" x14ac:dyDescent="0.2">
      <c r="A15339" s="17"/>
      <c r="B15339" s="17"/>
      <c r="C15339" s="17"/>
      <c r="D15339" s="18"/>
      <c r="E15339" s="18"/>
      <c r="F15339" s="18"/>
      <c r="G15339" s="18"/>
      <c r="H15339" s="18"/>
      <c r="I15339" s="18"/>
      <c r="J15339" s="18"/>
      <c r="K15339" s="18"/>
      <c r="L15339" s="18"/>
      <c r="M15339" s="18"/>
      <c r="N15339" s="18"/>
      <c r="O15339" s="18"/>
      <c r="P15339" s="19"/>
      <c r="Q15339" s="19"/>
      <c r="R15339" s="19"/>
      <c r="S15339" s="19"/>
      <c r="T15339" s="19"/>
      <c r="U15339" s="19"/>
      <c r="V15339" s="19"/>
      <c r="W15339" s="19"/>
      <c r="X15339" s="19"/>
      <c r="Y15339" s="19"/>
      <c r="Z15339" s="19"/>
      <c r="AA15339" s="19"/>
    </row>
    <row r="15340" spans="1:27" s="1" customFormat="1" ht="11.1" customHeight="1" outlineLevel="1" x14ac:dyDescent="0.2">
      <c r="A15340" s="16" t="s">
        <v>7603</v>
      </c>
      <c r="B15340" s="16"/>
      <c r="C15340" s="16"/>
      <c r="D15340" s="16"/>
      <c r="E15340" s="16"/>
      <c r="F15340" s="16"/>
      <c r="G15340" s="16"/>
      <c r="H15340" s="16"/>
      <c r="I15340" s="16"/>
      <c r="J15340" s="16"/>
      <c r="K15340" s="16"/>
      <c r="L15340" s="16"/>
      <c r="M15340" s="16"/>
      <c r="N15340" s="16"/>
      <c r="O15340" s="16"/>
      <c r="P15340" s="16"/>
      <c r="Q15340" s="16"/>
      <c r="R15340" s="16"/>
      <c r="S15340" s="16"/>
      <c r="T15340" s="16"/>
      <c r="U15340" s="16"/>
      <c r="V15340" s="16"/>
      <c r="W15340" s="16"/>
      <c r="X15340" s="16"/>
      <c r="Y15340" s="16"/>
      <c r="Z15340" s="16"/>
      <c r="AA15340" s="16"/>
    </row>
    <row r="15341" spans="1:27" s="1" customFormat="1" ht="11.1" customHeight="1" outlineLevel="1" x14ac:dyDescent="0.2">
      <c r="A15341" s="16"/>
      <c r="B15341" s="16"/>
      <c r="C15341" s="16"/>
      <c r="D15341" s="16"/>
      <c r="E15341" s="16"/>
      <c r="F15341" s="16"/>
      <c r="G15341" s="16"/>
      <c r="H15341" s="16"/>
      <c r="I15341" s="16"/>
      <c r="J15341" s="16"/>
      <c r="K15341" s="16"/>
      <c r="L15341" s="16"/>
      <c r="M15341" s="16"/>
      <c r="N15341" s="16"/>
      <c r="O15341" s="16"/>
      <c r="P15341" s="16"/>
      <c r="Q15341" s="16"/>
      <c r="R15341" s="16"/>
      <c r="S15341" s="16"/>
      <c r="T15341" s="16"/>
      <c r="U15341" s="16"/>
      <c r="V15341" s="16"/>
      <c r="W15341" s="16"/>
      <c r="X15341" s="16"/>
      <c r="Y15341" s="16"/>
      <c r="Z15341" s="16"/>
      <c r="AA15341" s="16"/>
    </row>
    <row r="15342" spans="1:27" s="1" customFormat="1" ht="11.1" customHeight="1" outlineLevel="2" x14ac:dyDescent="0.2">
      <c r="A15342" s="16" t="s">
        <v>7604</v>
      </c>
      <c r="B15342" s="16"/>
      <c r="C15342" s="16"/>
      <c r="D15342" s="16"/>
      <c r="E15342" s="16"/>
      <c r="F15342" s="16"/>
      <c r="G15342" s="16"/>
      <c r="H15342" s="16"/>
      <c r="I15342" s="16"/>
      <c r="J15342" s="16"/>
      <c r="K15342" s="16"/>
      <c r="L15342" s="16"/>
      <c r="M15342" s="16"/>
      <c r="N15342" s="16"/>
      <c r="O15342" s="16"/>
      <c r="P15342" s="16"/>
      <c r="Q15342" s="16"/>
      <c r="R15342" s="16"/>
      <c r="S15342" s="16"/>
      <c r="T15342" s="16"/>
      <c r="U15342" s="16"/>
      <c r="V15342" s="16"/>
      <c r="W15342" s="16"/>
      <c r="X15342" s="16"/>
      <c r="Y15342" s="16"/>
      <c r="Z15342" s="16"/>
      <c r="AA15342" s="16"/>
    </row>
    <row r="15343" spans="1:27" s="1" customFormat="1" ht="11.1" customHeight="1" outlineLevel="2" x14ac:dyDescent="0.2">
      <c r="A15343" s="16"/>
      <c r="B15343" s="16"/>
      <c r="C15343" s="16"/>
      <c r="D15343" s="16"/>
      <c r="E15343" s="16"/>
      <c r="F15343" s="16"/>
      <c r="G15343" s="16"/>
      <c r="H15343" s="16"/>
      <c r="I15343" s="16"/>
      <c r="J15343" s="16"/>
      <c r="K15343" s="16"/>
      <c r="L15343" s="16"/>
      <c r="M15343" s="16"/>
      <c r="N15343" s="16"/>
      <c r="O15343" s="16"/>
      <c r="P15343" s="16"/>
      <c r="Q15343" s="16"/>
      <c r="R15343" s="16"/>
      <c r="S15343" s="16"/>
      <c r="T15343" s="16"/>
      <c r="U15343" s="16"/>
      <c r="V15343" s="16"/>
      <c r="W15343" s="16"/>
      <c r="X15343" s="16"/>
      <c r="Y15343" s="16"/>
      <c r="Z15343" s="16"/>
      <c r="AA15343" s="16"/>
    </row>
    <row r="15344" spans="1:27" s="1" customFormat="1" ht="11.1" customHeight="1" outlineLevel="3" x14ac:dyDescent="0.2">
      <c r="A15344" s="16" t="s">
        <v>1448</v>
      </c>
      <c r="B15344" s="16"/>
      <c r="C15344" s="16"/>
      <c r="D15344" s="16"/>
      <c r="E15344" s="16"/>
      <c r="F15344" s="16"/>
      <c r="G15344" s="16"/>
      <c r="H15344" s="16"/>
      <c r="I15344" s="16"/>
      <c r="J15344" s="16"/>
      <c r="K15344" s="16"/>
      <c r="L15344" s="16"/>
      <c r="M15344" s="16"/>
      <c r="N15344" s="16"/>
      <c r="O15344" s="16"/>
      <c r="P15344" s="16"/>
      <c r="Q15344" s="16"/>
      <c r="R15344" s="16"/>
      <c r="S15344" s="16"/>
      <c r="T15344" s="16"/>
      <c r="U15344" s="16"/>
      <c r="V15344" s="16"/>
      <c r="W15344" s="16"/>
      <c r="X15344" s="16"/>
      <c r="Y15344" s="16"/>
      <c r="Z15344" s="16"/>
      <c r="AA15344" s="16"/>
    </row>
    <row r="15345" spans="1:27" s="1" customFormat="1" ht="11.1" customHeight="1" outlineLevel="3" x14ac:dyDescent="0.2">
      <c r="A15345" s="16"/>
      <c r="B15345" s="16"/>
      <c r="C15345" s="16"/>
      <c r="D15345" s="16"/>
      <c r="E15345" s="16"/>
      <c r="F15345" s="16"/>
      <c r="G15345" s="16"/>
      <c r="H15345" s="16"/>
      <c r="I15345" s="16"/>
      <c r="J15345" s="16"/>
      <c r="K15345" s="16"/>
      <c r="L15345" s="16"/>
      <c r="M15345" s="16"/>
      <c r="N15345" s="16"/>
      <c r="O15345" s="16"/>
      <c r="P15345" s="16"/>
      <c r="Q15345" s="16"/>
      <c r="R15345" s="16"/>
      <c r="S15345" s="16"/>
      <c r="T15345" s="16"/>
      <c r="U15345" s="16"/>
      <c r="V15345" s="16"/>
      <c r="W15345" s="16"/>
      <c r="X15345" s="16"/>
      <c r="Y15345" s="16"/>
      <c r="Z15345" s="16"/>
      <c r="AA15345" s="16"/>
    </row>
    <row r="15346" spans="1:27" s="1" customFormat="1" ht="11.1" customHeight="1" outlineLevel="4" x14ac:dyDescent="0.2">
      <c r="A15346" s="17">
        <v>6742</v>
      </c>
      <c r="B15346" s="17"/>
      <c r="C15346" s="17"/>
      <c r="D15346" s="18" t="s">
        <v>7605</v>
      </c>
      <c r="E15346" s="18"/>
      <c r="F15346" s="18"/>
      <c r="G15346" s="18"/>
      <c r="H15346" s="18"/>
      <c r="I15346" s="18"/>
      <c r="J15346" s="18"/>
      <c r="K15346" s="18"/>
      <c r="L15346" s="18"/>
      <c r="M15346" s="18"/>
      <c r="N15346" s="18"/>
      <c r="O15346" s="18"/>
      <c r="P15346" s="19">
        <v>450</v>
      </c>
      <c r="Q15346" s="19"/>
      <c r="R15346" s="19"/>
      <c r="S15346" s="19"/>
      <c r="T15346" s="19">
        <v>370</v>
      </c>
      <c r="U15346" s="19"/>
      <c r="V15346" s="19"/>
      <c r="W15346" s="19"/>
      <c r="X15346" s="19">
        <v>1</v>
      </c>
      <c r="Y15346" s="19"/>
      <c r="Z15346" s="19"/>
      <c r="AA15346" s="19"/>
    </row>
    <row r="15347" spans="1:27" s="1" customFormat="1" ht="11.1" customHeight="1" outlineLevel="4" x14ac:dyDescent="0.2">
      <c r="A15347" s="17"/>
      <c r="B15347" s="17"/>
      <c r="C15347" s="17"/>
      <c r="D15347" s="18"/>
      <c r="E15347" s="18"/>
      <c r="F15347" s="18"/>
      <c r="G15347" s="18"/>
      <c r="H15347" s="18"/>
      <c r="I15347" s="18"/>
      <c r="J15347" s="18"/>
      <c r="K15347" s="18"/>
      <c r="L15347" s="18"/>
      <c r="M15347" s="18"/>
      <c r="N15347" s="18"/>
      <c r="O15347" s="18"/>
      <c r="P15347" s="19"/>
      <c r="Q15347" s="19"/>
      <c r="R15347" s="19"/>
      <c r="S15347" s="19"/>
      <c r="T15347" s="19"/>
      <c r="U15347" s="19"/>
      <c r="V15347" s="19"/>
      <c r="W15347" s="19"/>
      <c r="X15347" s="19"/>
      <c r="Y15347" s="19"/>
      <c r="Z15347" s="19"/>
      <c r="AA15347" s="19"/>
    </row>
    <row r="15348" spans="1:27" s="1" customFormat="1" ht="11.1" customHeight="1" outlineLevel="4" x14ac:dyDescent="0.2">
      <c r="A15348" s="17">
        <v>6757</v>
      </c>
      <c r="B15348" s="17"/>
      <c r="C15348" s="17"/>
      <c r="D15348" s="18" t="s">
        <v>7606</v>
      </c>
      <c r="E15348" s="18"/>
      <c r="F15348" s="18"/>
      <c r="G15348" s="18"/>
      <c r="H15348" s="18"/>
      <c r="I15348" s="18"/>
      <c r="J15348" s="18"/>
      <c r="K15348" s="18"/>
      <c r="L15348" s="18"/>
      <c r="M15348" s="18"/>
      <c r="N15348" s="18"/>
      <c r="O15348" s="18"/>
      <c r="P15348" s="19">
        <v>500</v>
      </c>
      <c r="Q15348" s="19"/>
      <c r="R15348" s="19"/>
      <c r="S15348" s="19"/>
      <c r="T15348" s="19">
        <v>420</v>
      </c>
      <c r="U15348" s="19"/>
      <c r="V15348" s="19"/>
      <c r="W15348" s="19"/>
      <c r="X15348" s="19">
        <v>1</v>
      </c>
      <c r="Y15348" s="19"/>
      <c r="Z15348" s="19"/>
      <c r="AA15348" s="19"/>
    </row>
    <row r="15349" spans="1:27" s="1" customFormat="1" ht="11.1" customHeight="1" outlineLevel="4" x14ac:dyDescent="0.2">
      <c r="A15349" s="17"/>
      <c r="B15349" s="17"/>
      <c r="C15349" s="17"/>
      <c r="D15349" s="18"/>
      <c r="E15349" s="18"/>
      <c r="F15349" s="18"/>
      <c r="G15349" s="18"/>
      <c r="H15349" s="18"/>
      <c r="I15349" s="18"/>
      <c r="J15349" s="18"/>
      <c r="K15349" s="18"/>
      <c r="L15349" s="18"/>
      <c r="M15349" s="18"/>
      <c r="N15349" s="18"/>
      <c r="O15349" s="18"/>
      <c r="P15349" s="19"/>
      <c r="Q15349" s="19"/>
      <c r="R15349" s="19"/>
      <c r="S15349" s="19"/>
      <c r="T15349" s="19"/>
      <c r="U15349" s="19"/>
      <c r="V15349" s="19"/>
      <c r="W15349" s="19"/>
      <c r="X15349" s="19"/>
      <c r="Y15349" s="19"/>
      <c r="Z15349" s="19"/>
      <c r="AA15349" s="19"/>
    </row>
    <row r="15350" spans="1:27" s="1" customFormat="1" ht="11.1" customHeight="1" outlineLevel="3" x14ac:dyDescent="0.2">
      <c r="A15350" s="16" t="s">
        <v>1164</v>
      </c>
      <c r="B15350" s="16"/>
      <c r="C15350" s="16"/>
      <c r="D15350" s="16"/>
      <c r="E15350" s="16"/>
      <c r="F15350" s="16"/>
      <c r="G15350" s="16"/>
      <c r="H15350" s="16"/>
      <c r="I15350" s="16"/>
      <c r="J15350" s="16"/>
      <c r="K15350" s="16"/>
      <c r="L15350" s="16"/>
      <c r="M15350" s="16"/>
      <c r="N15350" s="16"/>
      <c r="O15350" s="16"/>
      <c r="P15350" s="16"/>
      <c r="Q15350" s="16"/>
      <c r="R15350" s="16"/>
      <c r="S15350" s="16"/>
      <c r="T15350" s="16"/>
      <c r="U15350" s="16"/>
      <c r="V15350" s="16"/>
      <c r="W15350" s="16"/>
      <c r="X15350" s="16"/>
      <c r="Y15350" s="16"/>
      <c r="Z15350" s="16"/>
      <c r="AA15350" s="16"/>
    </row>
    <row r="15351" spans="1:27" s="1" customFormat="1" ht="11.1" customHeight="1" outlineLevel="3" x14ac:dyDescent="0.2">
      <c r="A15351" s="16"/>
      <c r="B15351" s="16"/>
      <c r="C15351" s="16"/>
      <c r="D15351" s="16"/>
      <c r="E15351" s="16"/>
      <c r="F15351" s="16"/>
      <c r="G15351" s="16"/>
      <c r="H15351" s="16"/>
      <c r="I15351" s="16"/>
      <c r="J15351" s="16"/>
      <c r="K15351" s="16"/>
      <c r="L15351" s="16"/>
      <c r="M15351" s="16"/>
      <c r="N15351" s="16"/>
      <c r="O15351" s="16"/>
      <c r="P15351" s="16"/>
      <c r="Q15351" s="16"/>
      <c r="R15351" s="16"/>
      <c r="S15351" s="16"/>
      <c r="T15351" s="16"/>
      <c r="U15351" s="16"/>
      <c r="V15351" s="16"/>
      <c r="W15351" s="16"/>
      <c r="X15351" s="16"/>
      <c r="Y15351" s="16"/>
      <c r="Z15351" s="16"/>
      <c r="AA15351" s="16"/>
    </row>
    <row r="15352" spans="1:27" s="1" customFormat="1" ht="11.1" customHeight="1" outlineLevel="4" x14ac:dyDescent="0.2">
      <c r="A15352" s="17">
        <v>5334</v>
      </c>
      <c r="B15352" s="17"/>
      <c r="C15352" s="17"/>
      <c r="D15352" s="18" t="s">
        <v>7607</v>
      </c>
      <c r="E15352" s="18"/>
      <c r="F15352" s="18"/>
      <c r="G15352" s="18"/>
      <c r="H15352" s="18"/>
      <c r="I15352" s="18"/>
      <c r="J15352" s="18"/>
      <c r="K15352" s="18"/>
      <c r="L15352" s="18"/>
      <c r="M15352" s="18"/>
      <c r="N15352" s="18"/>
      <c r="O15352" s="18"/>
      <c r="P15352" s="19">
        <v>470</v>
      </c>
      <c r="Q15352" s="19"/>
      <c r="R15352" s="19"/>
      <c r="S15352" s="19"/>
      <c r="T15352" s="19">
        <v>360</v>
      </c>
      <c r="U15352" s="19"/>
      <c r="V15352" s="19"/>
      <c r="W15352" s="19"/>
      <c r="X15352" s="19">
        <v>1</v>
      </c>
      <c r="Y15352" s="19"/>
      <c r="Z15352" s="19"/>
      <c r="AA15352" s="19"/>
    </row>
    <row r="15353" spans="1:27" s="1" customFormat="1" ht="11.1" customHeight="1" outlineLevel="4" x14ac:dyDescent="0.2">
      <c r="A15353" s="17"/>
      <c r="B15353" s="17"/>
      <c r="C15353" s="17"/>
      <c r="D15353" s="18"/>
      <c r="E15353" s="18"/>
      <c r="F15353" s="18"/>
      <c r="G15353" s="18"/>
      <c r="H15353" s="18"/>
      <c r="I15353" s="18"/>
      <c r="J15353" s="18"/>
      <c r="K15353" s="18"/>
      <c r="L15353" s="18"/>
      <c r="M15353" s="18"/>
      <c r="N15353" s="18"/>
      <c r="O15353" s="18"/>
      <c r="P15353" s="19"/>
      <c r="Q15353" s="19"/>
      <c r="R15353" s="19"/>
      <c r="S15353" s="19"/>
      <c r="T15353" s="19"/>
      <c r="U15353" s="19"/>
      <c r="V15353" s="19"/>
      <c r="W15353" s="19"/>
      <c r="X15353" s="19"/>
      <c r="Y15353" s="19"/>
      <c r="Z15353" s="19"/>
      <c r="AA15353" s="19"/>
    </row>
    <row r="15354" spans="1:27" s="1" customFormat="1" ht="11.1" customHeight="1" outlineLevel="4" x14ac:dyDescent="0.2">
      <c r="A15354" s="17">
        <v>7105</v>
      </c>
      <c r="B15354" s="17"/>
      <c r="C15354" s="17"/>
      <c r="D15354" s="18" t="s">
        <v>7608</v>
      </c>
      <c r="E15354" s="18"/>
      <c r="F15354" s="18"/>
      <c r="G15354" s="18"/>
      <c r="H15354" s="18"/>
      <c r="I15354" s="18"/>
      <c r="J15354" s="18"/>
      <c r="K15354" s="18"/>
      <c r="L15354" s="18"/>
      <c r="M15354" s="18"/>
      <c r="N15354" s="18"/>
      <c r="O15354" s="18"/>
      <c r="P15354" s="19">
        <v>490</v>
      </c>
      <c r="Q15354" s="19"/>
      <c r="R15354" s="19"/>
      <c r="S15354" s="19"/>
      <c r="T15354" s="19">
        <v>430</v>
      </c>
      <c r="U15354" s="19"/>
      <c r="V15354" s="19"/>
      <c r="W15354" s="19"/>
      <c r="X15354" s="19">
        <v>1</v>
      </c>
      <c r="Y15354" s="19"/>
      <c r="Z15354" s="19"/>
      <c r="AA15354" s="19"/>
    </row>
    <row r="15355" spans="1:27" s="1" customFormat="1" ht="11.1" customHeight="1" outlineLevel="4" x14ac:dyDescent="0.2">
      <c r="A15355" s="17"/>
      <c r="B15355" s="17"/>
      <c r="C15355" s="17"/>
      <c r="D15355" s="18"/>
      <c r="E15355" s="18"/>
      <c r="F15355" s="18"/>
      <c r="G15355" s="18"/>
      <c r="H15355" s="18"/>
      <c r="I15355" s="18"/>
      <c r="J15355" s="18"/>
      <c r="K15355" s="18"/>
      <c r="L15355" s="18"/>
      <c r="M15355" s="18"/>
      <c r="N15355" s="18"/>
      <c r="O15355" s="18"/>
      <c r="P15355" s="19"/>
      <c r="Q15355" s="19"/>
      <c r="R15355" s="19"/>
      <c r="S15355" s="19"/>
      <c r="T15355" s="19"/>
      <c r="U15355" s="19"/>
      <c r="V15355" s="19"/>
      <c r="W15355" s="19"/>
      <c r="X15355" s="19"/>
      <c r="Y15355" s="19"/>
      <c r="Z15355" s="19"/>
      <c r="AA15355" s="19"/>
    </row>
    <row r="15356" spans="1:27" s="1" customFormat="1" ht="11.1" customHeight="1" outlineLevel="4" x14ac:dyDescent="0.2">
      <c r="A15356" s="17">
        <v>7106</v>
      </c>
      <c r="B15356" s="17"/>
      <c r="C15356" s="17"/>
      <c r="D15356" s="18" t="s">
        <v>7609</v>
      </c>
      <c r="E15356" s="18"/>
      <c r="F15356" s="18"/>
      <c r="G15356" s="18"/>
      <c r="H15356" s="18"/>
      <c r="I15356" s="18"/>
      <c r="J15356" s="18"/>
      <c r="K15356" s="18"/>
      <c r="L15356" s="18"/>
      <c r="M15356" s="18"/>
      <c r="N15356" s="18"/>
      <c r="O15356" s="18"/>
      <c r="P15356" s="19">
        <v>650</v>
      </c>
      <c r="Q15356" s="19"/>
      <c r="R15356" s="19"/>
      <c r="S15356" s="19"/>
      <c r="T15356" s="19">
        <v>490</v>
      </c>
      <c r="U15356" s="19"/>
      <c r="V15356" s="19"/>
      <c r="W15356" s="19"/>
      <c r="X15356" s="19">
        <v>3</v>
      </c>
      <c r="Y15356" s="19"/>
      <c r="Z15356" s="19"/>
      <c r="AA15356" s="19"/>
    </row>
    <row r="15357" spans="1:27" s="1" customFormat="1" ht="11.1" customHeight="1" outlineLevel="4" x14ac:dyDescent="0.2">
      <c r="A15357" s="17"/>
      <c r="B15357" s="17"/>
      <c r="C15357" s="17"/>
      <c r="D15357" s="18"/>
      <c r="E15357" s="18"/>
      <c r="F15357" s="18"/>
      <c r="G15357" s="18"/>
      <c r="H15357" s="18"/>
      <c r="I15357" s="18"/>
      <c r="J15357" s="18"/>
      <c r="K15357" s="18"/>
      <c r="L15357" s="18"/>
      <c r="M15357" s="18"/>
      <c r="N15357" s="18"/>
      <c r="O15357" s="18"/>
      <c r="P15357" s="19"/>
      <c r="Q15357" s="19"/>
      <c r="R15357" s="19"/>
      <c r="S15357" s="19"/>
      <c r="T15357" s="19"/>
      <c r="U15357" s="19"/>
      <c r="V15357" s="19"/>
      <c r="W15357" s="19"/>
      <c r="X15357" s="19"/>
      <c r="Y15357" s="19"/>
      <c r="Z15357" s="19"/>
      <c r="AA15357" s="19"/>
    </row>
    <row r="15358" spans="1:27" s="1" customFormat="1" ht="11.1" customHeight="1" outlineLevel="4" x14ac:dyDescent="0.2">
      <c r="A15358" s="17">
        <v>5817</v>
      </c>
      <c r="B15358" s="17"/>
      <c r="C15358" s="17"/>
      <c r="D15358" s="18" t="s">
        <v>7610</v>
      </c>
      <c r="E15358" s="18"/>
      <c r="F15358" s="18"/>
      <c r="G15358" s="18"/>
      <c r="H15358" s="18"/>
      <c r="I15358" s="18"/>
      <c r="J15358" s="18"/>
      <c r="K15358" s="18"/>
      <c r="L15358" s="18"/>
      <c r="M15358" s="18"/>
      <c r="N15358" s="18"/>
      <c r="O15358" s="18"/>
      <c r="P15358" s="19">
        <v>420</v>
      </c>
      <c r="Q15358" s="19"/>
      <c r="R15358" s="19"/>
      <c r="S15358" s="19"/>
      <c r="T15358" s="19">
        <v>320</v>
      </c>
      <c r="U15358" s="19"/>
      <c r="V15358" s="19"/>
      <c r="W15358" s="19"/>
      <c r="X15358" s="19">
        <v>1</v>
      </c>
      <c r="Y15358" s="19"/>
      <c r="Z15358" s="19"/>
      <c r="AA15358" s="19"/>
    </row>
    <row r="15359" spans="1:27" s="1" customFormat="1" ht="11.1" customHeight="1" outlineLevel="4" x14ac:dyDescent="0.2">
      <c r="A15359" s="17"/>
      <c r="B15359" s="17"/>
      <c r="C15359" s="17"/>
      <c r="D15359" s="18"/>
      <c r="E15359" s="18"/>
      <c r="F15359" s="18"/>
      <c r="G15359" s="18"/>
      <c r="H15359" s="18"/>
      <c r="I15359" s="18"/>
      <c r="J15359" s="18"/>
      <c r="K15359" s="18"/>
      <c r="L15359" s="18"/>
      <c r="M15359" s="18"/>
      <c r="N15359" s="18"/>
      <c r="O15359" s="18"/>
      <c r="P15359" s="19"/>
      <c r="Q15359" s="19"/>
      <c r="R15359" s="19"/>
      <c r="S15359" s="19"/>
      <c r="T15359" s="19"/>
      <c r="U15359" s="19"/>
      <c r="V15359" s="19"/>
      <c r="W15359" s="19"/>
      <c r="X15359" s="19"/>
      <c r="Y15359" s="19"/>
      <c r="Z15359" s="19"/>
      <c r="AA15359" s="19"/>
    </row>
    <row r="15360" spans="1:27" s="1" customFormat="1" ht="14.1" customHeight="1" outlineLevel="4" x14ac:dyDescent="0.2">
      <c r="A15360" s="17">
        <v>13705</v>
      </c>
      <c r="B15360" s="17"/>
      <c r="C15360" s="17"/>
      <c r="D15360" s="18" t="s">
        <v>7611</v>
      </c>
      <c r="E15360" s="18"/>
      <c r="F15360" s="18"/>
      <c r="G15360" s="18"/>
      <c r="H15360" s="18"/>
      <c r="I15360" s="18"/>
      <c r="J15360" s="18"/>
      <c r="K15360" s="18"/>
      <c r="L15360" s="18"/>
      <c r="M15360" s="18"/>
      <c r="N15360" s="18"/>
      <c r="O15360" s="18"/>
      <c r="P15360" s="19">
        <v>570</v>
      </c>
      <c r="Q15360" s="19"/>
      <c r="R15360" s="19"/>
      <c r="S15360" s="19"/>
      <c r="T15360" s="19">
        <v>460</v>
      </c>
      <c r="U15360" s="19"/>
      <c r="V15360" s="19"/>
      <c r="W15360" s="19"/>
      <c r="X15360" s="19">
        <v>4</v>
      </c>
      <c r="Y15360" s="19"/>
      <c r="Z15360" s="19"/>
      <c r="AA15360" s="19"/>
    </row>
    <row r="15361" spans="1:27" s="1" customFormat="1" ht="14.1" customHeight="1" outlineLevel="4" x14ac:dyDescent="0.2">
      <c r="A15361" s="17"/>
      <c r="B15361" s="17"/>
      <c r="C15361" s="17"/>
      <c r="D15361" s="18"/>
      <c r="E15361" s="18"/>
      <c r="F15361" s="18"/>
      <c r="G15361" s="18"/>
      <c r="H15361" s="18"/>
      <c r="I15361" s="18"/>
      <c r="J15361" s="18"/>
      <c r="K15361" s="18"/>
      <c r="L15361" s="18"/>
      <c r="M15361" s="18"/>
      <c r="N15361" s="18"/>
      <c r="O15361" s="18"/>
      <c r="P15361" s="19"/>
      <c r="Q15361" s="19"/>
      <c r="R15361" s="19"/>
      <c r="S15361" s="19"/>
      <c r="T15361" s="19"/>
      <c r="U15361" s="19"/>
      <c r="V15361" s="19"/>
      <c r="W15361" s="19"/>
      <c r="X15361" s="19"/>
      <c r="Y15361" s="19"/>
      <c r="Z15361" s="19"/>
      <c r="AA15361" s="19"/>
    </row>
    <row r="15362" spans="1:27" s="1" customFormat="1" ht="11.1" customHeight="1" outlineLevel="3" x14ac:dyDescent="0.2">
      <c r="A15362" s="16" t="s">
        <v>1468</v>
      </c>
      <c r="B15362" s="16"/>
      <c r="C15362" s="16"/>
      <c r="D15362" s="16"/>
      <c r="E15362" s="16"/>
      <c r="F15362" s="16"/>
      <c r="G15362" s="16"/>
      <c r="H15362" s="16"/>
      <c r="I15362" s="16"/>
      <c r="J15362" s="16"/>
      <c r="K15362" s="16"/>
      <c r="L15362" s="16"/>
      <c r="M15362" s="16"/>
      <c r="N15362" s="16"/>
      <c r="O15362" s="16"/>
      <c r="P15362" s="16"/>
      <c r="Q15362" s="16"/>
      <c r="R15362" s="16"/>
      <c r="S15362" s="16"/>
      <c r="T15362" s="16"/>
      <c r="U15362" s="16"/>
      <c r="V15362" s="16"/>
      <c r="W15362" s="16"/>
      <c r="X15362" s="16"/>
      <c r="Y15362" s="16"/>
      <c r="Z15362" s="16"/>
      <c r="AA15362" s="16"/>
    </row>
    <row r="15363" spans="1:27" s="1" customFormat="1" ht="11.1" customHeight="1" outlineLevel="3" x14ac:dyDescent="0.2">
      <c r="A15363" s="16"/>
      <c r="B15363" s="16"/>
      <c r="C15363" s="16"/>
      <c r="D15363" s="16"/>
      <c r="E15363" s="16"/>
      <c r="F15363" s="16"/>
      <c r="G15363" s="16"/>
      <c r="H15363" s="16"/>
      <c r="I15363" s="16"/>
      <c r="J15363" s="16"/>
      <c r="K15363" s="16"/>
      <c r="L15363" s="16"/>
      <c r="M15363" s="16"/>
      <c r="N15363" s="16"/>
      <c r="O15363" s="16"/>
      <c r="P15363" s="16"/>
      <c r="Q15363" s="16"/>
      <c r="R15363" s="16"/>
      <c r="S15363" s="16"/>
      <c r="T15363" s="16"/>
      <c r="U15363" s="16"/>
      <c r="V15363" s="16"/>
      <c r="W15363" s="16"/>
      <c r="X15363" s="16"/>
      <c r="Y15363" s="16"/>
      <c r="Z15363" s="16"/>
      <c r="AA15363" s="16"/>
    </row>
    <row r="15364" spans="1:27" s="1" customFormat="1" ht="11.1" customHeight="1" outlineLevel="4" x14ac:dyDescent="0.2">
      <c r="A15364" s="17">
        <v>6717</v>
      </c>
      <c r="B15364" s="17"/>
      <c r="C15364" s="17"/>
      <c r="D15364" s="18" t="s">
        <v>7612</v>
      </c>
      <c r="E15364" s="18"/>
      <c r="F15364" s="18"/>
      <c r="G15364" s="18"/>
      <c r="H15364" s="18"/>
      <c r="I15364" s="18"/>
      <c r="J15364" s="18"/>
      <c r="K15364" s="18"/>
      <c r="L15364" s="18"/>
      <c r="M15364" s="18"/>
      <c r="N15364" s="18"/>
      <c r="O15364" s="18"/>
      <c r="P15364" s="19">
        <v>490</v>
      </c>
      <c r="Q15364" s="19"/>
      <c r="R15364" s="19"/>
      <c r="S15364" s="19"/>
      <c r="T15364" s="19">
        <v>420</v>
      </c>
      <c r="U15364" s="19"/>
      <c r="V15364" s="19"/>
      <c r="W15364" s="19"/>
      <c r="X15364" s="19">
        <v>8</v>
      </c>
      <c r="Y15364" s="19"/>
      <c r="Z15364" s="19"/>
      <c r="AA15364" s="19"/>
    </row>
    <row r="15365" spans="1:27" s="1" customFormat="1" ht="11.1" customHeight="1" outlineLevel="4" x14ac:dyDescent="0.2">
      <c r="A15365" s="17"/>
      <c r="B15365" s="17"/>
      <c r="C15365" s="17"/>
      <c r="D15365" s="18"/>
      <c r="E15365" s="18"/>
      <c r="F15365" s="18"/>
      <c r="G15365" s="18"/>
      <c r="H15365" s="18"/>
      <c r="I15365" s="18"/>
      <c r="J15365" s="18"/>
      <c r="K15365" s="18"/>
      <c r="L15365" s="18"/>
      <c r="M15365" s="18"/>
      <c r="N15365" s="18"/>
      <c r="O15365" s="18"/>
      <c r="P15365" s="19"/>
      <c r="Q15365" s="19"/>
      <c r="R15365" s="19"/>
      <c r="S15365" s="19"/>
      <c r="T15365" s="19"/>
      <c r="U15365" s="19"/>
      <c r="V15365" s="19"/>
      <c r="W15365" s="19"/>
      <c r="X15365" s="19"/>
      <c r="Y15365" s="19"/>
      <c r="Z15365" s="19"/>
      <c r="AA15365" s="19"/>
    </row>
    <row r="15366" spans="1:27" s="1" customFormat="1" ht="11.1" customHeight="1" outlineLevel="4" x14ac:dyDescent="0.2">
      <c r="A15366" s="17">
        <v>6716</v>
      </c>
      <c r="B15366" s="17"/>
      <c r="C15366" s="17"/>
      <c r="D15366" s="18" t="s">
        <v>7613</v>
      </c>
      <c r="E15366" s="18"/>
      <c r="F15366" s="18"/>
      <c r="G15366" s="18"/>
      <c r="H15366" s="18"/>
      <c r="I15366" s="18"/>
      <c r="J15366" s="18"/>
      <c r="K15366" s="18"/>
      <c r="L15366" s="18"/>
      <c r="M15366" s="18"/>
      <c r="N15366" s="18"/>
      <c r="O15366" s="18"/>
      <c r="P15366" s="19">
        <v>420</v>
      </c>
      <c r="Q15366" s="19"/>
      <c r="R15366" s="19"/>
      <c r="S15366" s="19"/>
      <c r="T15366" s="19">
        <v>350</v>
      </c>
      <c r="U15366" s="19"/>
      <c r="V15366" s="19"/>
      <c r="W15366" s="19"/>
      <c r="X15366" s="19">
        <v>6</v>
      </c>
      <c r="Y15366" s="19"/>
      <c r="Z15366" s="19"/>
      <c r="AA15366" s="19"/>
    </row>
    <row r="15367" spans="1:27" s="1" customFormat="1" ht="11.1" customHeight="1" outlineLevel="4" x14ac:dyDescent="0.2">
      <c r="A15367" s="17"/>
      <c r="B15367" s="17"/>
      <c r="C15367" s="17"/>
      <c r="D15367" s="18"/>
      <c r="E15367" s="18"/>
      <c r="F15367" s="18"/>
      <c r="G15367" s="18"/>
      <c r="H15367" s="18"/>
      <c r="I15367" s="18"/>
      <c r="J15367" s="18"/>
      <c r="K15367" s="18"/>
      <c r="L15367" s="18"/>
      <c r="M15367" s="18"/>
      <c r="N15367" s="18"/>
      <c r="O15367" s="18"/>
      <c r="P15367" s="19"/>
      <c r="Q15367" s="19"/>
      <c r="R15367" s="19"/>
      <c r="S15367" s="19"/>
      <c r="T15367" s="19"/>
      <c r="U15367" s="19"/>
      <c r="V15367" s="19"/>
      <c r="W15367" s="19"/>
      <c r="X15367" s="19"/>
      <c r="Y15367" s="19"/>
      <c r="Z15367" s="19"/>
      <c r="AA15367" s="19"/>
    </row>
    <row r="15368" spans="1:27" s="1" customFormat="1" ht="11.1" customHeight="1" outlineLevel="4" x14ac:dyDescent="0.2">
      <c r="A15368" s="17">
        <v>6821</v>
      </c>
      <c r="B15368" s="17"/>
      <c r="C15368" s="17"/>
      <c r="D15368" s="18" t="s">
        <v>7614</v>
      </c>
      <c r="E15368" s="18"/>
      <c r="F15368" s="18"/>
      <c r="G15368" s="18"/>
      <c r="H15368" s="18"/>
      <c r="I15368" s="18"/>
      <c r="J15368" s="18"/>
      <c r="K15368" s="18"/>
      <c r="L15368" s="18"/>
      <c r="M15368" s="18"/>
      <c r="N15368" s="18"/>
      <c r="O15368" s="18"/>
      <c r="P15368" s="19">
        <v>800</v>
      </c>
      <c r="Q15368" s="19"/>
      <c r="R15368" s="19"/>
      <c r="S15368" s="19"/>
      <c r="T15368" s="19">
        <v>700</v>
      </c>
      <c r="U15368" s="19"/>
      <c r="V15368" s="19"/>
      <c r="W15368" s="19"/>
      <c r="X15368" s="19">
        <v>2</v>
      </c>
      <c r="Y15368" s="19"/>
      <c r="Z15368" s="19"/>
      <c r="AA15368" s="19"/>
    </row>
    <row r="15369" spans="1:27" s="1" customFormat="1" ht="11.1" customHeight="1" outlineLevel="4" x14ac:dyDescent="0.2">
      <c r="A15369" s="17"/>
      <c r="B15369" s="17"/>
      <c r="C15369" s="17"/>
      <c r="D15369" s="18"/>
      <c r="E15369" s="18"/>
      <c r="F15369" s="18"/>
      <c r="G15369" s="18"/>
      <c r="H15369" s="18"/>
      <c r="I15369" s="18"/>
      <c r="J15369" s="18"/>
      <c r="K15369" s="18"/>
      <c r="L15369" s="18"/>
      <c r="M15369" s="18"/>
      <c r="N15369" s="18"/>
      <c r="O15369" s="18"/>
      <c r="P15369" s="19"/>
      <c r="Q15369" s="19"/>
      <c r="R15369" s="19"/>
      <c r="S15369" s="19"/>
      <c r="T15369" s="19"/>
      <c r="U15369" s="19"/>
      <c r="V15369" s="19"/>
      <c r="W15369" s="19"/>
      <c r="X15369" s="19"/>
      <c r="Y15369" s="19"/>
      <c r="Z15369" s="19"/>
      <c r="AA15369" s="19"/>
    </row>
    <row r="15370" spans="1:27" s="1" customFormat="1" ht="11.1" customHeight="1" outlineLevel="4" x14ac:dyDescent="0.2">
      <c r="A15370" s="17">
        <v>11405</v>
      </c>
      <c r="B15370" s="17"/>
      <c r="C15370" s="17"/>
      <c r="D15370" s="18" t="s">
        <v>7615</v>
      </c>
      <c r="E15370" s="18"/>
      <c r="F15370" s="18"/>
      <c r="G15370" s="18"/>
      <c r="H15370" s="18"/>
      <c r="I15370" s="18"/>
      <c r="J15370" s="18"/>
      <c r="K15370" s="18"/>
      <c r="L15370" s="18"/>
      <c r="M15370" s="18"/>
      <c r="N15370" s="18"/>
      <c r="O15370" s="18"/>
      <c r="P15370" s="19">
        <v>540</v>
      </c>
      <c r="Q15370" s="19"/>
      <c r="R15370" s="19"/>
      <c r="S15370" s="19"/>
      <c r="T15370" s="19">
        <v>450</v>
      </c>
      <c r="U15370" s="19"/>
      <c r="V15370" s="19"/>
      <c r="W15370" s="19"/>
      <c r="X15370" s="19">
        <v>2</v>
      </c>
      <c r="Y15370" s="19"/>
      <c r="Z15370" s="19"/>
      <c r="AA15370" s="19"/>
    </row>
    <row r="15371" spans="1:27" s="1" customFormat="1" ht="11.1" customHeight="1" outlineLevel="4" x14ac:dyDescent="0.2">
      <c r="A15371" s="17"/>
      <c r="B15371" s="17"/>
      <c r="C15371" s="17"/>
      <c r="D15371" s="18"/>
      <c r="E15371" s="18"/>
      <c r="F15371" s="18"/>
      <c r="G15371" s="18"/>
      <c r="H15371" s="18"/>
      <c r="I15371" s="18"/>
      <c r="J15371" s="18"/>
      <c r="K15371" s="18"/>
      <c r="L15371" s="18"/>
      <c r="M15371" s="18"/>
      <c r="N15371" s="18"/>
      <c r="O15371" s="18"/>
      <c r="P15371" s="19"/>
      <c r="Q15371" s="19"/>
      <c r="R15371" s="19"/>
      <c r="S15371" s="19"/>
      <c r="T15371" s="19"/>
      <c r="U15371" s="19"/>
      <c r="V15371" s="19"/>
      <c r="W15371" s="19"/>
      <c r="X15371" s="19"/>
      <c r="Y15371" s="19"/>
      <c r="Z15371" s="19"/>
      <c r="AA15371" s="19"/>
    </row>
    <row r="15372" spans="1:27" s="1" customFormat="1" ht="11.1" customHeight="1" outlineLevel="4" x14ac:dyDescent="0.2">
      <c r="A15372" s="17">
        <v>11702</v>
      </c>
      <c r="B15372" s="17"/>
      <c r="C15372" s="17"/>
      <c r="D15372" s="18" t="s">
        <v>7616</v>
      </c>
      <c r="E15372" s="18"/>
      <c r="F15372" s="18"/>
      <c r="G15372" s="18"/>
      <c r="H15372" s="18"/>
      <c r="I15372" s="18"/>
      <c r="J15372" s="18"/>
      <c r="K15372" s="18"/>
      <c r="L15372" s="18"/>
      <c r="M15372" s="18"/>
      <c r="N15372" s="18"/>
      <c r="O15372" s="18"/>
      <c r="P15372" s="19">
        <v>540</v>
      </c>
      <c r="Q15372" s="19"/>
      <c r="R15372" s="19"/>
      <c r="S15372" s="19"/>
      <c r="T15372" s="19">
        <v>450</v>
      </c>
      <c r="U15372" s="19"/>
      <c r="V15372" s="19"/>
      <c r="W15372" s="19"/>
      <c r="X15372" s="19">
        <v>2</v>
      </c>
      <c r="Y15372" s="19"/>
      <c r="Z15372" s="19"/>
      <c r="AA15372" s="19"/>
    </row>
    <row r="15373" spans="1:27" s="1" customFormat="1" ht="11.1" customHeight="1" outlineLevel="4" x14ac:dyDescent="0.2">
      <c r="A15373" s="17"/>
      <c r="B15373" s="17"/>
      <c r="C15373" s="17"/>
      <c r="D15373" s="18"/>
      <c r="E15373" s="18"/>
      <c r="F15373" s="18"/>
      <c r="G15373" s="18"/>
      <c r="H15373" s="18"/>
      <c r="I15373" s="18"/>
      <c r="J15373" s="18"/>
      <c r="K15373" s="18"/>
      <c r="L15373" s="18"/>
      <c r="M15373" s="18"/>
      <c r="N15373" s="18"/>
      <c r="O15373" s="18"/>
      <c r="P15373" s="19"/>
      <c r="Q15373" s="19"/>
      <c r="R15373" s="19"/>
      <c r="S15373" s="19"/>
      <c r="T15373" s="19"/>
      <c r="U15373" s="19"/>
      <c r="V15373" s="19"/>
      <c r="W15373" s="19"/>
      <c r="X15373" s="19"/>
      <c r="Y15373" s="19"/>
      <c r="Z15373" s="19"/>
      <c r="AA15373" s="19"/>
    </row>
    <row r="15374" spans="1:27" s="1" customFormat="1" ht="11.1" customHeight="1" outlineLevel="4" x14ac:dyDescent="0.2">
      <c r="A15374" s="17">
        <v>11404</v>
      </c>
      <c r="B15374" s="17"/>
      <c r="C15374" s="17"/>
      <c r="D15374" s="18" t="s">
        <v>7617</v>
      </c>
      <c r="E15374" s="18"/>
      <c r="F15374" s="18"/>
      <c r="G15374" s="18"/>
      <c r="H15374" s="18"/>
      <c r="I15374" s="18"/>
      <c r="J15374" s="18"/>
      <c r="K15374" s="18"/>
      <c r="L15374" s="18"/>
      <c r="M15374" s="18"/>
      <c r="N15374" s="18"/>
      <c r="O15374" s="18"/>
      <c r="P15374" s="19">
        <v>490</v>
      </c>
      <c r="Q15374" s="19"/>
      <c r="R15374" s="19"/>
      <c r="S15374" s="19"/>
      <c r="T15374" s="19">
        <v>420</v>
      </c>
      <c r="U15374" s="19"/>
      <c r="V15374" s="19"/>
      <c r="W15374" s="19"/>
      <c r="X15374" s="19">
        <v>2</v>
      </c>
      <c r="Y15374" s="19"/>
      <c r="Z15374" s="19"/>
      <c r="AA15374" s="19"/>
    </row>
    <row r="15375" spans="1:27" s="1" customFormat="1" ht="11.1" customHeight="1" outlineLevel="4" x14ac:dyDescent="0.2">
      <c r="A15375" s="17"/>
      <c r="B15375" s="17"/>
      <c r="C15375" s="17"/>
      <c r="D15375" s="18"/>
      <c r="E15375" s="18"/>
      <c r="F15375" s="18"/>
      <c r="G15375" s="18"/>
      <c r="H15375" s="18"/>
      <c r="I15375" s="18"/>
      <c r="J15375" s="18"/>
      <c r="K15375" s="18"/>
      <c r="L15375" s="18"/>
      <c r="M15375" s="18"/>
      <c r="N15375" s="18"/>
      <c r="O15375" s="18"/>
      <c r="P15375" s="19"/>
      <c r="Q15375" s="19"/>
      <c r="R15375" s="19"/>
      <c r="S15375" s="19"/>
      <c r="T15375" s="19"/>
      <c r="U15375" s="19"/>
      <c r="V15375" s="19"/>
      <c r="W15375" s="19"/>
      <c r="X15375" s="19"/>
      <c r="Y15375" s="19"/>
      <c r="Z15375" s="19"/>
      <c r="AA15375" s="19"/>
    </row>
    <row r="15376" spans="1:27" s="1" customFormat="1" ht="11.1" customHeight="1" outlineLevel="4" x14ac:dyDescent="0.2">
      <c r="A15376" s="17">
        <v>7907</v>
      </c>
      <c r="B15376" s="17"/>
      <c r="C15376" s="17"/>
      <c r="D15376" s="18" t="s">
        <v>7618</v>
      </c>
      <c r="E15376" s="18"/>
      <c r="F15376" s="18"/>
      <c r="G15376" s="18"/>
      <c r="H15376" s="18"/>
      <c r="I15376" s="18"/>
      <c r="J15376" s="18"/>
      <c r="K15376" s="18"/>
      <c r="L15376" s="18"/>
      <c r="M15376" s="18"/>
      <c r="N15376" s="18"/>
      <c r="O15376" s="18"/>
      <c r="P15376" s="19">
        <v>490</v>
      </c>
      <c r="Q15376" s="19"/>
      <c r="R15376" s="19"/>
      <c r="S15376" s="19"/>
      <c r="T15376" s="19">
        <v>390</v>
      </c>
      <c r="U15376" s="19"/>
      <c r="V15376" s="19"/>
      <c r="W15376" s="19"/>
      <c r="X15376" s="19">
        <v>1</v>
      </c>
      <c r="Y15376" s="19"/>
      <c r="Z15376" s="19"/>
      <c r="AA15376" s="19"/>
    </row>
    <row r="15377" spans="1:27" s="1" customFormat="1" ht="11.1" customHeight="1" outlineLevel="4" x14ac:dyDescent="0.2">
      <c r="A15377" s="17"/>
      <c r="B15377" s="17"/>
      <c r="C15377" s="17"/>
      <c r="D15377" s="18"/>
      <c r="E15377" s="18"/>
      <c r="F15377" s="18"/>
      <c r="G15377" s="18"/>
      <c r="H15377" s="18"/>
      <c r="I15377" s="18"/>
      <c r="J15377" s="18"/>
      <c r="K15377" s="18"/>
      <c r="L15377" s="18"/>
      <c r="M15377" s="18"/>
      <c r="N15377" s="18"/>
      <c r="O15377" s="18"/>
      <c r="P15377" s="19"/>
      <c r="Q15377" s="19"/>
      <c r="R15377" s="19"/>
      <c r="S15377" s="19"/>
      <c r="T15377" s="19"/>
      <c r="U15377" s="19"/>
      <c r="V15377" s="19"/>
      <c r="W15377" s="19"/>
      <c r="X15377" s="19"/>
      <c r="Y15377" s="19"/>
      <c r="Z15377" s="19"/>
      <c r="AA15377" s="19"/>
    </row>
    <row r="15378" spans="1:27" s="1" customFormat="1" ht="11.1" customHeight="1" outlineLevel="4" x14ac:dyDescent="0.2">
      <c r="A15378" s="17">
        <v>15061</v>
      </c>
      <c r="B15378" s="17"/>
      <c r="C15378" s="17"/>
      <c r="D15378" s="18" t="s">
        <v>7619</v>
      </c>
      <c r="E15378" s="18"/>
      <c r="F15378" s="18"/>
      <c r="G15378" s="18"/>
      <c r="H15378" s="18"/>
      <c r="I15378" s="18"/>
      <c r="J15378" s="18"/>
      <c r="K15378" s="18"/>
      <c r="L15378" s="18"/>
      <c r="M15378" s="18"/>
      <c r="N15378" s="18"/>
      <c r="O15378" s="18"/>
      <c r="P15378" s="19">
        <v>480</v>
      </c>
      <c r="Q15378" s="19"/>
      <c r="R15378" s="19"/>
      <c r="S15378" s="19"/>
      <c r="T15378" s="19">
        <v>400</v>
      </c>
      <c r="U15378" s="19"/>
      <c r="V15378" s="19"/>
      <c r="W15378" s="19"/>
      <c r="X15378" s="19">
        <v>1</v>
      </c>
      <c r="Y15378" s="19"/>
      <c r="Z15378" s="19"/>
      <c r="AA15378" s="19"/>
    </row>
    <row r="15379" spans="1:27" s="1" customFormat="1" ht="11.1" customHeight="1" outlineLevel="4" x14ac:dyDescent="0.2">
      <c r="A15379" s="17"/>
      <c r="B15379" s="17"/>
      <c r="C15379" s="17"/>
      <c r="D15379" s="18"/>
      <c r="E15379" s="18"/>
      <c r="F15379" s="18"/>
      <c r="G15379" s="18"/>
      <c r="H15379" s="18"/>
      <c r="I15379" s="18"/>
      <c r="J15379" s="18"/>
      <c r="K15379" s="18"/>
      <c r="L15379" s="18"/>
      <c r="M15379" s="18"/>
      <c r="N15379" s="18"/>
      <c r="O15379" s="18"/>
      <c r="P15379" s="19"/>
      <c r="Q15379" s="19"/>
      <c r="R15379" s="19"/>
      <c r="S15379" s="19"/>
      <c r="T15379" s="19"/>
      <c r="U15379" s="19"/>
      <c r="V15379" s="19"/>
      <c r="W15379" s="19"/>
      <c r="X15379" s="19"/>
      <c r="Y15379" s="19"/>
      <c r="Z15379" s="19"/>
      <c r="AA15379" s="19"/>
    </row>
    <row r="15380" spans="1:27" s="1" customFormat="1" ht="11.1" customHeight="1" outlineLevel="4" x14ac:dyDescent="0.2">
      <c r="A15380" s="17">
        <v>9218</v>
      </c>
      <c r="B15380" s="17"/>
      <c r="C15380" s="17"/>
      <c r="D15380" s="18" t="s">
        <v>7620</v>
      </c>
      <c r="E15380" s="18"/>
      <c r="F15380" s="18"/>
      <c r="G15380" s="18"/>
      <c r="H15380" s="18"/>
      <c r="I15380" s="18"/>
      <c r="J15380" s="18"/>
      <c r="K15380" s="18"/>
      <c r="L15380" s="18"/>
      <c r="M15380" s="18"/>
      <c r="N15380" s="18"/>
      <c r="O15380" s="18"/>
      <c r="P15380" s="19">
        <v>560</v>
      </c>
      <c r="Q15380" s="19"/>
      <c r="R15380" s="19"/>
      <c r="S15380" s="19"/>
      <c r="T15380" s="19">
        <v>460</v>
      </c>
      <c r="U15380" s="19"/>
      <c r="V15380" s="19"/>
      <c r="W15380" s="19"/>
      <c r="X15380" s="19">
        <v>5</v>
      </c>
      <c r="Y15380" s="19"/>
      <c r="Z15380" s="19"/>
      <c r="AA15380" s="19"/>
    </row>
    <row r="15381" spans="1:27" s="1" customFormat="1" ht="11.1" customHeight="1" outlineLevel="4" x14ac:dyDescent="0.2">
      <c r="A15381" s="17"/>
      <c r="B15381" s="17"/>
      <c r="C15381" s="17"/>
      <c r="D15381" s="18"/>
      <c r="E15381" s="18"/>
      <c r="F15381" s="18"/>
      <c r="G15381" s="18"/>
      <c r="H15381" s="18"/>
      <c r="I15381" s="18"/>
      <c r="J15381" s="18"/>
      <c r="K15381" s="18"/>
      <c r="L15381" s="18"/>
      <c r="M15381" s="18"/>
      <c r="N15381" s="18"/>
      <c r="O15381" s="18"/>
      <c r="P15381" s="19"/>
      <c r="Q15381" s="19"/>
      <c r="R15381" s="19"/>
      <c r="S15381" s="19"/>
      <c r="T15381" s="19"/>
      <c r="U15381" s="19"/>
      <c r="V15381" s="19"/>
      <c r="W15381" s="19"/>
      <c r="X15381" s="19"/>
      <c r="Y15381" s="19"/>
      <c r="Z15381" s="19"/>
      <c r="AA15381" s="19"/>
    </row>
    <row r="15382" spans="1:27" s="1" customFormat="1" ht="11.1" customHeight="1" outlineLevel="4" x14ac:dyDescent="0.2">
      <c r="A15382" s="17">
        <v>17441</v>
      </c>
      <c r="B15382" s="17"/>
      <c r="C15382" s="17"/>
      <c r="D15382" s="18" t="s">
        <v>7621</v>
      </c>
      <c r="E15382" s="18"/>
      <c r="F15382" s="18"/>
      <c r="G15382" s="18"/>
      <c r="H15382" s="18"/>
      <c r="I15382" s="18"/>
      <c r="J15382" s="18"/>
      <c r="K15382" s="18"/>
      <c r="L15382" s="18"/>
      <c r="M15382" s="18"/>
      <c r="N15382" s="18"/>
      <c r="O15382" s="18"/>
      <c r="P15382" s="19">
        <v>400</v>
      </c>
      <c r="Q15382" s="19"/>
      <c r="R15382" s="19"/>
      <c r="S15382" s="19"/>
      <c r="T15382" s="19">
        <v>300</v>
      </c>
      <c r="U15382" s="19"/>
      <c r="V15382" s="19"/>
      <c r="W15382" s="19"/>
      <c r="X15382" s="19">
        <v>1</v>
      </c>
      <c r="Y15382" s="19"/>
      <c r="Z15382" s="19"/>
      <c r="AA15382" s="19"/>
    </row>
    <row r="15383" spans="1:27" s="1" customFormat="1" ht="11.1" customHeight="1" outlineLevel="4" x14ac:dyDescent="0.2">
      <c r="A15383" s="17"/>
      <c r="B15383" s="17"/>
      <c r="C15383" s="17"/>
      <c r="D15383" s="18"/>
      <c r="E15383" s="18"/>
      <c r="F15383" s="18"/>
      <c r="G15383" s="18"/>
      <c r="H15383" s="18"/>
      <c r="I15383" s="18"/>
      <c r="J15383" s="18"/>
      <c r="K15383" s="18"/>
      <c r="L15383" s="18"/>
      <c r="M15383" s="18"/>
      <c r="N15383" s="18"/>
      <c r="O15383" s="18"/>
      <c r="P15383" s="19"/>
      <c r="Q15383" s="19"/>
      <c r="R15383" s="19"/>
      <c r="S15383" s="19"/>
      <c r="T15383" s="19"/>
      <c r="U15383" s="19"/>
      <c r="V15383" s="19"/>
      <c r="W15383" s="19"/>
      <c r="X15383" s="19"/>
      <c r="Y15383" s="19"/>
      <c r="Z15383" s="19"/>
      <c r="AA15383" s="19"/>
    </row>
    <row r="15384" spans="1:27" s="1" customFormat="1" ht="14.1" customHeight="1" outlineLevel="4" x14ac:dyDescent="0.2">
      <c r="A15384" s="17">
        <v>15054</v>
      </c>
      <c r="B15384" s="17"/>
      <c r="C15384" s="17"/>
      <c r="D15384" s="18" t="s">
        <v>7622</v>
      </c>
      <c r="E15384" s="18"/>
      <c r="F15384" s="18"/>
      <c r="G15384" s="18"/>
      <c r="H15384" s="18"/>
      <c r="I15384" s="18"/>
      <c r="J15384" s="18"/>
      <c r="K15384" s="18"/>
      <c r="L15384" s="18"/>
      <c r="M15384" s="18"/>
      <c r="N15384" s="18"/>
      <c r="O15384" s="18"/>
      <c r="P15384" s="19">
        <v>480</v>
      </c>
      <c r="Q15384" s="19"/>
      <c r="R15384" s="19"/>
      <c r="S15384" s="19"/>
      <c r="T15384" s="19">
        <v>400</v>
      </c>
      <c r="U15384" s="19"/>
      <c r="V15384" s="19"/>
      <c r="W15384" s="19"/>
      <c r="X15384" s="19">
        <v>1</v>
      </c>
      <c r="Y15384" s="19"/>
      <c r="Z15384" s="19"/>
      <c r="AA15384" s="19"/>
    </row>
    <row r="15385" spans="1:27" s="1" customFormat="1" ht="14.1" customHeight="1" outlineLevel="4" x14ac:dyDescent="0.2">
      <c r="A15385" s="17"/>
      <c r="B15385" s="17"/>
      <c r="C15385" s="17"/>
      <c r="D15385" s="18"/>
      <c r="E15385" s="18"/>
      <c r="F15385" s="18"/>
      <c r="G15385" s="18"/>
      <c r="H15385" s="18"/>
      <c r="I15385" s="18"/>
      <c r="J15385" s="18"/>
      <c r="K15385" s="18"/>
      <c r="L15385" s="18"/>
      <c r="M15385" s="18"/>
      <c r="N15385" s="18"/>
      <c r="O15385" s="18"/>
      <c r="P15385" s="19"/>
      <c r="Q15385" s="19"/>
      <c r="R15385" s="19"/>
      <c r="S15385" s="19"/>
      <c r="T15385" s="19"/>
      <c r="U15385" s="19"/>
      <c r="V15385" s="19"/>
      <c r="W15385" s="19"/>
      <c r="X15385" s="19"/>
      <c r="Y15385" s="19"/>
      <c r="Z15385" s="19"/>
      <c r="AA15385" s="19"/>
    </row>
    <row r="15386" spans="1:27" s="1" customFormat="1" ht="11.1" customHeight="1" outlineLevel="3" x14ac:dyDescent="0.2">
      <c r="A15386" s="16" t="s">
        <v>7623</v>
      </c>
      <c r="B15386" s="16"/>
      <c r="C15386" s="16"/>
      <c r="D15386" s="16"/>
      <c r="E15386" s="16"/>
      <c r="F15386" s="16"/>
      <c r="G15386" s="16"/>
      <c r="H15386" s="16"/>
      <c r="I15386" s="16"/>
      <c r="J15386" s="16"/>
      <c r="K15386" s="16"/>
      <c r="L15386" s="16"/>
      <c r="M15386" s="16"/>
      <c r="N15386" s="16"/>
      <c r="O15386" s="16"/>
      <c r="P15386" s="16"/>
      <c r="Q15386" s="16"/>
      <c r="R15386" s="16"/>
      <c r="S15386" s="16"/>
      <c r="T15386" s="16"/>
      <c r="U15386" s="16"/>
      <c r="V15386" s="16"/>
      <c r="W15386" s="16"/>
      <c r="X15386" s="16"/>
      <c r="Y15386" s="16"/>
      <c r="Z15386" s="16"/>
      <c r="AA15386" s="16"/>
    </row>
    <row r="15387" spans="1:27" s="1" customFormat="1" ht="11.1" customHeight="1" outlineLevel="3" x14ac:dyDescent="0.2">
      <c r="A15387" s="16"/>
      <c r="B15387" s="16"/>
      <c r="C15387" s="16"/>
      <c r="D15387" s="16"/>
      <c r="E15387" s="16"/>
      <c r="F15387" s="16"/>
      <c r="G15387" s="16"/>
      <c r="H15387" s="16"/>
      <c r="I15387" s="16"/>
      <c r="J15387" s="16"/>
      <c r="K15387" s="16"/>
      <c r="L15387" s="16"/>
      <c r="M15387" s="16"/>
      <c r="N15387" s="16"/>
      <c r="O15387" s="16"/>
      <c r="P15387" s="16"/>
      <c r="Q15387" s="16"/>
      <c r="R15387" s="16"/>
      <c r="S15387" s="16"/>
      <c r="T15387" s="16"/>
      <c r="U15387" s="16"/>
      <c r="V15387" s="16"/>
      <c r="W15387" s="16"/>
      <c r="X15387" s="16"/>
      <c r="Y15387" s="16"/>
      <c r="Z15387" s="16"/>
      <c r="AA15387" s="16"/>
    </row>
    <row r="15388" spans="1:27" s="1" customFormat="1" ht="11.1" customHeight="1" outlineLevel="4" x14ac:dyDescent="0.2">
      <c r="A15388" s="17">
        <v>9829</v>
      </c>
      <c r="B15388" s="17"/>
      <c r="C15388" s="17"/>
      <c r="D15388" s="18" t="s">
        <v>7624</v>
      </c>
      <c r="E15388" s="18"/>
      <c r="F15388" s="18"/>
      <c r="G15388" s="18"/>
      <c r="H15388" s="18"/>
      <c r="I15388" s="18"/>
      <c r="J15388" s="18"/>
      <c r="K15388" s="18"/>
      <c r="L15388" s="18"/>
      <c r="M15388" s="18"/>
      <c r="N15388" s="18"/>
      <c r="O15388" s="18"/>
      <c r="P15388" s="19">
        <v>650</v>
      </c>
      <c r="Q15388" s="19"/>
      <c r="R15388" s="19"/>
      <c r="S15388" s="19"/>
      <c r="T15388" s="19">
        <v>450</v>
      </c>
      <c r="U15388" s="19"/>
      <c r="V15388" s="19"/>
      <c r="W15388" s="19"/>
      <c r="X15388" s="19">
        <v>10</v>
      </c>
      <c r="Y15388" s="19"/>
      <c r="Z15388" s="19"/>
      <c r="AA15388" s="19"/>
    </row>
    <row r="15389" spans="1:27" s="1" customFormat="1" ht="11.1" customHeight="1" outlineLevel="4" x14ac:dyDescent="0.2">
      <c r="A15389" s="17"/>
      <c r="B15389" s="17"/>
      <c r="C15389" s="17"/>
      <c r="D15389" s="18"/>
      <c r="E15389" s="18"/>
      <c r="F15389" s="18"/>
      <c r="G15389" s="18"/>
      <c r="H15389" s="18"/>
      <c r="I15389" s="18"/>
      <c r="J15389" s="18"/>
      <c r="K15389" s="18"/>
      <c r="L15389" s="18"/>
      <c r="M15389" s="18"/>
      <c r="N15389" s="18"/>
      <c r="O15389" s="18"/>
      <c r="P15389" s="19"/>
      <c r="Q15389" s="19"/>
      <c r="R15389" s="19"/>
      <c r="S15389" s="19"/>
      <c r="T15389" s="19"/>
      <c r="U15389" s="19"/>
      <c r="V15389" s="19"/>
      <c r="W15389" s="19"/>
      <c r="X15389" s="19"/>
      <c r="Y15389" s="19"/>
      <c r="Z15389" s="19"/>
      <c r="AA15389" s="19"/>
    </row>
    <row r="15390" spans="1:27" s="1" customFormat="1" ht="11.1" customHeight="1" outlineLevel="4" x14ac:dyDescent="0.2">
      <c r="A15390" s="17">
        <v>7960</v>
      </c>
      <c r="B15390" s="17"/>
      <c r="C15390" s="17"/>
      <c r="D15390" s="18" t="s">
        <v>7625</v>
      </c>
      <c r="E15390" s="18"/>
      <c r="F15390" s="18"/>
      <c r="G15390" s="18"/>
      <c r="H15390" s="18"/>
      <c r="I15390" s="18"/>
      <c r="J15390" s="18"/>
      <c r="K15390" s="18"/>
      <c r="L15390" s="18"/>
      <c r="M15390" s="18"/>
      <c r="N15390" s="18"/>
      <c r="O15390" s="18"/>
      <c r="P15390" s="19">
        <v>450</v>
      </c>
      <c r="Q15390" s="19"/>
      <c r="R15390" s="19"/>
      <c r="S15390" s="19"/>
      <c r="T15390" s="19">
        <v>390</v>
      </c>
      <c r="U15390" s="19"/>
      <c r="V15390" s="19"/>
      <c r="W15390" s="19"/>
      <c r="X15390" s="19">
        <v>2</v>
      </c>
      <c r="Y15390" s="19"/>
      <c r="Z15390" s="19"/>
      <c r="AA15390" s="19"/>
    </row>
    <row r="15391" spans="1:27" s="1" customFormat="1" ht="11.1" customHeight="1" outlineLevel="4" x14ac:dyDescent="0.2">
      <c r="A15391" s="17"/>
      <c r="B15391" s="17"/>
      <c r="C15391" s="17"/>
      <c r="D15391" s="18"/>
      <c r="E15391" s="18"/>
      <c r="F15391" s="18"/>
      <c r="G15391" s="18"/>
      <c r="H15391" s="18"/>
      <c r="I15391" s="18"/>
      <c r="J15391" s="18"/>
      <c r="K15391" s="18"/>
      <c r="L15391" s="18"/>
      <c r="M15391" s="18"/>
      <c r="N15391" s="18"/>
      <c r="O15391" s="18"/>
      <c r="P15391" s="19"/>
      <c r="Q15391" s="19"/>
      <c r="R15391" s="19"/>
      <c r="S15391" s="19"/>
      <c r="T15391" s="19"/>
      <c r="U15391" s="19"/>
      <c r="V15391" s="19"/>
      <c r="W15391" s="19"/>
      <c r="X15391" s="19"/>
      <c r="Y15391" s="19"/>
      <c r="Z15391" s="19"/>
      <c r="AA15391" s="19"/>
    </row>
    <row r="15392" spans="1:27" s="1" customFormat="1" ht="11.1" customHeight="1" outlineLevel="4" x14ac:dyDescent="0.2">
      <c r="A15392" s="17">
        <v>6720</v>
      </c>
      <c r="B15392" s="17"/>
      <c r="C15392" s="17"/>
      <c r="D15392" s="18" t="s">
        <v>7626</v>
      </c>
      <c r="E15392" s="18"/>
      <c r="F15392" s="18"/>
      <c r="G15392" s="18"/>
      <c r="H15392" s="18"/>
      <c r="I15392" s="18"/>
      <c r="J15392" s="18"/>
      <c r="K15392" s="18"/>
      <c r="L15392" s="18"/>
      <c r="M15392" s="18"/>
      <c r="N15392" s="18"/>
      <c r="O15392" s="18"/>
      <c r="P15392" s="19">
        <v>400</v>
      </c>
      <c r="Q15392" s="19"/>
      <c r="R15392" s="19"/>
      <c r="S15392" s="19"/>
      <c r="T15392" s="19">
        <v>330</v>
      </c>
      <c r="U15392" s="19"/>
      <c r="V15392" s="19"/>
      <c r="W15392" s="19"/>
      <c r="X15392" s="19">
        <v>1</v>
      </c>
      <c r="Y15392" s="19"/>
      <c r="Z15392" s="19"/>
      <c r="AA15392" s="19"/>
    </row>
    <row r="15393" spans="1:27" s="1" customFormat="1" ht="11.1" customHeight="1" outlineLevel="4" x14ac:dyDescent="0.2">
      <c r="A15393" s="17"/>
      <c r="B15393" s="17"/>
      <c r="C15393" s="17"/>
      <c r="D15393" s="18"/>
      <c r="E15393" s="18"/>
      <c r="F15393" s="18"/>
      <c r="G15393" s="18"/>
      <c r="H15393" s="18"/>
      <c r="I15393" s="18"/>
      <c r="J15393" s="18"/>
      <c r="K15393" s="18"/>
      <c r="L15393" s="18"/>
      <c r="M15393" s="18"/>
      <c r="N15393" s="18"/>
      <c r="O15393" s="18"/>
      <c r="P15393" s="19"/>
      <c r="Q15393" s="19"/>
      <c r="R15393" s="19"/>
      <c r="S15393" s="19"/>
      <c r="T15393" s="19"/>
      <c r="U15393" s="19"/>
      <c r="V15393" s="19"/>
      <c r="W15393" s="19"/>
      <c r="X15393" s="19"/>
      <c r="Y15393" s="19"/>
      <c r="Z15393" s="19"/>
      <c r="AA15393" s="19"/>
    </row>
    <row r="15394" spans="1:27" s="1" customFormat="1" ht="11.1" customHeight="1" outlineLevel="4" x14ac:dyDescent="0.2">
      <c r="A15394" s="17">
        <v>7242</v>
      </c>
      <c r="B15394" s="17"/>
      <c r="C15394" s="17"/>
      <c r="D15394" s="18" t="s">
        <v>7627</v>
      </c>
      <c r="E15394" s="18"/>
      <c r="F15394" s="18"/>
      <c r="G15394" s="18"/>
      <c r="H15394" s="18"/>
      <c r="I15394" s="18"/>
      <c r="J15394" s="18"/>
      <c r="K15394" s="18"/>
      <c r="L15394" s="18"/>
      <c r="M15394" s="18"/>
      <c r="N15394" s="18"/>
      <c r="O15394" s="18"/>
      <c r="P15394" s="19">
        <v>550</v>
      </c>
      <c r="Q15394" s="19"/>
      <c r="R15394" s="19"/>
      <c r="S15394" s="19"/>
      <c r="T15394" s="19">
        <v>450</v>
      </c>
      <c r="U15394" s="19"/>
      <c r="V15394" s="19"/>
      <c r="W15394" s="19"/>
      <c r="X15394" s="19">
        <v>3</v>
      </c>
      <c r="Y15394" s="19"/>
      <c r="Z15394" s="19"/>
      <c r="AA15394" s="19"/>
    </row>
    <row r="15395" spans="1:27" s="1" customFormat="1" ht="11.1" customHeight="1" outlineLevel="4" x14ac:dyDescent="0.2">
      <c r="A15395" s="17"/>
      <c r="B15395" s="17"/>
      <c r="C15395" s="17"/>
      <c r="D15395" s="18"/>
      <c r="E15395" s="18"/>
      <c r="F15395" s="18"/>
      <c r="G15395" s="18"/>
      <c r="H15395" s="18"/>
      <c r="I15395" s="18"/>
      <c r="J15395" s="18"/>
      <c r="K15395" s="18"/>
      <c r="L15395" s="18"/>
      <c r="M15395" s="18"/>
      <c r="N15395" s="18"/>
      <c r="O15395" s="18"/>
      <c r="P15395" s="19"/>
      <c r="Q15395" s="19"/>
      <c r="R15395" s="19"/>
      <c r="S15395" s="19"/>
      <c r="T15395" s="19"/>
      <c r="U15395" s="19"/>
      <c r="V15395" s="19"/>
      <c r="W15395" s="19"/>
      <c r="X15395" s="19"/>
      <c r="Y15395" s="19"/>
      <c r="Z15395" s="19"/>
      <c r="AA15395" s="19"/>
    </row>
    <row r="15396" spans="1:27" s="1" customFormat="1" ht="11.1" customHeight="1" outlineLevel="3" x14ac:dyDescent="0.2">
      <c r="A15396" s="16" t="s">
        <v>1475</v>
      </c>
      <c r="B15396" s="16"/>
      <c r="C15396" s="16"/>
      <c r="D15396" s="16"/>
      <c r="E15396" s="16"/>
      <c r="F15396" s="16"/>
      <c r="G15396" s="16"/>
      <c r="H15396" s="16"/>
      <c r="I15396" s="16"/>
      <c r="J15396" s="16"/>
      <c r="K15396" s="16"/>
      <c r="L15396" s="16"/>
      <c r="M15396" s="16"/>
      <c r="N15396" s="16"/>
      <c r="O15396" s="16"/>
      <c r="P15396" s="16"/>
      <c r="Q15396" s="16"/>
      <c r="R15396" s="16"/>
      <c r="S15396" s="16"/>
      <c r="T15396" s="16"/>
      <c r="U15396" s="16"/>
      <c r="V15396" s="16"/>
      <c r="W15396" s="16"/>
      <c r="X15396" s="16"/>
      <c r="Y15396" s="16"/>
      <c r="Z15396" s="16"/>
      <c r="AA15396" s="16"/>
    </row>
    <row r="15397" spans="1:27" s="1" customFormat="1" ht="11.1" customHeight="1" outlineLevel="3" x14ac:dyDescent="0.2">
      <c r="A15397" s="16"/>
      <c r="B15397" s="16"/>
      <c r="C15397" s="16"/>
      <c r="D15397" s="16"/>
      <c r="E15397" s="16"/>
      <c r="F15397" s="16"/>
      <c r="G15397" s="16"/>
      <c r="H15397" s="16"/>
      <c r="I15397" s="16"/>
      <c r="J15397" s="16"/>
      <c r="K15397" s="16"/>
      <c r="L15397" s="16"/>
      <c r="M15397" s="16"/>
      <c r="N15397" s="16"/>
      <c r="O15397" s="16"/>
      <c r="P15397" s="16"/>
      <c r="Q15397" s="16"/>
      <c r="R15397" s="16"/>
      <c r="S15397" s="16"/>
      <c r="T15397" s="16"/>
      <c r="U15397" s="16"/>
      <c r="V15397" s="16"/>
      <c r="W15397" s="16"/>
      <c r="X15397" s="16"/>
      <c r="Y15397" s="16"/>
      <c r="Z15397" s="16"/>
      <c r="AA15397" s="16"/>
    </row>
    <row r="15398" spans="1:27" s="1" customFormat="1" ht="11.1" customHeight="1" outlineLevel="4" x14ac:dyDescent="0.2">
      <c r="A15398" s="17">
        <v>13017</v>
      </c>
      <c r="B15398" s="17"/>
      <c r="C15398" s="17"/>
      <c r="D15398" s="18" t="s">
        <v>7628</v>
      </c>
      <c r="E15398" s="18"/>
      <c r="F15398" s="18"/>
      <c r="G15398" s="18"/>
      <c r="H15398" s="18"/>
      <c r="I15398" s="18"/>
      <c r="J15398" s="18"/>
      <c r="K15398" s="18"/>
      <c r="L15398" s="18"/>
      <c r="M15398" s="18"/>
      <c r="N15398" s="18"/>
      <c r="O15398" s="18"/>
      <c r="P15398" s="19">
        <v>550</v>
      </c>
      <c r="Q15398" s="19"/>
      <c r="R15398" s="19"/>
      <c r="S15398" s="19"/>
      <c r="T15398" s="19">
        <v>450</v>
      </c>
      <c r="U15398" s="19"/>
      <c r="V15398" s="19"/>
      <c r="W15398" s="19"/>
      <c r="X15398" s="19">
        <v>-1</v>
      </c>
      <c r="Y15398" s="19"/>
      <c r="Z15398" s="19"/>
      <c r="AA15398" s="19"/>
    </row>
    <row r="15399" spans="1:27" s="1" customFormat="1" ht="11.1" customHeight="1" outlineLevel="4" x14ac:dyDescent="0.2">
      <c r="A15399" s="17"/>
      <c r="B15399" s="17"/>
      <c r="C15399" s="17"/>
      <c r="D15399" s="18"/>
      <c r="E15399" s="18"/>
      <c r="F15399" s="18"/>
      <c r="G15399" s="18"/>
      <c r="H15399" s="18"/>
      <c r="I15399" s="18"/>
      <c r="J15399" s="18"/>
      <c r="K15399" s="18"/>
      <c r="L15399" s="18"/>
      <c r="M15399" s="18"/>
      <c r="N15399" s="18"/>
      <c r="O15399" s="18"/>
      <c r="P15399" s="19"/>
      <c r="Q15399" s="19"/>
      <c r="R15399" s="19"/>
      <c r="S15399" s="19"/>
      <c r="T15399" s="19"/>
      <c r="U15399" s="19"/>
      <c r="V15399" s="19"/>
      <c r="W15399" s="19"/>
      <c r="X15399" s="19"/>
      <c r="Y15399" s="19"/>
      <c r="Z15399" s="19"/>
      <c r="AA15399" s="19"/>
    </row>
    <row r="15400" spans="1:27" s="1" customFormat="1" ht="11.1" customHeight="1" outlineLevel="4" x14ac:dyDescent="0.2">
      <c r="A15400" s="17">
        <v>5337</v>
      </c>
      <c r="B15400" s="17"/>
      <c r="C15400" s="17"/>
      <c r="D15400" s="18" t="s">
        <v>7629</v>
      </c>
      <c r="E15400" s="18"/>
      <c r="F15400" s="18"/>
      <c r="G15400" s="18"/>
      <c r="H15400" s="18"/>
      <c r="I15400" s="18"/>
      <c r="J15400" s="18"/>
      <c r="K15400" s="18"/>
      <c r="L15400" s="18"/>
      <c r="M15400" s="18"/>
      <c r="N15400" s="18"/>
      <c r="O15400" s="18"/>
      <c r="P15400" s="19">
        <v>420</v>
      </c>
      <c r="Q15400" s="19"/>
      <c r="R15400" s="19"/>
      <c r="S15400" s="19"/>
      <c r="T15400" s="19">
        <v>390</v>
      </c>
      <c r="U15400" s="19"/>
      <c r="V15400" s="19"/>
      <c r="W15400" s="19"/>
      <c r="X15400" s="19">
        <v>2</v>
      </c>
      <c r="Y15400" s="19"/>
      <c r="Z15400" s="19"/>
      <c r="AA15400" s="19"/>
    </row>
    <row r="15401" spans="1:27" s="1" customFormat="1" ht="11.1" customHeight="1" outlineLevel="4" x14ac:dyDescent="0.2">
      <c r="A15401" s="17"/>
      <c r="B15401" s="17"/>
      <c r="C15401" s="17"/>
      <c r="D15401" s="18"/>
      <c r="E15401" s="18"/>
      <c r="F15401" s="18"/>
      <c r="G15401" s="18"/>
      <c r="H15401" s="18"/>
      <c r="I15401" s="18"/>
      <c r="J15401" s="18"/>
      <c r="K15401" s="18"/>
      <c r="L15401" s="18"/>
      <c r="M15401" s="18"/>
      <c r="N15401" s="18"/>
      <c r="O15401" s="18"/>
      <c r="P15401" s="19"/>
      <c r="Q15401" s="19"/>
      <c r="R15401" s="19"/>
      <c r="S15401" s="19"/>
      <c r="T15401" s="19"/>
      <c r="U15401" s="19"/>
      <c r="V15401" s="19"/>
      <c r="W15401" s="19"/>
      <c r="X15401" s="19"/>
      <c r="Y15401" s="19"/>
      <c r="Z15401" s="19"/>
      <c r="AA15401" s="19"/>
    </row>
    <row r="15402" spans="1:27" s="1" customFormat="1" ht="11.1" customHeight="1" outlineLevel="4" x14ac:dyDescent="0.2">
      <c r="A15402" s="17">
        <v>10139</v>
      </c>
      <c r="B15402" s="17"/>
      <c r="C15402" s="17"/>
      <c r="D15402" s="18" t="s">
        <v>7630</v>
      </c>
      <c r="E15402" s="18"/>
      <c r="F15402" s="18"/>
      <c r="G15402" s="18"/>
      <c r="H15402" s="18"/>
      <c r="I15402" s="18"/>
      <c r="J15402" s="18"/>
      <c r="K15402" s="18"/>
      <c r="L15402" s="18"/>
      <c r="M15402" s="18"/>
      <c r="N15402" s="18"/>
      <c r="O15402" s="18"/>
      <c r="P15402" s="19">
        <v>490</v>
      </c>
      <c r="Q15402" s="19"/>
      <c r="R15402" s="19"/>
      <c r="S15402" s="19"/>
      <c r="T15402" s="19">
        <v>440</v>
      </c>
      <c r="U15402" s="19"/>
      <c r="V15402" s="19"/>
      <c r="W15402" s="19"/>
      <c r="X15402" s="19">
        <v>1</v>
      </c>
      <c r="Y15402" s="19"/>
      <c r="Z15402" s="19"/>
      <c r="AA15402" s="19"/>
    </row>
    <row r="15403" spans="1:27" s="1" customFormat="1" ht="11.1" customHeight="1" outlineLevel="4" x14ac:dyDescent="0.2">
      <c r="A15403" s="17"/>
      <c r="B15403" s="17"/>
      <c r="C15403" s="17"/>
      <c r="D15403" s="18"/>
      <c r="E15403" s="18"/>
      <c r="F15403" s="18"/>
      <c r="G15403" s="18"/>
      <c r="H15403" s="18"/>
      <c r="I15403" s="18"/>
      <c r="J15403" s="18"/>
      <c r="K15403" s="18"/>
      <c r="L15403" s="18"/>
      <c r="M15403" s="18"/>
      <c r="N15403" s="18"/>
      <c r="O15403" s="18"/>
      <c r="P15403" s="19"/>
      <c r="Q15403" s="19"/>
      <c r="R15403" s="19"/>
      <c r="S15403" s="19"/>
      <c r="T15403" s="19"/>
      <c r="U15403" s="19"/>
      <c r="V15403" s="19"/>
      <c r="W15403" s="19"/>
      <c r="X15403" s="19"/>
      <c r="Y15403" s="19"/>
      <c r="Z15403" s="19"/>
      <c r="AA15403" s="19"/>
    </row>
    <row r="15404" spans="1:27" s="1" customFormat="1" ht="11.1" customHeight="1" outlineLevel="3" x14ac:dyDescent="0.2">
      <c r="A15404" s="16" t="s">
        <v>1168</v>
      </c>
      <c r="B15404" s="16"/>
      <c r="C15404" s="16"/>
      <c r="D15404" s="16"/>
      <c r="E15404" s="16"/>
      <c r="F15404" s="16"/>
      <c r="G15404" s="16"/>
      <c r="H15404" s="16"/>
      <c r="I15404" s="16"/>
      <c r="J15404" s="16"/>
      <c r="K15404" s="16"/>
      <c r="L15404" s="16"/>
      <c r="M15404" s="16"/>
      <c r="N15404" s="16"/>
      <c r="O15404" s="16"/>
      <c r="P15404" s="16"/>
      <c r="Q15404" s="16"/>
      <c r="R15404" s="16"/>
      <c r="S15404" s="16"/>
      <c r="T15404" s="16"/>
      <c r="U15404" s="16"/>
      <c r="V15404" s="16"/>
      <c r="W15404" s="16"/>
      <c r="X15404" s="16"/>
      <c r="Y15404" s="16"/>
      <c r="Z15404" s="16"/>
      <c r="AA15404" s="16"/>
    </row>
    <row r="15405" spans="1:27" s="1" customFormat="1" ht="11.1" customHeight="1" outlineLevel="3" x14ac:dyDescent="0.2">
      <c r="A15405" s="16"/>
      <c r="B15405" s="16"/>
      <c r="C15405" s="16"/>
      <c r="D15405" s="16"/>
      <c r="E15405" s="16"/>
      <c r="F15405" s="16"/>
      <c r="G15405" s="16"/>
      <c r="H15405" s="16"/>
      <c r="I15405" s="16"/>
      <c r="J15405" s="16"/>
      <c r="K15405" s="16"/>
      <c r="L15405" s="16"/>
      <c r="M15405" s="16"/>
      <c r="N15405" s="16"/>
      <c r="O15405" s="16"/>
      <c r="P15405" s="16"/>
      <c r="Q15405" s="16"/>
      <c r="R15405" s="16"/>
      <c r="S15405" s="16"/>
      <c r="T15405" s="16"/>
      <c r="U15405" s="16"/>
      <c r="V15405" s="16"/>
      <c r="W15405" s="16"/>
      <c r="X15405" s="16"/>
      <c r="Y15405" s="16"/>
      <c r="Z15405" s="16"/>
      <c r="AA15405" s="16"/>
    </row>
    <row r="15406" spans="1:27" s="1" customFormat="1" ht="11.1" customHeight="1" outlineLevel="4" x14ac:dyDescent="0.2">
      <c r="A15406" s="17">
        <v>17546</v>
      </c>
      <c r="B15406" s="17"/>
      <c r="C15406" s="17"/>
      <c r="D15406" s="18" t="s">
        <v>7631</v>
      </c>
      <c r="E15406" s="18"/>
      <c r="F15406" s="18"/>
      <c r="G15406" s="18"/>
      <c r="H15406" s="18"/>
      <c r="I15406" s="18"/>
      <c r="J15406" s="18"/>
      <c r="K15406" s="18"/>
      <c r="L15406" s="18"/>
      <c r="M15406" s="18"/>
      <c r="N15406" s="18"/>
      <c r="O15406" s="18"/>
      <c r="P15406" s="20">
        <v>1000</v>
      </c>
      <c r="Q15406" s="20"/>
      <c r="R15406" s="20"/>
      <c r="S15406" s="20"/>
      <c r="T15406" s="19">
        <v>800</v>
      </c>
      <c r="U15406" s="19"/>
      <c r="V15406" s="19"/>
      <c r="W15406" s="19"/>
      <c r="X15406" s="19">
        <v>1</v>
      </c>
      <c r="Y15406" s="19"/>
      <c r="Z15406" s="19"/>
      <c r="AA15406" s="19"/>
    </row>
    <row r="15407" spans="1:27" s="1" customFormat="1" ht="11.1" customHeight="1" outlineLevel="4" x14ac:dyDescent="0.2">
      <c r="A15407" s="17"/>
      <c r="B15407" s="17"/>
      <c r="C15407" s="17"/>
      <c r="D15407" s="18"/>
      <c r="E15407" s="18"/>
      <c r="F15407" s="18"/>
      <c r="G15407" s="18"/>
      <c r="H15407" s="18"/>
      <c r="I15407" s="18"/>
      <c r="J15407" s="18"/>
      <c r="K15407" s="18"/>
      <c r="L15407" s="18"/>
      <c r="M15407" s="18"/>
      <c r="N15407" s="18"/>
      <c r="O15407" s="18"/>
      <c r="P15407" s="20"/>
      <c r="Q15407" s="20"/>
      <c r="R15407" s="20"/>
      <c r="S15407" s="20"/>
      <c r="T15407" s="19"/>
      <c r="U15407" s="19"/>
      <c r="V15407" s="19"/>
      <c r="W15407" s="19"/>
      <c r="X15407" s="19"/>
      <c r="Y15407" s="19"/>
      <c r="Z15407" s="19"/>
      <c r="AA15407" s="19"/>
    </row>
    <row r="15408" spans="1:27" s="1" customFormat="1" ht="11.1" customHeight="1" outlineLevel="3" x14ac:dyDescent="0.2">
      <c r="A15408" s="16" t="s">
        <v>1172</v>
      </c>
      <c r="B15408" s="16"/>
      <c r="C15408" s="16"/>
      <c r="D15408" s="16"/>
      <c r="E15408" s="16"/>
      <c r="F15408" s="16"/>
      <c r="G15408" s="16"/>
      <c r="H15408" s="16"/>
      <c r="I15408" s="16"/>
      <c r="J15408" s="16"/>
      <c r="K15408" s="16"/>
      <c r="L15408" s="16"/>
      <c r="M15408" s="16"/>
      <c r="N15408" s="16"/>
      <c r="O15408" s="16"/>
      <c r="P15408" s="16"/>
      <c r="Q15408" s="16"/>
      <c r="R15408" s="16"/>
      <c r="S15408" s="16"/>
      <c r="T15408" s="16"/>
      <c r="U15408" s="16"/>
      <c r="V15408" s="16"/>
      <c r="W15408" s="16"/>
      <c r="X15408" s="16"/>
      <c r="Y15408" s="16"/>
      <c r="Z15408" s="16"/>
      <c r="AA15408" s="16"/>
    </row>
    <row r="15409" spans="1:27" s="1" customFormat="1" ht="11.1" customHeight="1" outlineLevel="3" x14ac:dyDescent="0.2">
      <c r="A15409" s="16"/>
      <c r="B15409" s="16"/>
      <c r="C15409" s="16"/>
      <c r="D15409" s="16"/>
      <c r="E15409" s="16"/>
      <c r="F15409" s="16"/>
      <c r="G15409" s="16"/>
      <c r="H15409" s="16"/>
      <c r="I15409" s="16"/>
      <c r="J15409" s="16"/>
      <c r="K15409" s="16"/>
      <c r="L15409" s="16"/>
      <c r="M15409" s="16"/>
      <c r="N15409" s="16"/>
      <c r="O15409" s="16"/>
      <c r="P15409" s="16"/>
      <c r="Q15409" s="16"/>
      <c r="R15409" s="16"/>
      <c r="S15409" s="16"/>
      <c r="T15409" s="16"/>
      <c r="U15409" s="16"/>
      <c r="V15409" s="16"/>
      <c r="W15409" s="16"/>
      <c r="X15409" s="16"/>
      <c r="Y15409" s="16"/>
      <c r="Z15409" s="16"/>
      <c r="AA15409" s="16"/>
    </row>
    <row r="15410" spans="1:27" s="1" customFormat="1" ht="11.1" customHeight="1" outlineLevel="4" x14ac:dyDescent="0.2">
      <c r="A15410" s="17">
        <v>222</v>
      </c>
      <c r="B15410" s="17"/>
      <c r="C15410" s="17"/>
      <c r="D15410" s="18" t="s">
        <v>7632</v>
      </c>
      <c r="E15410" s="18"/>
      <c r="F15410" s="18"/>
      <c r="G15410" s="18"/>
      <c r="H15410" s="18"/>
      <c r="I15410" s="18"/>
      <c r="J15410" s="18"/>
      <c r="K15410" s="18"/>
      <c r="L15410" s="18"/>
      <c r="M15410" s="18"/>
      <c r="N15410" s="18"/>
      <c r="O15410" s="18"/>
      <c r="P15410" s="19">
        <v>350</v>
      </c>
      <c r="Q15410" s="19"/>
      <c r="R15410" s="19"/>
      <c r="S15410" s="19"/>
      <c r="T15410" s="19">
        <v>310</v>
      </c>
      <c r="U15410" s="19"/>
      <c r="V15410" s="19"/>
      <c r="W15410" s="19"/>
      <c r="X15410" s="19">
        <v>1</v>
      </c>
      <c r="Y15410" s="19"/>
      <c r="Z15410" s="19"/>
      <c r="AA15410" s="19"/>
    </row>
    <row r="15411" spans="1:27" s="1" customFormat="1" ht="11.1" customHeight="1" outlineLevel="4" x14ac:dyDescent="0.2">
      <c r="A15411" s="17"/>
      <c r="B15411" s="17"/>
      <c r="C15411" s="17"/>
      <c r="D15411" s="18"/>
      <c r="E15411" s="18"/>
      <c r="F15411" s="18"/>
      <c r="G15411" s="18"/>
      <c r="H15411" s="18"/>
      <c r="I15411" s="18"/>
      <c r="J15411" s="18"/>
      <c r="K15411" s="18"/>
      <c r="L15411" s="18"/>
      <c r="M15411" s="18"/>
      <c r="N15411" s="18"/>
      <c r="O15411" s="18"/>
      <c r="P15411" s="19"/>
      <c r="Q15411" s="19"/>
      <c r="R15411" s="19"/>
      <c r="S15411" s="19"/>
      <c r="T15411" s="19"/>
      <c r="U15411" s="19"/>
      <c r="V15411" s="19"/>
      <c r="W15411" s="19"/>
      <c r="X15411" s="19"/>
      <c r="Y15411" s="19"/>
      <c r="Z15411" s="19"/>
      <c r="AA15411" s="19"/>
    </row>
    <row r="15412" spans="1:27" s="1" customFormat="1" ht="14.1" customHeight="1" outlineLevel="4" x14ac:dyDescent="0.2">
      <c r="A15412" s="17">
        <v>8878</v>
      </c>
      <c r="B15412" s="17"/>
      <c r="C15412" s="17"/>
      <c r="D15412" s="18" t="s">
        <v>7633</v>
      </c>
      <c r="E15412" s="18"/>
      <c r="F15412" s="18"/>
      <c r="G15412" s="18"/>
      <c r="H15412" s="18"/>
      <c r="I15412" s="18"/>
      <c r="J15412" s="18"/>
      <c r="K15412" s="18"/>
      <c r="L15412" s="18"/>
      <c r="M15412" s="18"/>
      <c r="N15412" s="18"/>
      <c r="O15412" s="18"/>
      <c r="P15412" s="19">
        <v>560</v>
      </c>
      <c r="Q15412" s="19"/>
      <c r="R15412" s="19"/>
      <c r="S15412" s="19"/>
      <c r="T15412" s="19">
        <v>500</v>
      </c>
      <c r="U15412" s="19"/>
      <c r="V15412" s="19"/>
      <c r="W15412" s="19"/>
      <c r="X15412" s="19">
        <v>1</v>
      </c>
      <c r="Y15412" s="19"/>
      <c r="Z15412" s="19"/>
      <c r="AA15412" s="19"/>
    </row>
    <row r="15413" spans="1:27" s="1" customFormat="1" ht="14.1" customHeight="1" outlineLevel="4" x14ac:dyDescent="0.2">
      <c r="A15413" s="17"/>
      <c r="B15413" s="17"/>
      <c r="C15413" s="17"/>
      <c r="D15413" s="18"/>
      <c r="E15413" s="18"/>
      <c r="F15413" s="18"/>
      <c r="G15413" s="18"/>
      <c r="H15413" s="18"/>
      <c r="I15413" s="18"/>
      <c r="J15413" s="18"/>
      <c r="K15413" s="18"/>
      <c r="L15413" s="18"/>
      <c r="M15413" s="18"/>
      <c r="N15413" s="18"/>
      <c r="O15413" s="18"/>
      <c r="P15413" s="19"/>
      <c r="Q15413" s="19"/>
      <c r="R15413" s="19"/>
      <c r="S15413" s="19"/>
      <c r="T15413" s="19"/>
      <c r="U15413" s="19"/>
      <c r="V15413" s="19"/>
      <c r="W15413" s="19"/>
      <c r="X15413" s="19"/>
      <c r="Y15413" s="19"/>
      <c r="Z15413" s="19"/>
      <c r="AA15413" s="19"/>
    </row>
    <row r="15414" spans="1:27" s="1" customFormat="1" ht="14.1" customHeight="1" outlineLevel="4" x14ac:dyDescent="0.2">
      <c r="A15414" s="17">
        <v>5336</v>
      </c>
      <c r="B15414" s="17"/>
      <c r="C15414" s="17"/>
      <c r="D15414" s="18" t="s">
        <v>7634</v>
      </c>
      <c r="E15414" s="18"/>
      <c r="F15414" s="18"/>
      <c r="G15414" s="18"/>
      <c r="H15414" s="18"/>
      <c r="I15414" s="18"/>
      <c r="J15414" s="18"/>
      <c r="K15414" s="18"/>
      <c r="L15414" s="18"/>
      <c r="M15414" s="18"/>
      <c r="N15414" s="18"/>
      <c r="O15414" s="18"/>
      <c r="P15414" s="19">
        <v>550</v>
      </c>
      <c r="Q15414" s="19"/>
      <c r="R15414" s="19"/>
      <c r="S15414" s="19"/>
      <c r="T15414" s="19">
        <v>450</v>
      </c>
      <c r="U15414" s="19"/>
      <c r="V15414" s="19"/>
      <c r="W15414" s="19"/>
      <c r="X15414" s="19">
        <v>1</v>
      </c>
      <c r="Y15414" s="19"/>
      <c r="Z15414" s="19"/>
      <c r="AA15414" s="19"/>
    </row>
    <row r="15415" spans="1:27" s="1" customFormat="1" ht="14.1" customHeight="1" outlineLevel="4" x14ac:dyDescent="0.2">
      <c r="A15415" s="17"/>
      <c r="B15415" s="17"/>
      <c r="C15415" s="17"/>
      <c r="D15415" s="18"/>
      <c r="E15415" s="18"/>
      <c r="F15415" s="18"/>
      <c r="G15415" s="18"/>
      <c r="H15415" s="18"/>
      <c r="I15415" s="18"/>
      <c r="J15415" s="18"/>
      <c r="K15415" s="18"/>
      <c r="L15415" s="18"/>
      <c r="M15415" s="18"/>
      <c r="N15415" s="18"/>
      <c r="O15415" s="18"/>
      <c r="P15415" s="19"/>
      <c r="Q15415" s="19"/>
      <c r="R15415" s="19"/>
      <c r="S15415" s="19"/>
      <c r="T15415" s="19"/>
      <c r="U15415" s="19"/>
      <c r="V15415" s="19"/>
      <c r="W15415" s="19"/>
      <c r="X15415" s="19"/>
      <c r="Y15415" s="19"/>
      <c r="Z15415" s="19"/>
      <c r="AA15415" s="19"/>
    </row>
    <row r="15416" spans="1:27" s="1" customFormat="1" ht="11.1" customHeight="1" outlineLevel="3" x14ac:dyDescent="0.2">
      <c r="A15416" s="16" t="s">
        <v>7635</v>
      </c>
      <c r="B15416" s="16"/>
      <c r="C15416" s="16"/>
      <c r="D15416" s="16"/>
      <c r="E15416" s="16"/>
      <c r="F15416" s="16"/>
      <c r="G15416" s="16"/>
      <c r="H15416" s="16"/>
      <c r="I15416" s="16"/>
      <c r="J15416" s="16"/>
      <c r="K15416" s="16"/>
      <c r="L15416" s="16"/>
      <c r="M15416" s="16"/>
      <c r="N15416" s="16"/>
      <c r="O15416" s="16"/>
      <c r="P15416" s="16"/>
      <c r="Q15416" s="16"/>
      <c r="R15416" s="16"/>
      <c r="S15416" s="16"/>
      <c r="T15416" s="16"/>
      <c r="U15416" s="16"/>
      <c r="V15416" s="16"/>
      <c r="W15416" s="16"/>
      <c r="X15416" s="16"/>
      <c r="Y15416" s="16"/>
      <c r="Z15416" s="16"/>
      <c r="AA15416" s="16"/>
    </row>
    <row r="15417" spans="1:27" s="1" customFormat="1" ht="11.1" customHeight="1" outlineLevel="3" x14ac:dyDescent="0.2">
      <c r="A15417" s="16"/>
      <c r="B15417" s="16"/>
      <c r="C15417" s="16"/>
      <c r="D15417" s="16"/>
      <c r="E15417" s="16"/>
      <c r="F15417" s="16"/>
      <c r="G15417" s="16"/>
      <c r="H15417" s="16"/>
      <c r="I15417" s="16"/>
      <c r="J15417" s="16"/>
      <c r="K15417" s="16"/>
      <c r="L15417" s="16"/>
      <c r="M15417" s="16"/>
      <c r="N15417" s="16"/>
      <c r="O15417" s="16"/>
      <c r="P15417" s="16"/>
      <c r="Q15417" s="16"/>
      <c r="R15417" s="16"/>
      <c r="S15417" s="16"/>
      <c r="T15417" s="16"/>
      <c r="U15417" s="16"/>
      <c r="V15417" s="16"/>
      <c r="W15417" s="16"/>
      <c r="X15417" s="16"/>
      <c r="Y15417" s="16"/>
      <c r="Z15417" s="16"/>
      <c r="AA15417" s="16"/>
    </row>
    <row r="15418" spans="1:27" s="1" customFormat="1" ht="11.1" customHeight="1" outlineLevel="4" x14ac:dyDescent="0.2">
      <c r="A15418" s="17">
        <v>6789</v>
      </c>
      <c r="B15418" s="17"/>
      <c r="C15418" s="17"/>
      <c r="D15418" s="18" t="s">
        <v>7636</v>
      </c>
      <c r="E15418" s="18"/>
      <c r="F15418" s="18"/>
      <c r="G15418" s="18"/>
      <c r="H15418" s="18"/>
      <c r="I15418" s="18"/>
      <c r="J15418" s="18"/>
      <c r="K15418" s="18"/>
      <c r="L15418" s="18"/>
      <c r="M15418" s="18"/>
      <c r="N15418" s="18"/>
      <c r="O15418" s="18"/>
      <c r="P15418" s="19">
        <v>440</v>
      </c>
      <c r="Q15418" s="19"/>
      <c r="R15418" s="19"/>
      <c r="S15418" s="19"/>
      <c r="T15418" s="19">
        <v>340</v>
      </c>
      <c r="U15418" s="19"/>
      <c r="V15418" s="19"/>
      <c r="W15418" s="19"/>
      <c r="X15418" s="19">
        <v>2</v>
      </c>
      <c r="Y15418" s="19"/>
      <c r="Z15418" s="19"/>
      <c r="AA15418" s="19"/>
    </row>
    <row r="15419" spans="1:27" s="1" customFormat="1" ht="11.1" customHeight="1" outlineLevel="4" x14ac:dyDescent="0.2">
      <c r="A15419" s="17"/>
      <c r="B15419" s="17"/>
      <c r="C15419" s="17"/>
      <c r="D15419" s="18"/>
      <c r="E15419" s="18"/>
      <c r="F15419" s="18"/>
      <c r="G15419" s="18"/>
      <c r="H15419" s="18"/>
      <c r="I15419" s="18"/>
      <c r="J15419" s="18"/>
      <c r="K15419" s="18"/>
      <c r="L15419" s="18"/>
      <c r="M15419" s="18"/>
      <c r="N15419" s="18"/>
      <c r="O15419" s="18"/>
      <c r="P15419" s="19"/>
      <c r="Q15419" s="19"/>
      <c r="R15419" s="19"/>
      <c r="S15419" s="19"/>
      <c r="T15419" s="19"/>
      <c r="U15419" s="19"/>
      <c r="V15419" s="19"/>
      <c r="W15419" s="19"/>
      <c r="X15419" s="19"/>
      <c r="Y15419" s="19"/>
      <c r="Z15419" s="19"/>
      <c r="AA15419" s="19"/>
    </row>
    <row r="15420" spans="1:27" s="1" customFormat="1" ht="14.1" customHeight="1" outlineLevel="4" x14ac:dyDescent="0.2">
      <c r="A15420" s="17">
        <v>12564</v>
      </c>
      <c r="B15420" s="17"/>
      <c r="C15420" s="17"/>
      <c r="D15420" s="18" t="s">
        <v>7637</v>
      </c>
      <c r="E15420" s="18"/>
      <c r="F15420" s="18"/>
      <c r="G15420" s="18"/>
      <c r="H15420" s="18"/>
      <c r="I15420" s="18"/>
      <c r="J15420" s="18"/>
      <c r="K15420" s="18"/>
      <c r="L15420" s="18"/>
      <c r="M15420" s="18"/>
      <c r="N15420" s="18"/>
      <c r="O15420" s="18"/>
      <c r="P15420" s="19">
        <v>790</v>
      </c>
      <c r="Q15420" s="19"/>
      <c r="R15420" s="19"/>
      <c r="S15420" s="19"/>
      <c r="T15420" s="19">
        <v>620</v>
      </c>
      <c r="U15420" s="19"/>
      <c r="V15420" s="19"/>
      <c r="W15420" s="19"/>
      <c r="X15420" s="19">
        <v>11</v>
      </c>
      <c r="Y15420" s="19"/>
      <c r="Z15420" s="19"/>
      <c r="AA15420" s="19"/>
    </row>
    <row r="15421" spans="1:27" s="1" customFormat="1" ht="14.1" customHeight="1" outlineLevel="4" x14ac:dyDescent="0.2">
      <c r="A15421" s="17"/>
      <c r="B15421" s="17"/>
      <c r="C15421" s="17"/>
      <c r="D15421" s="18"/>
      <c r="E15421" s="18"/>
      <c r="F15421" s="18"/>
      <c r="G15421" s="18"/>
      <c r="H15421" s="18"/>
      <c r="I15421" s="18"/>
      <c r="J15421" s="18"/>
      <c r="K15421" s="18"/>
      <c r="L15421" s="18"/>
      <c r="M15421" s="18"/>
      <c r="N15421" s="18"/>
      <c r="O15421" s="18"/>
      <c r="P15421" s="19"/>
      <c r="Q15421" s="19"/>
      <c r="R15421" s="19"/>
      <c r="S15421" s="19"/>
      <c r="T15421" s="19"/>
      <c r="U15421" s="19"/>
      <c r="V15421" s="19"/>
      <c r="W15421" s="19"/>
      <c r="X15421" s="19"/>
      <c r="Y15421" s="19"/>
      <c r="Z15421" s="19"/>
      <c r="AA15421" s="19"/>
    </row>
    <row r="15422" spans="1:27" s="1" customFormat="1" ht="11.1" customHeight="1" outlineLevel="4" x14ac:dyDescent="0.2">
      <c r="A15422" s="17">
        <v>12565</v>
      </c>
      <c r="B15422" s="17"/>
      <c r="C15422" s="17"/>
      <c r="D15422" s="18" t="s">
        <v>7638</v>
      </c>
      <c r="E15422" s="18"/>
      <c r="F15422" s="18"/>
      <c r="G15422" s="18"/>
      <c r="H15422" s="18"/>
      <c r="I15422" s="18"/>
      <c r="J15422" s="18"/>
      <c r="K15422" s="18"/>
      <c r="L15422" s="18"/>
      <c r="M15422" s="18"/>
      <c r="N15422" s="18"/>
      <c r="O15422" s="18"/>
      <c r="P15422" s="19">
        <v>890</v>
      </c>
      <c r="Q15422" s="19"/>
      <c r="R15422" s="19"/>
      <c r="S15422" s="19"/>
      <c r="T15422" s="19">
        <v>700</v>
      </c>
      <c r="U15422" s="19"/>
      <c r="V15422" s="19"/>
      <c r="W15422" s="19"/>
      <c r="X15422" s="19">
        <v>1</v>
      </c>
      <c r="Y15422" s="19"/>
      <c r="Z15422" s="19"/>
      <c r="AA15422" s="19"/>
    </row>
    <row r="15423" spans="1:27" s="1" customFormat="1" ht="11.1" customHeight="1" outlineLevel="4" x14ac:dyDescent="0.2">
      <c r="A15423" s="17"/>
      <c r="B15423" s="17"/>
      <c r="C15423" s="17"/>
      <c r="D15423" s="18"/>
      <c r="E15423" s="18"/>
      <c r="F15423" s="18"/>
      <c r="G15423" s="18"/>
      <c r="H15423" s="18"/>
      <c r="I15423" s="18"/>
      <c r="J15423" s="18"/>
      <c r="K15423" s="18"/>
      <c r="L15423" s="18"/>
      <c r="M15423" s="18"/>
      <c r="N15423" s="18"/>
      <c r="O15423" s="18"/>
      <c r="P15423" s="19"/>
      <c r="Q15423" s="19"/>
      <c r="R15423" s="19"/>
      <c r="S15423" s="19"/>
      <c r="T15423" s="19"/>
      <c r="U15423" s="19"/>
      <c r="V15423" s="19"/>
      <c r="W15423" s="19"/>
      <c r="X15423" s="19"/>
      <c r="Y15423" s="19"/>
      <c r="Z15423" s="19"/>
      <c r="AA15423" s="19"/>
    </row>
    <row r="15424" spans="1:27" s="1" customFormat="1" ht="14.1" customHeight="1" outlineLevel="4" x14ac:dyDescent="0.2">
      <c r="A15424" s="17">
        <v>7859</v>
      </c>
      <c r="B15424" s="17"/>
      <c r="C15424" s="17"/>
      <c r="D15424" s="18" t="s">
        <v>7639</v>
      </c>
      <c r="E15424" s="18"/>
      <c r="F15424" s="18"/>
      <c r="G15424" s="18"/>
      <c r="H15424" s="18"/>
      <c r="I15424" s="18"/>
      <c r="J15424" s="18"/>
      <c r="K15424" s="18"/>
      <c r="L15424" s="18"/>
      <c r="M15424" s="18"/>
      <c r="N15424" s="18"/>
      <c r="O15424" s="18"/>
      <c r="P15424" s="19">
        <v>700</v>
      </c>
      <c r="Q15424" s="19"/>
      <c r="R15424" s="19"/>
      <c r="S15424" s="19"/>
      <c r="T15424" s="19">
        <v>436</v>
      </c>
      <c r="U15424" s="19"/>
      <c r="V15424" s="19"/>
      <c r="W15424" s="19"/>
      <c r="X15424" s="19">
        <v>10</v>
      </c>
      <c r="Y15424" s="19"/>
      <c r="Z15424" s="19"/>
      <c r="AA15424" s="19"/>
    </row>
    <row r="15425" spans="1:27" s="1" customFormat="1" ht="14.1" customHeight="1" outlineLevel="4" x14ac:dyDescent="0.2">
      <c r="A15425" s="17"/>
      <c r="B15425" s="17"/>
      <c r="C15425" s="17"/>
      <c r="D15425" s="18"/>
      <c r="E15425" s="18"/>
      <c r="F15425" s="18"/>
      <c r="G15425" s="18"/>
      <c r="H15425" s="18"/>
      <c r="I15425" s="18"/>
      <c r="J15425" s="18"/>
      <c r="K15425" s="18"/>
      <c r="L15425" s="18"/>
      <c r="M15425" s="18"/>
      <c r="N15425" s="18"/>
      <c r="O15425" s="18"/>
      <c r="P15425" s="19"/>
      <c r="Q15425" s="19"/>
      <c r="R15425" s="19"/>
      <c r="S15425" s="19"/>
      <c r="T15425" s="19"/>
      <c r="U15425" s="19"/>
      <c r="V15425" s="19"/>
      <c r="W15425" s="19"/>
      <c r="X15425" s="19"/>
      <c r="Y15425" s="19"/>
      <c r="Z15425" s="19"/>
      <c r="AA15425" s="19"/>
    </row>
    <row r="15426" spans="1:27" s="1" customFormat="1" ht="11.1" customHeight="1" outlineLevel="4" x14ac:dyDescent="0.2">
      <c r="A15426" s="17">
        <v>7264</v>
      </c>
      <c r="B15426" s="17"/>
      <c r="C15426" s="17"/>
      <c r="D15426" s="18" t="s">
        <v>7640</v>
      </c>
      <c r="E15426" s="18"/>
      <c r="F15426" s="18"/>
      <c r="G15426" s="18"/>
      <c r="H15426" s="18"/>
      <c r="I15426" s="18"/>
      <c r="J15426" s="18"/>
      <c r="K15426" s="18"/>
      <c r="L15426" s="18"/>
      <c r="M15426" s="18"/>
      <c r="N15426" s="18"/>
      <c r="O15426" s="18"/>
      <c r="P15426" s="19">
        <v>470</v>
      </c>
      <c r="Q15426" s="19"/>
      <c r="R15426" s="19"/>
      <c r="S15426" s="19"/>
      <c r="T15426" s="19">
        <v>400</v>
      </c>
      <c r="U15426" s="19"/>
      <c r="V15426" s="19"/>
      <c r="W15426" s="19"/>
      <c r="X15426" s="19">
        <v>15</v>
      </c>
      <c r="Y15426" s="19"/>
      <c r="Z15426" s="19"/>
      <c r="AA15426" s="19"/>
    </row>
    <row r="15427" spans="1:27" s="1" customFormat="1" ht="11.1" customHeight="1" outlineLevel="4" x14ac:dyDescent="0.2">
      <c r="A15427" s="17"/>
      <c r="B15427" s="17"/>
      <c r="C15427" s="17"/>
      <c r="D15427" s="18"/>
      <c r="E15427" s="18"/>
      <c r="F15427" s="18"/>
      <c r="G15427" s="18"/>
      <c r="H15427" s="18"/>
      <c r="I15427" s="18"/>
      <c r="J15427" s="18"/>
      <c r="K15427" s="18"/>
      <c r="L15427" s="18"/>
      <c r="M15427" s="18"/>
      <c r="N15427" s="18"/>
      <c r="O15427" s="18"/>
      <c r="P15427" s="19"/>
      <c r="Q15427" s="19"/>
      <c r="R15427" s="19"/>
      <c r="S15427" s="19"/>
      <c r="T15427" s="19"/>
      <c r="U15427" s="19"/>
      <c r="V15427" s="19"/>
      <c r="W15427" s="19"/>
      <c r="X15427" s="19"/>
      <c r="Y15427" s="19"/>
      <c r="Z15427" s="19"/>
      <c r="AA15427" s="19"/>
    </row>
    <row r="15428" spans="1:27" s="1" customFormat="1" ht="14.1" customHeight="1" outlineLevel="4" x14ac:dyDescent="0.2">
      <c r="A15428" s="17">
        <v>13532</v>
      </c>
      <c r="B15428" s="17"/>
      <c r="C15428" s="17"/>
      <c r="D15428" s="18" t="s">
        <v>7641</v>
      </c>
      <c r="E15428" s="18"/>
      <c r="F15428" s="18"/>
      <c r="G15428" s="18"/>
      <c r="H15428" s="18"/>
      <c r="I15428" s="18"/>
      <c r="J15428" s="18"/>
      <c r="K15428" s="18"/>
      <c r="L15428" s="18"/>
      <c r="M15428" s="18"/>
      <c r="N15428" s="18"/>
      <c r="O15428" s="18"/>
      <c r="P15428" s="19">
        <v>790</v>
      </c>
      <c r="Q15428" s="19"/>
      <c r="R15428" s="19"/>
      <c r="S15428" s="19"/>
      <c r="T15428" s="19">
        <v>590</v>
      </c>
      <c r="U15428" s="19"/>
      <c r="V15428" s="19"/>
      <c r="W15428" s="19"/>
      <c r="X15428" s="19">
        <v>30</v>
      </c>
      <c r="Y15428" s="19"/>
      <c r="Z15428" s="19"/>
      <c r="AA15428" s="19"/>
    </row>
    <row r="15429" spans="1:27" s="1" customFormat="1" ht="14.1" customHeight="1" outlineLevel="4" x14ac:dyDescent="0.2">
      <c r="A15429" s="17"/>
      <c r="B15429" s="17"/>
      <c r="C15429" s="17"/>
      <c r="D15429" s="18"/>
      <c r="E15429" s="18"/>
      <c r="F15429" s="18"/>
      <c r="G15429" s="18"/>
      <c r="H15429" s="18"/>
      <c r="I15429" s="18"/>
      <c r="J15429" s="18"/>
      <c r="K15429" s="18"/>
      <c r="L15429" s="18"/>
      <c r="M15429" s="18"/>
      <c r="N15429" s="18"/>
      <c r="O15429" s="18"/>
      <c r="P15429" s="19"/>
      <c r="Q15429" s="19"/>
      <c r="R15429" s="19"/>
      <c r="S15429" s="19"/>
      <c r="T15429" s="19"/>
      <c r="U15429" s="19"/>
      <c r="V15429" s="19"/>
      <c r="W15429" s="19"/>
      <c r="X15429" s="19"/>
      <c r="Y15429" s="19"/>
      <c r="Z15429" s="19"/>
      <c r="AA15429" s="19"/>
    </row>
    <row r="15430" spans="1:27" s="1" customFormat="1" ht="14.1" customHeight="1" outlineLevel="4" x14ac:dyDescent="0.2">
      <c r="A15430" s="17">
        <v>9169</v>
      </c>
      <c r="B15430" s="17"/>
      <c r="C15430" s="17"/>
      <c r="D15430" s="18" t="s">
        <v>7642</v>
      </c>
      <c r="E15430" s="18"/>
      <c r="F15430" s="18"/>
      <c r="G15430" s="18"/>
      <c r="H15430" s="18"/>
      <c r="I15430" s="18"/>
      <c r="J15430" s="18"/>
      <c r="K15430" s="18"/>
      <c r="L15430" s="18"/>
      <c r="M15430" s="18"/>
      <c r="N15430" s="18"/>
      <c r="O15430" s="18"/>
      <c r="P15430" s="19">
        <v>570</v>
      </c>
      <c r="Q15430" s="19"/>
      <c r="R15430" s="19"/>
      <c r="S15430" s="19"/>
      <c r="T15430" s="19">
        <v>450</v>
      </c>
      <c r="U15430" s="19"/>
      <c r="V15430" s="19"/>
      <c r="W15430" s="19"/>
      <c r="X15430" s="19">
        <v>15</v>
      </c>
      <c r="Y15430" s="19"/>
      <c r="Z15430" s="19"/>
      <c r="AA15430" s="19"/>
    </row>
    <row r="15431" spans="1:27" s="1" customFormat="1" ht="14.1" customHeight="1" outlineLevel="4" x14ac:dyDescent="0.2">
      <c r="A15431" s="17"/>
      <c r="B15431" s="17"/>
      <c r="C15431" s="17"/>
      <c r="D15431" s="18"/>
      <c r="E15431" s="18"/>
      <c r="F15431" s="18"/>
      <c r="G15431" s="18"/>
      <c r="H15431" s="18"/>
      <c r="I15431" s="18"/>
      <c r="J15431" s="18"/>
      <c r="K15431" s="18"/>
      <c r="L15431" s="18"/>
      <c r="M15431" s="18"/>
      <c r="N15431" s="18"/>
      <c r="O15431" s="18"/>
      <c r="P15431" s="19"/>
      <c r="Q15431" s="19"/>
      <c r="R15431" s="19"/>
      <c r="S15431" s="19"/>
      <c r="T15431" s="19"/>
      <c r="U15431" s="19"/>
      <c r="V15431" s="19"/>
      <c r="W15431" s="19"/>
      <c r="X15431" s="19"/>
      <c r="Y15431" s="19"/>
      <c r="Z15431" s="19"/>
      <c r="AA15431" s="19"/>
    </row>
    <row r="15432" spans="1:27" s="1" customFormat="1" ht="14.1" customHeight="1" outlineLevel="4" x14ac:dyDescent="0.2">
      <c r="A15432" s="17">
        <v>7733</v>
      </c>
      <c r="B15432" s="17"/>
      <c r="C15432" s="17"/>
      <c r="D15432" s="18" t="s">
        <v>7643</v>
      </c>
      <c r="E15432" s="18"/>
      <c r="F15432" s="18"/>
      <c r="G15432" s="18"/>
      <c r="H15432" s="18"/>
      <c r="I15432" s="18"/>
      <c r="J15432" s="18"/>
      <c r="K15432" s="18"/>
      <c r="L15432" s="18"/>
      <c r="M15432" s="18"/>
      <c r="N15432" s="18"/>
      <c r="O15432" s="18"/>
      <c r="P15432" s="19">
        <v>750</v>
      </c>
      <c r="Q15432" s="19"/>
      <c r="R15432" s="19"/>
      <c r="S15432" s="19"/>
      <c r="T15432" s="19">
        <v>550</v>
      </c>
      <c r="U15432" s="19"/>
      <c r="V15432" s="19"/>
      <c r="W15432" s="19"/>
      <c r="X15432" s="19">
        <v>64</v>
      </c>
      <c r="Y15432" s="19"/>
      <c r="Z15432" s="19"/>
      <c r="AA15432" s="19"/>
    </row>
    <row r="15433" spans="1:27" s="1" customFormat="1" ht="14.1" customHeight="1" outlineLevel="4" x14ac:dyDescent="0.2">
      <c r="A15433" s="17"/>
      <c r="B15433" s="17"/>
      <c r="C15433" s="17"/>
      <c r="D15433" s="18"/>
      <c r="E15433" s="18"/>
      <c r="F15433" s="18"/>
      <c r="G15433" s="18"/>
      <c r="H15433" s="18"/>
      <c r="I15433" s="18"/>
      <c r="J15433" s="18"/>
      <c r="K15433" s="18"/>
      <c r="L15433" s="18"/>
      <c r="M15433" s="18"/>
      <c r="N15433" s="18"/>
      <c r="O15433" s="18"/>
      <c r="P15433" s="19"/>
      <c r="Q15433" s="19"/>
      <c r="R15433" s="19"/>
      <c r="S15433" s="19"/>
      <c r="T15433" s="19"/>
      <c r="U15433" s="19"/>
      <c r="V15433" s="19"/>
      <c r="W15433" s="19"/>
      <c r="X15433" s="19"/>
      <c r="Y15433" s="19"/>
      <c r="Z15433" s="19"/>
      <c r="AA15433" s="19"/>
    </row>
    <row r="15434" spans="1:27" s="1" customFormat="1" ht="11.1" customHeight="1" outlineLevel="4" x14ac:dyDescent="0.2">
      <c r="A15434" s="17">
        <v>17392</v>
      </c>
      <c r="B15434" s="17"/>
      <c r="C15434" s="17"/>
      <c r="D15434" s="18" t="s">
        <v>7644</v>
      </c>
      <c r="E15434" s="18"/>
      <c r="F15434" s="18"/>
      <c r="G15434" s="18"/>
      <c r="H15434" s="18"/>
      <c r="I15434" s="18"/>
      <c r="J15434" s="18"/>
      <c r="K15434" s="18"/>
      <c r="L15434" s="18"/>
      <c r="M15434" s="18"/>
      <c r="N15434" s="18"/>
      <c r="O15434" s="18"/>
      <c r="P15434" s="20">
        <v>1200</v>
      </c>
      <c r="Q15434" s="20"/>
      <c r="R15434" s="20"/>
      <c r="S15434" s="20"/>
      <c r="T15434" s="20">
        <v>1000</v>
      </c>
      <c r="U15434" s="20"/>
      <c r="V15434" s="20"/>
      <c r="W15434" s="20"/>
      <c r="X15434" s="19">
        <v>1</v>
      </c>
      <c r="Y15434" s="19"/>
      <c r="Z15434" s="19"/>
      <c r="AA15434" s="19"/>
    </row>
    <row r="15435" spans="1:27" s="1" customFormat="1" ht="11.1" customHeight="1" outlineLevel="4" x14ac:dyDescent="0.2">
      <c r="A15435" s="17"/>
      <c r="B15435" s="17"/>
      <c r="C15435" s="17"/>
      <c r="D15435" s="18"/>
      <c r="E15435" s="18"/>
      <c r="F15435" s="18"/>
      <c r="G15435" s="18"/>
      <c r="H15435" s="18"/>
      <c r="I15435" s="18"/>
      <c r="J15435" s="18"/>
      <c r="K15435" s="18"/>
      <c r="L15435" s="18"/>
      <c r="M15435" s="18"/>
      <c r="N15435" s="18"/>
      <c r="O15435" s="18"/>
      <c r="P15435" s="20"/>
      <c r="Q15435" s="20"/>
      <c r="R15435" s="20"/>
      <c r="S15435" s="20"/>
      <c r="T15435" s="20"/>
      <c r="U15435" s="20"/>
      <c r="V15435" s="20"/>
      <c r="W15435" s="20"/>
      <c r="X15435" s="19"/>
      <c r="Y15435" s="19"/>
      <c r="Z15435" s="19"/>
      <c r="AA15435" s="19"/>
    </row>
    <row r="15436" spans="1:27" s="1" customFormat="1" ht="11.1" customHeight="1" outlineLevel="4" x14ac:dyDescent="0.2">
      <c r="A15436" s="17">
        <v>11976</v>
      </c>
      <c r="B15436" s="17"/>
      <c r="C15436" s="17"/>
      <c r="D15436" s="18" t="s">
        <v>7645</v>
      </c>
      <c r="E15436" s="18"/>
      <c r="F15436" s="18"/>
      <c r="G15436" s="18"/>
      <c r="H15436" s="18"/>
      <c r="I15436" s="18"/>
      <c r="J15436" s="18"/>
      <c r="K15436" s="18"/>
      <c r="L15436" s="18"/>
      <c r="M15436" s="18"/>
      <c r="N15436" s="18"/>
      <c r="O15436" s="18"/>
      <c r="P15436" s="19">
        <v>550</v>
      </c>
      <c r="Q15436" s="19"/>
      <c r="R15436" s="19"/>
      <c r="S15436" s="19"/>
      <c r="T15436" s="19">
        <v>490</v>
      </c>
      <c r="U15436" s="19"/>
      <c r="V15436" s="19"/>
      <c r="W15436" s="19"/>
      <c r="X15436" s="19">
        <v>2</v>
      </c>
      <c r="Y15436" s="19"/>
      <c r="Z15436" s="19"/>
      <c r="AA15436" s="19"/>
    </row>
    <row r="15437" spans="1:27" s="1" customFormat="1" ht="11.1" customHeight="1" outlineLevel="4" x14ac:dyDescent="0.2">
      <c r="A15437" s="17"/>
      <c r="B15437" s="17"/>
      <c r="C15437" s="17"/>
      <c r="D15437" s="18"/>
      <c r="E15437" s="18"/>
      <c r="F15437" s="18"/>
      <c r="G15437" s="18"/>
      <c r="H15437" s="18"/>
      <c r="I15437" s="18"/>
      <c r="J15437" s="18"/>
      <c r="K15437" s="18"/>
      <c r="L15437" s="18"/>
      <c r="M15437" s="18"/>
      <c r="N15437" s="18"/>
      <c r="O15437" s="18"/>
      <c r="P15437" s="19"/>
      <c r="Q15437" s="19"/>
      <c r="R15437" s="19"/>
      <c r="S15437" s="19"/>
      <c r="T15437" s="19"/>
      <c r="U15437" s="19"/>
      <c r="V15437" s="19"/>
      <c r="W15437" s="19"/>
      <c r="X15437" s="19"/>
      <c r="Y15437" s="19"/>
      <c r="Z15437" s="19"/>
      <c r="AA15437" s="19"/>
    </row>
    <row r="15438" spans="1:27" s="1" customFormat="1" ht="14.1" customHeight="1" outlineLevel="4" x14ac:dyDescent="0.2">
      <c r="A15438" s="17">
        <v>11085</v>
      </c>
      <c r="B15438" s="17"/>
      <c r="C15438" s="17"/>
      <c r="D15438" s="18" t="s">
        <v>7646</v>
      </c>
      <c r="E15438" s="18"/>
      <c r="F15438" s="18"/>
      <c r="G15438" s="18"/>
      <c r="H15438" s="18"/>
      <c r="I15438" s="18"/>
      <c r="J15438" s="18"/>
      <c r="K15438" s="18"/>
      <c r="L15438" s="18"/>
      <c r="M15438" s="18"/>
      <c r="N15438" s="18"/>
      <c r="O15438" s="18"/>
      <c r="P15438" s="19">
        <v>450</v>
      </c>
      <c r="Q15438" s="19"/>
      <c r="R15438" s="19"/>
      <c r="S15438" s="19"/>
      <c r="T15438" s="19">
        <v>400</v>
      </c>
      <c r="U15438" s="19"/>
      <c r="V15438" s="19"/>
      <c r="W15438" s="19"/>
      <c r="X15438" s="19">
        <v>2</v>
      </c>
      <c r="Y15438" s="19"/>
      <c r="Z15438" s="19"/>
      <c r="AA15438" s="19"/>
    </row>
    <row r="15439" spans="1:27" s="1" customFormat="1" ht="14.1" customHeight="1" outlineLevel="4" x14ac:dyDescent="0.2">
      <c r="A15439" s="17"/>
      <c r="B15439" s="17"/>
      <c r="C15439" s="17"/>
      <c r="D15439" s="18"/>
      <c r="E15439" s="18"/>
      <c r="F15439" s="18"/>
      <c r="G15439" s="18"/>
      <c r="H15439" s="18"/>
      <c r="I15439" s="18"/>
      <c r="J15439" s="18"/>
      <c r="K15439" s="18"/>
      <c r="L15439" s="18"/>
      <c r="M15439" s="18"/>
      <c r="N15439" s="18"/>
      <c r="O15439" s="18"/>
      <c r="P15439" s="19"/>
      <c r="Q15439" s="19"/>
      <c r="R15439" s="19"/>
      <c r="S15439" s="19"/>
      <c r="T15439" s="19"/>
      <c r="U15439" s="19"/>
      <c r="V15439" s="19"/>
      <c r="W15439" s="19"/>
      <c r="X15439" s="19"/>
      <c r="Y15439" s="19"/>
      <c r="Z15439" s="19"/>
      <c r="AA15439" s="19"/>
    </row>
    <row r="15440" spans="1:27" s="1" customFormat="1" ht="14.1" customHeight="1" outlineLevel="4" x14ac:dyDescent="0.2">
      <c r="A15440" s="17">
        <v>13630</v>
      </c>
      <c r="B15440" s="17"/>
      <c r="C15440" s="17"/>
      <c r="D15440" s="18" t="s">
        <v>7647</v>
      </c>
      <c r="E15440" s="18"/>
      <c r="F15440" s="18"/>
      <c r="G15440" s="18"/>
      <c r="H15440" s="18"/>
      <c r="I15440" s="18"/>
      <c r="J15440" s="18"/>
      <c r="K15440" s="18"/>
      <c r="L15440" s="18"/>
      <c r="M15440" s="18"/>
      <c r="N15440" s="18"/>
      <c r="O15440" s="18"/>
      <c r="P15440" s="19">
        <v>600</v>
      </c>
      <c r="Q15440" s="19"/>
      <c r="R15440" s="19"/>
      <c r="S15440" s="19"/>
      <c r="T15440" s="19">
        <v>450</v>
      </c>
      <c r="U15440" s="19"/>
      <c r="V15440" s="19"/>
      <c r="W15440" s="19"/>
      <c r="X15440" s="19">
        <v>47</v>
      </c>
      <c r="Y15440" s="19"/>
      <c r="Z15440" s="19"/>
      <c r="AA15440" s="19"/>
    </row>
    <row r="15441" spans="1:27" s="1" customFormat="1" ht="14.1" customHeight="1" outlineLevel="4" x14ac:dyDescent="0.2">
      <c r="A15441" s="17"/>
      <c r="B15441" s="17"/>
      <c r="C15441" s="17"/>
      <c r="D15441" s="18"/>
      <c r="E15441" s="18"/>
      <c r="F15441" s="18"/>
      <c r="G15441" s="18"/>
      <c r="H15441" s="18"/>
      <c r="I15441" s="18"/>
      <c r="J15441" s="18"/>
      <c r="K15441" s="18"/>
      <c r="L15441" s="18"/>
      <c r="M15441" s="18"/>
      <c r="N15441" s="18"/>
      <c r="O15441" s="18"/>
      <c r="P15441" s="19"/>
      <c r="Q15441" s="19"/>
      <c r="R15441" s="19"/>
      <c r="S15441" s="19"/>
      <c r="T15441" s="19"/>
      <c r="U15441" s="19"/>
      <c r="V15441" s="19"/>
      <c r="W15441" s="19"/>
      <c r="X15441" s="19"/>
      <c r="Y15441" s="19"/>
      <c r="Z15441" s="19"/>
      <c r="AA15441" s="19"/>
    </row>
    <row r="15442" spans="1:27" s="1" customFormat="1" ht="14.1" customHeight="1" outlineLevel="4" x14ac:dyDescent="0.2">
      <c r="A15442" s="17">
        <v>7389</v>
      </c>
      <c r="B15442" s="17"/>
      <c r="C15442" s="17"/>
      <c r="D15442" s="18" t="s">
        <v>7648</v>
      </c>
      <c r="E15442" s="18"/>
      <c r="F15442" s="18"/>
      <c r="G15442" s="18"/>
      <c r="H15442" s="18"/>
      <c r="I15442" s="18"/>
      <c r="J15442" s="18"/>
      <c r="K15442" s="18"/>
      <c r="L15442" s="18"/>
      <c r="M15442" s="18"/>
      <c r="N15442" s="18"/>
      <c r="O15442" s="18"/>
      <c r="P15442" s="19">
        <v>700</v>
      </c>
      <c r="Q15442" s="19"/>
      <c r="R15442" s="19"/>
      <c r="S15442" s="19"/>
      <c r="T15442" s="19">
        <v>500</v>
      </c>
      <c r="U15442" s="19"/>
      <c r="V15442" s="19"/>
      <c r="W15442" s="19"/>
      <c r="X15442" s="19">
        <v>37</v>
      </c>
      <c r="Y15442" s="19"/>
      <c r="Z15442" s="19"/>
      <c r="AA15442" s="19"/>
    </row>
    <row r="15443" spans="1:27" s="1" customFormat="1" ht="14.1" customHeight="1" outlineLevel="4" x14ac:dyDescent="0.2">
      <c r="A15443" s="17"/>
      <c r="B15443" s="17"/>
      <c r="C15443" s="17"/>
      <c r="D15443" s="18"/>
      <c r="E15443" s="18"/>
      <c r="F15443" s="18"/>
      <c r="G15443" s="18"/>
      <c r="H15443" s="18"/>
      <c r="I15443" s="18"/>
      <c r="J15443" s="18"/>
      <c r="K15443" s="18"/>
      <c r="L15443" s="18"/>
      <c r="M15443" s="18"/>
      <c r="N15443" s="18"/>
      <c r="O15443" s="18"/>
      <c r="P15443" s="19"/>
      <c r="Q15443" s="19"/>
      <c r="R15443" s="19"/>
      <c r="S15443" s="19"/>
      <c r="T15443" s="19"/>
      <c r="U15443" s="19"/>
      <c r="V15443" s="19"/>
      <c r="W15443" s="19"/>
      <c r="X15443" s="19"/>
      <c r="Y15443" s="19"/>
      <c r="Z15443" s="19"/>
      <c r="AA15443" s="19"/>
    </row>
    <row r="15444" spans="1:27" s="1" customFormat="1" ht="14.1" customHeight="1" outlineLevel="4" x14ac:dyDescent="0.2">
      <c r="A15444" s="17">
        <v>17126</v>
      </c>
      <c r="B15444" s="17"/>
      <c r="C15444" s="17"/>
      <c r="D15444" s="18" t="s">
        <v>7649</v>
      </c>
      <c r="E15444" s="18"/>
      <c r="F15444" s="18"/>
      <c r="G15444" s="18"/>
      <c r="H15444" s="18"/>
      <c r="I15444" s="18"/>
      <c r="J15444" s="18"/>
      <c r="K15444" s="18"/>
      <c r="L15444" s="18"/>
      <c r="M15444" s="18"/>
      <c r="N15444" s="18"/>
      <c r="O15444" s="18"/>
      <c r="P15444" s="19">
        <v>790</v>
      </c>
      <c r="Q15444" s="19"/>
      <c r="R15444" s="19"/>
      <c r="S15444" s="19"/>
      <c r="T15444" s="19">
        <v>590</v>
      </c>
      <c r="U15444" s="19"/>
      <c r="V15444" s="19"/>
      <c r="W15444" s="19"/>
      <c r="X15444" s="19">
        <v>10</v>
      </c>
      <c r="Y15444" s="19"/>
      <c r="Z15444" s="19"/>
      <c r="AA15444" s="19"/>
    </row>
    <row r="15445" spans="1:27" s="1" customFormat="1" ht="14.1" customHeight="1" outlineLevel="4" x14ac:dyDescent="0.2">
      <c r="A15445" s="17"/>
      <c r="B15445" s="17"/>
      <c r="C15445" s="17"/>
      <c r="D15445" s="18"/>
      <c r="E15445" s="18"/>
      <c r="F15445" s="18"/>
      <c r="G15445" s="18"/>
      <c r="H15445" s="18"/>
      <c r="I15445" s="18"/>
      <c r="J15445" s="18"/>
      <c r="K15445" s="18"/>
      <c r="L15445" s="18"/>
      <c r="M15445" s="18"/>
      <c r="N15445" s="18"/>
      <c r="O15445" s="18"/>
      <c r="P15445" s="19"/>
      <c r="Q15445" s="19"/>
      <c r="R15445" s="19"/>
      <c r="S15445" s="19"/>
      <c r="T15445" s="19"/>
      <c r="U15445" s="19"/>
      <c r="V15445" s="19"/>
      <c r="W15445" s="19"/>
      <c r="X15445" s="19"/>
      <c r="Y15445" s="19"/>
      <c r="Z15445" s="19"/>
      <c r="AA15445" s="19"/>
    </row>
    <row r="15446" spans="1:27" s="1" customFormat="1" ht="14.1" customHeight="1" outlineLevel="4" x14ac:dyDescent="0.2">
      <c r="A15446" s="17">
        <v>17132</v>
      </c>
      <c r="B15446" s="17"/>
      <c r="C15446" s="17"/>
      <c r="D15446" s="18" t="s">
        <v>7650</v>
      </c>
      <c r="E15446" s="18"/>
      <c r="F15446" s="18"/>
      <c r="G15446" s="18"/>
      <c r="H15446" s="18"/>
      <c r="I15446" s="18"/>
      <c r="J15446" s="18"/>
      <c r="K15446" s="18"/>
      <c r="L15446" s="18"/>
      <c r="M15446" s="18"/>
      <c r="N15446" s="18"/>
      <c r="O15446" s="18"/>
      <c r="P15446" s="19">
        <v>790</v>
      </c>
      <c r="Q15446" s="19"/>
      <c r="R15446" s="19"/>
      <c r="S15446" s="19"/>
      <c r="T15446" s="19">
        <v>590</v>
      </c>
      <c r="U15446" s="19"/>
      <c r="V15446" s="19"/>
      <c r="W15446" s="19"/>
      <c r="X15446" s="19">
        <v>8</v>
      </c>
      <c r="Y15446" s="19"/>
      <c r="Z15446" s="19"/>
      <c r="AA15446" s="19"/>
    </row>
    <row r="15447" spans="1:27" s="1" customFormat="1" ht="14.1" customHeight="1" outlineLevel="4" x14ac:dyDescent="0.2">
      <c r="A15447" s="17"/>
      <c r="B15447" s="17"/>
      <c r="C15447" s="17"/>
      <c r="D15447" s="18"/>
      <c r="E15447" s="18"/>
      <c r="F15447" s="18"/>
      <c r="G15447" s="18"/>
      <c r="H15447" s="18"/>
      <c r="I15447" s="18"/>
      <c r="J15447" s="18"/>
      <c r="K15447" s="18"/>
      <c r="L15447" s="18"/>
      <c r="M15447" s="18"/>
      <c r="N15447" s="18"/>
      <c r="O15447" s="18"/>
      <c r="P15447" s="19"/>
      <c r="Q15447" s="19"/>
      <c r="R15447" s="19"/>
      <c r="S15447" s="19"/>
      <c r="T15447" s="19"/>
      <c r="U15447" s="19"/>
      <c r="V15447" s="19"/>
      <c r="W15447" s="19"/>
      <c r="X15447" s="19"/>
      <c r="Y15447" s="19"/>
      <c r="Z15447" s="19"/>
      <c r="AA15447" s="19"/>
    </row>
    <row r="15448" spans="1:27" s="1" customFormat="1" ht="14.1" customHeight="1" outlineLevel="4" x14ac:dyDescent="0.2">
      <c r="A15448" s="17">
        <v>6009</v>
      </c>
      <c r="B15448" s="17"/>
      <c r="C15448" s="17"/>
      <c r="D15448" s="18" t="s">
        <v>7651</v>
      </c>
      <c r="E15448" s="18"/>
      <c r="F15448" s="18"/>
      <c r="G15448" s="18"/>
      <c r="H15448" s="18"/>
      <c r="I15448" s="18"/>
      <c r="J15448" s="18"/>
      <c r="K15448" s="18"/>
      <c r="L15448" s="18"/>
      <c r="M15448" s="18"/>
      <c r="N15448" s="18"/>
      <c r="O15448" s="18"/>
      <c r="P15448" s="19">
        <v>605</v>
      </c>
      <c r="Q15448" s="19"/>
      <c r="R15448" s="19"/>
      <c r="S15448" s="19"/>
      <c r="T15448" s="19">
        <v>405</v>
      </c>
      <c r="U15448" s="19"/>
      <c r="V15448" s="19"/>
      <c r="W15448" s="19"/>
      <c r="X15448" s="19">
        <v>5</v>
      </c>
      <c r="Y15448" s="19"/>
      <c r="Z15448" s="19"/>
      <c r="AA15448" s="19"/>
    </row>
    <row r="15449" spans="1:27" s="1" customFormat="1" ht="14.1" customHeight="1" outlineLevel="4" x14ac:dyDescent="0.2">
      <c r="A15449" s="17"/>
      <c r="B15449" s="17"/>
      <c r="C15449" s="17"/>
      <c r="D15449" s="18"/>
      <c r="E15449" s="18"/>
      <c r="F15449" s="18"/>
      <c r="G15449" s="18"/>
      <c r="H15449" s="18"/>
      <c r="I15449" s="18"/>
      <c r="J15449" s="18"/>
      <c r="K15449" s="18"/>
      <c r="L15449" s="18"/>
      <c r="M15449" s="18"/>
      <c r="N15449" s="18"/>
      <c r="O15449" s="18"/>
      <c r="P15449" s="19"/>
      <c r="Q15449" s="19"/>
      <c r="R15449" s="19"/>
      <c r="S15449" s="19"/>
      <c r="T15449" s="19"/>
      <c r="U15449" s="19"/>
      <c r="V15449" s="19"/>
      <c r="W15449" s="19"/>
      <c r="X15449" s="19"/>
      <c r="Y15449" s="19"/>
      <c r="Z15449" s="19"/>
      <c r="AA15449" s="19"/>
    </row>
    <row r="15450" spans="1:27" s="1" customFormat="1" ht="14.1" customHeight="1" outlineLevel="4" x14ac:dyDescent="0.2">
      <c r="A15450" s="17">
        <v>9084</v>
      </c>
      <c r="B15450" s="17"/>
      <c r="C15450" s="17"/>
      <c r="D15450" s="18" t="s">
        <v>7652</v>
      </c>
      <c r="E15450" s="18"/>
      <c r="F15450" s="18"/>
      <c r="G15450" s="18"/>
      <c r="H15450" s="18"/>
      <c r="I15450" s="18"/>
      <c r="J15450" s="18"/>
      <c r="K15450" s="18"/>
      <c r="L15450" s="18"/>
      <c r="M15450" s="18"/>
      <c r="N15450" s="18"/>
      <c r="O15450" s="18"/>
      <c r="P15450" s="19">
        <v>600</v>
      </c>
      <c r="Q15450" s="19"/>
      <c r="R15450" s="19"/>
      <c r="S15450" s="19"/>
      <c r="T15450" s="19">
        <v>450</v>
      </c>
      <c r="U15450" s="19"/>
      <c r="V15450" s="19"/>
      <c r="W15450" s="19"/>
      <c r="X15450" s="19">
        <v>16</v>
      </c>
      <c r="Y15450" s="19"/>
      <c r="Z15450" s="19"/>
      <c r="AA15450" s="19"/>
    </row>
    <row r="15451" spans="1:27" s="1" customFormat="1" ht="14.1" customHeight="1" outlineLevel="4" x14ac:dyDescent="0.2">
      <c r="A15451" s="17"/>
      <c r="B15451" s="17"/>
      <c r="C15451" s="17"/>
      <c r="D15451" s="18"/>
      <c r="E15451" s="18"/>
      <c r="F15451" s="18"/>
      <c r="G15451" s="18"/>
      <c r="H15451" s="18"/>
      <c r="I15451" s="18"/>
      <c r="J15451" s="18"/>
      <c r="K15451" s="18"/>
      <c r="L15451" s="18"/>
      <c r="M15451" s="18"/>
      <c r="N15451" s="18"/>
      <c r="O15451" s="18"/>
      <c r="P15451" s="19"/>
      <c r="Q15451" s="19"/>
      <c r="R15451" s="19"/>
      <c r="S15451" s="19"/>
      <c r="T15451" s="19"/>
      <c r="U15451" s="19"/>
      <c r="V15451" s="19"/>
      <c r="W15451" s="19"/>
      <c r="X15451" s="19"/>
      <c r="Y15451" s="19"/>
      <c r="Z15451" s="19"/>
      <c r="AA15451" s="19"/>
    </row>
    <row r="15452" spans="1:27" s="1" customFormat="1" ht="14.1" customHeight="1" outlineLevel="4" x14ac:dyDescent="0.2">
      <c r="A15452" s="17">
        <v>18159</v>
      </c>
      <c r="B15452" s="17"/>
      <c r="C15452" s="17"/>
      <c r="D15452" s="18" t="s">
        <v>7653</v>
      </c>
      <c r="E15452" s="18"/>
      <c r="F15452" s="18"/>
      <c r="G15452" s="18"/>
      <c r="H15452" s="18"/>
      <c r="I15452" s="18"/>
      <c r="J15452" s="18"/>
      <c r="K15452" s="18"/>
      <c r="L15452" s="18"/>
      <c r="M15452" s="18"/>
      <c r="N15452" s="18"/>
      <c r="O15452" s="18"/>
      <c r="P15452" s="19">
        <v>720</v>
      </c>
      <c r="Q15452" s="19"/>
      <c r="R15452" s="19"/>
      <c r="S15452" s="19"/>
      <c r="T15452" s="19">
        <v>590</v>
      </c>
      <c r="U15452" s="19"/>
      <c r="V15452" s="19"/>
      <c r="W15452" s="19"/>
      <c r="X15452" s="19">
        <v>15</v>
      </c>
      <c r="Y15452" s="19"/>
      <c r="Z15452" s="19"/>
      <c r="AA15452" s="19"/>
    </row>
    <row r="15453" spans="1:27" s="1" customFormat="1" ht="14.1" customHeight="1" outlineLevel="4" x14ac:dyDescent="0.2">
      <c r="A15453" s="17"/>
      <c r="B15453" s="17"/>
      <c r="C15453" s="17"/>
      <c r="D15453" s="18"/>
      <c r="E15453" s="18"/>
      <c r="F15453" s="18"/>
      <c r="G15453" s="18"/>
      <c r="H15453" s="18"/>
      <c r="I15453" s="18"/>
      <c r="J15453" s="18"/>
      <c r="K15453" s="18"/>
      <c r="L15453" s="18"/>
      <c r="M15453" s="18"/>
      <c r="N15453" s="18"/>
      <c r="O15453" s="18"/>
      <c r="P15453" s="19"/>
      <c r="Q15453" s="19"/>
      <c r="R15453" s="19"/>
      <c r="S15453" s="19"/>
      <c r="T15453" s="19"/>
      <c r="U15453" s="19"/>
      <c r="V15453" s="19"/>
      <c r="W15453" s="19"/>
      <c r="X15453" s="19"/>
      <c r="Y15453" s="19"/>
      <c r="Z15453" s="19"/>
      <c r="AA15453" s="19"/>
    </row>
    <row r="15454" spans="1:27" s="1" customFormat="1" ht="11.1" customHeight="1" outlineLevel="4" x14ac:dyDescent="0.2">
      <c r="A15454" s="17">
        <v>9159</v>
      </c>
      <c r="B15454" s="17"/>
      <c r="C15454" s="17"/>
      <c r="D15454" s="18" t="s">
        <v>7654</v>
      </c>
      <c r="E15454" s="18"/>
      <c r="F15454" s="18"/>
      <c r="G15454" s="18"/>
      <c r="H15454" s="18"/>
      <c r="I15454" s="18"/>
      <c r="J15454" s="18"/>
      <c r="K15454" s="18"/>
      <c r="L15454" s="18"/>
      <c r="M15454" s="18"/>
      <c r="N15454" s="18"/>
      <c r="O15454" s="18"/>
      <c r="P15454" s="19">
        <v>650</v>
      </c>
      <c r="Q15454" s="19"/>
      <c r="R15454" s="19"/>
      <c r="S15454" s="19"/>
      <c r="T15454" s="19">
        <v>500</v>
      </c>
      <c r="U15454" s="19"/>
      <c r="V15454" s="19"/>
      <c r="W15454" s="19"/>
      <c r="X15454" s="19">
        <v>3</v>
      </c>
      <c r="Y15454" s="19"/>
      <c r="Z15454" s="19"/>
      <c r="AA15454" s="19"/>
    </row>
    <row r="15455" spans="1:27" s="1" customFormat="1" ht="11.1" customHeight="1" outlineLevel="4" x14ac:dyDescent="0.2">
      <c r="A15455" s="17"/>
      <c r="B15455" s="17"/>
      <c r="C15455" s="17"/>
      <c r="D15455" s="18"/>
      <c r="E15455" s="18"/>
      <c r="F15455" s="18"/>
      <c r="G15455" s="18"/>
      <c r="H15455" s="18"/>
      <c r="I15455" s="18"/>
      <c r="J15455" s="18"/>
      <c r="K15455" s="18"/>
      <c r="L15455" s="18"/>
      <c r="M15455" s="18"/>
      <c r="N15455" s="18"/>
      <c r="O15455" s="18"/>
      <c r="P15455" s="19"/>
      <c r="Q15455" s="19"/>
      <c r="R15455" s="19"/>
      <c r="S15455" s="19"/>
      <c r="T15455" s="19"/>
      <c r="U15455" s="19"/>
      <c r="V15455" s="19"/>
      <c r="W15455" s="19"/>
      <c r="X15455" s="19"/>
      <c r="Y15455" s="19"/>
      <c r="Z15455" s="19"/>
      <c r="AA15455" s="19"/>
    </row>
    <row r="15456" spans="1:27" s="1" customFormat="1" ht="14.1" customHeight="1" outlineLevel="4" x14ac:dyDescent="0.2">
      <c r="A15456" s="17">
        <v>17498</v>
      </c>
      <c r="B15456" s="17"/>
      <c r="C15456" s="17"/>
      <c r="D15456" s="18" t="s">
        <v>7655</v>
      </c>
      <c r="E15456" s="18"/>
      <c r="F15456" s="18"/>
      <c r="G15456" s="18"/>
      <c r="H15456" s="18"/>
      <c r="I15456" s="18"/>
      <c r="J15456" s="18"/>
      <c r="K15456" s="18"/>
      <c r="L15456" s="18"/>
      <c r="M15456" s="18"/>
      <c r="N15456" s="18"/>
      <c r="O15456" s="18"/>
      <c r="P15456" s="20">
        <v>1000</v>
      </c>
      <c r="Q15456" s="20"/>
      <c r="R15456" s="20"/>
      <c r="S15456" s="20"/>
      <c r="T15456" s="19">
        <v>900</v>
      </c>
      <c r="U15456" s="19"/>
      <c r="V15456" s="19"/>
      <c r="W15456" s="19"/>
      <c r="X15456" s="19">
        <v>1</v>
      </c>
      <c r="Y15456" s="19"/>
      <c r="Z15456" s="19"/>
      <c r="AA15456" s="19"/>
    </row>
    <row r="15457" spans="1:27" s="1" customFormat="1" ht="14.1" customHeight="1" outlineLevel="4" x14ac:dyDescent="0.2">
      <c r="A15457" s="17"/>
      <c r="B15457" s="17"/>
      <c r="C15457" s="17"/>
      <c r="D15457" s="18"/>
      <c r="E15457" s="18"/>
      <c r="F15457" s="18"/>
      <c r="G15457" s="18"/>
      <c r="H15457" s="18"/>
      <c r="I15457" s="18"/>
      <c r="J15457" s="18"/>
      <c r="K15457" s="18"/>
      <c r="L15457" s="18"/>
      <c r="M15457" s="18"/>
      <c r="N15457" s="18"/>
      <c r="O15457" s="18"/>
      <c r="P15457" s="20"/>
      <c r="Q15457" s="20"/>
      <c r="R15457" s="20"/>
      <c r="S15457" s="20"/>
      <c r="T15457" s="19"/>
      <c r="U15457" s="19"/>
      <c r="V15457" s="19"/>
      <c r="W15457" s="19"/>
      <c r="X15457" s="19"/>
      <c r="Y15457" s="19"/>
      <c r="Z15457" s="19"/>
      <c r="AA15457" s="19"/>
    </row>
    <row r="15458" spans="1:27" s="1" customFormat="1" ht="11.1" customHeight="1" outlineLevel="4" x14ac:dyDescent="0.2">
      <c r="A15458" s="17">
        <v>8466</v>
      </c>
      <c r="B15458" s="17"/>
      <c r="C15458" s="17"/>
      <c r="D15458" s="18" t="s">
        <v>7656</v>
      </c>
      <c r="E15458" s="18"/>
      <c r="F15458" s="18"/>
      <c r="G15458" s="18"/>
      <c r="H15458" s="18"/>
      <c r="I15458" s="18"/>
      <c r="J15458" s="18"/>
      <c r="K15458" s="18"/>
      <c r="L15458" s="18"/>
      <c r="M15458" s="18"/>
      <c r="N15458" s="18"/>
      <c r="O15458" s="18"/>
      <c r="P15458" s="19">
        <v>460</v>
      </c>
      <c r="Q15458" s="19"/>
      <c r="R15458" s="19"/>
      <c r="S15458" s="19"/>
      <c r="T15458" s="19">
        <v>340</v>
      </c>
      <c r="U15458" s="19"/>
      <c r="V15458" s="19"/>
      <c r="W15458" s="19"/>
      <c r="X15458" s="19">
        <v>18</v>
      </c>
      <c r="Y15458" s="19"/>
      <c r="Z15458" s="19"/>
      <c r="AA15458" s="19"/>
    </row>
    <row r="15459" spans="1:27" s="1" customFormat="1" ht="11.1" customHeight="1" outlineLevel="4" x14ac:dyDescent="0.2">
      <c r="A15459" s="17"/>
      <c r="B15459" s="17"/>
      <c r="C15459" s="17"/>
      <c r="D15459" s="18"/>
      <c r="E15459" s="18"/>
      <c r="F15459" s="18"/>
      <c r="G15459" s="18"/>
      <c r="H15459" s="18"/>
      <c r="I15459" s="18"/>
      <c r="J15459" s="18"/>
      <c r="K15459" s="18"/>
      <c r="L15459" s="18"/>
      <c r="M15459" s="18"/>
      <c r="N15459" s="18"/>
      <c r="O15459" s="18"/>
      <c r="P15459" s="19"/>
      <c r="Q15459" s="19"/>
      <c r="R15459" s="19"/>
      <c r="S15459" s="19"/>
      <c r="T15459" s="19"/>
      <c r="U15459" s="19"/>
      <c r="V15459" s="19"/>
      <c r="W15459" s="19"/>
      <c r="X15459" s="19"/>
      <c r="Y15459" s="19"/>
      <c r="Z15459" s="19"/>
      <c r="AA15459" s="19"/>
    </row>
    <row r="15460" spans="1:27" s="1" customFormat="1" ht="14.1" customHeight="1" outlineLevel="4" x14ac:dyDescent="0.2">
      <c r="A15460" s="17">
        <v>17432</v>
      </c>
      <c r="B15460" s="17"/>
      <c r="C15460" s="17"/>
      <c r="D15460" s="18" t="s">
        <v>7657</v>
      </c>
      <c r="E15460" s="18"/>
      <c r="F15460" s="18"/>
      <c r="G15460" s="18"/>
      <c r="H15460" s="18"/>
      <c r="I15460" s="18"/>
      <c r="J15460" s="18"/>
      <c r="K15460" s="18"/>
      <c r="L15460" s="18"/>
      <c r="M15460" s="18"/>
      <c r="N15460" s="18"/>
      <c r="O15460" s="18"/>
      <c r="P15460" s="20">
        <v>1200</v>
      </c>
      <c r="Q15460" s="20"/>
      <c r="R15460" s="20"/>
      <c r="S15460" s="20"/>
      <c r="T15460" s="20">
        <v>1000</v>
      </c>
      <c r="U15460" s="20"/>
      <c r="V15460" s="20"/>
      <c r="W15460" s="20"/>
      <c r="X15460" s="19">
        <v>1</v>
      </c>
      <c r="Y15460" s="19"/>
      <c r="Z15460" s="19"/>
      <c r="AA15460" s="19"/>
    </row>
    <row r="15461" spans="1:27" s="1" customFormat="1" ht="14.1" customHeight="1" outlineLevel="4" x14ac:dyDescent="0.2">
      <c r="A15461" s="17"/>
      <c r="B15461" s="17"/>
      <c r="C15461" s="17"/>
      <c r="D15461" s="18"/>
      <c r="E15461" s="18"/>
      <c r="F15461" s="18"/>
      <c r="G15461" s="18"/>
      <c r="H15461" s="18"/>
      <c r="I15461" s="18"/>
      <c r="J15461" s="18"/>
      <c r="K15461" s="18"/>
      <c r="L15461" s="18"/>
      <c r="M15461" s="18"/>
      <c r="N15461" s="18"/>
      <c r="O15461" s="18"/>
      <c r="P15461" s="20"/>
      <c r="Q15461" s="20"/>
      <c r="R15461" s="20"/>
      <c r="S15461" s="20"/>
      <c r="T15461" s="20"/>
      <c r="U15461" s="20"/>
      <c r="V15461" s="20"/>
      <c r="W15461" s="20"/>
      <c r="X15461" s="19"/>
      <c r="Y15461" s="19"/>
      <c r="Z15461" s="19"/>
      <c r="AA15461" s="19"/>
    </row>
    <row r="15462" spans="1:27" s="1" customFormat="1" ht="14.1" customHeight="1" outlineLevel="4" x14ac:dyDescent="0.2">
      <c r="A15462" s="17">
        <v>17936</v>
      </c>
      <c r="B15462" s="17"/>
      <c r="C15462" s="17"/>
      <c r="D15462" s="18" t="s">
        <v>7658</v>
      </c>
      <c r="E15462" s="18"/>
      <c r="F15462" s="18"/>
      <c r="G15462" s="18"/>
      <c r="H15462" s="18"/>
      <c r="I15462" s="18"/>
      <c r="J15462" s="18"/>
      <c r="K15462" s="18"/>
      <c r="L15462" s="18"/>
      <c r="M15462" s="18"/>
      <c r="N15462" s="18"/>
      <c r="O15462" s="18"/>
      <c r="P15462" s="20">
        <v>1200</v>
      </c>
      <c r="Q15462" s="20"/>
      <c r="R15462" s="20"/>
      <c r="S15462" s="20"/>
      <c r="T15462" s="20">
        <v>1000</v>
      </c>
      <c r="U15462" s="20"/>
      <c r="V15462" s="20"/>
      <c r="W15462" s="20"/>
      <c r="X15462" s="19">
        <v>1</v>
      </c>
      <c r="Y15462" s="19"/>
      <c r="Z15462" s="19"/>
      <c r="AA15462" s="19"/>
    </row>
    <row r="15463" spans="1:27" s="1" customFormat="1" ht="14.1" customHeight="1" outlineLevel="4" x14ac:dyDescent="0.2">
      <c r="A15463" s="17"/>
      <c r="B15463" s="17"/>
      <c r="C15463" s="17"/>
      <c r="D15463" s="18"/>
      <c r="E15463" s="18"/>
      <c r="F15463" s="18"/>
      <c r="G15463" s="18"/>
      <c r="H15463" s="18"/>
      <c r="I15463" s="18"/>
      <c r="J15463" s="18"/>
      <c r="K15463" s="18"/>
      <c r="L15463" s="18"/>
      <c r="M15463" s="18"/>
      <c r="N15463" s="18"/>
      <c r="O15463" s="18"/>
      <c r="P15463" s="20"/>
      <c r="Q15463" s="20"/>
      <c r="R15463" s="20"/>
      <c r="S15463" s="20"/>
      <c r="T15463" s="20"/>
      <c r="U15463" s="20"/>
      <c r="V15463" s="20"/>
      <c r="W15463" s="20"/>
      <c r="X15463" s="19"/>
      <c r="Y15463" s="19"/>
      <c r="Z15463" s="19"/>
      <c r="AA15463" s="19"/>
    </row>
    <row r="15464" spans="1:27" s="1" customFormat="1" ht="14.1" customHeight="1" outlineLevel="4" x14ac:dyDescent="0.2">
      <c r="A15464" s="17">
        <v>10471</v>
      </c>
      <c r="B15464" s="17"/>
      <c r="C15464" s="17"/>
      <c r="D15464" s="18" t="s">
        <v>7659</v>
      </c>
      <c r="E15464" s="18"/>
      <c r="F15464" s="18"/>
      <c r="G15464" s="18"/>
      <c r="H15464" s="18"/>
      <c r="I15464" s="18"/>
      <c r="J15464" s="18"/>
      <c r="K15464" s="18"/>
      <c r="L15464" s="18"/>
      <c r="M15464" s="18"/>
      <c r="N15464" s="18"/>
      <c r="O15464" s="18"/>
      <c r="P15464" s="19">
        <v>420</v>
      </c>
      <c r="Q15464" s="19"/>
      <c r="R15464" s="19"/>
      <c r="S15464" s="19"/>
      <c r="T15464" s="19">
        <v>310</v>
      </c>
      <c r="U15464" s="19"/>
      <c r="V15464" s="19"/>
      <c r="W15464" s="19"/>
      <c r="X15464" s="19">
        <v>9</v>
      </c>
      <c r="Y15464" s="19"/>
      <c r="Z15464" s="19"/>
      <c r="AA15464" s="19"/>
    </row>
    <row r="15465" spans="1:27" s="1" customFormat="1" ht="14.1" customHeight="1" outlineLevel="4" x14ac:dyDescent="0.2">
      <c r="A15465" s="17"/>
      <c r="B15465" s="17"/>
      <c r="C15465" s="17"/>
      <c r="D15465" s="18"/>
      <c r="E15465" s="18"/>
      <c r="F15465" s="18"/>
      <c r="G15465" s="18"/>
      <c r="H15465" s="18"/>
      <c r="I15465" s="18"/>
      <c r="J15465" s="18"/>
      <c r="K15465" s="18"/>
      <c r="L15465" s="18"/>
      <c r="M15465" s="18"/>
      <c r="N15465" s="18"/>
      <c r="O15465" s="18"/>
      <c r="P15465" s="19"/>
      <c r="Q15465" s="19"/>
      <c r="R15465" s="19"/>
      <c r="S15465" s="19"/>
      <c r="T15465" s="19"/>
      <c r="U15465" s="19"/>
      <c r="V15465" s="19"/>
      <c r="W15465" s="19"/>
      <c r="X15465" s="19"/>
      <c r="Y15465" s="19"/>
      <c r="Z15465" s="19"/>
      <c r="AA15465" s="19"/>
    </row>
    <row r="15466" spans="1:27" s="1" customFormat="1" ht="14.1" customHeight="1" outlineLevel="4" x14ac:dyDescent="0.2">
      <c r="A15466" s="17">
        <v>6430</v>
      </c>
      <c r="B15466" s="17"/>
      <c r="C15466" s="17"/>
      <c r="D15466" s="18" t="s">
        <v>7660</v>
      </c>
      <c r="E15466" s="18"/>
      <c r="F15466" s="18"/>
      <c r="G15466" s="18"/>
      <c r="H15466" s="18"/>
      <c r="I15466" s="18"/>
      <c r="J15466" s="18"/>
      <c r="K15466" s="18"/>
      <c r="L15466" s="18"/>
      <c r="M15466" s="18"/>
      <c r="N15466" s="18"/>
      <c r="O15466" s="18"/>
      <c r="P15466" s="19">
        <v>750</v>
      </c>
      <c r="Q15466" s="19"/>
      <c r="R15466" s="19"/>
      <c r="S15466" s="19"/>
      <c r="T15466" s="19">
        <v>550</v>
      </c>
      <c r="U15466" s="19"/>
      <c r="V15466" s="19"/>
      <c r="W15466" s="19"/>
      <c r="X15466" s="19">
        <v>64</v>
      </c>
      <c r="Y15466" s="19"/>
      <c r="Z15466" s="19"/>
      <c r="AA15466" s="19"/>
    </row>
    <row r="15467" spans="1:27" s="1" customFormat="1" ht="14.1" customHeight="1" outlineLevel="4" x14ac:dyDescent="0.2">
      <c r="A15467" s="17"/>
      <c r="B15467" s="17"/>
      <c r="C15467" s="17"/>
      <c r="D15467" s="18"/>
      <c r="E15467" s="18"/>
      <c r="F15467" s="18"/>
      <c r="G15467" s="18"/>
      <c r="H15467" s="18"/>
      <c r="I15467" s="18"/>
      <c r="J15467" s="18"/>
      <c r="K15467" s="18"/>
      <c r="L15467" s="18"/>
      <c r="M15467" s="18"/>
      <c r="N15467" s="18"/>
      <c r="O15467" s="18"/>
      <c r="P15467" s="19"/>
      <c r="Q15467" s="19"/>
      <c r="R15467" s="19"/>
      <c r="S15467" s="19"/>
      <c r="T15467" s="19"/>
      <c r="U15467" s="19"/>
      <c r="V15467" s="19"/>
      <c r="W15467" s="19"/>
      <c r="X15467" s="19"/>
      <c r="Y15467" s="19"/>
      <c r="Z15467" s="19"/>
      <c r="AA15467" s="19"/>
    </row>
    <row r="15468" spans="1:27" s="1" customFormat="1" ht="11.1" customHeight="1" outlineLevel="3" x14ac:dyDescent="0.2">
      <c r="A15468" s="16" t="s">
        <v>2336</v>
      </c>
      <c r="B15468" s="16"/>
      <c r="C15468" s="16"/>
      <c r="D15468" s="16"/>
      <c r="E15468" s="16"/>
      <c r="F15468" s="16"/>
      <c r="G15468" s="16"/>
      <c r="H15468" s="16"/>
      <c r="I15468" s="16"/>
      <c r="J15468" s="16"/>
      <c r="K15468" s="16"/>
      <c r="L15468" s="16"/>
      <c r="M15468" s="16"/>
      <c r="N15468" s="16"/>
      <c r="O15468" s="16"/>
      <c r="P15468" s="16"/>
      <c r="Q15468" s="16"/>
      <c r="R15468" s="16"/>
      <c r="S15468" s="16"/>
      <c r="T15468" s="16"/>
      <c r="U15468" s="16"/>
      <c r="V15468" s="16"/>
      <c r="W15468" s="16"/>
      <c r="X15468" s="16"/>
      <c r="Y15468" s="16"/>
      <c r="Z15468" s="16"/>
      <c r="AA15468" s="16"/>
    </row>
    <row r="15469" spans="1:27" s="1" customFormat="1" ht="11.1" customHeight="1" outlineLevel="3" x14ac:dyDescent="0.2">
      <c r="A15469" s="16"/>
      <c r="B15469" s="16"/>
      <c r="C15469" s="16"/>
      <c r="D15469" s="16"/>
      <c r="E15469" s="16"/>
      <c r="F15469" s="16"/>
      <c r="G15469" s="16"/>
      <c r="H15469" s="16"/>
      <c r="I15469" s="16"/>
      <c r="J15469" s="16"/>
      <c r="K15469" s="16"/>
      <c r="L15469" s="16"/>
      <c r="M15469" s="16"/>
      <c r="N15469" s="16"/>
      <c r="O15469" s="16"/>
      <c r="P15469" s="16"/>
      <c r="Q15469" s="16"/>
      <c r="R15469" s="16"/>
      <c r="S15469" s="16"/>
      <c r="T15469" s="16"/>
      <c r="U15469" s="16"/>
      <c r="V15469" s="16"/>
      <c r="W15469" s="16"/>
      <c r="X15469" s="16"/>
      <c r="Y15469" s="16"/>
      <c r="Z15469" s="16"/>
      <c r="AA15469" s="16"/>
    </row>
    <row r="15470" spans="1:27" s="1" customFormat="1" ht="14.1" customHeight="1" outlineLevel="4" x14ac:dyDescent="0.2">
      <c r="A15470" s="17">
        <v>18158</v>
      </c>
      <c r="B15470" s="17"/>
      <c r="C15470" s="17"/>
      <c r="D15470" s="18" t="s">
        <v>7661</v>
      </c>
      <c r="E15470" s="18"/>
      <c r="F15470" s="18"/>
      <c r="G15470" s="18"/>
      <c r="H15470" s="18"/>
      <c r="I15470" s="18"/>
      <c r="J15470" s="18"/>
      <c r="K15470" s="18"/>
      <c r="L15470" s="18"/>
      <c r="M15470" s="18"/>
      <c r="N15470" s="18"/>
      <c r="O15470" s="18"/>
      <c r="P15470" s="19">
        <v>650</v>
      </c>
      <c r="Q15470" s="19"/>
      <c r="R15470" s="19"/>
      <c r="S15470" s="19"/>
      <c r="T15470" s="19">
        <v>500</v>
      </c>
      <c r="U15470" s="19"/>
      <c r="V15470" s="19"/>
      <c r="W15470" s="19"/>
      <c r="X15470" s="19">
        <v>15</v>
      </c>
      <c r="Y15470" s="19"/>
      <c r="Z15470" s="19"/>
      <c r="AA15470" s="19"/>
    </row>
    <row r="15471" spans="1:27" s="1" customFormat="1" ht="14.1" customHeight="1" outlineLevel="4" x14ac:dyDescent="0.2">
      <c r="A15471" s="17"/>
      <c r="B15471" s="17"/>
      <c r="C15471" s="17"/>
      <c r="D15471" s="18"/>
      <c r="E15471" s="18"/>
      <c r="F15471" s="18"/>
      <c r="G15471" s="18"/>
      <c r="H15471" s="18"/>
      <c r="I15471" s="18"/>
      <c r="J15471" s="18"/>
      <c r="K15471" s="18"/>
      <c r="L15471" s="18"/>
      <c r="M15471" s="18"/>
      <c r="N15471" s="18"/>
      <c r="O15471" s="18"/>
      <c r="P15471" s="19"/>
      <c r="Q15471" s="19"/>
      <c r="R15471" s="19"/>
      <c r="S15471" s="19"/>
      <c r="T15471" s="19"/>
      <c r="U15471" s="19"/>
      <c r="V15471" s="19"/>
      <c r="W15471" s="19"/>
      <c r="X15471" s="19"/>
      <c r="Y15471" s="19"/>
      <c r="Z15471" s="19"/>
      <c r="AA15471" s="19"/>
    </row>
    <row r="15472" spans="1:27" s="1" customFormat="1" ht="11.1" customHeight="1" outlineLevel="3" x14ac:dyDescent="0.2">
      <c r="A15472" s="16" t="s">
        <v>1634</v>
      </c>
      <c r="B15472" s="16"/>
      <c r="C15472" s="16"/>
      <c r="D15472" s="16"/>
      <c r="E15472" s="16"/>
      <c r="F15472" s="16"/>
      <c r="G15472" s="16"/>
      <c r="H15472" s="16"/>
      <c r="I15472" s="16"/>
      <c r="J15472" s="16"/>
      <c r="K15472" s="16"/>
      <c r="L15472" s="16"/>
      <c r="M15472" s="16"/>
      <c r="N15472" s="16"/>
      <c r="O15472" s="16"/>
      <c r="P15472" s="16"/>
      <c r="Q15472" s="16"/>
      <c r="R15472" s="16"/>
      <c r="S15472" s="16"/>
      <c r="T15472" s="16"/>
      <c r="U15472" s="16"/>
      <c r="V15472" s="16"/>
      <c r="W15472" s="16"/>
      <c r="X15472" s="16"/>
      <c r="Y15472" s="16"/>
      <c r="Z15472" s="16"/>
      <c r="AA15472" s="16"/>
    </row>
    <row r="15473" spans="1:27" s="1" customFormat="1" ht="11.1" customHeight="1" outlineLevel="3" x14ac:dyDescent="0.2">
      <c r="A15473" s="16"/>
      <c r="B15473" s="16"/>
      <c r="C15473" s="16"/>
      <c r="D15473" s="16"/>
      <c r="E15473" s="16"/>
      <c r="F15473" s="16"/>
      <c r="G15473" s="16"/>
      <c r="H15473" s="16"/>
      <c r="I15473" s="16"/>
      <c r="J15473" s="16"/>
      <c r="K15473" s="16"/>
      <c r="L15473" s="16"/>
      <c r="M15473" s="16"/>
      <c r="N15473" s="16"/>
      <c r="O15473" s="16"/>
      <c r="P15473" s="16"/>
      <c r="Q15473" s="16"/>
      <c r="R15473" s="16"/>
      <c r="S15473" s="16"/>
      <c r="T15473" s="16"/>
      <c r="U15473" s="16"/>
      <c r="V15473" s="16"/>
      <c r="W15473" s="16"/>
      <c r="X15473" s="16"/>
      <c r="Y15473" s="16"/>
      <c r="Z15473" s="16"/>
      <c r="AA15473" s="16"/>
    </row>
    <row r="15474" spans="1:27" s="1" customFormat="1" ht="11.1" customHeight="1" outlineLevel="4" x14ac:dyDescent="0.2">
      <c r="A15474" s="17">
        <v>240</v>
      </c>
      <c r="B15474" s="17"/>
      <c r="C15474" s="17"/>
      <c r="D15474" s="18" t="s">
        <v>7662</v>
      </c>
      <c r="E15474" s="18"/>
      <c r="F15474" s="18"/>
      <c r="G15474" s="18"/>
      <c r="H15474" s="18"/>
      <c r="I15474" s="18"/>
      <c r="J15474" s="18"/>
      <c r="K15474" s="18"/>
      <c r="L15474" s="18"/>
      <c r="M15474" s="18"/>
      <c r="N15474" s="18"/>
      <c r="O15474" s="18"/>
      <c r="P15474" s="19">
        <v>650</v>
      </c>
      <c r="Q15474" s="19"/>
      <c r="R15474" s="19"/>
      <c r="S15474" s="19"/>
      <c r="T15474" s="19">
        <v>550</v>
      </c>
      <c r="U15474" s="19"/>
      <c r="V15474" s="19"/>
      <c r="W15474" s="19"/>
      <c r="X15474" s="19">
        <v>1</v>
      </c>
      <c r="Y15474" s="19"/>
      <c r="Z15474" s="19"/>
      <c r="AA15474" s="19"/>
    </row>
    <row r="15475" spans="1:27" s="1" customFormat="1" ht="11.1" customHeight="1" outlineLevel="4" x14ac:dyDescent="0.2">
      <c r="A15475" s="17"/>
      <c r="B15475" s="17"/>
      <c r="C15475" s="17"/>
      <c r="D15475" s="18"/>
      <c r="E15475" s="18"/>
      <c r="F15475" s="18"/>
      <c r="G15475" s="18"/>
      <c r="H15475" s="18"/>
      <c r="I15475" s="18"/>
      <c r="J15475" s="18"/>
      <c r="K15475" s="18"/>
      <c r="L15475" s="18"/>
      <c r="M15475" s="18"/>
      <c r="N15475" s="18"/>
      <c r="O15475" s="18"/>
      <c r="P15475" s="19"/>
      <c r="Q15475" s="19"/>
      <c r="R15475" s="19"/>
      <c r="S15475" s="19"/>
      <c r="T15475" s="19"/>
      <c r="U15475" s="19"/>
      <c r="V15475" s="19"/>
      <c r="W15475" s="19"/>
      <c r="X15475" s="19"/>
      <c r="Y15475" s="19"/>
      <c r="Z15475" s="19"/>
      <c r="AA15475" s="19"/>
    </row>
    <row r="15476" spans="1:27" s="1" customFormat="1" ht="11.1" customHeight="1" outlineLevel="4" x14ac:dyDescent="0.2">
      <c r="A15476" s="17">
        <v>9239</v>
      </c>
      <c r="B15476" s="17"/>
      <c r="C15476" s="17"/>
      <c r="D15476" s="18" t="s">
        <v>7663</v>
      </c>
      <c r="E15476" s="18"/>
      <c r="F15476" s="18"/>
      <c r="G15476" s="18"/>
      <c r="H15476" s="18"/>
      <c r="I15476" s="18"/>
      <c r="J15476" s="18"/>
      <c r="K15476" s="18"/>
      <c r="L15476" s="18"/>
      <c r="M15476" s="18"/>
      <c r="N15476" s="18"/>
      <c r="O15476" s="18"/>
      <c r="P15476" s="19">
        <v>890</v>
      </c>
      <c r="Q15476" s="19"/>
      <c r="R15476" s="19"/>
      <c r="S15476" s="19"/>
      <c r="T15476" s="19">
        <v>820</v>
      </c>
      <c r="U15476" s="19"/>
      <c r="V15476" s="19"/>
      <c r="W15476" s="19"/>
      <c r="X15476" s="19">
        <v>1</v>
      </c>
      <c r="Y15476" s="19"/>
      <c r="Z15476" s="19"/>
      <c r="AA15476" s="19"/>
    </row>
    <row r="15477" spans="1:27" s="1" customFormat="1" ht="11.1" customHeight="1" outlineLevel="4" x14ac:dyDescent="0.2">
      <c r="A15477" s="17"/>
      <c r="B15477" s="17"/>
      <c r="C15477" s="17"/>
      <c r="D15477" s="18"/>
      <c r="E15477" s="18"/>
      <c r="F15477" s="18"/>
      <c r="G15477" s="18"/>
      <c r="H15477" s="18"/>
      <c r="I15477" s="18"/>
      <c r="J15477" s="18"/>
      <c r="K15477" s="18"/>
      <c r="L15477" s="18"/>
      <c r="M15477" s="18"/>
      <c r="N15477" s="18"/>
      <c r="O15477" s="18"/>
      <c r="P15477" s="19"/>
      <c r="Q15477" s="19"/>
      <c r="R15477" s="19"/>
      <c r="S15477" s="19"/>
      <c r="T15477" s="19"/>
      <c r="U15477" s="19"/>
      <c r="V15477" s="19"/>
      <c r="W15477" s="19"/>
      <c r="X15477" s="19"/>
      <c r="Y15477" s="19"/>
      <c r="Z15477" s="19"/>
      <c r="AA15477" s="19"/>
    </row>
    <row r="15478" spans="1:27" s="1" customFormat="1" ht="11.1" customHeight="1" outlineLevel="4" x14ac:dyDescent="0.2">
      <c r="A15478" s="17">
        <v>6571</v>
      </c>
      <c r="B15478" s="17"/>
      <c r="C15478" s="17"/>
      <c r="D15478" s="18" t="s">
        <v>7664</v>
      </c>
      <c r="E15478" s="18"/>
      <c r="F15478" s="18"/>
      <c r="G15478" s="18"/>
      <c r="H15478" s="18"/>
      <c r="I15478" s="18"/>
      <c r="J15478" s="18"/>
      <c r="K15478" s="18"/>
      <c r="L15478" s="18"/>
      <c r="M15478" s="18"/>
      <c r="N15478" s="18"/>
      <c r="O15478" s="18"/>
      <c r="P15478" s="19">
        <v>480</v>
      </c>
      <c r="Q15478" s="19"/>
      <c r="R15478" s="19"/>
      <c r="S15478" s="19"/>
      <c r="T15478" s="19">
        <v>380</v>
      </c>
      <c r="U15478" s="19"/>
      <c r="V15478" s="19"/>
      <c r="W15478" s="19"/>
      <c r="X15478" s="19">
        <v>1</v>
      </c>
      <c r="Y15478" s="19"/>
      <c r="Z15478" s="19"/>
      <c r="AA15478" s="19"/>
    </row>
    <row r="15479" spans="1:27" s="1" customFormat="1" ht="11.1" customHeight="1" outlineLevel="4" x14ac:dyDescent="0.2">
      <c r="A15479" s="17"/>
      <c r="B15479" s="17"/>
      <c r="C15479" s="17"/>
      <c r="D15479" s="18"/>
      <c r="E15479" s="18"/>
      <c r="F15479" s="18"/>
      <c r="G15479" s="18"/>
      <c r="H15479" s="18"/>
      <c r="I15479" s="18"/>
      <c r="J15479" s="18"/>
      <c r="K15479" s="18"/>
      <c r="L15479" s="18"/>
      <c r="M15479" s="18"/>
      <c r="N15479" s="18"/>
      <c r="O15479" s="18"/>
      <c r="P15479" s="19"/>
      <c r="Q15479" s="19"/>
      <c r="R15479" s="19"/>
      <c r="S15479" s="19"/>
      <c r="T15479" s="19"/>
      <c r="U15479" s="19"/>
      <c r="V15479" s="19"/>
      <c r="W15479" s="19"/>
      <c r="X15479" s="19"/>
      <c r="Y15479" s="19"/>
      <c r="Z15479" s="19"/>
      <c r="AA15479" s="19"/>
    </row>
    <row r="15480" spans="1:27" s="1" customFormat="1" ht="11.1" customHeight="1" outlineLevel="3" x14ac:dyDescent="0.2">
      <c r="A15480" s="16" t="s">
        <v>1651</v>
      </c>
      <c r="B15480" s="16"/>
      <c r="C15480" s="16"/>
      <c r="D15480" s="16"/>
      <c r="E15480" s="16"/>
      <c r="F15480" s="16"/>
      <c r="G15480" s="16"/>
      <c r="H15480" s="16"/>
      <c r="I15480" s="16"/>
      <c r="J15480" s="16"/>
      <c r="K15480" s="16"/>
      <c r="L15480" s="16"/>
      <c r="M15480" s="16"/>
      <c r="N15480" s="16"/>
      <c r="O15480" s="16"/>
      <c r="P15480" s="16"/>
      <c r="Q15480" s="16"/>
      <c r="R15480" s="16"/>
      <c r="S15480" s="16"/>
      <c r="T15480" s="16"/>
      <c r="U15480" s="16"/>
      <c r="V15480" s="16"/>
      <c r="W15480" s="16"/>
      <c r="X15480" s="16"/>
      <c r="Y15480" s="16"/>
      <c r="Z15480" s="16"/>
      <c r="AA15480" s="16"/>
    </row>
    <row r="15481" spans="1:27" s="1" customFormat="1" ht="11.1" customHeight="1" outlineLevel="3" x14ac:dyDescent="0.2">
      <c r="A15481" s="16"/>
      <c r="B15481" s="16"/>
      <c r="C15481" s="16"/>
      <c r="D15481" s="16"/>
      <c r="E15481" s="16"/>
      <c r="F15481" s="16"/>
      <c r="G15481" s="16"/>
      <c r="H15481" s="16"/>
      <c r="I15481" s="16"/>
      <c r="J15481" s="16"/>
      <c r="K15481" s="16"/>
      <c r="L15481" s="16"/>
      <c r="M15481" s="16"/>
      <c r="N15481" s="16"/>
      <c r="O15481" s="16"/>
      <c r="P15481" s="16"/>
      <c r="Q15481" s="16"/>
      <c r="R15481" s="16"/>
      <c r="S15481" s="16"/>
      <c r="T15481" s="16"/>
      <c r="U15481" s="16"/>
      <c r="V15481" s="16"/>
      <c r="W15481" s="16"/>
      <c r="X15481" s="16"/>
      <c r="Y15481" s="16"/>
      <c r="Z15481" s="16"/>
      <c r="AA15481" s="16"/>
    </row>
    <row r="15482" spans="1:27" s="1" customFormat="1" ht="11.1" customHeight="1" outlineLevel="4" x14ac:dyDescent="0.2">
      <c r="A15482" s="17">
        <v>15755</v>
      </c>
      <c r="B15482" s="17"/>
      <c r="C15482" s="17"/>
      <c r="D15482" s="18" t="s">
        <v>7665</v>
      </c>
      <c r="E15482" s="18"/>
      <c r="F15482" s="18"/>
      <c r="G15482" s="18"/>
      <c r="H15482" s="18"/>
      <c r="I15482" s="18"/>
      <c r="J15482" s="18"/>
      <c r="K15482" s="18"/>
      <c r="L15482" s="18"/>
      <c r="M15482" s="18"/>
      <c r="N15482" s="18"/>
      <c r="O15482" s="18"/>
      <c r="P15482" s="19">
        <v>700</v>
      </c>
      <c r="Q15482" s="19"/>
      <c r="R15482" s="19"/>
      <c r="S15482" s="19"/>
      <c r="T15482" s="19">
        <v>600</v>
      </c>
      <c r="U15482" s="19"/>
      <c r="V15482" s="19"/>
      <c r="W15482" s="19"/>
      <c r="X15482" s="19">
        <v>1</v>
      </c>
      <c r="Y15482" s="19"/>
      <c r="Z15482" s="19"/>
      <c r="AA15482" s="19"/>
    </row>
    <row r="15483" spans="1:27" s="1" customFormat="1" ht="11.1" customHeight="1" outlineLevel="4" x14ac:dyDescent="0.2">
      <c r="A15483" s="17"/>
      <c r="B15483" s="17"/>
      <c r="C15483" s="17"/>
      <c r="D15483" s="18"/>
      <c r="E15483" s="18"/>
      <c r="F15483" s="18"/>
      <c r="G15483" s="18"/>
      <c r="H15483" s="18"/>
      <c r="I15483" s="18"/>
      <c r="J15483" s="18"/>
      <c r="K15483" s="18"/>
      <c r="L15483" s="18"/>
      <c r="M15483" s="18"/>
      <c r="N15483" s="18"/>
      <c r="O15483" s="18"/>
      <c r="P15483" s="19"/>
      <c r="Q15483" s="19"/>
      <c r="R15483" s="19"/>
      <c r="S15483" s="19"/>
      <c r="T15483" s="19"/>
      <c r="U15483" s="19"/>
      <c r="V15483" s="19"/>
      <c r="W15483" s="19"/>
      <c r="X15483" s="19"/>
      <c r="Y15483" s="19"/>
      <c r="Z15483" s="19"/>
      <c r="AA15483" s="19"/>
    </row>
    <row r="15484" spans="1:27" s="1" customFormat="1" ht="11.1" customHeight="1" outlineLevel="4" x14ac:dyDescent="0.2">
      <c r="A15484" s="17">
        <v>180</v>
      </c>
      <c r="B15484" s="17"/>
      <c r="C15484" s="17"/>
      <c r="D15484" s="18" t="s">
        <v>7666</v>
      </c>
      <c r="E15484" s="18"/>
      <c r="F15484" s="18"/>
      <c r="G15484" s="18"/>
      <c r="H15484" s="18"/>
      <c r="I15484" s="18"/>
      <c r="J15484" s="18"/>
      <c r="K15484" s="18"/>
      <c r="L15484" s="18"/>
      <c r="M15484" s="18"/>
      <c r="N15484" s="18"/>
      <c r="O15484" s="18"/>
      <c r="P15484" s="19">
        <v>150</v>
      </c>
      <c r="Q15484" s="19"/>
      <c r="R15484" s="19"/>
      <c r="S15484" s="19"/>
      <c r="T15484" s="19">
        <v>80</v>
      </c>
      <c r="U15484" s="19"/>
      <c r="V15484" s="19"/>
      <c r="W15484" s="19"/>
      <c r="X15484" s="19">
        <v>1</v>
      </c>
      <c r="Y15484" s="19"/>
      <c r="Z15484" s="19"/>
      <c r="AA15484" s="19"/>
    </row>
    <row r="15485" spans="1:27" s="1" customFormat="1" ht="11.1" customHeight="1" outlineLevel="4" x14ac:dyDescent="0.2">
      <c r="A15485" s="17"/>
      <c r="B15485" s="17"/>
      <c r="C15485" s="17"/>
      <c r="D15485" s="18"/>
      <c r="E15485" s="18"/>
      <c r="F15485" s="18"/>
      <c r="G15485" s="18"/>
      <c r="H15485" s="18"/>
      <c r="I15485" s="18"/>
      <c r="J15485" s="18"/>
      <c r="K15485" s="18"/>
      <c r="L15485" s="18"/>
      <c r="M15485" s="18"/>
      <c r="N15485" s="18"/>
      <c r="O15485" s="18"/>
      <c r="P15485" s="19"/>
      <c r="Q15485" s="19"/>
      <c r="R15485" s="19"/>
      <c r="S15485" s="19"/>
      <c r="T15485" s="19"/>
      <c r="U15485" s="19"/>
      <c r="V15485" s="19"/>
      <c r="W15485" s="19"/>
      <c r="X15485" s="19"/>
      <c r="Y15485" s="19"/>
      <c r="Z15485" s="19"/>
      <c r="AA15485" s="19"/>
    </row>
    <row r="15486" spans="1:27" s="1" customFormat="1" ht="11.1" customHeight="1" outlineLevel="4" x14ac:dyDescent="0.2">
      <c r="A15486" s="17">
        <v>13057</v>
      </c>
      <c r="B15486" s="17"/>
      <c r="C15486" s="17"/>
      <c r="D15486" s="18" t="s">
        <v>7667</v>
      </c>
      <c r="E15486" s="18"/>
      <c r="F15486" s="18"/>
      <c r="G15486" s="18"/>
      <c r="H15486" s="18"/>
      <c r="I15486" s="18"/>
      <c r="J15486" s="18"/>
      <c r="K15486" s="18"/>
      <c r="L15486" s="18"/>
      <c r="M15486" s="18"/>
      <c r="N15486" s="18"/>
      <c r="O15486" s="18"/>
      <c r="P15486" s="19">
        <v>620</v>
      </c>
      <c r="Q15486" s="19"/>
      <c r="R15486" s="19"/>
      <c r="S15486" s="19"/>
      <c r="T15486" s="19">
        <v>550</v>
      </c>
      <c r="U15486" s="19"/>
      <c r="V15486" s="19"/>
      <c r="W15486" s="19"/>
      <c r="X15486" s="19">
        <v>1</v>
      </c>
      <c r="Y15486" s="19"/>
      <c r="Z15486" s="19"/>
      <c r="AA15486" s="19"/>
    </row>
    <row r="15487" spans="1:27" s="1" customFormat="1" ht="11.1" customHeight="1" outlineLevel="4" x14ac:dyDescent="0.2">
      <c r="A15487" s="17"/>
      <c r="B15487" s="17"/>
      <c r="C15487" s="17"/>
      <c r="D15487" s="18"/>
      <c r="E15487" s="18"/>
      <c r="F15487" s="18"/>
      <c r="G15487" s="18"/>
      <c r="H15487" s="18"/>
      <c r="I15487" s="18"/>
      <c r="J15487" s="18"/>
      <c r="K15487" s="18"/>
      <c r="L15487" s="18"/>
      <c r="M15487" s="18"/>
      <c r="N15487" s="18"/>
      <c r="O15487" s="18"/>
      <c r="P15487" s="19"/>
      <c r="Q15487" s="19"/>
      <c r="R15487" s="19"/>
      <c r="S15487" s="19"/>
      <c r="T15487" s="19"/>
      <c r="U15487" s="19"/>
      <c r="V15487" s="19"/>
      <c r="W15487" s="19"/>
      <c r="X15487" s="19"/>
      <c r="Y15487" s="19"/>
      <c r="Z15487" s="19"/>
      <c r="AA15487" s="19"/>
    </row>
    <row r="15488" spans="1:27" s="1" customFormat="1" ht="11.1" customHeight="1" outlineLevel="4" x14ac:dyDescent="0.2">
      <c r="A15488" s="17">
        <v>301</v>
      </c>
      <c r="B15488" s="17"/>
      <c r="C15488" s="17"/>
      <c r="D15488" s="18" t="s">
        <v>7668</v>
      </c>
      <c r="E15488" s="18"/>
      <c r="F15488" s="18"/>
      <c r="G15488" s="18"/>
      <c r="H15488" s="18"/>
      <c r="I15488" s="18"/>
      <c r="J15488" s="18"/>
      <c r="K15488" s="18"/>
      <c r="L15488" s="18"/>
      <c r="M15488" s="18"/>
      <c r="N15488" s="18"/>
      <c r="O15488" s="18"/>
      <c r="P15488" s="19">
        <v>100</v>
      </c>
      <c r="Q15488" s="19"/>
      <c r="R15488" s="19"/>
      <c r="S15488" s="19"/>
      <c r="T15488" s="19">
        <v>60</v>
      </c>
      <c r="U15488" s="19"/>
      <c r="V15488" s="19"/>
      <c r="W15488" s="19"/>
      <c r="X15488" s="19">
        <v>1</v>
      </c>
      <c r="Y15488" s="19"/>
      <c r="Z15488" s="19"/>
      <c r="AA15488" s="19"/>
    </row>
    <row r="15489" spans="1:27" s="1" customFormat="1" ht="11.1" customHeight="1" outlineLevel="4" x14ac:dyDescent="0.2">
      <c r="A15489" s="17"/>
      <c r="B15489" s="17"/>
      <c r="C15489" s="17"/>
      <c r="D15489" s="18"/>
      <c r="E15489" s="18"/>
      <c r="F15489" s="18"/>
      <c r="G15489" s="18"/>
      <c r="H15489" s="18"/>
      <c r="I15489" s="18"/>
      <c r="J15489" s="18"/>
      <c r="K15489" s="18"/>
      <c r="L15489" s="18"/>
      <c r="M15489" s="18"/>
      <c r="N15489" s="18"/>
      <c r="O15489" s="18"/>
      <c r="P15489" s="19"/>
      <c r="Q15489" s="19"/>
      <c r="R15489" s="19"/>
      <c r="S15489" s="19"/>
      <c r="T15489" s="19"/>
      <c r="U15489" s="19"/>
      <c r="V15489" s="19"/>
      <c r="W15489" s="19"/>
      <c r="X15489" s="19"/>
      <c r="Y15489" s="19"/>
      <c r="Z15489" s="19"/>
      <c r="AA15489" s="19"/>
    </row>
    <row r="15490" spans="1:27" s="1" customFormat="1" ht="21" customHeight="1" outlineLevel="4" x14ac:dyDescent="0.2">
      <c r="A15490" s="17">
        <v>173</v>
      </c>
      <c r="B15490" s="17"/>
      <c r="C15490" s="17"/>
      <c r="D15490" s="18" t="s">
        <v>7669</v>
      </c>
      <c r="E15490" s="18"/>
      <c r="F15490" s="18"/>
      <c r="G15490" s="18"/>
      <c r="H15490" s="18"/>
      <c r="I15490" s="18"/>
      <c r="J15490" s="18"/>
      <c r="K15490" s="18"/>
      <c r="L15490" s="18"/>
      <c r="M15490" s="18"/>
      <c r="N15490" s="18"/>
      <c r="O15490" s="18"/>
      <c r="P15490" s="19">
        <v>200</v>
      </c>
      <c r="Q15490" s="19"/>
      <c r="R15490" s="19"/>
      <c r="S15490" s="19"/>
      <c r="T15490" s="19">
        <v>110</v>
      </c>
      <c r="U15490" s="19"/>
      <c r="V15490" s="19"/>
      <c r="W15490" s="19"/>
      <c r="X15490" s="19">
        <v>2</v>
      </c>
      <c r="Y15490" s="19"/>
      <c r="Z15490" s="19"/>
      <c r="AA15490" s="19"/>
    </row>
    <row r="15491" spans="1:27" s="1" customFormat="1" ht="21" customHeight="1" outlineLevel="4" x14ac:dyDescent="0.2">
      <c r="A15491" s="17"/>
      <c r="B15491" s="17"/>
      <c r="C15491" s="17"/>
      <c r="D15491" s="18"/>
      <c r="E15491" s="18"/>
      <c r="F15491" s="18"/>
      <c r="G15491" s="18"/>
      <c r="H15491" s="18"/>
      <c r="I15491" s="18"/>
      <c r="J15491" s="18"/>
      <c r="K15491" s="18"/>
      <c r="L15491" s="18"/>
      <c r="M15491" s="18"/>
      <c r="N15491" s="18"/>
      <c r="O15491" s="18"/>
      <c r="P15491" s="19"/>
      <c r="Q15491" s="19"/>
      <c r="R15491" s="19"/>
      <c r="S15491" s="19"/>
      <c r="T15491" s="19"/>
      <c r="U15491" s="19"/>
      <c r="V15491" s="19"/>
      <c r="W15491" s="19"/>
      <c r="X15491" s="19"/>
      <c r="Y15491" s="19"/>
      <c r="Z15491" s="19"/>
      <c r="AA15491" s="19"/>
    </row>
    <row r="15492" spans="1:27" s="1" customFormat="1" ht="21" customHeight="1" outlineLevel="4" x14ac:dyDescent="0.2">
      <c r="A15492" s="17">
        <v>177</v>
      </c>
      <c r="B15492" s="17"/>
      <c r="C15492" s="17"/>
      <c r="D15492" s="18" t="s">
        <v>7670</v>
      </c>
      <c r="E15492" s="18"/>
      <c r="F15492" s="18"/>
      <c r="G15492" s="18"/>
      <c r="H15492" s="18"/>
      <c r="I15492" s="18"/>
      <c r="J15492" s="18"/>
      <c r="K15492" s="18"/>
      <c r="L15492" s="18"/>
      <c r="M15492" s="18"/>
      <c r="N15492" s="18"/>
      <c r="O15492" s="18"/>
      <c r="P15492" s="19">
        <v>550</v>
      </c>
      <c r="Q15492" s="19"/>
      <c r="R15492" s="19"/>
      <c r="S15492" s="19"/>
      <c r="T15492" s="19">
        <v>440</v>
      </c>
      <c r="U15492" s="19"/>
      <c r="V15492" s="19"/>
      <c r="W15492" s="19"/>
      <c r="X15492" s="19">
        <v>1</v>
      </c>
      <c r="Y15492" s="19"/>
      <c r="Z15492" s="19"/>
      <c r="AA15492" s="19"/>
    </row>
    <row r="15493" spans="1:27" s="1" customFormat="1" ht="21" customHeight="1" outlineLevel="4" x14ac:dyDescent="0.2">
      <c r="A15493" s="17"/>
      <c r="B15493" s="17"/>
      <c r="C15493" s="17"/>
      <c r="D15493" s="18"/>
      <c r="E15493" s="18"/>
      <c r="F15493" s="18"/>
      <c r="G15493" s="18"/>
      <c r="H15493" s="18"/>
      <c r="I15493" s="18"/>
      <c r="J15493" s="18"/>
      <c r="K15493" s="18"/>
      <c r="L15493" s="18"/>
      <c r="M15493" s="18"/>
      <c r="N15493" s="18"/>
      <c r="O15493" s="18"/>
      <c r="P15493" s="19"/>
      <c r="Q15493" s="19"/>
      <c r="R15493" s="19"/>
      <c r="S15493" s="19"/>
      <c r="T15493" s="19"/>
      <c r="U15493" s="19"/>
      <c r="V15493" s="19"/>
      <c r="W15493" s="19"/>
      <c r="X15493" s="19"/>
      <c r="Y15493" s="19"/>
      <c r="Z15493" s="19"/>
      <c r="AA15493" s="19"/>
    </row>
    <row r="15494" spans="1:27" s="1" customFormat="1" ht="11.1" customHeight="1" outlineLevel="3" x14ac:dyDescent="0.2">
      <c r="A15494" s="16" t="s">
        <v>1202</v>
      </c>
      <c r="B15494" s="16"/>
      <c r="C15494" s="16"/>
      <c r="D15494" s="16"/>
      <c r="E15494" s="16"/>
      <c r="F15494" s="16"/>
      <c r="G15494" s="16"/>
      <c r="H15494" s="16"/>
      <c r="I15494" s="16"/>
      <c r="J15494" s="16"/>
      <c r="K15494" s="16"/>
      <c r="L15494" s="16"/>
      <c r="M15494" s="16"/>
      <c r="N15494" s="16"/>
      <c r="O15494" s="16"/>
      <c r="P15494" s="16"/>
      <c r="Q15494" s="16"/>
      <c r="R15494" s="16"/>
      <c r="S15494" s="16"/>
      <c r="T15494" s="16"/>
      <c r="U15494" s="16"/>
      <c r="V15494" s="16"/>
      <c r="W15494" s="16"/>
      <c r="X15494" s="16"/>
      <c r="Y15494" s="16"/>
      <c r="Z15494" s="16"/>
      <c r="AA15494" s="16"/>
    </row>
    <row r="15495" spans="1:27" s="1" customFormat="1" ht="11.1" customHeight="1" outlineLevel="3" x14ac:dyDescent="0.2">
      <c r="A15495" s="16"/>
      <c r="B15495" s="16"/>
      <c r="C15495" s="16"/>
      <c r="D15495" s="16"/>
      <c r="E15495" s="16"/>
      <c r="F15495" s="16"/>
      <c r="G15495" s="16"/>
      <c r="H15495" s="16"/>
      <c r="I15495" s="16"/>
      <c r="J15495" s="16"/>
      <c r="K15495" s="16"/>
      <c r="L15495" s="16"/>
      <c r="M15495" s="16"/>
      <c r="N15495" s="16"/>
      <c r="O15495" s="16"/>
      <c r="P15495" s="16"/>
      <c r="Q15495" s="16"/>
      <c r="R15495" s="16"/>
      <c r="S15495" s="16"/>
      <c r="T15495" s="16"/>
      <c r="U15495" s="16"/>
      <c r="V15495" s="16"/>
      <c r="W15495" s="16"/>
      <c r="X15495" s="16"/>
      <c r="Y15495" s="16"/>
      <c r="Z15495" s="16"/>
      <c r="AA15495" s="16"/>
    </row>
    <row r="15496" spans="1:27" s="1" customFormat="1" ht="11.1" customHeight="1" outlineLevel="4" x14ac:dyDescent="0.2">
      <c r="A15496" s="17">
        <v>8438</v>
      </c>
      <c r="B15496" s="17"/>
      <c r="C15496" s="17"/>
      <c r="D15496" s="18" t="s">
        <v>7671</v>
      </c>
      <c r="E15496" s="18"/>
      <c r="F15496" s="18"/>
      <c r="G15496" s="18"/>
      <c r="H15496" s="18"/>
      <c r="I15496" s="18"/>
      <c r="J15496" s="18"/>
      <c r="K15496" s="18"/>
      <c r="L15496" s="18"/>
      <c r="M15496" s="18"/>
      <c r="N15496" s="18"/>
      <c r="O15496" s="18"/>
      <c r="P15496" s="19">
        <v>550</v>
      </c>
      <c r="Q15496" s="19"/>
      <c r="R15496" s="19"/>
      <c r="S15496" s="19"/>
      <c r="T15496" s="19">
        <v>480</v>
      </c>
      <c r="U15496" s="19"/>
      <c r="V15496" s="19"/>
      <c r="W15496" s="19"/>
      <c r="X15496" s="19">
        <v>1</v>
      </c>
      <c r="Y15496" s="19"/>
      <c r="Z15496" s="19"/>
      <c r="AA15496" s="19"/>
    </row>
    <row r="15497" spans="1:27" s="1" customFormat="1" ht="11.1" customHeight="1" outlineLevel="4" x14ac:dyDescent="0.2">
      <c r="A15497" s="17"/>
      <c r="B15497" s="17"/>
      <c r="C15497" s="17"/>
      <c r="D15497" s="18"/>
      <c r="E15497" s="18"/>
      <c r="F15497" s="18"/>
      <c r="G15497" s="18"/>
      <c r="H15497" s="18"/>
      <c r="I15497" s="18"/>
      <c r="J15497" s="18"/>
      <c r="K15497" s="18"/>
      <c r="L15497" s="18"/>
      <c r="M15497" s="18"/>
      <c r="N15497" s="18"/>
      <c r="O15497" s="18"/>
      <c r="P15497" s="19"/>
      <c r="Q15497" s="19"/>
      <c r="R15497" s="19"/>
      <c r="S15497" s="19"/>
      <c r="T15497" s="19"/>
      <c r="U15497" s="19"/>
      <c r="V15497" s="19"/>
      <c r="W15497" s="19"/>
      <c r="X15497" s="19"/>
      <c r="Y15497" s="19"/>
      <c r="Z15497" s="19"/>
      <c r="AA15497" s="19"/>
    </row>
    <row r="15498" spans="1:27" s="1" customFormat="1" ht="11.1" customHeight="1" outlineLevel="3" x14ac:dyDescent="0.2">
      <c r="A15498" s="16" t="s">
        <v>3661</v>
      </c>
      <c r="B15498" s="16"/>
      <c r="C15498" s="16"/>
      <c r="D15498" s="16"/>
      <c r="E15498" s="16"/>
      <c r="F15498" s="16"/>
      <c r="G15498" s="16"/>
      <c r="H15498" s="16"/>
      <c r="I15498" s="16"/>
      <c r="J15498" s="16"/>
      <c r="K15498" s="16"/>
      <c r="L15498" s="16"/>
      <c r="M15498" s="16"/>
      <c r="N15498" s="16"/>
      <c r="O15498" s="16"/>
      <c r="P15498" s="16"/>
      <c r="Q15498" s="16"/>
      <c r="R15498" s="16"/>
      <c r="S15498" s="16"/>
      <c r="T15498" s="16"/>
      <c r="U15498" s="16"/>
      <c r="V15498" s="16"/>
      <c r="W15498" s="16"/>
      <c r="X15498" s="16"/>
      <c r="Y15498" s="16"/>
      <c r="Z15498" s="16"/>
      <c r="AA15498" s="16"/>
    </row>
    <row r="15499" spans="1:27" s="1" customFormat="1" ht="11.1" customHeight="1" outlineLevel="3" x14ac:dyDescent="0.2">
      <c r="A15499" s="16"/>
      <c r="B15499" s="16"/>
      <c r="C15499" s="16"/>
      <c r="D15499" s="16"/>
      <c r="E15499" s="16"/>
      <c r="F15499" s="16"/>
      <c r="G15499" s="16"/>
      <c r="H15499" s="16"/>
      <c r="I15499" s="16"/>
      <c r="J15499" s="16"/>
      <c r="K15499" s="16"/>
      <c r="L15499" s="16"/>
      <c r="M15499" s="16"/>
      <c r="N15499" s="16"/>
      <c r="O15499" s="16"/>
      <c r="P15499" s="16"/>
      <c r="Q15499" s="16"/>
      <c r="R15499" s="16"/>
      <c r="S15499" s="16"/>
      <c r="T15499" s="16"/>
      <c r="U15499" s="16"/>
      <c r="V15499" s="16"/>
      <c r="W15499" s="16"/>
      <c r="X15499" s="16"/>
      <c r="Y15499" s="16"/>
      <c r="Z15499" s="16"/>
      <c r="AA15499" s="16"/>
    </row>
    <row r="15500" spans="1:27" s="1" customFormat="1" ht="11.1" customHeight="1" outlineLevel="4" x14ac:dyDescent="0.2">
      <c r="A15500" s="17">
        <v>6714</v>
      </c>
      <c r="B15500" s="17"/>
      <c r="C15500" s="17"/>
      <c r="D15500" s="18" t="s">
        <v>7672</v>
      </c>
      <c r="E15500" s="18"/>
      <c r="F15500" s="18"/>
      <c r="G15500" s="18"/>
      <c r="H15500" s="18"/>
      <c r="I15500" s="18"/>
      <c r="J15500" s="18"/>
      <c r="K15500" s="18"/>
      <c r="L15500" s="18"/>
      <c r="M15500" s="18"/>
      <c r="N15500" s="18"/>
      <c r="O15500" s="18"/>
      <c r="P15500" s="19">
        <v>400</v>
      </c>
      <c r="Q15500" s="19"/>
      <c r="R15500" s="19"/>
      <c r="S15500" s="19"/>
      <c r="T15500" s="19">
        <v>340</v>
      </c>
      <c r="U15500" s="19"/>
      <c r="V15500" s="19"/>
      <c r="W15500" s="19"/>
      <c r="X15500" s="19">
        <v>1</v>
      </c>
      <c r="Y15500" s="19"/>
      <c r="Z15500" s="19"/>
      <c r="AA15500" s="19"/>
    </row>
    <row r="15501" spans="1:27" s="1" customFormat="1" ht="11.1" customHeight="1" outlineLevel="4" x14ac:dyDescent="0.2">
      <c r="A15501" s="17"/>
      <c r="B15501" s="17"/>
      <c r="C15501" s="17"/>
      <c r="D15501" s="18"/>
      <c r="E15501" s="18"/>
      <c r="F15501" s="18"/>
      <c r="G15501" s="18"/>
      <c r="H15501" s="18"/>
      <c r="I15501" s="18"/>
      <c r="J15501" s="18"/>
      <c r="K15501" s="18"/>
      <c r="L15501" s="18"/>
      <c r="M15501" s="18"/>
      <c r="N15501" s="18"/>
      <c r="O15501" s="18"/>
      <c r="P15501" s="19"/>
      <c r="Q15501" s="19"/>
      <c r="R15501" s="19"/>
      <c r="S15501" s="19"/>
      <c r="T15501" s="19"/>
      <c r="U15501" s="19"/>
      <c r="V15501" s="19"/>
      <c r="W15501" s="19"/>
      <c r="X15501" s="19"/>
      <c r="Y15501" s="19"/>
      <c r="Z15501" s="19"/>
      <c r="AA15501" s="19"/>
    </row>
    <row r="15502" spans="1:27" s="1" customFormat="1" ht="11.1" customHeight="1" outlineLevel="4" x14ac:dyDescent="0.2">
      <c r="A15502" s="17">
        <v>6710</v>
      </c>
      <c r="B15502" s="17"/>
      <c r="C15502" s="17"/>
      <c r="D15502" s="18" t="s">
        <v>7673</v>
      </c>
      <c r="E15502" s="18"/>
      <c r="F15502" s="18"/>
      <c r="G15502" s="18"/>
      <c r="H15502" s="18"/>
      <c r="I15502" s="18"/>
      <c r="J15502" s="18"/>
      <c r="K15502" s="18"/>
      <c r="L15502" s="18"/>
      <c r="M15502" s="18"/>
      <c r="N15502" s="18"/>
      <c r="O15502" s="18"/>
      <c r="P15502" s="19">
        <v>330</v>
      </c>
      <c r="Q15502" s="19"/>
      <c r="R15502" s="19"/>
      <c r="S15502" s="19"/>
      <c r="T15502" s="19">
        <v>270</v>
      </c>
      <c r="U15502" s="19"/>
      <c r="V15502" s="19"/>
      <c r="W15502" s="19"/>
      <c r="X15502" s="19">
        <v>2</v>
      </c>
      <c r="Y15502" s="19"/>
      <c r="Z15502" s="19"/>
      <c r="AA15502" s="19"/>
    </row>
    <row r="15503" spans="1:27" s="1" customFormat="1" ht="11.1" customHeight="1" outlineLevel="4" x14ac:dyDescent="0.2">
      <c r="A15503" s="17"/>
      <c r="B15503" s="17"/>
      <c r="C15503" s="17"/>
      <c r="D15503" s="18"/>
      <c r="E15503" s="18"/>
      <c r="F15503" s="18"/>
      <c r="G15503" s="18"/>
      <c r="H15503" s="18"/>
      <c r="I15503" s="18"/>
      <c r="J15503" s="18"/>
      <c r="K15503" s="18"/>
      <c r="L15503" s="18"/>
      <c r="M15503" s="18"/>
      <c r="N15503" s="18"/>
      <c r="O15503" s="18"/>
      <c r="P15503" s="19"/>
      <c r="Q15503" s="19"/>
      <c r="R15503" s="19"/>
      <c r="S15503" s="19"/>
      <c r="T15503" s="19"/>
      <c r="U15503" s="19"/>
      <c r="V15503" s="19"/>
      <c r="W15503" s="19"/>
      <c r="X15503" s="19"/>
      <c r="Y15503" s="19"/>
      <c r="Z15503" s="19"/>
      <c r="AA15503" s="19"/>
    </row>
    <row r="15504" spans="1:27" s="1" customFormat="1" ht="11.1" customHeight="1" outlineLevel="4" x14ac:dyDescent="0.2">
      <c r="A15504" s="17">
        <v>6711</v>
      </c>
      <c r="B15504" s="17"/>
      <c r="C15504" s="17"/>
      <c r="D15504" s="18" t="s">
        <v>7674</v>
      </c>
      <c r="E15504" s="18"/>
      <c r="F15504" s="18"/>
      <c r="G15504" s="18"/>
      <c r="H15504" s="18"/>
      <c r="I15504" s="18"/>
      <c r="J15504" s="18"/>
      <c r="K15504" s="18"/>
      <c r="L15504" s="18"/>
      <c r="M15504" s="18"/>
      <c r="N15504" s="18"/>
      <c r="O15504" s="18"/>
      <c r="P15504" s="19">
        <v>390</v>
      </c>
      <c r="Q15504" s="19"/>
      <c r="R15504" s="19"/>
      <c r="S15504" s="19"/>
      <c r="T15504" s="19">
        <v>330</v>
      </c>
      <c r="U15504" s="19"/>
      <c r="V15504" s="19"/>
      <c r="W15504" s="19"/>
      <c r="X15504" s="19">
        <v>1</v>
      </c>
      <c r="Y15504" s="19"/>
      <c r="Z15504" s="19"/>
      <c r="AA15504" s="19"/>
    </row>
    <row r="15505" spans="1:27" s="1" customFormat="1" ht="11.1" customHeight="1" outlineLevel="4" x14ac:dyDescent="0.2">
      <c r="A15505" s="17"/>
      <c r="B15505" s="17"/>
      <c r="C15505" s="17"/>
      <c r="D15505" s="18"/>
      <c r="E15505" s="18"/>
      <c r="F15505" s="18"/>
      <c r="G15505" s="18"/>
      <c r="H15505" s="18"/>
      <c r="I15505" s="18"/>
      <c r="J15505" s="18"/>
      <c r="K15505" s="18"/>
      <c r="L15505" s="18"/>
      <c r="M15505" s="18"/>
      <c r="N15505" s="18"/>
      <c r="O15505" s="18"/>
      <c r="P15505" s="19"/>
      <c r="Q15505" s="19"/>
      <c r="R15505" s="19"/>
      <c r="S15505" s="19"/>
      <c r="T15505" s="19"/>
      <c r="U15505" s="19"/>
      <c r="V15505" s="19"/>
      <c r="W15505" s="19"/>
      <c r="X15505" s="19"/>
      <c r="Y15505" s="19"/>
      <c r="Z15505" s="19"/>
      <c r="AA15505" s="19"/>
    </row>
    <row r="15506" spans="1:27" s="1" customFormat="1" ht="11.1" customHeight="1" outlineLevel="4" x14ac:dyDescent="0.2">
      <c r="A15506" s="17">
        <v>6708</v>
      </c>
      <c r="B15506" s="17"/>
      <c r="C15506" s="17"/>
      <c r="D15506" s="18" t="s">
        <v>7675</v>
      </c>
      <c r="E15506" s="18"/>
      <c r="F15506" s="18"/>
      <c r="G15506" s="18"/>
      <c r="H15506" s="18"/>
      <c r="I15506" s="18"/>
      <c r="J15506" s="18"/>
      <c r="K15506" s="18"/>
      <c r="L15506" s="18"/>
      <c r="M15506" s="18"/>
      <c r="N15506" s="18"/>
      <c r="O15506" s="18"/>
      <c r="P15506" s="19">
        <v>385</v>
      </c>
      <c r="Q15506" s="19"/>
      <c r="R15506" s="19"/>
      <c r="S15506" s="19"/>
      <c r="T15506" s="19">
        <v>325</v>
      </c>
      <c r="U15506" s="19"/>
      <c r="V15506" s="19"/>
      <c r="W15506" s="19"/>
      <c r="X15506" s="19">
        <v>1</v>
      </c>
      <c r="Y15506" s="19"/>
      <c r="Z15506" s="19"/>
      <c r="AA15506" s="19"/>
    </row>
    <row r="15507" spans="1:27" s="1" customFormat="1" ht="11.1" customHeight="1" outlineLevel="4" x14ac:dyDescent="0.2">
      <c r="A15507" s="17"/>
      <c r="B15507" s="17"/>
      <c r="C15507" s="17"/>
      <c r="D15507" s="18"/>
      <c r="E15507" s="18"/>
      <c r="F15507" s="18"/>
      <c r="G15507" s="18"/>
      <c r="H15507" s="18"/>
      <c r="I15507" s="18"/>
      <c r="J15507" s="18"/>
      <c r="K15507" s="18"/>
      <c r="L15507" s="18"/>
      <c r="M15507" s="18"/>
      <c r="N15507" s="18"/>
      <c r="O15507" s="18"/>
      <c r="P15507" s="19"/>
      <c r="Q15507" s="19"/>
      <c r="R15507" s="19"/>
      <c r="S15507" s="19"/>
      <c r="T15507" s="19"/>
      <c r="U15507" s="19"/>
      <c r="V15507" s="19"/>
      <c r="W15507" s="19"/>
      <c r="X15507" s="19"/>
      <c r="Y15507" s="19"/>
      <c r="Z15507" s="19"/>
      <c r="AA15507" s="19"/>
    </row>
    <row r="15508" spans="1:27" s="1" customFormat="1" ht="11.1" customHeight="1" outlineLevel="4" x14ac:dyDescent="0.2">
      <c r="A15508" s="17">
        <v>6709</v>
      </c>
      <c r="B15508" s="17"/>
      <c r="C15508" s="17"/>
      <c r="D15508" s="18" t="s">
        <v>7676</v>
      </c>
      <c r="E15508" s="18"/>
      <c r="F15508" s="18"/>
      <c r="G15508" s="18"/>
      <c r="H15508" s="18"/>
      <c r="I15508" s="18"/>
      <c r="J15508" s="18"/>
      <c r="K15508" s="18"/>
      <c r="L15508" s="18"/>
      <c r="M15508" s="18"/>
      <c r="N15508" s="18"/>
      <c r="O15508" s="18"/>
      <c r="P15508" s="19">
        <v>385</v>
      </c>
      <c r="Q15508" s="19"/>
      <c r="R15508" s="19"/>
      <c r="S15508" s="19"/>
      <c r="T15508" s="19">
        <v>325</v>
      </c>
      <c r="U15508" s="19"/>
      <c r="V15508" s="19"/>
      <c r="W15508" s="19"/>
      <c r="X15508" s="19">
        <v>1</v>
      </c>
      <c r="Y15508" s="19"/>
      <c r="Z15508" s="19"/>
      <c r="AA15508" s="19"/>
    </row>
    <row r="15509" spans="1:27" s="1" customFormat="1" ht="11.1" customHeight="1" outlineLevel="4" x14ac:dyDescent="0.2">
      <c r="A15509" s="17"/>
      <c r="B15509" s="17"/>
      <c r="C15509" s="17"/>
      <c r="D15509" s="18"/>
      <c r="E15509" s="18"/>
      <c r="F15509" s="18"/>
      <c r="G15509" s="18"/>
      <c r="H15509" s="18"/>
      <c r="I15509" s="18"/>
      <c r="J15509" s="18"/>
      <c r="K15509" s="18"/>
      <c r="L15509" s="18"/>
      <c r="M15509" s="18"/>
      <c r="N15509" s="18"/>
      <c r="O15509" s="18"/>
      <c r="P15509" s="19"/>
      <c r="Q15509" s="19"/>
      <c r="R15509" s="19"/>
      <c r="S15509" s="19"/>
      <c r="T15509" s="19"/>
      <c r="U15509" s="19"/>
      <c r="V15509" s="19"/>
      <c r="W15509" s="19"/>
      <c r="X15509" s="19"/>
      <c r="Y15509" s="19"/>
      <c r="Z15509" s="19"/>
      <c r="AA15509" s="19"/>
    </row>
    <row r="15510" spans="1:27" s="1" customFormat="1" ht="11.1" customHeight="1" outlineLevel="4" x14ac:dyDescent="0.2">
      <c r="A15510" s="17">
        <v>6713</v>
      </c>
      <c r="B15510" s="17"/>
      <c r="C15510" s="17"/>
      <c r="D15510" s="18" t="s">
        <v>7677</v>
      </c>
      <c r="E15510" s="18"/>
      <c r="F15510" s="18"/>
      <c r="G15510" s="18"/>
      <c r="H15510" s="18"/>
      <c r="I15510" s="18"/>
      <c r="J15510" s="18"/>
      <c r="K15510" s="18"/>
      <c r="L15510" s="18"/>
      <c r="M15510" s="18"/>
      <c r="N15510" s="18"/>
      <c r="O15510" s="18"/>
      <c r="P15510" s="19">
        <v>395</v>
      </c>
      <c r="Q15510" s="19"/>
      <c r="R15510" s="19"/>
      <c r="S15510" s="19"/>
      <c r="T15510" s="19">
        <v>335</v>
      </c>
      <c r="U15510" s="19"/>
      <c r="V15510" s="19"/>
      <c r="W15510" s="19"/>
      <c r="X15510" s="19">
        <v>2</v>
      </c>
      <c r="Y15510" s="19"/>
      <c r="Z15510" s="19"/>
      <c r="AA15510" s="19"/>
    </row>
    <row r="15511" spans="1:27" s="1" customFormat="1" ht="11.1" customHeight="1" outlineLevel="4" x14ac:dyDescent="0.2">
      <c r="A15511" s="17"/>
      <c r="B15511" s="17"/>
      <c r="C15511" s="17"/>
      <c r="D15511" s="18"/>
      <c r="E15511" s="18"/>
      <c r="F15511" s="18"/>
      <c r="G15511" s="18"/>
      <c r="H15511" s="18"/>
      <c r="I15511" s="18"/>
      <c r="J15511" s="18"/>
      <c r="K15511" s="18"/>
      <c r="L15511" s="18"/>
      <c r="M15511" s="18"/>
      <c r="N15511" s="18"/>
      <c r="O15511" s="18"/>
      <c r="P15511" s="19"/>
      <c r="Q15511" s="19"/>
      <c r="R15511" s="19"/>
      <c r="S15511" s="19"/>
      <c r="T15511" s="19"/>
      <c r="U15511" s="19"/>
      <c r="V15511" s="19"/>
      <c r="W15511" s="19"/>
      <c r="X15511" s="19"/>
      <c r="Y15511" s="19"/>
      <c r="Z15511" s="19"/>
      <c r="AA15511" s="19"/>
    </row>
    <row r="15512" spans="1:27" s="1" customFormat="1" ht="11.1" customHeight="1" outlineLevel="4" x14ac:dyDescent="0.2">
      <c r="A15512" s="17">
        <v>5611</v>
      </c>
      <c r="B15512" s="17"/>
      <c r="C15512" s="17"/>
      <c r="D15512" s="18" t="s">
        <v>7678</v>
      </c>
      <c r="E15512" s="18"/>
      <c r="F15512" s="18"/>
      <c r="G15512" s="18"/>
      <c r="H15512" s="18"/>
      <c r="I15512" s="18"/>
      <c r="J15512" s="18"/>
      <c r="K15512" s="18"/>
      <c r="L15512" s="18"/>
      <c r="M15512" s="18"/>
      <c r="N15512" s="18"/>
      <c r="O15512" s="18"/>
      <c r="P15512" s="19">
        <v>510</v>
      </c>
      <c r="Q15512" s="19"/>
      <c r="R15512" s="19"/>
      <c r="S15512" s="19"/>
      <c r="T15512" s="19">
        <v>460</v>
      </c>
      <c r="U15512" s="19"/>
      <c r="V15512" s="19"/>
      <c r="W15512" s="19"/>
      <c r="X15512" s="19">
        <v>2</v>
      </c>
      <c r="Y15512" s="19"/>
      <c r="Z15512" s="19"/>
      <c r="AA15512" s="19"/>
    </row>
    <row r="15513" spans="1:27" s="1" customFormat="1" ht="11.1" customHeight="1" outlineLevel="4" x14ac:dyDescent="0.2">
      <c r="A15513" s="17"/>
      <c r="B15513" s="17"/>
      <c r="C15513" s="17"/>
      <c r="D15513" s="18"/>
      <c r="E15513" s="18"/>
      <c r="F15513" s="18"/>
      <c r="G15513" s="18"/>
      <c r="H15513" s="18"/>
      <c r="I15513" s="18"/>
      <c r="J15513" s="18"/>
      <c r="K15513" s="18"/>
      <c r="L15513" s="18"/>
      <c r="M15513" s="18"/>
      <c r="N15513" s="18"/>
      <c r="O15513" s="18"/>
      <c r="P15513" s="19"/>
      <c r="Q15513" s="19"/>
      <c r="R15513" s="19"/>
      <c r="S15513" s="19"/>
      <c r="T15513" s="19"/>
      <c r="U15513" s="19"/>
      <c r="V15513" s="19"/>
      <c r="W15513" s="19"/>
      <c r="X15513" s="19"/>
      <c r="Y15513" s="19"/>
      <c r="Z15513" s="19"/>
      <c r="AA15513" s="19"/>
    </row>
    <row r="15514" spans="1:27" s="1" customFormat="1" ht="11.1" customHeight="1" outlineLevel="3" x14ac:dyDescent="0.2">
      <c r="A15514" s="16" t="s">
        <v>1667</v>
      </c>
      <c r="B15514" s="16"/>
      <c r="C15514" s="16"/>
      <c r="D15514" s="16"/>
      <c r="E15514" s="16"/>
      <c r="F15514" s="16"/>
      <c r="G15514" s="16"/>
      <c r="H15514" s="16"/>
      <c r="I15514" s="16"/>
      <c r="J15514" s="16"/>
      <c r="K15514" s="16"/>
      <c r="L15514" s="16"/>
      <c r="M15514" s="16"/>
      <c r="N15514" s="16"/>
      <c r="O15514" s="16"/>
      <c r="P15514" s="16"/>
      <c r="Q15514" s="16"/>
      <c r="R15514" s="16"/>
      <c r="S15514" s="16"/>
      <c r="T15514" s="16"/>
      <c r="U15514" s="16"/>
      <c r="V15514" s="16"/>
      <c r="W15514" s="16"/>
      <c r="X15514" s="16"/>
      <c r="Y15514" s="16"/>
      <c r="Z15514" s="16"/>
      <c r="AA15514" s="16"/>
    </row>
    <row r="15515" spans="1:27" s="1" customFormat="1" ht="11.1" customHeight="1" outlineLevel="3" x14ac:dyDescent="0.2">
      <c r="A15515" s="16"/>
      <c r="B15515" s="16"/>
      <c r="C15515" s="16"/>
      <c r="D15515" s="16"/>
      <c r="E15515" s="16"/>
      <c r="F15515" s="16"/>
      <c r="G15515" s="16"/>
      <c r="H15515" s="16"/>
      <c r="I15515" s="16"/>
      <c r="J15515" s="16"/>
      <c r="K15515" s="16"/>
      <c r="L15515" s="16"/>
      <c r="M15515" s="16"/>
      <c r="N15515" s="16"/>
      <c r="O15515" s="16"/>
      <c r="P15515" s="16"/>
      <c r="Q15515" s="16"/>
      <c r="R15515" s="16"/>
      <c r="S15515" s="16"/>
      <c r="T15515" s="16"/>
      <c r="U15515" s="16"/>
      <c r="V15515" s="16"/>
      <c r="W15515" s="16"/>
      <c r="X15515" s="16"/>
      <c r="Y15515" s="16"/>
      <c r="Z15515" s="16"/>
      <c r="AA15515" s="16"/>
    </row>
    <row r="15516" spans="1:27" s="1" customFormat="1" ht="11.1" customHeight="1" outlineLevel="4" x14ac:dyDescent="0.2">
      <c r="A15516" s="17">
        <v>279</v>
      </c>
      <c r="B15516" s="17"/>
      <c r="C15516" s="17"/>
      <c r="D15516" s="18" t="s">
        <v>7679</v>
      </c>
      <c r="E15516" s="18"/>
      <c r="F15516" s="18"/>
      <c r="G15516" s="18"/>
      <c r="H15516" s="18"/>
      <c r="I15516" s="18"/>
      <c r="J15516" s="18"/>
      <c r="K15516" s="18"/>
      <c r="L15516" s="18"/>
      <c r="M15516" s="18"/>
      <c r="N15516" s="18"/>
      <c r="O15516" s="18"/>
      <c r="P15516" s="19">
        <v>450</v>
      </c>
      <c r="Q15516" s="19"/>
      <c r="R15516" s="19"/>
      <c r="S15516" s="19"/>
      <c r="T15516" s="19">
        <v>60</v>
      </c>
      <c r="U15516" s="19"/>
      <c r="V15516" s="19"/>
      <c r="W15516" s="19"/>
      <c r="X15516" s="19">
        <v>1</v>
      </c>
      <c r="Y15516" s="19"/>
      <c r="Z15516" s="19"/>
      <c r="AA15516" s="19"/>
    </row>
    <row r="15517" spans="1:27" s="1" customFormat="1" ht="11.1" customHeight="1" outlineLevel="4" x14ac:dyDescent="0.2">
      <c r="A15517" s="17"/>
      <c r="B15517" s="17"/>
      <c r="C15517" s="17"/>
      <c r="D15517" s="18"/>
      <c r="E15517" s="18"/>
      <c r="F15517" s="18"/>
      <c r="G15517" s="18"/>
      <c r="H15517" s="18"/>
      <c r="I15517" s="18"/>
      <c r="J15517" s="18"/>
      <c r="K15517" s="18"/>
      <c r="L15517" s="18"/>
      <c r="M15517" s="18"/>
      <c r="N15517" s="18"/>
      <c r="O15517" s="18"/>
      <c r="P15517" s="19"/>
      <c r="Q15517" s="19"/>
      <c r="R15517" s="19"/>
      <c r="S15517" s="19"/>
      <c r="T15517" s="19"/>
      <c r="U15517" s="19"/>
      <c r="V15517" s="19"/>
      <c r="W15517" s="19"/>
      <c r="X15517" s="19"/>
      <c r="Y15517" s="19"/>
      <c r="Z15517" s="19"/>
      <c r="AA15517" s="19"/>
    </row>
    <row r="15518" spans="1:27" s="1" customFormat="1" ht="11.1" customHeight="1" outlineLevel="3" x14ac:dyDescent="0.2">
      <c r="A15518" s="16" t="s">
        <v>1678</v>
      </c>
      <c r="B15518" s="16"/>
      <c r="C15518" s="16"/>
      <c r="D15518" s="16"/>
      <c r="E15518" s="16"/>
      <c r="F15518" s="16"/>
      <c r="G15518" s="16"/>
      <c r="H15518" s="16"/>
      <c r="I15518" s="16"/>
      <c r="J15518" s="16"/>
      <c r="K15518" s="16"/>
      <c r="L15518" s="16"/>
      <c r="M15518" s="16"/>
      <c r="N15518" s="16"/>
      <c r="O15518" s="16"/>
      <c r="P15518" s="16"/>
      <c r="Q15518" s="16"/>
      <c r="R15518" s="16"/>
      <c r="S15518" s="16"/>
      <c r="T15518" s="16"/>
      <c r="U15518" s="16"/>
      <c r="V15518" s="16"/>
      <c r="W15518" s="16"/>
      <c r="X15518" s="16"/>
      <c r="Y15518" s="16"/>
      <c r="Z15518" s="16"/>
      <c r="AA15518" s="16"/>
    </row>
    <row r="15519" spans="1:27" s="1" customFormat="1" ht="11.1" customHeight="1" outlineLevel="3" x14ac:dyDescent="0.2">
      <c r="A15519" s="16"/>
      <c r="B15519" s="16"/>
      <c r="C15519" s="16"/>
      <c r="D15519" s="16"/>
      <c r="E15519" s="16"/>
      <c r="F15519" s="16"/>
      <c r="G15519" s="16"/>
      <c r="H15519" s="16"/>
      <c r="I15519" s="16"/>
      <c r="J15519" s="16"/>
      <c r="K15519" s="16"/>
      <c r="L15519" s="16"/>
      <c r="M15519" s="16"/>
      <c r="N15519" s="16"/>
      <c r="O15519" s="16"/>
      <c r="P15519" s="16"/>
      <c r="Q15519" s="16"/>
      <c r="R15519" s="16"/>
      <c r="S15519" s="16"/>
      <c r="T15519" s="16"/>
      <c r="U15519" s="16"/>
      <c r="V15519" s="16"/>
      <c r="W15519" s="16"/>
      <c r="X15519" s="16"/>
      <c r="Y15519" s="16"/>
      <c r="Z15519" s="16"/>
      <c r="AA15519" s="16"/>
    </row>
    <row r="15520" spans="1:27" s="1" customFormat="1" ht="11.1" customHeight="1" outlineLevel="4" x14ac:dyDescent="0.2">
      <c r="A15520" s="17">
        <v>12406</v>
      </c>
      <c r="B15520" s="17"/>
      <c r="C15520" s="17"/>
      <c r="D15520" s="18" t="s">
        <v>7680</v>
      </c>
      <c r="E15520" s="18"/>
      <c r="F15520" s="18"/>
      <c r="G15520" s="18"/>
      <c r="H15520" s="18"/>
      <c r="I15520" s="18"/>
      <c r="J15520" s="18"/>
      <c r="K15520" s="18"/>
      <c r="L15520" s="18"/>
      <c r="M15520" s="18"/>
      <c r="N15520" s="18"/>
      <c r="O15520" s="18"/>
      <c r="P15520" s="19">
        <v>590</v>
      </c>
      <c r="Q15520" s="19"/>
      <c r="R15520" s="19"/>
      <c r="S15520" s="19"/>
      <c r="T15520" s="19">
        <v>490</v>
      </c>
      <c r="U15520" s="19"/>
      <c r="V15520" s="19"/>
      <c r="W15520" s="19"/>
      <c r="X15520" s="19">
        <v>1</v>
      </c>
      <c r="Y15520" s="19"/>
      <c r="Z15520" s="19"/>
      <c r="AA15520" s="19"/>
    </row>
    <row r="15521" spans="1:27" s="1" customFormat="1" ht="11.1" customHeight="1" outlineLevel="4" x14ac:dyDescent="0.2">
      <c r="A15521" s="17"/>
      <c r="B15521" s="17"/>
      <c r="C15521" s="17"/>
      <c r="D15521" s="18"/>
      <c r="E15521" s="18"/>
      <c r="F15521" s="18"/>
      <c r="G15521" s="18"/>
      <c r="H15521" s="18"/>
      <c r="I15521" s="18"/>
      <c r="J15521" s="18"/>
      <c r="K15521" s="18"/>
      <c r="L15521" s="18"/>
      <c r="M15521" s="18"/>
      <c r="N15521" s="18"/>
      <c r="O15521" s="18"/>
      <c r="P15521" s="19"/>
      <c r="Q15521" s="19"/>
      <c r="R15521" s="19"/>
      <c r="S15521" s="19"/>
      <c r="T15521" s="19"/>
      <c r="U15521" s="19"/>
      <c r="V15521" s="19"/>
      <c r="W15521" s="19"/>
      <c r="X15521" s="19"/>
      <c r="Y15521" s="19"/>
      <c r="Z15521" s="19"/>
      <c r="AA15521" s="19"/>
    </row>
    <row r="15522" spans="1:27" s="1" customFormat="1" ht="11.1" customHeight="1" outlineLevel="4" x14ac:dyDescent="0.2">
      <c r="A15522" s="17">
        <v>14749</v>
      </c>
      <c r="B15522" s="17"/>
      <c r="C15522" s="17"/>
      <c r="D15522" s="18" t="s">
        <v>7681</v>
      </c>
      <c r="E15522" s="18"/>
      <c r="F15522" s="18"/>
      <c r="G15522" s="18"/>
      <c r="H15522" s="18"/>
      <c r="I15522" s="18"/>
      <c r="J15522" s="18"/>
      <c r="K15522" s="18"/>
      <c r="L15522" s="18"/>
      <c r="M15522" s="18"/>
      <c r="N15522" s="18"/>
      <c r="O15522" s="18"/>
      <c r="P15522" s="19">
        <v>600</v>
      </c>
      <c r="Q15522" s="19"/>
      <c r="R15522" s="19"/>
      <c r="S15522" s="19"/>
      <c r="T15522" s="19">
        <v>450</v>
      </c>
      <c r="U15522" s="19"/>
      <c r="V15522" s="19"/>
      <c r="W15522" s="19"/>
      <c r="X15522" s="19">
        <v>18</v>
      </c>
      <c r="Y15522" s="19"/>
      <c r="Z15522" s="19"/>
      <c r="AA15522" s="19"/>
    </row>
    <row r="15523" spans="1:27" s="1" customFormat="1" ht="11.1" customHeight="1" outlineLevel="4" x14ac:dyDescent="0.2">
      <c r="A15523" s="17"/>
      <c r="B15523" s="17"/>
      <c r="C15523" s="17"/>
      <c r="D15523" s="18"/>
      <c r="E15523" s="18"/>
      <c r="F15523" s="18"/>
      <c r="G15523" s="18"/>
      <c r="H15523" s="18"/>
      <c r="I15523" s="18"/>
      <c r="J15523" s="18"/>
      <c r="K15523" s="18"/>
      <c r="L15523" s="18"/>
      <c r="M15523" s="18"/>
      <c r="N15523" s="18"/>
      <c r="O15523" s="18"/>
      <c r="P15523" s="19"/>
      <c r="Q15523" s="19"/>
      <c r="R15523" s="19"/>
      <c r="S15523" s="19"/>
      <c r="T15523" s="19"/>
      <c r="U15523" s="19"/>
      <c r="V15523" s="19"/>
      <c r="W15523" s="19"/>
      <c r="X15523" s="19"/>
      <c r="Y15523" s="19"/>
      <c r="Z15523" s="19"/>
      <c r="AA15523" s="19"/>
    </row>
    <row r="15524" spans="1:27" s="1" customFormat="1" ht="11.1" customHeight="1" outlineLevel="4" x14ac:dyDescent="0.2">
      <c r="A15524" s="17">
        <v>215</v>
      </c>
      <c r="B15524" s="17"/>
      <c r="C15524" s="17"/>
      <c r="D15524" s="18" t="s">
        <v>7682</v>
      </c>
      <c r="E15524" s="18"/>
      <c r="F15524" s="18"/>
      <c r="G15524" s="18"/>
      <c r="H15524" s="18"/>
      <c r="I15524" s="18"/>
      <c r="J15524" s="18"/>
      <c r="K15524" s="18"/>
      <c r="L15524" s="18"/>
      <c r="M15524" s="18"/>
      <c r="N15524" s="18"/>
      <c r="O15524" s="18"/>
      <c r="P15524" s="19">
        <v>700</v>
      </c>
      <c r="Q15524" s="19"/>
      <c r="R15524" s="19"/>
      <c r="S15524" s="19"/>
      <c r="T15524" s="19">
        <v>500</v>
      </c>
      <c r="U15524" s="19"/>
      <c r="V15524" s="19"/>
      <c r="W15524" s="19"/>
      <c r="X15524" s="19">
        <v>1</v>
      </c>
      <c r="Y15524" s="19"/>
      <c r="Z15524" s="19"/>
      <c r="AA15524" s="19"/>
    </row>
    <row r="15525" spans="1:27" s="1" customFormat="1" ht="11.1" customHeight="1" outlineLevel="4" x14ac:dyDescent="0.2">
      <c r="A15525" s="17"/>
      <c r="B15525" s="17"/>
      <c r="C15525" s="17"/>
      <c r="D15525" s="18"/>
      <c r="E15525" s="18"/>
      <c r="F15525" s="18"/>
      <c r="G15525" s="18"/>
      <c r="H15525" s="18"/>
      <c r="I15525" s="18"/>
      <c r="J15525" s="18"/>
      <c r="K15525" s="18"/>
      <c r="L15525" s="18"/>
      <c r="M15525" s="18"/>
      <c r="N15525" s="18"/>
      <c r="O15525" s="18"/>
      <c r="P15525" s="19"/>
      <c r="Q15525" s="19"/>
      <c r="R15525" s="19"/>
      <c r="S15525" s="19"/>
      <c r="T15525" s="19"/>
      <c r="U15525" s="19"/>
      <c r="V15525" s="19"/>
      <c r="W15525" s="19"/>
      <c r="X15525" s="19"/>
      <c r="Y15525" s="19"/>
      <c r="Z15525" s="19"/>
      <c r="AA15525" s="19"/>
    </row>
    <row r="15526" spans="1:27" s="1" customFormat="1" ht="11.1" customHeight="1" outlineLevel="4" x14ac:dyDescent="0.2">
      <c r="A15526" s="17">
        <v>216</v>
      </c>
      <c r="B15526" s="17"/>
      <c r="C15526" s="17"/>
      <c r="D15526" s="18" t="s">
        <v>7683</v>
      </c>
      <c r="E15526" s="18"/>
      <c r="F15526" s="18"/>
      <c r="G15526" s="18"/>
      <c r="H15526" s="18"/>
      <c r="I15526" s="18"/>
      <c r="J15526" s="18"/>
      <c r="K15526" s="18"/>
      <c r="L15526" s="18"/>
      <c r="M15526" s="18"/>
      <c r="N15526" s="18"/>
      <c r="O15526" s="18"/>
      <c r="P15526" s="19">
        <v>650</v>
      </c>
      <c r="Q15526" s="19"/>
      <c r="R15526" s="19"/>
      <c r="S15526" s="19"/>
      <c r="T15526" s="19">
        <v>480</v>
      </c>
      <c r="U15526" s="19"/>
      <c r="V15526" s="19"/>
      <c r="W15526" s="19"/>
      <c r="X15526" s="19">
        <v>1</v>
      </c>
      <c r="Y15526" s="19"/>
      <c r="Z15526" s="19"/>
      <c r="AA15526" s="19"/>
    </row>
    <row r="15527" spans="1:27" s="1" customFormat="1" ht="11.1" customHeight="1" outlineLevel="4" x14ac:dyDescent="0.2">
      <c r="A15527" s="17"/>
      <c r="B15527" s="17"/>
      <c r="C15527" s="17"/>
      <c r="D15527" s="18"/>
      <c r="E15527" s="18"/>
      <c r="F15527" s="18"/>
      <c r="G15527" s="18"/>
      <c r="H15527" s="18"/>
      <c r="I15527" s="18"/>
      <c r="J15527" s="18"/>
      <c r="K15527" s="18"/>
      <c r="L15527" s="18"/>
      <c r="M15527" s="18"/>
      <c r="N15527" s="18"/>
      <c r="O15527" s="18"/>
      <c r="P15527" s="19"/>
      <c r="Q15527" s="19"/>
      <c r="R15527" s="19"/>
      <c r="S15527" s="19"/>
      <c r="T15527" s="19"/>
      <c r="U15527" s="19"/>
      <c r="V15527" s="19"/>
      <c r="W15527" s="19"/>
      <c r="X15527" s="19"/>
      <c r="Y15527" s="19"/>
      <c r="Z15527" s="19"/>
      <c r="AA15527" s="19"/>
    </row>
    <row r="15528" spans="1:27" s="1" customFormat="1" ht="14.1" customHeight="1" outlineLevel="4" x14ac:dyDescent="0.2">
      <c r="A15528" s="17">
        <v>186</v>
      </c>
      <c r="B15528" s="17"/>
      <c r="C15528" s="17"/>
      <c r="D15528" s="18" t="s">
        <v>7684</v>
      </c>
      <c r="E15528" s="18"/>
      <c r="F15528" s="18"/>
      <c r="G15528" s="18"/>
      <c r="H15528" s="18"/>
      <c r="I15528" s="18"/>
      <c r="J15528" s="18"/>
      <c r="K15528" s="18"/>
      <c r="L15528" s="18"/>
      <c r="M15528" s="18"/>
      <c r="N15528" s="18"/>
      <c r="O15528" s="18"/>
      <c r="P15528" s="19">
        <v>230</v>
      </c>
      <c r="Q15528" s="19"/>
      <c r="R15528" s="19"/>
      <c r="S15528" s="19"/>
      <c r="T15528" s="19">
        <v>150</v>
      </c>
      <c r="U15528" s="19"/>
      <c r="V15528" s="19"/>
      <c r="W15528" s="19"/>
      <c r="X15528" s="19">
        <v>11</v>
      </c>
      <c r="Y15528" s="19"/>
      <c r="Z15528" s="19"/>
      <c r="AA15528" s="19"/>
    </row>
    <row r="15529" spans="1:27" s="1" customFormat="1" ht="14.1" customHeight="1" outlineLevel="4" x14ac:dyDescent="0.2">
      <c r="A15529" s="17"/>
      <c r="B15529" s="17"/>
      <c r="C15529" s="17"/>
      <c r="D15529" s="18"/>
      <c r="E15529" s="18"/>
      <c r="F15529" s="18"/>
      <c r="G15529" s="18"/>
      <c r="H15529" s="18"/>
      <c r="I15529" s="18"/>
      <c r="J15529" s="18"/>
      <c r="K15529" s="18"/>
      <c r="L15529" s="18"/>
      <c r="M15529" s="18"/>
      <c r="N15529" s="18"/>
      <c r="O15529" s="18"/>
      <c r="P15529" s="19"/>
      <c r="Q15529" s="19"/>
      <c r="R15529" s="19"/>
      <c r="S15529" s="19"/>
      <c r="T15529" s="19"/>
      <c r="U15529" s="19"/>
      <c r="V15529" s="19"/>
      <c r="W15529" s="19"/>
      <c r="X15529" s="19"/>
      <c r="Y15529" s="19"/>
      <c r="Z15529" s="19"/>
      <c r="AA15529" s="19"/>
    </row>
    <row r="15530" spans="1:27" s="1" customFormat="1" ht="21" customHeight="1" outlineLevel="4" x14ac:dyDescent="0.2">
      <c r="A15530" s="17">
        <v>196</v>
      </c>
      <c r="B15530" s="17"/>
      <c r="C15530" s="17"/>
      <c r="D15530" s="18" t="s">
        <v>7685</v>
      </c>
      <c r="E15530" s="18"/>
      <c r="F15530" s="18"/>
      <c r="G15530" s="18"/>
      <c r="H15530" s="18"/>
      <c r="I15530" s="18"/>
      <c r="J15530" s="18"/>
      <c r="K15530" s="18"/>
      <c r="L15530" s="18"/>
      <c r="M15530" s="18"/>
      <c r="N15530" s="18"/>
      <c r="O15530" s="18"/>
      <c r="P15530" s="19">
        <v>250</v>
      </c>
      <c r="Q15530" s="19"/>
      <c r="R15530" s="19"/>
      <c r="S15530" s="19"/>
      <c r="T15530" s="19">
        <v>160</v>
      </c>
      <c r="U15530" s="19"/>
      <c r="V15530" s="19"/>
      <c r="W15530" s="19"/>
      <c r="X15530" s="19">
        <v>53</v>
      </c>
      <c r="Y15530" s="19"/>
      <c r="Z15530" s="19"/>
      <c r="AA15530" s="19"/>
    </row>
    <row r="15531" spans="1:27" s="1" customFormat="1" ht="21" customHeight="1" outlineLevel="4" x14ac:dyDescent="0.2">
      <c r="A15531" s="17"/>
      <c r="B15531" s="17"/>
      <c r="C15531" s="17"/>
      <c r="D15531" s="18"/>
      <c r="E15531" s="18"/>
      <c r="F15531" s="18"/>
      <c r="G15531" s="18"/>
      <c r="H15531" s="18"/>
      <c r="I15531" s="18"/>
      <c r="J15531" s="18"/>
      <c r="K15531" s="18"/>
      <c r="L15531" s="18"/>
      <c r="M15531" s="18"/>
      <c r="N15531" s="18"/>
      <c r="O15531" s="18"/>
      <c r="P15531" s="19"/>
      <c r="Q15531" s="19"/>
      <c r="R15531" s="19"/>
      <c r="S15531" s="19"/>
      <c r="T15531" s="19"/>
      <c r="U15531" s="19"/>
      <c r="V15531" s="19"/>
      <c r="W15531" s="19"/>
      <c r="X15531" s="19"/>
      <c r="Y15531" s="19"/>
      <c r="Z15531" s="19"/>
      <c r="AA15531" s="19"/>
    </row>
    <row r="15532" spans="1:27" s="1" customFormat="1" ht="11.1" customHeight="1" outlineLevel="4" x14ac:dyDescent="0.2">
      <c r="A15532" s="17">
        <v>198</v>
      </c>
      <c r="B15532" s="17"/>
      <c r="C15532" s="17"/>
      <c r="D15532" s="18" t="s">
        <v>7686</v>
      </c>
      <c r="E15532" s="18"/>
      <c r="F15532" s="18"/>
      <c r="G15532" s="18"/>
      <c r="H15532" s="18"/>
      <c r="I15532" s="18"/>
      <c r="J15532" s="18"/>
      <c r="K15532" s="18"/>
      <c r="L15532" s="18"/>
      <c r="M15532" s="18"/>
      <c r="N15532" s="18"/>
      <c r="O15532" s="18"/>
      <c r="P15532" s="19">
        <v>250</v>
      </c>
      <c r="Q15532" s="19"/>
      <c r="R15532" s="19"/>
      <c r="S15532" s="19"/>
      <c r="T15532" s="19">
        <v>170</v>
      </c>
      <c r="U15532" s="19"/>
      <c r="V15532" s="19"/>
      <c r="W15532" s="19"/>
      <c r="X15532" s="19">
        <v>4</v>
      </c>
      <c r="Y15532" s="19"/>
      <c r="Z15532" s="19"/>
      <c r="AA15532" s="19"/>
    </row>
    <row r="15533" spans="1:27" s="1" customFormat="1" ht="11.1" customHeight="1" outlineLevel="4" x14ac:dyDescent="0.2">
      <c r="A15533" s="17"/>
      <c r="B15533" s="17"/>
      <c r="C15533" s="17"/>
      <c r="D15533" s="18"/>
      <c r="E15533" s="18"/>
      <c r="F15533" s="18"/>
      <c r="G15533" s="18"/>
      <c r="H15533" s="18"/>
      <c r="I15533" s="18"/>
      <c r="J15533" s="18"/>
      <c r="K15533" s="18"/>
      <c r="L15533" s="18"/>
      <c r="M15533" s="18"/>
      <c r="N15533" s="18"/>
      <c r="O15533" s="18"/>
      <c r="P15533" s="19"/>
      <c r="Q15533" s="19"/>
      <c r="R15533" s="19"/>
      <c r="S15533" s="19"/>
      <c r="T15533" s="19"/>
      <c r="U15533" s="19"/>
      <c r="V15533" s="19"/>
      <c r="W15533" s="19"/>
      <c r="X15533" s="19"/>
      <c r="Y15533" s="19"/>
      <c r="Z15533" s="19"/>
      <c r="AA15533" s="19"/>
    </row>
    <row r="15534" spans="1:27" s="1" customFormat="1" ht="14.1" customHeight="1" outlineLevel="4" x14ac:dyDescent="0.2">
      <c r="A15534" s="17">
        <v>197</v>
      </c>
      <c r="B15534" s="17"/>
      <c r="C15534" s="17"/>
      <c r="D15534" s="18" t="s">
        <v>7687</v>
      </c>
      <c r="E15534" s="18"/>
      <c r="F15534" s="18"/>
      <c r="G15534" s="18"/>
      <c r="H15534" s="18"/>
      <c r="I15534" s="18"/>
      <c r="J15534" s="18"/>
      <c r="K15534" s="18"/>
      <c r="L15534" s="18"/>
      <c r="M15534" s="18"/>
      <c r="N15534" s="18"/>
      <c r="O15534" s="18"/>
      <c r="P15534" s="19">
        <v>230</v>
      </c>
      <c r="Q15534" s="19"/>
      <c r="R15534" s="19"/>
      <c r="S15534" s="19"/>
      <c r="T15534" s="19">
        <v>150</v>
      </c>
      <c r="U15534" s="19"/>
      <c r="V15534" s="19"/>
      <c r="W15534" s="19"/>
      <c r="X15534" s="19">
        <v>19</v>
      </c>
      <c r="Y15534" s="19"/>
      <c r="Z15534" s="19"/>
      <c r="AA15534" s="19"/>
    </row>
    <row r="15535" spans="1:27" s="1" customFormat="1" ht="14.1" customHeight="1" outlineLevel="4" x14ac:dyDescent="0.2">
      <c r="A15535" s="17"/>
      <c r="B15535" s="17"/>
      <c r="C15535" s="17"/>
      <c r="D15535" s="18"/>
      <c r="E15535" s="18"/>
      <c r="F15535" s="18"/>
      <c r="G15535" s="18"/>
      <c r="H15535" s="18"/>
      <c r="I15535" s="18"/>
      <c r="J15535" s="18"/>
      <c r="K15535" s="18"/>
      <c r="L15535" s="18"/>
      <c r="M15535" s="18"/>
      <c r="N15535" s="18"/>
      <c r="O15535" s="18"/>
      <c r="P15535" s="19"/>
      <c r="Q15535" s="19"/>
      <c r="R15535" s="19"/>
      <c r="S15535" s="19"/>
      <c r="T15535" s="19"/>
      <c r="U15535" s="19"/>
      <c r="V15535" s="19"/>
      <c r="W15535" s="19"/>
      <c r="X15535" s="19"/>
      <c r="Y15535" s="19"/>
      <c r="Z15535" s="19"/>
      <c r="AA15535" s="19"/>
    </row>
    <row r="15536" spans="1:27" s="1" customFormat="1" ht="11.1" customHeight="1" outlineLevel="4" x14ac:dyDescent="0.2">
      <c r="A15536" s="17">
        <v>13016</v>
      </c>
      <c r="B15536" s="17"/>
      <c r="C15536" s="17"/>
      <c r="D15536" s="18" t="s">
        <v>7688</v>
      </c>
      <c r="E15536" s="18"/>
      <c r="F15536" s="18"/>
      <c r="G15536" s="18"/>
      <c r="H15536" s="18"/>
      <c r="I15536" s="18"/>
      <c r="J15536" s="18"/>
      <c r="K15536" s="18"/>
      <c r="L15536" s="18"/>
      <c r="M15536" s="18"/>
      <c r="N15536" s="18"/>
      <c r="O15536" s="18"/>
      <c r="P15536" s="19">
        <v>420</v>
      </c>
      <c r="Q15536" s="19"/>
      <c r="R15536" s="19"/>
      <c r="S15536" s="19"/>
      <c r="T15536" s="19">
        <v>350</v>
      </c>
      <c r="U15536" s="19"/>
      <c r="V15536" s="19"/>
      <c r="W15536" s="19"/>
      <c r="X15536" s="19">
        <v>1</v>
      </c>
      <c r="Y15536" s="19"/>
      <c r="Z15536" s="19"/>
      <c r="AA15536" s="19"/>
    </row>
    <row r="15537" spans="1:27" s="1" customFormat="1" ht="11.1" customHeight="1" outlineLevel="4" x14ac:dyDescent="0.2">
      <c r="A15537" s="17"/>
      <c r="B15537" s="17"/>
      <c r="C15537" s="17"/>
      <c r="D15537" s="18"/>
      <c r="E15537" s="18"/>
      <c r="F15537" s="18"/>
      <c r="G15537" s="18"/>
      <c r="H15537" s="18"/>
      <c r="I15537" s="18"/>
      <c r="J15537" s="18"/>
      <c r="K15537" s="18"/>
      <c r="L15537" s="18"/>
      <c r="M15537" s="18"/>
      <c r="N15537" s="18"/>
      <c r="O15537" s="18"/>
      <c r="P15537" s="19"/>
      <c r="Q15537" s="19"/>
      <c r="R15537" s="19"/>
      <c r="S15537" s="19"/>
      <c r="T15537" s="19"/>
      <c r="U15537" s="19"/>
      <c r="V15537" s="19"/>
      <c r="W15537" s="19"/>
      <c r="X15537" s="19"/>
      <c r="Y15537" s="19"/>
      <c r="Z15537" s="19"/>
      <c r="AA15537" s="19"/>
    </row>
    <row r="15538" spans="1:27" s="1" customFormat="1" ht="11.1" customHeight="1" outlineLevel="4" x14ac:dyDescent="0.2">
      <c r="A15538" s="17">
        <v>283</v>
      </c>
      <c r="B15538" s="17"/>
      <c r="C15538" s="17"/>
      <c r="D15538" s="18" t="s">
        <v>7689</v>
      </c>
      <c r="E15538" s="18"/>
      <c r="F15538" s="18"/>
      <c r="G15538" s="18"/>
      <c r="H15538" s="18"/>
      <c r="I15538" s="18"/>
      <c r="J15538" s="18"/>
      <c r="K15538" s="18"/>
      <c r="L15538" s="18"/>
      <c r="M15538" s="18"/>
      <c r="N15538" s="18"/>
      <c r="O15538" s="18"/>
      <c r="P15538" s="19">
        <v>100</v>
      </c>
      <c r="Q15538" s="19"/>
      <c r="R15538" s="19"/>
      <c r="S15538" s="19"/>
      <c r="T15538" s="19">
        <v>80</v>
      </c>
      <c r="U15538" s="19"/>
      <c r="V15538" s="19"/>
      <c r="W15538" s="19"/>
      <c r="X15538" s="19">
        <v>1</v>
      </c>
      <c r="Y15538" s="19"/>
      <c r="Z15538" s="19"/>
      <c r="AA15538" s="19"/>
    </row>
    <row r="15539" spans="1:27" s="1" customFormat="1" ht="11.1" customHeight="1" outlineLevel="4" x14ac:dyDescent="0.2">
      <c r="A15539" s="17"/>
      <c r="B15539" s="17"/>
      <c r="C15539" s="17"/>
      <c r="D15539" s="18"/>
      <c r="E15539" s="18"/>
      <c r="F15539" s="18"/>
      <c r="G15539" s="18"/>
      <c r="H15539" s="18"/>
      <c r="I15539" s="18"/>
      <c r="J15539" s="18"/>
      <c r="K15539" s="18"/>
      <c r="L15539" s="18"/>
      <c r="M15539" s="18"/>
      <c r="N15539" s="18"/>
      <c r="O15539" s="18"/>
      <c r="P15539" s="19"/>
      <c r="Q15539" s="19"/>
      <c r="R15539" s="19"/>
      <c r="S15539" s="19"/>
      <c r="T15539" s="19"/>
      <c r="U15539" s="19"/>
      <c r="V15539" s="19"/>
      <c r="W15539" s="19"/>
      <c r="X15539" s="19"/>
      <c r="Y15539" s="19"/>
      <c r="Z15539" s="19"/>
      <c r="AA15539" s="19"/>
    </row>
    <row r="15540" spans="1:27" s="1" customFormat="1" ht="11.1" customHeight="1" outlineLevel="4" x14ac:dyDescent="0.2">
      <c r="A15540" s="17">
        <v>285</v>
      </c>
      <c r="B15540" s="17"/>
      <c r="C15540" s="17"/>
      <c r="D15540" s="18" t="s">
        <v>7690</v>
      </c>
      <c r="E15540" s="18"/>
      <c r="F15540" s="18"/>
      <c r="G15540" s="18"/>
      <c r="H15540" s="18"/>
      <c r="I15540" s="18"/>
      <c r="J15540" s="18"/>
      <c r="K15540" s="18"/>
      <c r="L15540" s="18"/>
      <c r="M15540" s="18"/>
      <c r="N15540" s="18"/>
      <c r="O15540" s="18"/>
      <c r="P15540" s="19">
        <v>100</v>
      </c>
      <c r="Q15540" s="19"/>
      <c r="R15540" s="19"/>
      <c r="S15540" s="19"/>
      <c r="T15540" s="19">
        <v>50</v>
      </c>
      <c r="U15540" s="19"/>
      <c r="V15540" s="19"/>
      <c r="W15540" s="19"/>
      <c r="X15540" s="19">
        <v>1</v>
      </c>
      <c r="Y15540" s="19"/>
      <c r="Z15540" s="19"/>
      <c r="AA15540" s="19"/>
    </row>
    <row r="15541" spans="1:27" s="1" customFormat="1" ht="11.1" customHeight="1" outlineLevel="4" x14ac:dyDescent="0.2">
      <c r="A15541" s="17"/>
      <c r="B15541" s="17"/>
      <c r="C15541" s="17"/>
      <c r="D15541" s="18"/>
      <c r="E15541" s="18"/>
      <c r="F15541" s="18"/>
      <c r="G15541" s="18"/>
      <c r="H15541" s="18"/>
      <c r="I15541" s="18"/>
      <c r="J15541" s="18"/>
      <c r="K15541" s="18"/>
      <c r="L15541" s="18"/>
      <c r="M15541" s="18"/>
      <c r="N15541" s="18"/>
      <c r="O15541" s="18"/>
      <c r="P15541" s="19"/>
      <c r="Q15541" s="19"/>
      <c r="R15541" s="19"/>
      <c r="S15541" s="19"/>
      <c r="T15541" s="19"/>
      <c r="U15541" s="19"/>
      <c r="V15541" s="19"/>
      <c r="W15541" s="19"/>
      <c r="X15541" s="19"/>
      <c r="Y15541" s="19"/>
      <c r="Z15541" s="19"/>
      <c r="AA15541" s="19"/>
    </row>
    <row r="15542" spans="1:27" s="1" customFormat="1" ht="11.1" customHeight="1" outlineLevel="4" x14ac:dyDescent="0.2">
      <c r="A15542" s="17">
        <v>291</v>
      </c>
      <c r="B15542" s="17"/>
      <c r="C15542" s="17"/>
      <c r="D15542" s="18" t="s">
        <v>7691</v>
      </c>
      <c r="E15542" s="18"/>
      <c r="F15542" s="18"/>
      <c r="G15542" s="18"/>
      <c r="H15542" s="18"/>
      <c r="I15542" s="18"/>
      <c r="J15542" s="18"/>
      <c r="K15542" s="18"/>
      <c r="L15542" s="18"/>
      <c r="M15542" s="18"/>
      <c r="N15542" s="18"/>
      <c r="O15542" s="18"/>
      <c r="P15542" s="19">
        <v>150</v>
      </c>
      <c r="Q15542" s="19"/>
      <c r="R15542" s="19"/>
      <c r="S15542" s="19"/>
      <c r="T15542" s="19">
        <v>100</v>
      </c>
      <c r="U15542" s="19"/>
      <c r="V15542" s="19"/>
      <c r="W15542" s="19"/>
      <c r="X15542" s="19">
        <v>1</v>
      </c>
      <c r="Y15542" s="19"/>
      <c r="Z15542" s="19"/>
      <c r="AA15542" s="19"/>
    </row>
    <row r="15543" spans="1:27" s="1" customFormat="1" ht="11.1" customHeight="1" outlineLevel="4" x14ac:dyDescent="0.2">
      <c r="A15543" s="17"/>
      <c r="B15543" s="17"/>
      <c r="C15543" s="17"/>
      <c r="D15543" s="18"/>
      <c r="E15543" s="18"/>
      <c r="F15543" s="18"/>
      <c r="G15543" s="18"/>
      <c r="H15543" s="18"/>
      <c r="I15543" s="18"/>
      <c r="J15543" s="18"/>
      <c r="K15543" s="18"/>
      <c r="L15543" s="18"/>
      <c r="M15543" s="18"/>
      <c r="N15543" s="18"/>
      <c r="O15543" s="18"/>
      <c r="P15543" s="19"/>
      <c r="Q15543" s="19"/>
      <c r="R15543" s="19"/>
      <c r="S15543" s="19"/>
      <c r="T15543" s="19"/>
      <c r="U15543" s="19"/>
      <c r="V15543" s="19"/>
      <c r="W15543" s="19"/>
      <c r="X15543" s="19"/>
      <c r="Y15543" s="19"/>
      <c r="Z15543" s="19"/>
      <c r="AA15543" s="19"/>
    </row>
    <row r="15544" spans="1:27" s="1" customFormat="1" ht="11.1" customHeight="1" outlineLevel="3" x14ac:dyDescent="0.2">
      <c r="A15544" s="16" t="s">
        <v>2434</v>
      </c>
      <c r="B15544" s="16"/>
      <c r="C15544" s="16"/>
      <c r="D15544" s="16"/>
      <c r="E15544" s="16"/>
      <c r="F15544" s="16"/>
      <c r="G15544" s="16"/>
      <c r="H15544" s="16"/>
      <c r="I15544" s="16"/>
      <c r="J15544" s="16"/>
      <c r="K15544" s="16"/>
      <c r="L15544" s="16"/>
      <c r="M15544" s="16"/>
      <c r="N15544" s="16"/>
      <c r="O15544" s="16"/>
      <c r="P15544" s="16"/>
      <c r="Q15544" s="16"/>
      <c r="R15544" s="16"/>
      <c r="S15544" s="16"/>
      <c r="T15544" s="16"/>
      <c r="U15544" s="16"/>
      <c r="V15544" s="16"/>
      <c r="W15544" s="16"/>
      <c r="X15544" s="16"/>
      <c r="Y15544" s="16"/>
      <c r="Z15544" s="16"/>
      <c r="AA15544" s="16"/>
    </row>
    <row r="15545" spans="1:27" s="1" customFormat="1" ht="11.1" customHeight="1" outlineLevel="3" x14ac:dyDescent="0.2">
      <c r="A15545" s="16"/>
      <c r="B15545" s="16"/>
      <c r="C15545" s="16"/>
      <c r="D15545" s="16"/>
      <c r="E15545" s="16"/>
      <c r="F15545" s="16"/>
      <c r="G15545" s="16"/>
      <c r="H15545" s="16"/>
      <c r="I15545" s="16"/>
      <c r="J15545" s="16"/>
      <c r="K15545" s="16"/>
      <c r="L15545" s="16"/>
      <c r="M15545" s="16"/>
      <c r="N15545" s="16"/>
      <c r="O15545" s="16"/>
      <c r="P15545" s="16"/>
      <c r="Q15545" s="16"/>
      <c r="R15545" s="16"/>
      <c r="S15545" s="16"/>
      <c r="T15545" s="16"/>
      <c r="U15545" s="16"/>
      <c r="V15545" s="16"/>
      <c r="W15545" s="16"/>
      <c r="X15545" s="16"/>
      <c r="Y15545" s="16"/>
      <c r="Z15545" s="16"/>
      <c r="AA15545" s="16"/>
    </row>
    <row r="15546" spans="1:27" s="1" customFormat="1" ht="11.1" customHeight="1" outlineLevel="4" x14ac:dyDescent="0.2">
      <c r="A15546" s="17">
        <v>18161</v>
      </c>
      <c r="B15546" s="17"/>
      <c r="C15546" s="17"/>
      <c r="D15546" s="18" t="s">
        <v>7692</v>
      </c>
      <c r="E15546" s="18"/>
      <c r="F15546" s="18"/>
      <c r="G15546" s="18"/>
      <c r="H15546" s="18"/>
      <c r="I15546" s="18"/>
      <c r="J15546" s="18"/>
      <c r="K15546" s="18"/>
      <c r="L15546" s="18"/>
      <c r="M15546" s="18"/>
      <c r="N15546" s="18"/>
      <c r="O15546" s="18"/>
      <c r="P15546" s="19">
        <v>600</v>
      </c>
      <c r="Q15546" s="19"/>
      <c r="R15546" s="19"/>
      <c r="S15546" s="19"/>
      <c r="T15546" s="19">
        <v>550</v>
      </c>
      <c r="U15546" s="19"/>
      <c r="V15546" s="19"/>
      <c r="W15546" s="19"/>
      <c r="X15546" s="19">
        <v>1</v>
      </c>
      <c r="Y15546" s="19"/>
      <c r="Z15546" s="19"/>
      <c r="AA15546" s="19"/>
    </row>
    <row r="15547" spans="1:27" s="1" customFormat="1" ht="11.1" customHeight="1" outlineLevel="4" x14ac:dyDescent="0.2">
      <c r="A15547" s="17"/>
      <c r="B15547" s="17"/>
      <c r="C15547" s="17"/>
      <c r="D15547" s="18"/>
      <c r="E15547" s="18"/>
      <c r="F15547" s="18"/>
      <c r="G15547" s="18"/>
      <c r="H15547" s="18"/>
      <c r="I15547" s="18"/>
      <c r="J15547" s="18"/>
      <c r="K15547" s="18"/>
      <c r="L15547" s="18"/>
      <c r="M15547" s="18"/>
      <c r="N15547" s="18"/>
      <c r="O15547" s="18"/>
      <c r="P15547" s="19"/>
      <c r="Q15547" s="19"/>
      <c r="R15547" s="19"/>
      <c r="S15547" s="19"/>
      <c r="T15547" s="19"/>
      <c r="U15547" s="19"/>
      <c r="V15547" s="19"/>
      <c r="W15547" s="19"/>
      <c r="X15547" s="19"/>
      <c r="Y15547" s="19"/>
      <c r="Z15547" s="19"/>
      <c r="AA15547" s="19"/>
    </row>
    <row r="15548" spans="1:27" s="1" customFormat="1" ht="11.1" customHeight="1" outlineLevel="4" x14ac:dyDescent="0.2">
      <c r="A15548" s="17">
        <v>10102</v>
      </c>
      <c r="B15548" s="17"/>
      <c r="C15548" s="17"/>
      <c r="D15548" s="18" t="s">
        <v>7693</v>
      </c>
      <c r="E15548" s="18"/>
      <c r="F15548" s="18"/>
      <c r="G15548" s="18"/>
      <c r="H15548" s="18"/>
      <c r="I15548" s="18"/>
      <c r="J15548" s="18"/>
      <c r="K15548" s="18"/>
      <c r="L15548" s="18"/>
      <c r="M15548" s="18"/>
      <c r="N15548" s="18"/>
      <c r="O15548" s="18"/>
      <c r="P15548" s="19">
        <v>800</v>
      </c>
      <c r="Q15548" s="19"/>
      <c r="R15548" s="19"/>
      <c r="S15548" s="19"/>
      <c r="T15548" s="19">
        <v>700</v>
      </c>
      <c r="U15548" s="19"/>
      <c r="V15548" s="19"/>
      <c r="W15548" s="19"/>
      <c r="X15548" s="19">
        <v>2</v>
      </c>
      <c r="Y15548" s="19"/>
      <c r="Z15548" s="19"/>
      <c r="AA15548" s="19"/>
    </row>
    <row r="15549" spans="1:27" s="1" customFormat="1" ht="11.1" customHeight="1" outlineLevel="4" x14ac:dyDescent="0.2">
      <c r="A15549" s="17"/>
      <c r="B15549" s="17"/>
      <c r="C15549" s="17"/>
      <c r="D15549" s="18"/>
      <c r="E15549" s="18"/>
      <c r="F15549" s="18"/>
      <c r="G15549" s="18"/>
      <c r="H15549" s="18"/>
      <c r="I15549" s="18"/>
      <c r="J15549" s="18"/>
      <c r="K15549" s="18"/>
      <c r="L15549" s="18"/>
      <c r="M15549" s="18"/>
      <c r="N15549" s="18"/>
      <c r="O15549" s="18"/>
      <c r="P15549" s="19"/>
      <c r="Q15549" s="19"/>
      <c r="R15549" s="19"/>
      <c r="S15549" s="19"/>
      <c r="T15549" s="19"/>
      <c r="U15549" s="19"/>
      <c r="V15549" s="19"/>
      <c r="W15549" s="19"/>
      <c r="X15549" s="19"/>
      <c r="Y15549" s="19"/>
      <c r="Z15549" s="19"/>
      <c r="AA15549" s="19"/>
    </row>
    <row r="15550" spans="1:27" s="1" customFormat="1" ht="11.1" customHeight="1" outlineLevel="4" x14ac:dyDescent="0.2">
      <c r="A15550" s="17">
        <v>12097</v>
      </c>
      <c r="B15550" s="17"/>
      <c r="C15550" s="17"/>
      <c r="D15550" s="18" t="s">
        <v>7694</v>
      </c>
      <c r="E15550" s="18"/>
      <c r="F15550" s="18"/>
      <c r="G15550" s="18"/>
      <c r="H15550" s="18"/>
      <c r="I15550" s="18"/>
      <c r="J15550" s="18"/>
      <c r="K15550" s="18"/>
      <c r="L15550" s="18"/>
      <c r="M15550" s="18"/>
      <c r="N15550" s="18"/>
      <c r="O15550" s="18"/>
      <c r="P15550" s="19">
        <v>700</v>
      </c>
      <c r="Q15550" s="19"/>
      <c r="R15550" s="19"/>
      <c r="S15550" s="19"/>
      <c r="T15550" s="19">
        <v>640</v>
      </c>
      <c r="U15550" s="19"/>
      <c r="V15550" s="19"/>
      <c r="W15550" s="19"/>
      <c r="X15550" s="19">
        <v>1</v>
      </c>
      <c r="Y15550" s="19"/>
      <c r="Z15550" s="19"/>
      <c r="AA15550" s="19"/>
    </row>
    <row r="15551" spans="1:27" s="1" customFormat="1" ht="11.1" customHeight="1" outlineLevel="4" x14ac:dyDescent="0.2">
      <c r="A15551" s="17"/>
      <c r="B15551" s="17"/>
      <c r="C15551" s="17"/>
      <c r="D15551" s="18"/>
      <c r="E15551" s="18"/>
      <c r="F15551" s="18"/>
      <c r="G15551" s="18"/>
      <c r="H15551" s="18"/>
      <c r="I15551" s="18"/>
      <c r="J15551" s="18"/>
      <c r="K15551" s="18"/>
      <c r="L15551" s="18"/>
      <c r="M15551" s="18"/>
      <c r="N15551" s="18"/>
      <c r="O15551" s="18"/>
      <c r="P15551" s="19"/>
      <c r="Q15551" s="19"/>
      <c r="R15551" s="19"/>
      <c r="S15551" s="19"/>
      <c r="T15551" s="19"/>
      <c r="U15551" s="19"/>
      <c r="V15551" s="19"/>
      <c r="W15551" s="19"/>
      <c r="X15551" s="19"/>
      <c r="Y15551" s="19"/>
      <c r="Z15551" s="19"/>
      <c r="AA15551" s="19"/>
    </row>
    <row r="15552" spans="1:27" s="1" customFormat="1" ht="11.1" customHeight="1" outlineLevel="4" x14ac:dyDescent="0.2">
      <c r="A15552" s="17">
        <v>17522</v>
      </c>
      <c r="B15552" s="17"/>
      <c r="C15552" s="17"/>
      <c r="D15552" s="18" t="s">
        <v>7695</v>
      </c>
      <c r="E15552" s="18"/>
      <c r="F15552" s="18"/>
      <c r="G15552" s="18"/>
      <c r="H15552" s="18"/>
      <c r="I15552" s="18"/>
      <c r="J15552" s="18"/>
      <c r="K15552" s="18"/>
      <c r="L15552" s="18"/>
      <c r="M15552" s="18"/>
      <c r="N15552" s="18"/>
      <c r="O15552" s="18"/>
      <c r="P15552" s="19">
        <v>800</v>
      </c>
      <c r="Q15552" s="19"/>
      <c r="R15552" s="19"/>
      <c r="S15552" s="19"/>
      <c r="T15552" s="19">
        <v>700</v>
      </c>
      <c r="U15552" s="19"/>
      <c r="V15552" s="19"/>
      <c r="W15552" s="19"/>
      <c r="X15552" s="19">
        <v>1</v>
      </c>
      <c r="Y15552" s="19"/>
      <c r="Z15552" s="19"/>
      <c r="AA15552" s="19"/>
    </row>
    <row r="15553" spans="1:27" s="1" customFormat="1" ht="11.1" customHeight="1" outlineLevel="4" x14ac:dyDescent="0.2">
      <c r="A15553" s="17"/>
      <c r="B15553" s="17"/>
      <c r="C15553" s="17"/>
      <c r="D15553" s="18"/>
      <c r="E15553" s="18"/>
      <c r="F15553" s="18"/>
      <c r="G15553" s="18"/>
      <c r="H15553" s="18"/>
      <c r="I15553" s="18"/>
      <c r="J15553" s="18"/>
      <c r="K15553" s="18"/>
      <c r="L15553" s="18"/>
      <c r="M15553" s="18"/>
      <c r="N15553" s="18"/>
      <c r="O15553" s="18"/>
      <c r="P15553" s="19"/>
      <c r="Q15553" s="19"/>
      <c r="R15553" s="19"/>
      <c r="S15553" s="19"/>
      <c r="T15553" s="19"/>
      <c r="U15553" s="19"/>
      <c r="V15553" s="19"/>
      <c r="W15553" s="19"/>
      <c r="X15553" s="19"/>
      <c r="Y15553" s="19"/>
      <c r="Z15553" s="19"/>
      <c r="AA15553" s="19"/>
    </row>
    <row r="15554" spans="1:27" s="1" customFormat="1" ht="14.1" customHeight="1" outlineLevel="4" x14ac:dyDescent="0.2">
      <c r="A15554" s="17">
        <v>15079</v>
      </c>
      <c r="B15554" s="17"/>
      <c r="C15554" s="17"/>
      <c r="D15554" s="18" t="s">
        <v>7696</v>
      </c>
      <c r="E15554" s="18"/>
      <c r="F15554" s="18"/>
      <c r="G15554" s="18"/>
      <c r="H15554" s="18"/>
      <c r="I15554" s="18"/>
      <c r="J15554" s="18"/>
      <c r="K15554" s="18"/>
      <c r="L15554" s="18"/>
      <c r="M15554" s="18"/>
      <c r="N15554" s="18"/>
      <c r="O15554" s="18"/>
      <c r="P15554" s="19">
        <v>560</v>
      </c>
      <c r="Q15554" s="19"/>
      <c r="R15554" s="19"/>
      <c r="S15554" s="19"/>
      <c r="T15554" s="19">
        <v>490</v>
      </c>
      <c r="U15554" s="19"/>
      <c r="V15554" s="19"/>
      <c r="W15554" s="19"/>
      <c r="X15554" s="19">
        <v>1</v>
      </c>
      <c r="Y15554" s="19"/>
      <c r="Z15554" s="19"/>
      <c r="AA15554" s="19"/>
    </row>
    <row r="15555" spans="1:27" s="1" customFormat="1" ht="14.1" customHeight="1" outlineLevel="4" x14ac:dyDescent="0.2">
      <c r="A15555" s="17"/>
      <c r="B15555" s="17"/>
      <c r="C15555" s="17"/>
      <c r="D15555" s="18"/>
      <c r="E15555" s="18"/>
      <c r="F15555" s="18"/>
      <c r="G15555" s="18"/>
      <c r="H15555" s="18"/>
      <c r="I15555" s="18"/>
      <c r="J15555" s="18"/>
      <c r="K15555" s="18"/>
      <c r="L15555" s="18"/>
      <c r="M15555" s="18"/>
      <c r="N15555" s="18"/>
      <c r="O15555" s="18"/>
      <c r="P15555" s="19"/>
      <c r="Q15555" s="19"/>
      <c r="R15555" s="19"/>
      <c r="S15555" s="19"/>
      <c r="T15555" s="19"/>
      <c r="U15555" s="19"/>
      <c r="V15555" s="19"/>
      <c r="W15555" s="19"/>
      <c r="X15555" s="19"/>
      <c r="Y15555" s="19"/>
      <c r="Z15555" s="19"/>
      <c r="AA15555" s="19"/>
    </row>
    <row r="15556" spans="1:27" s="1" customFormat="1" ht="14.1" customHeight="1" outlineLevel="4" x14ac:dyDescent="0.2">
      <c r="A15556" s="17">
        <v>16365</v>
      </c>
      <c r="B15556" s="17"/>
      <c r="C15556" s="17"/>
      <c r="D15556" s="18" t="s">
        <v>7697</v>
      </c>
      <c r="E15556" s="18"/>
      <c r="F15556" s="18"/>
      <c r="G15556" s="18"/>
      <c r="H15556" s="18"/>
      <c r="I15556" s="18"/>
      <c r="J15556" s="18"/>
      <c r="K15556" s="18"/>
      <c r="L15556" s="18"/>
      <c r="M15556" s="18"/>
      <c r="N15556" s="18"/>
      <c r="O15556" s="18"/>
      <c r="P15556" s="20">
        <v>1200</v>
      </c>
      <c r="Q15556" s="20"/>
      <c r="R15556" s="20"/>
      <c r="S15556" s="20"/>
      <c r="T15556" s="20">
        <v>1000</v>
      </c>
      <c r="U15556" s="20"/>
      <c r="V15556" s="20"/>
      <c r="W15556" s="20"/>
      <c r="X15556" s="19">
        <v>3</v>
      </c>
      <c r="Y15556" s="19"/>
      <c r="Z15556" s="19"/>
      <c r="AA15556" s="19"/>
    </row>
    <row r="15557" spans="1:27" s="1" customFormat="1" ht="14.1" customHeight="1" outlineLevel="4" x14ac:dyDescent="0.2">
      <c r="A15557" s="17"/>
      <c r="B15557" s="17"/>
      <c r="C15557" s="17"/>
      <c r="D15557" s="18"/>
      <c r="E15557" s="18"/>
      <c r="F15557" s="18"/>
      <c r="G15557" s="18"/>
      <c r="H15557" s="18"/>
      <c r="I15557" s="18"/>
      <c r="J15557" s="18"/>
      <c r="K15557" s="18"/>
      <c r="L15557" s="18"/>
      <c r="M15557" s="18"/>
      <c r="N15557" s="18"/>
      <c r="O15557" s="18"/>
      <c r="P15557" s="20"/>
      <c r="Q15557" s="20"/>
      <c r="R15557" s="20"/>
      <c r="S15557" s="20"/>
      <c r="T15557" s="20"/>
      <c r="U15557" s="20"/>
      <c r="V15557" s="20"/>
      <c r="W15557" s="20"/>
      <c r="X15557" s="19"/>
      <c r="Y15557" s="19"/>
      <c r="Z15557" s="19"/>
      <c r="AA15557" s="19"/>
    </row>
    <row r="15558" spans="1:27" s="1" customFormat="1" ht="11.1" customHeight="1" outlineLevel="3" x14ac:dyDescent="0.2">
      <c r="A15558" s="16" t="s">
        <v>7698</v>
      </c>
      <c r="B15558" s="16"/>
      <c r="C15558" s="16"/>
      <c r="D15558" s="16"/>
      <c r="E15558" s="16"/>
      <c r="F15558" s="16"/>
      <c r="G15558" s="16"/>
      <c r="H15558" s="16"/>
      <c r="I15558" s="16"/>
      <c r="J15558" s="16"/>
      <c r="K15558" s="16"/>
      <c r="L15558" s="16"/>
      <c r="M15558" s="16"/>
      <c r="N15558" s="16"/>
      <c r="O15558" s="16"/>
      <c r="P15558" s="16"/>
      <c r="Q15558" s="16"/>
      <c r="R15558" s="16"/>
      <c r="S15558" s="16"/>
      <c r="T15558" s="16"/>
      <c r="U15558" s="16"/>
      <c r="V15558" s="16"/>
      <c r="W15558" s="16"/>
      <c r="X15558" s="16"/>
      <c r="Y15558" s="16"/>
      <c r="Z15558" s="16"/>
      <c r="AA15558" s="16"/>
    </row>
    <row r="15559" spans="1:27" s="1" customFormat="1" ht="11.1" customHeight="1" outlineLevel="3" x14ac:dyDescent="0.2">
      <c r="A15559" s="16"/>
      <c r="B15559" s="16"/>
      <c r="C15559" s="16"/>
      <c r="D15559" s="16"/>
      <c r="E15559" s="16"/>
      <c r="F15559" s="16"/>
      <c r="G15559" s="16"/>
      <c r="H15559" s="16"/>
      <c r="I15559" s="16"/>
      <c r="J15559" s="16"/>
      <c r="K15559" s="16"/>
      <c r="L15559" s="16"/>
      <c r="M15559" s="16"/>
      <c r="N15559" s="16"/>
      <c r="O15559" s="16"/>
      <c r="P15559" s="16"/>
      <c r="Q15559" s="16"/>
      <c r="R15559" s="16"/>
      <c r="S15559" s="16"/>
      <c r="T15559" s="16"/>
      <c r="U15559" s="16"/>
      <c r="V15559" s="16"/>
      <c r="W15559" s="16"/>
      <c r="X15559" s="16"/>
      <c r="Y15559" s="16"/>
      <c r="Z15559" s="16"/>
      <c r="AA15559" s="16"/>
    </row>
    <row r="15560" spans="1:27" s="1" customFormat="1" ht="11.1" customHeight="1" outlineLevel="4" x14ac:dyDescent="0.2">
      <c r="A15560" s="17">
        <v>10473</v>
      </c>
      <c r="B15560" s="17"/>
      <c r="C15560" s="17"/>
      <c r="D15560" s="18" t="s">
        <v>7699</v>
      </c>
      <c r="E15560" s="18"/>
      <c r="F15560" s="18"/>
      <c r="G15560" s="18"/>
      <c r="H15560" s="18"/>
      <c r="I15560" s="18"/>
      <c r="J15560" s="18"/>
      <c r="K15560" s="18"/>
      <c r="L15560" s="18"/>
      <c r="M15560" s="18"/>
      <c r="N15560" s="18"/>
      <c r="O15560" s="18"/>
      <c r="P15560" s="19">
        <v>570</v>
      </c>
      <c r="Q15560" s="19"/>
      <c r="R15560" s="19"/>
      <c r="S15560" s="19"/>
      <c r="T15560" s="19">
        <v>400</v>
      </c>
      <c r="U15560" s="19"/>
      <c r="V15560" s="19"/>
      <c r="W15560" s="19"/>
      <c r="X15560" s="19">
        <v>13</v>
      </c>
      <c r="Y15560" s="19"/>
      <c r="Z15560" s="19"/>
      <c r="AA15560" s="19"/>
    </row>
    <row r="15561" spans="1:27" s="1" customFormat="1" ht="11.1" customHeight="1" outlineLevel="4" x14ac:dyDescent="0.2">
      <c r="A15561" s="17"/>
      <c r="B15561" s="17"/>
      <c r="C15561" s="17"/>
      <c r="D15561" s="18"/>
      <c r="E15561" s="18"/>
      <c r="F15561" s="18"/>
      <c r="G15561" s="18"/>
      <c r="H15561" s="18"/>
      <c r="I15561" s="18"/>
      <c r="J15561" s="18"/>
      <c r="K15561" s="18"/>
      <c r="L15561" s="18"/>
      <c r="M15561" s="18"/>
      <c r="N15561" s="18"/>
      <c r="O15561" s="18"/>
      <c r="P15561" s="19"/>
      <c r="Q15561" s="19"/>
      <c r="R15561" s="19"/>
      <c r="S15561" s="19"/>
      <c r="T15561" s="19"/>
      <c r="U15561" s="19"/>
      <c r="V15561" s="19"/>
      <c r="W15561" s="19"/>
      <c r="X15561" s="19"/>
      <c r="Y15561" s="19"/>
      <c r="Z15561" s="19"/>
      <c r="AA15561" s="19"/>
    </row>
    <row r="15562" spans="1:27" s="1" customFormat="1" ht="11.1" customHeight="1" outlineLevel="4" x14ac:dyDescent="0.2">
      <c r="A15562" s="17">
        <v>8649</v>
      </c>
      <c r="B15562" s="17"/>
      <c r="C15562" s="17"/>
      <c r="D15562" s="18" t="s">
        <v>7700</v>
      </c>
      <c r="E15562" s="18"/>
      <c r="F15562" s="18"/>
      <c r="G15562" s="18"/>
      <c r="H15562" s="18"/>
      <c r="I15562" s="18"/>
      <c r="J15562" s="18"/>
      <c r="K15562" s="18"/>
      <c r="L15562" s="18"/>
      <c r="M15562" s="18"/>
      <c r="N15562" s="18"/>
      <c r="O15562" s="18"/>
      <c r="P15562" s="19">
        <v>570</v>
      </c>
      <c r="Q15562" s="19"/>
      <c r="R15562" s="19"/>
      <c r="S15562" s="19"/>
      <c r="T15562" s="19">
        <v>400</v>
      </c>
      <c r="U15562" s="19"/>
      <c r="V15562" s="19"/>
      <c r="W15562" s="19"/>
      <c r="X15562" s="19">
        <v>16</v>
      </c>
      <c r="Y15562" s="19"/>
      <c r="Z15562" s="19"/>
      <c r="AA15562" s="19"/>
    </row>
    <row r="15563" spans="1:27" s="1" customFormat="1" ht="11.1" customHeight="1" outlineLevel="4" x14ac:dyDescent="0.2">
      <c r="A15563" s="17"/>
      <c r="B15563" s="17"/>
      <c r="C15563" s="17"/>
      <c r="D15563" s="18"/>
      <c r="E15563" s="18"/>
      <c r="F15563" s="18"/>
      <c r="G15563" s="18"/>
      <c r="H15563" s="18"/>
      <c r="I15563" s="18"/>
      <c r="J15563" s="18"/>
      <c r="K15563" s="18"/>
      <c r="L15563" s="18"/>
      <c r="M15563" s="18"/>
      <c r="N15563" s="18"/>
      <c r="O15563" s="18"/>
      <c r="P15563" s="19"/>
      <c r="Q15563" s="19"/>
      <c r="R15563" s="19"/>
      <c r="S15563" s="19"/>
      <c r="T15563" s="19"/>
      <c r="U15563" s="19"/>
      <c r="V15563" s="19"/>
      <c r="W15563" s="19"/>
      <c r="X15563" s="19"/>
      <c r="Y15563" s="19"/>
      <c r="Z15563" s="19"/>
      <c r="AA15563" s="19"/>
    </row>
    <row r="15564" spans="1:27" s="1" customFormat="1" ht="11.1" customHeight="1" outlineLevel="4" x14ac:dyDescent="0.2">
      <c r="A15564" s="17">
        <v>10474</v>
      </c>
      <c r="B15564" s="17"/>
      <c r="C15564" s="17"/>
      <c r="D15564" s="18" t="s">
        <v>7701</v>
      </c>
      <c r="E15564" s="18"/>
      <c r="F15564" s="18"/>
      <c r="G15564" s="18"/>
      <c r="H15564" s="18"/>
      <c r="I15564" s="18"/>
      <c r="J15564" s="18"/>
      <c r="K15564" s="18"/>
      <c r="L15564" s="18"/>
      <c r="M15564" s="18"/>
      <c r="N15564" s="18"/>
      <c r="O15564" s="18"/>
      <c r="P15564" s="19">
        <v>570</v>
      </c>
      <c r="Q15564" s="19"/>
      <c r="R15564" s="19"/>
      <c r="S15564" s="19"/>
      <c r="T15564" s="19">
        <v>400</v>
      </c>
      <c r="U15564" s="19"/>
      <c r="V15564" s="19"/>
      <c r="W15564" s="19"/>
      <c r="X15564" s="19">
        <v>14</v>
      </c>
      <c r="Y15564" s="19"/>
      <c r="Z15564" s="19"/>
      <c r="AA15564" s="19"/>
    </row>
    <row r="15565" spans="1:27" s="1" customFormat="1" ht="11.1" customHeight="1" outlineLevel="4" x14ac:dyDescent="0.2">
      <c r="A15565" s="17"/>
      <c r="B15565" s="17"/>
      <c r="C15565" s="17"/>
      <c r="D15565" s="18"/>
      <c r="E15565" s="18"/>
      <c r="F15565" s="18"/>
      <c r="G15565" s="18"/>
      <c r="H15565" s="18"/>
      <c r="I15565" s="18"/>
      <c r="J15565" s="18"/>
      <c r="K15565" s="18"/>
      <c r="L15565" s="18"/>
      <c r="M15565" s="18"/>
      <c r="N15565" s="18"/>
      <c r="O15565" s="18"/>
      <c r="P15565" s="19"/>
      <c r="Q15565" s="19"/>
      <c r="R15565" s="19"/>
      <c r="S15565" s="19"/>
      <c r="T15565" s="19"/>
      <c r="U15565" s="19"/>
      <c r="V15565" s="19"/>
      <c r="W15565" s="19"/>
      <c r="X15565" s="19"/>
      <c r="Y15565" s="19"/>
      <c r="Z15565" s="19"/>
      <c r="AA15565" s="19"/>
    </row>
    <row r="15566" spans="1:27" s="1" customFormat="1" ht="11.1" customHeight="1" outlineLevel="3" x14ac:dyDescent="0.2">
      <c r="A15566" s="16" t="s">
        <v>1212</v>
      </c>
      <c r="B15566" s="16"/>
      <c r="C15566" s="16"/>
      <c r="D15566" s="16"/>
      <c r="E15566" s="16"/>
      <c r="F15566" s="16"/>
      <c r="G15566" s="16"/>
      <c r="H15566" s="16"/>
      <c r="I15566" s="16"/>
      <c r="J15566" s="16"/>
      <c r="K15566" s="16"/>
      <c r="L15566" s="16"/>
      <c r="M15566" s="16"/>
      <c r="N15566" s="16"/>
      <c r="O15566" s="16"/>
      <c r="P15566" s="16"/>
      <c r="Q15566" s="16"/>
      <c r="R15566" s="16"/>
      <c r="S15566" s="16"/>
      <c r="T15566" s="16"/>
      <c r="U15566" s="16"/>
      <c r="V15566" s="16"/>
      <c r="W15566" s="16"/>
      <c r="X15566" s="16"/>
      <c r="Y15566" s="16"/>
      <c r="Z15566" s="16"/>
      <c r="AA15566" s="16"/>
    </row>
    <row r="15567" spans="1:27" s="1" customFormat="1" ht="11.1" customHeight="1" outlineLevel="3" x14ac:dyDescent="0.2">
      <c r="A15567" s="16"/>
      <c r="B15567" s="16"/>
      <c r="C15567" s="16"/>
      <c r="D15567" s="16"/>
      <c r="E15567" s="16"/>
      <c r="F15567" s="16"/>
      <c r="G15567" s="16"/>
      <c r="H15567" s="16"/>
      <c r="I15567" s="16"/>
      <c r="J15567" s="16"/>
      <c r="K15567" s="16"/>
      <c r="L15567" s="16"/>
      <c r="M15567" s="16"/>
      <c r="N15567" s="16"/>
      <c r="O15567" s="16"/>
      <c r="P15567" s="16"/>
      <c r="Q15567" s="16"/>
      <c r="R15567" s="16"/>
      <c r="S15567" s="16"/>
      <c r="T15567" s="16"/>
      <c r="U15567" s="16"/>
      <c r="V15567" s="16"/>
      <c r="W15567" s="16"/>
      <c r="X15567" s="16"/>
      <c r="Y15567" s="16"/>
      <c r="Z15567" s="16"/>
      <c r="AA15567" s="16"/>
    </row>
    <row r="15568" spans="1:27" s="1" customFormat="1" ht="14.1" customHeight="1" outlineLevel="4" x14ac:dyDescent="0.2">
      <c r="A15568" s="17">
        <v>7992</v>
      </c>
      <c r="B15568" s="17"/>
      <c r="C15568" s="17"/>
      <c r="D15568" s="18" t="s">
        <v>7702</v>
      </c>
      <c r="E15568" s="18"/>
      <c r="F15568" s="18"/>
      <c r="G15568" s="18"/>
      <c r="H15568" s="18"/>
      <c r="I15568" s="18"/>
      <c r="J15568" s="18"/>
      <c r="K15568" s="18"/>
      <c r="L15568" s="18"/>
      <c r="M15568" s="18"/>
      <c r="N15568" s="18"/>
      <c r="O15568" s="18"/>
      <c r="P15568" s="19">
        <v>610</v>
      </c>
      <c r="Q15568" s="19"/>
      <c r="R15568" s="19"/>
      <c r="S15568" s="19"/>
      <c r="T15568" s="19">
        <v>500</v>
      </c>
      <c r="U15568" s="19"/>
      <c r="V15568" s="19"/>
      <c r="W15568" s="19"/>
      <c r="X15568" s="19">
        <v>26</v>
      </c>
      <c r="Y15568" s="19"/>
      <c r="Z15568" s="19"/>
      <c r="AA15568" s="19"/>
    </row>
    <row r="15569" spans="1:27" s="1" customFormat="1" ht="14.1" customHeight="1" outlineLevel="4" x14ac:dyDescent="0.2">
      <c r="A15569" s="17"/>
      <c r="B15569" s="17"/>
      <c r="C15569" s="17"/>
      <c r="D15569" s="18"/>
      <c r="E15569" s="18"/>
      <c r="F15569" s="18"/>
      <c r="G15569" s="18"/>
      <c r="H15569" s="18"/>
      <c r="I15569" s="18"/>
      <c r="J15569" s="18"/>
      <c r="K15569" s="18"/>
      <c r="L15569" s="18"/>
      <c r="M15569" s="18"/>
      <c r="N15569" s="18"/>
      <c r="O15569" s="18"/>
      <c r="P15569" s="19"/>
      <c r="Q15569" s="19"/>
      <c r="R15569" s="19"/>
      <c r="S15569" s="19"/>
      <c r="T15569" s="19"/>
      <c r="U15569" s="19"/>
      <c r="V15569" s="19"/>
      <c r="W15569" s="19"/>
      <c r="X15569" s="19"/>
      <c r="Y15569" s="19"/>
      <c r="Z15569" s="19"/>
      <c r="AA15569" s="19"/>
    </row>
    <row r="15570" spans="1:27" s="1" customFormat="1" ht="11.1" customHeight="1" outlineLevel="4" x14ac:dyDescent="0.2">
      <c r="A15570" s="17">
        <v>6799</v>
      </c>
      <c r="B15570" s="17"/>
      <c r="C15570" s="17"/>
      <c r="D15570" s="18" t="s">
        <v>7703</v>
      </c>
      <c r="E15570" s="18"/>
      <c r="F15570" s="18"/>
      <c r="G15570" s="18"/>
      <c r="H15570" s="18"/>
      <c r="I15570" s="18"/>
      <c r="J15570" s="18"/>
      <c r="K15570" s="18"/>
      <c r="L15570" s="18"/>
      <c r="M15570" s="18"/>
      <c r="N15570" s="18"/>
      <c r="O15570" s="18"/>
      <c r="P15570" s="19">
        <v>650</v>
      </c>
      <c r="Q15570" s="19"/>
      <c r="R15570" s="19"/>
      <c r="S15570" s="19"/>
      <c r="T15570" s="19">
        <v>510</v>
      </c>
      <c r="U15570" s="19"/>
      <c r="V15570" s="19"/>
      <c r="W15570" s="19"/>
      <c r="X15570" s="19">
        <v>2</v>
      </c>
      <c r="Y15570" s="19"/>
      <c r="Z15570" s="19"/>
      <c r="AA15570" s="19"/>
    </row>
    <row r="15571" spans="1:27" s="1" customFormat="1" ht="11.1" customHeight="1" outlineLevel="4" x14ac:dyDescent="0.2">
      <c r="A15571" s="17"/>
      <c r="B15571" s="17"/>
      <c r="C15571" s="17"/>
      <c r="D15571" s="18"/>
      <c r="E15571" s="18"/>
      <c r="F15571" s="18"/>
      <c r="G15571" s="18"/>
      <c r="H15571" s="18"/>
      <c r="I15571" s="18"/>
      <c r="J15571" s="18"/>
      <c r="K15571" s="18"/>
      <c r="L15571" s="18"/>
      <c r="M15571" s="18"/>
      <c r="N15571" s="18"/>
      <c r="O15571" s="18"/>
      <c r="P15571" s="19"/>
      <c r="Q15571" s="19"/>
      <c r="R15571" s="19"/>
      <c r="S15571" s="19"/>
      <c r="T15571" s="19"/>
      <c r="U15571" s="19"/>
      <c r="V15571" s="19"/>
      <c r="W15571" s="19"/>
      <c r="X15571" s="19"/>
      <c r="Y15571" s="19"/>
      <c r="Z15571" s="19"/>
      <c r="AA15571" s="19"/>
    </row>
    <row r="15572" spans="1:27" s="1" customFormat="1" ht="11.1" customHeight="1" outlineLevel="4" x14ac:dyDescent="0.2">
      <c r="A15572" s="17">
        <v>7266</v>
      </c>
      <c r="B15572" s="17"/>
      <c r="C15572" s="17"/>
      <c r="D15572" s="18" t="s">
        <v>7704</v>
      </c>
      <c r="E15572" s="18"/>
      <c r="F15572" s="18"/>
      <c r="G15572" s="18"/>
      <c r="H15572" s="18"/>
      <c r="I15572" s="18"/>
      <c r="J15572" s="18"/>
      <c r="K15572" s="18"/>
      <c r="L15572" s="18"/>
      <c r="M15572" s="18"/>
      <c r="N15572" s="18"/>
      <c r="O15572" s="18"/>
      <c r="P15572" s="19">
        <v>550</v>
      </c>
      <c r="Q15572" s="19"/>
      <c r="R15572" s="19"/>
      <c r="S15572" s="19"/>
      <c r="T15572" s="19">
        <v>450</v>
      </c>
      <c r="U15572" s="19"/>
      <c r="V15572" s="19"/>
      <c r="W15572" s="19"/>
      <c r="X15572" s="19">
        <v>1</v>
      </c>
      <c r="Y15572" s="19"/>
      <c r="Z15572" s="19"/>
      <c r="AA15572" s="19"/>
    </row>
    <row r="15573" spans="1:27" s="1" customFormat="1" ht="11.1" customHeight="1" outlineLevel="4" x14ac:dyDescent="0.2">
      <c r="A15573" s="17"/>
      <c r="B15573" s="17"/>
      <c r="C15573" s="17"/>
      <c r="D15573" s="18"/>
      <c r="E15573" s="18"/>
      <c r="F15573" s="18"/>
      <c r="G15573" s="18"/>
      <c r="H15573" s="18"/>
      <c r="I15573" s="18"/>
      <c r="J15573" s="18"/>
      <c r="K15573" s="18"/>
      <c r="L15573" s="18"/>
      <c r="M15573" s="18"/>
      <c r="N15573" s="18"/>
      <c r="O15573" s="18"/>
      <c r="P15573" s="19"/>
      <c r="Q15573" s="19"/>
      <c r="R15573" s="19"/>
      <c r="S15573" s="19"/>
      <c r="T15573" s="19"/>
      <c r="U15573" s="19"/>
      <c r="V15573" s="19"/>
      <c r="W15573" s="19"/>
      <c r="X15573" s="19"/>
      <c r="Y15573" s="19"/>
      <c r="Z15573" s="19"/>
      <c r="AA15573" s="19"/>
    </row>
    <row r="15574" spans="1:27" s="1" customFormat="1" ht="14.1" customHeight="1" outlineLevel="4" x14ac:dyDescent="0.2">
      <c r="A15574" s="17">
        <v>11860</v>
      </c>
      <c r="B15574" s="17"/>
      <c r="C15574" s="17"/>
      <c r="D15574" s="18" t="s">
        <v>7705</v>
      </c>
      <c r="E15574" s="18"/>
      <c r="F15574" s="18"/>
      <c r="G15574" s="18"/>
      <c r="H15574" s="18"/>
      <c r="I15574" s="18"/>
      <c r="J15574" s="18"/>
      <c r="K15574" s="18"/>
      <c r="L15574" s="18"/>
      <c r="M15574" s="18"/>
      <c r="N15574" s="18"/>
      <c r="O15574" s="18"/>
      <c r="P15574" s="19">
        <v>520</v>
      </c>
      <c r="Q15574" s="19"/>
      <c r="R15574" s="19"/>
      <c r="S15574" s="19"/>
      <c r="T15574" s="19">
        <v>420</v>
      </c>
      <c r="U15574" s="19"/>
      <c r="V15574" s="19"/>
      <c r="W15574" s="19"/>
      <c r="X15574" s="19">
        <v>2</v>
      </c>
      <c r="Y15574" s="19"/>
      <c r="Z15574" s="19"/>
      <c r="AA15574" s="19"/>
    </row>
    <row r="15575" spans="1:27" s="1" customFormat="1" ht="14.1" customHeight="1" outlineLevel="4" x14ac:dyDescent="0.2">
      <c r="A15575" s="17"/>
      <c r="B15575" s="17"/>
      <c r="C15575" s="17"/>
      <c r="D15575" s="18"/>
      <c r="E15575" s="18"/>
      <c r="F15575" s="18"/>
      <c r="G15575" s="18"/>
      <c r="H15575" s="18"/>
      <c r="I15575" s="18"/>
      <c r="J15575" s="18"/>
      <c r="K15575" s="18"/>
      <c r="L15575" s="18"/>
      <c r="M15575" s="18"/>
      <c r="N15575" s="18"/>
      <c r="O15575" s="18"/>
      <c r="P15575" s="19"/>
      <c r="Q15575" s="19"/>
      <c r="R15575" s="19"/>
      <c r="S15575" s="19"/>
      <c r="T15575" s="19"/>
      <c r="U15575" s="19"/>
      <c r="V15575" s="19"/>
      <c r="W15575" s="19"/>
      <c r="X15575" s="19"/>
      <c r="Y15575" s="19"/>
      <c r="Z15575" s="19"/>
      <c r="AA15575" s="19"/>
    </row>
    <row r="15576" spans="1:27" s="1" customFormat="1" ht="14.1" customHeight="1" outlineLevel="4" x14ac:dyDescent="0.2">
      <c r="A15576" s="17">
        <v>12566</v>
      </c>
      <c r="B15576" s="17"/>
      <c r="C15576" s="17"/>
      <c r="D15576" s="18" t="s">
        <v>7706</v>
      </c>
      <c r="E15576" s="18"/>
      <c r="F15576" s="18"/>
      <c r="G15576" s="18"/>
      <c r="H15576" s="18"/>
      <c r="I15576" s="18"/>
      <c r="J15576" s="18"/>
      <c r="K15576" s="18"/>
      <c r="L15576" s="18"/>
      <c r="M15576" s="18"/>
      <c r="N15576" s="18"/>
      <c r="O15576" s="18"/>
      <c r="P15576" s="19">
        <v>580</v>
      </c>
      <c r="Q15576" s="19"/>
      <c r="R15576" s="19"/>
      <c r="S15576" s="19"/>
      <c r="T15576" s="19">
        <v>430</v>
      </c>
      <c r="U15576" s="19"/>
      <c r="V15576" s="19"/>
      <c r="W15576" s="19"/>
      <c r="X15576" s="19">
        <v>1</v>
      </c>
      <c r="Y15576" s="19"/>
      <c r="Z15576" s="19"/>
      <c r="AA15576" s="19"/>
    </row>
    <row r="15577" spans="1:27" s="1" customFormat="1" ht="14.1" customHeight="1" outlineLevel="4" x14ac:dyDescent="0.2">
      <c r="A15577" s="17"/>
      <c r="B15577" s="17"/>
      <c r="C15577" s="17"/>
      <c r="D15577" s="18"/>
      <c r="E15577" s="18"/>
      <c r="F15577" s="18"/>
      <c r="G15577" s="18"/>
      <c r="H15577" s="18"/>
      <c r="I15577" s="18"/>
      <c r="J15577" s="18"/>
      <c r="K15577" s="18"/>
      <c r="L15577" s="18"/>
      <c r="M15577" s="18"/>
      <c r="N15577" s="18"/>
      <c r="O15577" s="18"/>
      <c r="P15577" s="19"/>
      <c r="Q15577" s="19"/>
      <c r="R15577" s="19"/>
      <c r="S15577" s="19"/>
      <c r="T15577" s="19"/>
      <c r="U15577" s="19"/>
      <c r="V15577" s="19"/>
      <c r="W15577" s="19"/>
      <c r="X15577" s="19"/>
      <c r="Y15577" s="19"/>
      <c r="Z15577" s="19"/>
      <c r="AA15577" s="19"/>
    </row>
    <row r="15578" spans="1:27" s="1" customFormat="1" ht="14.1" customHeight="1" outlineLevel="4" x14ac:dyDescent="0.2">
      <c r="A15578" s="17">
        <v>16911</v>
      </c>
      <c r="B15578" s="17"/>
      <c r="C15578" s="17"/>
      <c r="D15578" s="18" t="s">
        <v>7707</v>
      </c>
      <c r="E15578" s="18"/>
      <c r="F15578" s="18"/>
      <c r="G15578" s="18"/>
      <c r="H15578" s="18"/>
      <c r="I15578" s="18"/>
      <c r="J15578" s="18"/>
      <c r="K15578" s="18"/>
      <c r="L15578" s="18"/>
      <c r="M15578" s="18"/>
      <c r="N15578" s="18"/>
      <c r="O15578" s="18"/>
      <c r="P15578" s="20">
        <v>1200</v>
      </c>
      <c r="Q15578" s="20"/>
      <c r="R15578" s="20"/>
      <c r="S15578" s="20"/>
      <c r="T15578" s="19">
        <v>900</v>
      </c>
      <c r="U15578" s="19"/>
      <c r="V15578" s="19"/>
      <c r="W15578" s="19"/>
      <c r="X15578" s="19">
        <v>1</v>
      </c>
      <c r="Y15578" s="19"/>
      <c r="Z15578" s="19"/>
      <c r="AA15578" s="19"/>
    </row>
    <row r="15579" spans="1:27" s="1" customFormat="1" ht="14.1" customHeight="1" outlineLevel="4" x14ac:dyDescent="0.2">
      <c r="A15579" s="17"/>
      <c r="B15579" s="17"/>
      <c r="C15579" s="17"/>
      <c r="D15579" s="18"/>
      <c r="E15579" s="18"/>
      <c r="F15579" s="18"/>
      <c r="G15579" s="18"/>
      <c r="H15579" s="18"/>
      <c r="I15579" s="18"/>
      <c r="J15579" s="18"/>
      <c r="K15579" s="18"/>
      <c r="L15579" s="18"/>
      <c r="M15579" s="18"/>
      <c r="N15579" s="18"/>
      <c r="O15579" s="18"/>
      <c r="P15579" s="20"/>
      <c r="Q15579" s="20"/>
      <c r="R15579" s="20"/>
      <c r="S15579" s="20"/>
      <c r="T15579" s="19"/>
      <c r="U15579" s="19"/>
      <c r="V15579" s="19"/>
      <c r="W15579" s="19"/>
      <c r="X15579" s="19"/>
      <c r="Y15579" s="19"/>
      <c r="Z15579" s="19"/>
      <c r="AA15579" s="19"/>
    </row>
    <row r="15580" spans="1:27" s="1" customFormat="1" ht="11.1" customHeight="1" outlineLevel="4" x14ac:dyDescent="0.2">
      <c r="A15580" s="17">
        <v>5324</v>
      </c>
      <c r="B15580" s="17"/>
      <c r="C15580" s="17"/>
      <c r="D15580" s="18" t="s">
        <v>7708</v>
      </c>
      <c r="E15580" s="18"/>
      <c r="F15580" s="18"/>
      <c r="G15580" s="18"/>
      <c r="H15580" s="18"/>
      <c r="I15580" s="18"/>
      <c r="J15580" s="18"/>
      <c r="K15580" s="18"/>
      <c r="L15580" s="18"/>
      <c r="M15580" s="18"/>
      <c r="N15580" s="18"/>
      <c r="O15580" s="18"/>
      <c r="P15580" s="19">
        <v>620</v>
      </c>
      <c r="Q15580" s="19"/>
      <c r="R15580" s="19"/>
      <c r="S15580" s="19"/>
      <c r="T15580" s="19">
        <v>470</v>
      </c>
      <c r="U15580" s="19"/>
      <c r="V15580" s="19"/>
      <c r="W15580" s="19"/>
      <c r="X15580" s="19">
        <v>3</v>
      </c>
      <c r="Y15580" s="19"/>
      <c r="Z15580" s="19"/>
      <c r="AA15580" s="19"/>
    </row>
    <row r="15581" spans="1:27" s="1" customFormat="1" ht="11.1" customHeight="1" outlineLevel="4" x14ac:dyDescent="0.2">
      <c r="A15581" s="17"/>
      <c r="B15581" s="17"/>
      <c r="C15581" s="17"/>
      <c r="D15581" s="18"/>
      <c r="E15581" s="18"/>
      <c r="F15581" s="18"/>
      <c r="G15581" s="18"/>
      <c r="H15581" s="18"/>
      <c r="I15581" s="18"/>
      <c r="J15581" s="18"/>
      <c r="K15581" s="18"/>
      <c r="L15581" s="18"/>
      <c r="M15581" s="18"/>
      <c r="N15581" s="18"/>
      <c r="O15581" s="18"/>
      <c r="P15581" s="19"/>
      <c r="Q15581" s="19"/>
      <c r="R15581" s="19"/>
      <c r="S15581" s="19"/>
      <c r="T15581" s="19"/>
      <c r="U15581" s="19"/>
      <c r="V15581" s="19"/>
      <c r="W15581" s="19"/>
      <c r="X15581" s="19"/>
      <c r="Y15581" s="19"/>
      <c r="Z15581" s="19"/>
      <c r="AA15581" s="19"/>
    </row>
    <row r="15582" spans="1:27" s="1" customFormat="1" ht="11.1" customHeight="1" outlineLevel="4" x14ac:dyDescent="0.2">
      <c r="A15582" s="17">
        <v>6798</v>
      </c>
      <c r="B15582" s="17"/>
      <c r="C15582" s="17"/>
      <c r="D15582" s="18" t="s">
        <v>7709</v>
      </c>
      <c r="E15582" s="18"/>
      <c r="F15582" s="18"/>
      <c r="G15582" s="18"/>
      <c r="H15582" s="18"/>
      <c r="I15582" s="18"/>
      <c r="J15582" s="18"/>
      <c r="K15582" s="18"/>
      <c r="L15582" s="18"/>
      <c r="M15582" s="18"/>
      <c r="N15582" s="18"/>
      <c r="O15582" s="18"/>
      <c r="P15582" s="19">
        <v>640</v>
      </c>
      <c r="Q15582" s="19"/>
      <c r="R15582" s="19"/>
      <c r="S15582" s="19"/>
      <c r="T15582" s="19">
        <v>490</v>
      </c>
      <c r="U15582" s="19"/>
      <c r="V15582" s="19"/>
      <c r="W15582" s="19"/>
      <c r="X15582" s="19">
        <v>9</v>
      </c>
      <c r="Y15582" s="19"/>
      <c r="Z15582" s="19"/>
      <c r="AA15582" s="19"/>
    </row>
    <row r="15583" spans="1:27" s="1" customFormat="1" ht="11.1" customHeight="1" outlineLevel="4" x14ac:dyDescent="0.2">
      <c r="A15583" s="17"/>
      <c r="B15583" s="17"/>
      <c r="C15583" s="17"/>
      <c r="D15583" s="18"/>
      <c r="E15583" s="18"/>
      <c r="F15583" s="18"/>
      <c r="G15583" s="18"/>
      <c r="H15583" s="18"/>
      <c r="I15583" s="18"/>
      <c r="J15583" s="18"/>
      <c r="K15583" s="18"/>
      <c r="L15583" s="18"/>
      <c r="M15583" s="18"/>
      <c r="N15583" s="18"/>
      <c r="O15583" s="18"/>
      <c r="P15583" s="19"/>
      <c r="Q15583" s="19"/>
      <c r="R15583" s="19"/>
      <c r="S15583" s="19"/>
      <c r="T15583" s="19"/>
      <c r="U15583" s="19"/>
      <c r="V15583" s="19"/>
      <c r="W15583" s="19"/>
      <c r="X15583" s="19"/>
      <c r="Y15583" s="19"/>
      <c r="Z15583" s="19"/>
      <c r="AA15583" s="19"/>
    </row>
    <row r="15584" spans="1:27" s="1" customFormat="1" ht="11.1" customHeight="1" outlineLevel="4" x14ac:dyDescent="0.2">
      <c r="A15584" s="17">
        <v>13631</v>
      </c>
      <c r="B15584" s="17"/>
      <c r="C15584" s="17"/>
      <c r="D15584" s="18" t="s">
        <v>7710</v>
      </c>
      <c r="E15584" s="18"/>
      <c r="F15584" s="18"/>
      <c r="G15584" s="18"/>
      <c r="H15584" s="18"/>
      <c r="I15584" s="18"/>
      <c r="J15584" s="18"/>
      <c r="K15584" s="18"/>
      <c r="L15584" s="18"/>
      <c r="M15584" s="18"/>
      <c r="N15584" s="18"/>
      <c r="O15584" s="18"/>
      <c r="P15584" s="19">
        <v>640</v>
      </c>
      <c r="Q15584" s="19"/>
      <c r="R15584" s="19"/>
      <c r="S15584" s="19"/>
      <c r="T15584" s="19">
        <v>490</v>
      </c>
      <c r="U15584" s="19"/>
      <c r="V15584" s="19"/>
      <c r="W15584" s="19"/>
      <c r="X15584" s="19">
        <v>10</v>
      </c>
      <c r="Y15584" s="19"/>
      <c r="Z15584" s="19"/>
      <c r="AA15584" s="19"/>
    </row>
    <row r="15585" spans="1:27" s="1" customFormat="1" ht="11.1" customHeight="1" outlineLevel="4" x14ac:dyDescent="0.2">
      <c r="A15585" s="17"/>
      <c r="B15585" s="17"/>
      <c r="C15585" s="17"/>
      <c r="D15585" s="18"/>
      <c r="E15585" s="18"/>
      <c r="F15585" s="18"/>
      <c r="G15585" s="18"/>
      <c r="H15585" s="18"/>
      <c r="I15585" s="18"/>
      <c r="J15585" s="18"/>
      <c r="K15585" s="18"/>
      <c r="L15585" s="18"/>
      <c r="M15585" s="18"/>
      <c r="N15585" s="18"/>
      <c r="O15585" s="18"/>
      <c r="P15585" s="19"/>
      <c r="Q15585" s="19"/>
      <c r="R15585" s="19"/>
      <c r="S15585" s="19"/>
      <c r="T15585" s="19"/>
      <c r="U15585" s="19"/>
      <c r="V15585" s="19"/>
      <c r="W15585" s="19"/>
      <c r="X15585" s="19"/>
      <c r="Y15585" s="19"/>
      <c r="Z15585" s="19"/>
      <c r="AA15585" s="19"/>
    </row>
    <row r="15586" spans="1:27" s="1" customFormat="1" ht="11.1" customHeight="1" outlineLevel="4" x14ac:dyDescent="0.2">
      <c r="A15586" s="17">
        <v>5785</v>
      </c>
      <c r="B15586" s="17"/>
      <c r="C15586" s="17"/>
      <c r="D15586" s="18" t="s">
        <v>7711</v>
      </c>
      <c r="E15586" s="18"/>
      <c r="F15586" s="18"/>
      <c r="G15586" s="18"/>
      <c r="H15586" s="18"/>
      <c r="I15586" s="18"/>
      <c r="J15586" s="18"/>
      <c r="K15586" s="18"/>
      <c r="L15586" s="18"/>
      <c r="M15586" s="18"/>
      <c r="N15586" s="18"/>
      <c r="O15586" s="18"/>
      <c r="P15586" s="19">
        <v>330</v>
      </c>
      <c r="Q15586" s="19"/>
      <c r="R15586" s="19"/>
      <c r="S15586" s="19"/>
      <c r="T15586" s="19">
        <v>250</v>
      </c>
      <c r="U15586" s="19"/>
      <c r="V15586" s="19"/>
      <c r="W15586" s="19"/>
      <c r="X15586" s="19">
        <v>12</v>
      </c>
      <c r="Y15586" s="19"/>
      <c r="Z15586" s="19"/>
      <c r="AA15586" s="19"/>
    </row>
    <row r="15587" spans="1:27" s="1" customFormat="1" ht="11.1" customHeight="1" outlineLevel="4" x14ac:dyDescent="0.2">
      <c r="A15587" s="17"/>
      <c r="B15587" s="17"/>
      <c r="C15587" s="17"/>
      <c r="D15587" s="18"/>
      <c r="E15587" s="18"/>
      <c r="F15587" s="18"/>
      <c r="G15587" s="18"/>
      <c r="H15587" s="18"/>
      <c r="I15587" s="18"/>
      <c r="J15587" s="18"/>
      <c r="K15587" s="18"/>
      <c r="L15587" s="18"/>
      <c r="M15587" s="18"/>
      <c r="N15587" s="18"/>
      <c r="O15587" s="18"/>
      <c r="P15587" s="19"/>
      <c r="Q15587" s="19"/>
      <c r="R15587" s="19"/>
      <c r="S15587" s="19"/>
      <c r="T15587" s="19"/>
      <c r="U15587" s="19"/>
      <c r="V15587" s="19"/>
      <c r="W15587" s="19"/>
      <c r="X15587" s="19"/>
      <c r="Y15587" s="19"/>
      <c r="Z15587" s="19"/>
      <c r="AA15587" s="19"/>
    </row>
    <row r="15588" spans="1:27" s="1" customFormat="1" ht="14.1" customHeight="1" outlineLevel="4" x14ac:dyDescent="0.2">
      <c r="A15588" s="17">
        <v>274</v>
      </c>
      <c r="B15588" s="17"/>
      <c r="C15588" s="17"/>
      <c r="D15588" s="18" t="s">
        <v>7712</v>
      </c>
      <c r="E15588" s="18"/>
      <c r="F15588" s="18"/>
      <c r="G15588" s="18"/>
      <c r="H15588" s="18"/>
      <c r="I15588" s="18"/>
      <c r="J15588" s="18"/>
      <c r="K15588" s="18"/>
      <c r="L15588" s="18"/>
      <c r="M15588" s="18"/>
      <c r="N15588" s="18"/>
      <c r="O15588" s="18"/>
      <c r="P15588" s="19">
        <v>400</v>
      </c>
      <c r="Q15588" s="19"/>
      <c r="R15588" s="19"/>
      <c r="S15588" s="19"/>
      <c r="T15588" s="19">
        <v>340</v>
      </c>
      <c r="U15588" s="19"/>
      <c r="V15588" s="19"/>
      <c r="W15588" s="19"/>
      <c r="X15588" s="19">
        <v>1</v>
      </c>
      <c r="Y15588" s="19"/>
      <c r="Z15588" s="19"/>
      <c r="AA15588" s="19"/>
    </row>
    <row r="15589" spans="1:27" s="1" customFormat="1" ht="14.1" customHeight="1" outlineLevel="4" x14ac:dyDescent="0.2">
      <c r="A15589" s="17"/>
      <c r="B15589" s="17"/>
      <c r="C15589" s="17"/>
      <c r="D15589" s="18"/>
      <c r="E15589" s="18"/>
      <c r="F15589" s="18"/>
      <c r="G15589" s="18"/>
      <c r="H15589" s="18"/>
      <c r="I15589" s="18"/>
      <c r="J15589" s="18"/>
      <c r="K15589" s="18"/>
      <c r="L15589" s="18"/>
      <c r="M15589" s="18"/>
      <c r="N15589" s="18"/>
      <c r="O15589" s="18"/>
      <c r="P15589" s="19"/>
      <c r="Q15589" s="19"/>
      <c r="R15589" s="19"/>
      <c r="S15589" s="19"/>
      <c r="T15589" s="19"/>
      <c r="U15589" s="19"/>
      <c r="V15589" s="19"/>
      <c r="W15589" s="19"/>
      <c r="X15589" s="19"/>
      <c r="Y15589" s="19"/>
      <c r="Z15589" s="19"/>
      <c r="AA15589" s="19"/>
    </row>
    <row r="15590" spans="1:27" s="1" customFormat="1" ht="11.1" customHeight="1" outlineLevel="4" x14ac:dyDescent="0.2">
      <c r="A15590" s="17">
        <v>9161</v>
      </c>
      <c r="B15590" s="17"/>
      <c r="C15590" s="17"/>
      <c r="D15590" s="18" t="s">
        <v>7713</v>
      </c>
      <c r="E15590" s="18"/>
      <c r="F15590" s="18"/>
      <c r="G15590" s="18"/>
      <c r="H15590" s="18"/>
      <c r="I15590" s="18"/>
      <c r="J15590" s="18"/>
      <c r="K15590" s="18"/>
      <c r="L15590" s="18"/>
      <c r="M15590" s="18"/>
      <c r="N15590" s="18"/>
      <c r="O15590" s="18"/>
      <c r="P15590" s="19">
        <v>550</v>
      </c>
      <c r="Q15590" s="19"/>
      <c r="R15590" s="19"/>
      <c r="S15590" s="19"/>
      <c r="T15590" s="19">
        <v>490</v>
      </c>
      <c r="U15590" s="19"/>
      <c r="V15590" s="19"/>
      <c r="W15590" s="19"/>
      <c r="X15590" s="19">
        <v>1</v>
      </c>
      <c r="Y15590" s="19"/>
      <c r="Z15590" s="19"/>
      <c r="AA15590" s="19"/>
    </row>
    <row r="15591" spans="1:27" s="1" customFormat="1" ht="11.1" customHeight="1" outlineLevel="4" x14ac:dyDescent="0.2">
      <c r="A15591" s="17"/>
      <c r="B15591" s="17"/>
      <c r="C15591" s="17"/>
      <c r="D15591" s="18"/>
      <c r="E15591" s="18"/>
      <c r="F15591" s="18"/>
      <c r="G15591" s="18"/>
      <c r="H15591" s="18"/>
      <c r="I15591" s="18"/>
      <c r="J15591" s="18"/>
      <c r="K15591" s="18"/>
      <c r="L15591" s="18"/>
      <c r="M15591" s="18"/>
      <c r="N15591" s="18"/>
      <c r="O15591" s="18"/>
      <c r="P15591" s="19"/>
      <c r="Q15591" s="19"/>
      <c r="R15591" s="19"/>
      <c r="S15591" s="19"/>
      <c r="T15591" s="19"/>
      <c r="U15591" s="19"/>
      <c r="V15591" s="19"/>
      <c r="W15591" s="19"/>
      <c r="X15591" s="19"/>
      <c r="Y15591" s="19"/>
      <c r="Z15591" s="19"/>
      <c r="AA15591" s="19"/>
    </row>
    <row r="15592" spans="1:27" s="1" customFormat="1" ht="11.1" customHeight="1" outlineLevel="4" x14ac:dyDescent="0.2">
      <c r="A15592" s="17">
        <v>11712</v>
      </c>
      <c r="B15592" s="17"/>
      <c r="C15592" s="17"/>
      <c r="D15592" s="18" t="s">
        <v>7714</v>
      </c>
      <c r="E15592" s="18"/>
      <c r="F15592" s="18"/>
      <c r="G15592" s="18"/>
      <c r="H15592" s="18"/>
      <c r="I15592" s="18"/>
      <c r="J15592" s="18"/>
      <c r="K15592" s="18"/>
      <c r="L15592" s="18"/>
      <c r="M15592" s="18"/>
      <c r="N15592" s="18"/>
      <c r="O15592" s="18"/>
      <c r="P15592" s="19">
        <v>460</v>
      </c>
      <c r="Q15592" s="19"/>
      <c r="R15592" s="19"/>
      <c r="S15592" s="19"/>
      <c r="T15592" s="19">
        <v>400</v>
      </c>
      <c r="U15592" s="19"/>
      <c r="V15592" s="19"/>
      <c r="W15592" s="19"/>
      <c r="X15592" s="19">
        <v>1</v>
      </c>
      <c r="Y15592" s="19"/>
      <c r="Z15592" s="19"/>
      <c r="AA15592" s="19"/>
    </row>
    <row r="15593" spans="1:27" s="1" customFormat="1" ht="11.1" customHeight="1" outlineLevel="4" x14ac:dyDescent="0.2">
      <c r="A15593" s="17"/>
      <c r="B15593" s="17"/>
      <c r="C15593" s="17"/>
      <c r="D15593" s="18"/>
      <c r="E15593" s="18"/>
      <c r="F15593" s="18"/>
      <c r="G15593" s="18"/>
      <c r="H15593" s="18"/>
      <c r="I15593" s="18"/>
      <c r="J15593" s="18"/>
      <c r="K15593" s="18"/>
      <c r="L15593" s="18"/>
      <c r="M15593" s="18"/>
      <c r="N15593" s="18"/>
      <c r="O15593" s="18"/>
      <c r="P15593" s="19"/>
      <c r="Q15593" s="19"/>
      <c r="R15593" s="19"/>
      <c r="S15593" s="19"/>
      <c r="T15593" s="19"/>
      <c r="U15593" s="19"/>
      <c r="V15593" s="19"/>
      <c r="W15593" s="19"/>
      <c r="X15593" s="19"/>
      <c r="Y15593" s="19"/>
      <c r="Z15593" s="19"/>
      <c r="AA15593" s="19"/>
    </row>
    <row r="15594" spans="1:27" s="1" customFormat="1" ht="11.1" customHeight="1" outlineLevel="4" x14ac:dyDescent="0.2">
      <c r="A15594" s="17">
        <v>16815</v>
      </c>
      <c r="B15594" s="17"/>
      <c r="C15594" s="17"/>
      <c r="D15594" s="18" t="s">
        <v>7715</v>
      </c>
      <c r="E15594" s="18"/>
      <c r="F15594" s="18"/>
      <c r="G15594" s="18"/>
      <c r="H15594" s="18"/>
      <c r="I15594" s="18"/>
      <c r="J15594" s="18"/>
      <c r="K15594" s="18"/>
      <c r="L15594" s="18"/>
      <c r="M15594" s="18"/>
      <c r="N15594" s="18"/>
      <c r="O15594" s="18"/>
      <c r="P15594" s="20">
        <v>1500</v>
      </c>
      <c r="Q15594" s="20"/>
      <c r="R15594" s="20"/>
      <c r="S15594" s="20"/>
      <c r="T15594" s="20">
        <v>1000</v>
      </c>
      <c r="U15594" s="20"/>
      <c r="V15594" s="20"/>
      <c r="W15594" s="20"/>
      <c r="X15594" s="19">
        <v>2</v>
      </c>
      <c r="Y15594" s="19"/>
      <c r="Z15594" s="19"/>
      <c r="AA15594" s="19"/>
    </row>
    <row r="15595" spans="1:27" s="1" customFormat="1" ht="11.1" customHeight="1" outlineLevel="4" x14ac:dyDescent="0.2">
      <c r="A15595" s="17"/>
      <c r="B15595" s="17"/>
      <c r="C15595" s="17"/>
      <c r="D15595" s="18"/>
      <c r="E15595" s="18"/>
      <c r="F15595" s="18"/>
      <c r="G15595" s="18"/>
      <c r="H15595" s="18"/>
      <c r="I15595" s="18"/>
      <c r="J15595" s="18"/>
      <c r="K15595" s="18"/>
      <c r="L15595" s="18"/>
      <c r="M15595" s="18"/>
      <c r="N15595" s="18"/>
      <c r="O15595" s="18"/>
      <c r="P15595" s="20"/>
      <c r="Q15595" s="20"/>
      <c r="R15595" s="20"/>
      <c r="S15595" s="20"/>
      <c r="T15595" s="20"/>
      <c r="U15595" s="20"/>
      <c r="V15595" s="20"/>
      <c r="W15595" s="20"/>
      <c r="X15595" s="19"/>
      <c r="Y15595" s="19"/>
      <c r="Z15595" s="19"/>
      <c r="AA15595" s="19"/>
    </row>
    <row r="15596" spans="1:27" s="1" customFormat="1" ht="14.1" customHeight="1" outlineLevel="4" x14ac:dyDescent="0.2">
      <c r="A15596" s="17">
        <v>113</v>
      </c>
      <c r="B15596" s="17"/>
      <c r="C15596" s="17"/>
      <c r="D15596" s="18" t="s">
        <v>7716</v>
      </c>
      <c r="E15596" s="18"/>
      <c r="F15596" s="18"/>
      <c r="G15596" s="18"/>
      <c r="H15596" s="18"/>
      <c r="I15596" s="18"/>
      <c r="J15596" s="18"/>
      <c r="K15596" s="18"/>
      <c r="L15596" s="18"/>
      <c r="M15596" s="18"/>
      <c r="N15596" s="18"/>
      <c r="O15596" s="18"/>
      <c r="P15596" s="19">
        <v>250</v>
      </c>
      <c r="Q15596" s="19"/>
      <c r="R15596" s="19"/>
      <c r="S15596" s="19"/>
      <c r="T15596" s="19">
        <v>200</v>
      </c>
      <c r="U15596" s="19"/>
      <c r="V15596" s="19"/>
      <c r="W15596" s="19"/>
      <c r="X15596" s="19">
        <v>19</v>
      </c>
      <c r="Y15596" s="19"/>
      <c r="Z15596" s="19"/>
      <c r="AA15596" s="19"/>
    </row>
    <row r="15597" spans="1:27" s="1" customFormat="1" ht="14.1" customHeight="1" outlineLevel="4" x14ac:dyDescent="0.2">
      <c r="A15597" s="17"/>
      <c r="B15597" s="17"/>
      <c r="C15597" s="17"/>
      <c r="D15597" s="18"/>
      <c r="E15597" s="18"/>
      <c r="F15597" s="18"/>
      <c r="G15597" s="18"/>
      <c r="H15597" s="18"/>
      <c r="I15597" s="18"/>
      <c r="J15597" s="18"/>
      <c r="K15597" s="18"/>
      <c r="L15597" s="18"/>
      <c r="M15597" s="18"/>
      <c r="N15597" s="18"/>
      <c r="O15597" s="18"/>
      <c r="P15597" s="19"/>
      <c r="Q15597" s="19"/>
      <c r="R15597" s="19"/>
      <c r="S15597" s="19"/>
      <c r="T15597" s="19"/>
      <c r="U15597" s="19"/>
      <c r="V15597" s="19"/>
      <c r="W15597" s="19"/>
      <c r="X15597" s="19"/>
      <c r="Y15597" s="19"/>
      <c r="Z15597" s="19"/>
      <c r="AA15597" s="19"/>
    </row>
    <row r="15598" spans="1:27" s="1" customFormat="1" ht="14.1" customHeight="1" outlineLevel="4" x14ac:dyDescent="0.2">
      <c r="A15598" s="17">
        <v>126</v>
      </c>
      <c r="B15598" s="17"/>
      <c r="C15598" s="17"/>
      <c r="D15598" s="18" t="s">
        <v>7717</v>
      </c>
      <c r="E15598" s="18"/>
      <c r="F15598" s="18"/>
      <c r="G15598" s="18"/>
      <c r="H15598" s="18"/>
      <c r="I15598" s="18"/>
      <c r="J15598" s="18"/>
      <c r="K15598" s="18"/>
      <c r="L15598" s="18"/>
      <c r="M15598" s="18"/>
      <c r="N15598" s="18"/>
      <c r="O15598" s="18"/>
      <c r="P15598" s="19">
        <v>200</v>
      </c>
      <c r="Q15598" s="19"/>
      <c r="R15598" s="19"/>
      <c r="S15598" s="19"/>
      <c r="T15598" s="19">
        <v>150</v>
      </c>
      <c r="U15598" s="19"/>
      <c r="V15598" s="19"/>
      <c r="W15598" s="19"/>
      <c r="X15598" s="19">
        <v>3</v>
      </c>
      <c r="Y15598" s="19"/>
      <c r="Z15598" s="19"/>
      <c r="AA15598" s="19"/>
    </row>
    <row r="15599" spans="1:27" s="1" customFormat="1" ht="14.1" customHeight="1" outlineLevel="4" x14ac:dyDescent="0.2">
      <c r="A15599" s="17"/>
      <c r="B15599" s="17"/>
      <c r="C15599" s="17"/>
      <c r="D15599" s="18"/>
      <c r="E15599" s="18"/>
      <c r="F15599" s="18"/>
      <c r="G15599" s="18"/>
      <c r="H15599" s="18"/>
      <c r="I15599" s="18"/>
      <c r="J15599" s="18"/>
      <c r="K15599" s="18"/>
      <c r="L15599" s="18"/>
      <c r="M15599" s="18"/>
      <c r="N15599" s="18"/>
      <c r="O15599" s="18"/>
      <c r="P15599" s="19"/>
      <c r="Q15599" s="19"/>
      <c r="R15599" s="19"/>
      <c r="S15599" s="19"/>
      <c r="T15599" s="19"/>
      <c r="U15599" s="19"/>
      <c r="V15599" s="19"/>
      <c r="W15599" s="19"/>
      <c r="X15599" s="19"/>
      <c r="Y15599" s="19"/>
      <c r="Z15599" s="19"/>
      <c r="AA15599" s="19"/>
    </row>
    <row r="15600" spans="1:27" s="1" customFormat="1" ht="14.1" customHeight="1" outlineLevel="4" x14ac:dyDescent="0.2">
      <c r="A15600" s="17">
        <v>124</v>
      </c>
      <c r="B15600" s="17"/>
      <c r="C15600" s="17"/>
      <c r="D15600" s="18" t="s">
        <v>7718</v>
      </c>
      <c r="E15600" s="18"/>
      <c r="F15600" s="18"/>
      <c r="G15600" s="18"/>
      <c r="H15600" s="18"/>
      <c r="I15600" s="18"/>
      <c r="J15600" s="18"/>
      <c r="K15600" s="18"/>
      <c r="L15600" s="18"/>
      <c r="M15600" s="18"/>
      <c r="N15600" s="18"/>
      <c r="O15600" s="18"/>
      <c r="P15600" s="19">
        <v>200</v>
      </c>
      <c r="Q15600" s="19"/>
      <c r="R15600" s="19"/>
      <c r="S15600" s="19"/>
      <c r="T15600" s="19">
        <v>150</v>
      </c>
      <c r="U15600" s="19"/>
      <c r="V15600" s="19"/>
      <c r="W15600" s="19"/>
      <c r="X15600" s="19">
        <v>14</v>
      </c>
      <c r="Y15600" s="19"/>
      <c r="Z15600" s="19"/>
      <c r="AA15600" s="19"/>
    </row>
    <row r="15601" spans="1:27" s="1" customFormat="1" ht="14.1" customHeight="1" outlineLevel="4" x14ac:dyDescent="0.2">
      <c r="A15601" s="17"/>
      <c r="B15601" s="17"/>
      <c r="C15601" s="17"/>
      <c r="D15601" s="18"/>
      <c r="E15601" s="18"/>
      <c r="F15601" s="18"/>
      <c r="G15601" s="18"/>
      <c r="H15601" s="18"/>
      <c r="I15601" s="18"/>
      <c r="J15601" s="18"/>
      <c r="K15601" s="18"/>
      <c r="L15601" s="18"/>
      <c r="M15601" s="18"/>
      <c r="N15601" s="18"/>
      <c r="O15601" s="18"/>
      <c r="P15601" s="19"/>
      <c r="Q15601" s="19"/>
      <c r="R15601" s="19"/>
      <c r="S15601" s="19"/>
      <c r="T15601" s="19"/>
      <c r="U15601" s="19"/>
      <c r="V15601" s="19"/>
      <c r="W15601" s="19"/>
      <c r="X15601" s="19"/>
      <c r="Y15601" s="19"/>
      <c r="Z15601" s="19"/>
      <c r="AA15601" s="19"/>
    </row>
    <row r="15602" spans="1:27" s="1" customFormat="1" ht="11.1" customHeight="1" outlineLevel="4" x14ac:dyDescent="0.2">
      <c r="A15602" s="17">
        <v>112</v>
      </c>
      <c r="B15602" s="17"/>
      <c r="C15602" s="17"/>
      <c r="D15602" s="18" t="s">
        <v>7719</v>
      </c>
      <c r="E15602" s="18"/>
      <c r="F15602" s="18"/>
      <c r="G15602" s="18"/>
      <c r="H15602" s="18"/>
      <c r="I15602" s="18"/>
      <c r="J15602" s="18"/>
      <c r="K15602" s="18"/>
      <c r="L15602" s="18"/>
      <c r="M15602" s="18"/>
      <c r="N15602" s="18"/>
      <c r="O15602" s="18"/>
      <c r="P15602" s="19">
        <v>100</v>
      </c>
      <c r="Q15602" s="19"/>
      <c r="R15602" s="19"/>
      <c r="S15602" s="19"/>
      <c r="T15602" s="19">
        <v>80</v>
      </c>
      <c r="U15602" s="19"/>
      <c r="V15602" s="19"/>
      <c r="W15602" s="19"/>
      <c r="X15602" s="19">
        <v>1</v>
      </c>
      <c r="Y15602" s="19"/>
      <c r="Z15602" s="19"/>
      <c r="AA15602" s="19"/>
    </row>
    <row r="15603" spans="1:27" s="1" customFormat="1" ht="11.1" customHeight="1" outlineLevel="4" x14ac:dyDescent="0.2">
      <c r="A15603" s="17"/>
      <c r="B15603" s="17"/>
      <c r="C15603" s="17"/>
      <c r="D15603" s="18"/>
      <c r="E15603" s="18"/>
      <c r="F15603" s="18"/>
      <c r="G15603" s="18"/>
      <c r="H15603" s="18"/>
      <c r="I15603" s="18"/>
      <c r="J15603" s="18"/>
      <c r="K15603" s="18"/>
      <c r="L15603" s="18"/>
      <c r="M15603" s="18"/>
      <c r="N15603" s="18"/>
      <c r="O15603" s="18"/>
      <c r="P15603" s="19"/>
      <c r="Q15603" s="19"/>
      <c r="R15603" s="19"/>
      <c r="S15603" s="19"/>
      <c r="T15603" s="19"/>
      <c r="U15603" s="19"/>
      <c r="V15603" s="19"/>
      <c r="W15603" s="19"/>
      <c r="X15603" s="19"/>
      <c r="Y15603" s="19"/>
      <c r="Z15603" s="19"/>
      <c r="AA15603" s="19"/>
    </row>
    <row r="15604" spans="1:27" s="1" customFormat="1" ht="11.1" customHeight="1" outlineLevel="4" x14ac:dyDescent="0.2">
      <c r="A15604" s="17">
        <v>148</v>
      </c>
      <c r="B15604" s="17"/>
      <c r="C15604" s="17"/>
      <c r="D15604" s="18" t="s">
        <v>7720</v>
      </c>
      <c r="E15604" s="18"/>
      <c r="F15604" s="18"/>
      <c r="G15604" s="18"/>
      <c r="H15604" s="18"/>
      <c r="I15604" s="18"/>
      <c r="J15604" s="18"/>
      <c r="K15604" s="18"/>
      <c r="L15604" s="18"/>
      <c r="M15604" s="18"/>
      <c r="N15604" s="18"/>
      <c r="O15604" s="18"/>
      <c r="P15604" s="19">
        <v>250</v>
      </c>
      <c r="Q15604" s="19"/>
      <c r="R15604" s="19"/>
      <c r="S15604" s="19"/>
      <c r="T15604" s="19">
        <v>190</v>
      </c>
      <c r="U15604" s="19"/>
      <c r="V15604" s="19"/>
      <c r="W15604" s="19"/>
      <c r="X15604" s="19">
        <v>1</v>
      </c>
      <c r="Y15604" s="19"/>
      <c r="Z15604" s="19"/>
      <c r="AA15604" s="19"/>
    </row>
    <row r="15605" spans="1:27" s="1" customFormat="1" ht="11.1" customHeight="1" outlineLevel="4" x14ac:dyDescent="0.2">
      <c r="A15605" s="17"/>
      <c r="B15605" s="17"/>
      <c r="C15605" s="17"/>
      <c r="D15605" s="18"/>
      <c r="E15605" s="18"/>
      <c r="F15605" s="18"/>
      <c r="G15605" s="18"/>
      <c r="H15605" s="18"/>
      <c r="I15605" s="18"/>
      <c r="J15605" s="18"/>
      <c r="K15605" s="18"/>
      <c r="L15605" s="18"/>
      <c r="M15605" s="18"/>
      <c r="N15605" s="18"/>
      <c r="O15605" s="18"/>
      <c r="P15605" s="19"/>
      <c r="Q15605" s="19"/>
      <c r="R15605" s="19"/>
      <c r="S15605" s="19"/>
      <c r="T15605" s="19"/>
      <c r="U15605" s="19"/>
      <c r="V15605" s="19"/>
      <c r="W15605" s="19"/>
      <c r="X15605" s="19"/>
      <c r="Y15605" s="19"/>
      <c r="Z15605" s="19"/>
      <c r="AA15605" s="19"/>
    </row>
    <row r="15606" spans="1:27" s="1" customFormat="1" ht="11.1" customHeight="1" outlineLevel="4" x14ac:dyDescent="0.2">
      <c r="A15606" s="17">
        <v>6879</v>
      </c>
      <c r="B15606" s="17"/>
      <c r="C15606" s="17"/>
      <c r="D15606" s="18" t="s">
        <v>7721</v>
      </c>
      <c r="E15606" s="18"/>
      <c r="F15606" s="18"/>
      <c r="G15606" s="18"/>
      <c r="H15606" s="18"/>
      <c r="I15606" s="18"/>
      <c r="J15606" s="18"/>
      <c r="K15606" s="18"/>
      <c r="L15606" s="18"/>
      <c r="M15606" s="18"/>
      <c r="N15606" s="18"/>
      <c r="O15606" s="18"/>
      <c r="P15606" s="19">
        <v>390</v>
      </c>
      <c r="Q15606" s="19"/>
      <c r="R15606" s="19"/>
      <c r="S15606" s="19"/>
      <c r="T15606" s="19">
        <v>240</v>
      </c>
      <c r="U15606" s="19"/>
      <c r="V15606" s="19"/>
      <c r="W15606" s="19"/>
      <c r="X15606" s="19">
        <v>2</v>
      </c>
      <c r="Y15606" s="19"/>
      <c r="Z15606" s="19"/>
      <c r="AA15606" s="19"/>
    </row>
    <row r="15607" spans="1:27" s="1" customFormat="1" ht="11.1" customHeight="1" outlineLevel="4" x14ac:dyDescent="0.2">
      <c r="A15607" s="17"/>
      <c r="B15607" s="17"/>
      <c r="C15607" s="17"/>
      <c r="D15607" s="18"/>
      <c r="E15607" s="18"/>
      <c r="F15607" s="18"/>
      <c r="G15607" s="18"/>
      <c r="H15607" s="18"/>
      <c r="I15607" s="18"/>
      <c r="J15607" s="18"/>
      <c r="K15607" s="18"/>
      <c r="L15607" s="18"/>
      <c r="M15607" s="18"/>
      <c r="N15607" s="18"/>
      <c r="O15607" s="18"/>
      <c r="P15607" s="19"/>
      <c r="Q15607" s="19"/>
      <c r="R15607" s="19"/>
      <c r="S15607" s="19"/>
      <c r="T15607" s="19"/>
      <c r="U15607" s="19"/>
      <c r="V15607" s="19"/>
      <c r="W15607" s="19"/>
      <c r="X15607" s="19"/>
      <c r="Y15607" s="19"/>
      <c r="Z15607" s="19"/>
      <c r="AA15607" s="19"/>
    </row>
    <row r="15608" spans="1:27" s="1" customFormat="1" ht="11.1" customHeight="1" outlineLevel="4" x14ac:dyDescent="0.2">
      <c r="A15608" s="17">
        <v>7623</v>
      </c>
      <c r="B15608" s="17"/>
      <c r="C15608" s="17"/>
      <c r="D15608" s="18" t="s">
        <v>7722</v>
      </c>
      <c r="E15608" s="18"/>
      <c r="F15608" s="18"/>
      <c r="G15608" s="18"/>
      <c r="H15608" s="18"/>
      <c r="I15608" s="18"/>
      <c r="J15608" s="18"/>
      <c r="K15608" s="18"/>
      <c r="L15608" s="18"/>
      <c r="M15608" s="18"/>
      <c r="N15608" s="18"/>
      <c r="O15608" s="18"/>
      <c r="P15608" s="19">
        <v>440</v>
      </c>
      <c r="Q15608" s="19"/>
      <c r="R15608" s="19"/>
      <c r="S15608" s="19"/>
      <c r="T15608" s="19">
        <v>250</v>
      </c>
      <c r="U15608" s="19"/>
      <c r="V15608" s="19"/>
      <c r="W15608" s="19"/>
      <c r="X15608" s="19">
        <v>4</v>
      </c>
      <c r="Y15608" s="19"/>
      <c r="Z15608" s="19"/>
      <c r="AA15608" s="19"/>
    </row>
    <row r="15609" spans="1:27" s="1" customFormat="1" ht="11.1" customHeight="1" outlineLevel="4" x14ac:dyDescent="0.2">
      <c r="A15609" s="17"/>
      <c r="B15609" s="17"/>
      <c r="C15609" s="17"/>
      <c r="D15609" s="18"/>
      <c r="E15609" s="18"/>
      <c r="F15609" s="18"/>
      <c r="G15609" s="18"/>
      <c r="H15609" s="18"/>
      <c r="I15609" s="18"/>
      <c r="J15609" s="18"/>
      <c r="K15609" s="18"/>
      <c r="L15609" s="18"/>
      <c r="M15609" s="18"/>
      <c r="N15609" s="18"/>
      <c r="O15609" s="18"/>
      <c r="P15609" s="19"/>
      <c r="Q15609" s="19"/>
      <c r="R15609" s="19"/>
      <c r="S15609" s="19"/>
      <c r="T15609" s="19"/>
      <c r="U15609" s="19"/>
      <c r="V15609" s="19"/>
      <c r="W15609" s="19"/>
      <c r="X15609" s="19"/>
      <c r="Y15609" s="19"/>
      <c r="Z15609" s="19"/>
      <c r="AA15609" s="19"/>
    </row>
    <row r="15610" spans="1:27" s="1" customFormat="1" ht="14.1" customHeight="1" outlineLevel="4" x14ac:dyDescent="0.2">
      <c r="A15610" s="17">
        <v>259</v>
      </c>
      <c r="B15610" s="17"/>
      <c r="C15610" s="17"/>
      <c r="D15610" s="18" t="s">
        <v>7723</v>
      </c>
      <c r="E15610" s="18"/>
      <c r="F15610" s="18"/>
      <c r="G15610" s="18"/>
      <c r="H15610" s="18"/>
      <c r="I15610" s="18"/>
      <c r="J15610" s="18"/>
      <c r="K15610" s="18"/>
      <c r="L15610" s="18"/>
      <c r="M15610" s="18"/>
      <c r="N15610" s="18"/>
      <c r="O15610" s="18"/>
      <c r="P15610" s="19">
        <v>250</v>
      </c>
      <c r="Q15610" s="19"/>
      <c r="R15610" s="19"/>
      <c r="S15610" s="19"/>
      <c r="T15610" s="19">
        <v>190</v>
      </c>
      <c r="U15610" s="19"/>
      <c r="V15610" s="19"/>
      <c r="W15610" s="19"/>
      <c r="X15610" s="19">
        <v>1</v>
      </c>
      <c r="Y15610" s="19"/>
      <c r="Z15610" s="19"/>
      <c r="AA15610" s="19"/>
    </row>
    <row r="15611" spans="1:27" s="1" customFormat="1" ht="14.1" customHeight="1" outlineLevel="4" x14ac:dyDescent="0.2">
      <c r="A15611" s="17"/>
      <c r="B15611" s="17"/>
      <c r="C15611" s="17"/>
      <c r="D15611" s="18"/>
      <c r="E15611" s="18"/>
      <c r="F15611" s="18"/>
      <c r="G15611" s="18"/>
      <c r="H15611" s="18"/>
      <c r="I15611" s="18"/>
      <c r="J15611" s="18"/>
      <c r="K15611" s="18"/>
      <c r="L15611" s="18"/>
      <c r="M15611" s="18"/>
      <c r="N15611" s="18"/>
      <c r="O15611" s="18"/>
      <c r="P15611" s="19"/>
      <c r="Q15611" s="19"/>
      <c r="R15611" s="19"/>
      <c r="S15611" s="19"/>
      <c r="T15611" s="19"/>
      <c r="U15611" s="19"/>
      <c r="V15611" s="19"/>
      <c r="W15611" s="19"/>
      <c r="X15611" s="19"/>
      <c r="Y15611" s="19"/>
      <c r="Z15611" s="19"/>
      <c r="AA15611" s="19"/>
    </row>
    <row r="15612" spans="1:27" s="1" customFormat="1" ht="14.1" customHeight="1" outlineLevel="4" x14ac:dyDescent="0.2">
      <c r="A15612" s="17">
        <v>17878</v>
      </c>
      <c r="B15612" s="17"/>
      <c r="C15612" s="17"/>
      <c r="D15612" s="18" t="s">
        <v>7724</v>
      </c>
      <c r="E15612" s="18"/>
      <c r="F15612" s="18"/>
      <c r="G15612" s="18"/>
      <c r="H15612" s="18"/>
      <c r="I15612" s="18"/>
      <c r="J15612" s="18"/>
      <c r="K15612" s="18"/>
      <c r="L15612" s="18"/>
      <c r="M15612" s="18"/>
      <c r="N15612" s="18"/>
      <c r="O15612" s="18"/>
      <c r="P15612" s="20">
        <v>1400</v>
      </c>
      <c r="Q15612" s="20"/>
      <c r="R15612" s="20"/>
      <c r="S15612" s="20"/>
      <c r="T15612" s="20">
        <v>1200</v>
      </c>
      <c r="U15612" s="20"/>
      <c r="V15612" s="20"/>
      <c r="W15612" s="20"/>
      <c r="X15612" s="19">
        <v>1</v>
      </c>
      <c r="Y15612" s="19"/>
      <c r="Z15612" s="19"/>
      <c r="AA15612" s="19"/>
    </row>
    <row r="15613" spans="1:27" s="1" customFormat="1" ht="14.1" customHeight="1" outlineLevel="4" x14ac:dyDescent="0.2">
      <c r="A15613" s="17"/>
      <c r="B15613" s="17"/>
      <c r="C15613" s="17"/>
      <c r="D15613" s="18"/>
      <c r="E15613" s="18"/>
      <c r="F15613" s="18"/>
      <c r="G15613" s="18"/>
      <c r="H15613" s="18"/>
      <c r="I15613" s="18"/>
      <c r="J15613" s="18"/>
      <c r="K15613" s="18"/>
      <c r="L15613" s="18"/>
      <c r="M15613" s="18"/>
      <c r="N15613" s="18"/>
      <c r="O15613" s="18"/>
      <c r="P15613" s="20"/>
      <c r="Q15613" s="20"/>
      <c r="R15613" s="20"/>
      <c r="S15613" s="20"/>
      <c r="T15613" s="20"/>
      <c r="U15613" s="20"/>
      <c r="V15613" s="20"/>
      <c r="W15613" s="20"/>
      <c r="X15613" s="19"/>
      <c r="Y15613" s="19"/>
      <c r="Z15613" s="19"/>
      <c r="AA15613" s="19"/>
    </row>
    <row r="15614" spans="1:27" s="1" customFormat="1" ht="14.1" customHeight="1" outlineLevel="4" x14ac:dyDescent="0.2">
      <c r="A15614" s="17">
        <v>17133</v>
      </c>
      <c r="B15614" s="17"/>
      <c r="C15614" s="17"/>
      <c r="D15614" s="18" t="s">
        <v>7725</v>
      </c>
      <c r="E15614" s="18"/>
      <c r="F15614" s="18"/>
      <c r="G15614" s="18"/>
      <c r="H15614" s="18"/>
      <c r="I15614" s="18"/>
      <c r="J15614" s="18"/>
      <c r="K15614" s="18"/>
      <c r="L15614" s="18"/>
      <c r="M15614" s="18"/>
      <c r="N15614" s="18"/>
      <c r="O15614" s="18"/>
      <c r="P15614" s="20">
        <v>1100</v>
      </c>
      <c r="Q15614" s="20"/>
      <c r="R15614" s="20"/>
      <c r="S15614" s="20"/>
      <c r="T15614" s="19">
        <v>900</v>
      </c>
      <c r="U15614" s="19"/>
      <c r="V15614" s="19"/>
      <c r="W15614" s="19"/>
      <c r="X15614" s="19">
        <v>7</v>
      </c>
      <c r="Y15614" s="19"/>
      <c r="Z15614" s="19"/>
      <c r="AA15614" s="19"/>
    </row>
    <row r="15615" spans="1:27" s="1" customFormat="1" ht="14.1" customHeight="1" outlineLevel="4" x14ac:dyDescent="0.2">
      <c r="A15615" s="17"/>
      <c r="B15615" s="17"/>
      <c r="C15615" s="17"/>
      <c r="D15615" s="18"/>
      <c r="E15615" s="18"/>
      <c r="F15615" s="18"/>
      <c r="G15615" s="18"/>
      <c r="H15615" s="18"/>
      <c r="I15615" s="18"/>
      <c r="J15615" s="18"/>
      <c r="K15615" s="18"/>
      <c r="L15615" s="18"/>
      <c r="M15615" s="18"/>
      <c r="N15615" s="18"/>
      <c r="O15615" s="18"/>
      <c r="P15615" s="20"/>
      <c r="Q15615" s="20"/>
      <c r="R15615" s="20"/>
      <c r="S15615" s="20"/>
      <c r="T15615" s="19"/>
      <c r="U15615" s="19"/>
      <c r="V15615" s="19"/>
      <c r="W15615" s="19"/>
      <c r="X15615" s="19"/>
      <c r="Y15615" s="19"/>
      <c r="Z15615" s="19"/>
      <c r="AA15615" s="19"/>
    </row>
    <row r="15616" spans="1:27" s="1" customFormat="1" ht="14.1" customHeight="1" outlineLevel="4" x14ac:dyDescent="0.2">
      <c r="A15616" s="17">
        <v>17464</v>
      </c>
      <c r="B15616" s="17"/>
      <c r="C15616" s="17"/>
      <c r="D15616" s="18" t="s">
        <v>7726</v>
      </c>
      <c r="E15616" s="18"/>
      <c r="F15616" s="18"/>
      <c r="G15616" s="18"/>
      <c r="H15616" s="18"/>
      <c r="I15616" s="18"/>
      <c r="J15616" s="18"/>
      <c r="K15616" s="18"/>
      <c r="L15616" s="18"/>
      <c r="M15616" s="18"/>
      <c r="N15616" s="18"/>
      <c r="O15616" s="18"/>
      <c r="P15616" s="20">
        <v>1200</v>
      </c>
      <c r="Q15616" s="20"/>
      <c r="R15616" s="20"/>
      <c r="S15616" s="20"/>
      <c r="T15616" s="20">
        <v>1000</v>
      </c>
      <c r="U15616" s="20"/>
      <c r="V15616" s="20"/>
      <c r="W15616" s="20"/>
      <c r="X15616" s="19">
        <v>1</v>
      </c>
      <c r="Y15616" s="19"/>
      <c r="Z15616" s="19"/>
      <c r="AA15616" s="19"/>
    </row>
    <row r="15617" spans="1:27" s="1" customFormat="1" ht="14.1" customHeight="1" outlineLevel="4" x14ac:dyDescent="0.2">
      <c r="A15617" s="17"/>
      <c r="B15617" s="17"/>
      <c r="C15617" s="17"/>
      <c r="D15617" s="18"/>
      <c r="E15617" s="18"/>
      <c r="F15617" s="18"/>
      <c r="G15617" s="18"/>
      <c r="H15617" s="18"/>
      <c r="I15617" s="18"/>
      <c r="J15617" s="18"/>
      <c r="K15617" s="18"/>
      <c r="L15617" s="18"/>
      <c r="M15617" s="18"/>
      <c r="N15617" s="18"/>
      <c r="O15617" s="18"/>
      <c r="P15617" s="20"/>
      <c r="Q15617" s="20"/>
      <c r="R15617" s="20"/>
      <c r="S15617" s="20"/>
      <c r="T15617" s="20"/>
      <c r="U15617" s="20"/>
      <c r="V15617" s="20"/>
      <c r="W15617" s="20"/>
      <c r="X15617" s="19"/>
      <c r="Y15617" s="19"/>
      <c r="Z15617" s="19"/>
      <c r="AA15617" s="19"/>
    </row>
    <row r="15618" spans="1:27" s="1" customFormat="1" ht="14.1" customHeight="1" outlineLevel="4" x14ac:dyDescent="0.2">
      <c r="A15618" s="17">
        <v>6045</v>
      </c>
      <c r="B15618" s="17"/>
      <c r="C15618" s="17"/>
      <c r="D15618" s="18" t="s">
        <v>7727</v>
      </c>
      <c r="E15618" s="18"/>
      <c r="F15618" s="18"/>
      <c r="G15618" s="18"/>
      <c r="H15618" s="18"/>
      <c r="I15618" s="18"/>
      <c r="J15618" s="18"/>
      <c r="K15618" s="18"/>
      <c r="L15618" s="18"/>
      <c r="M15618" s="18"/>
      <c r="N15618" s="18"/>
      <c r="O15618" s="18"/>
      <c r="P15618" s="19">
        <v>450</v>
      </c>
      <c r="Q15618" s="19"/>
      <c r="R15618" s="19"/>
      <c r="S15618" s="19"/>
      <c r="T15618" s="19">
        <v>350</v>
      </c>
      <c r="U15618" s="19"/>
      <c r="V15618" s="19"/>
      <c r="W15618" s="19"/>
      <c r="X15618" s="19">
        <v>5</v>
      </c>
      <c r="Y15618" s="19"/>
      <c r="Z15618" s="19"/>
      <c r="AA15618" s="19"/>
    </row>
    <row r="15619" spans="1:27" s="1" customFormat="1" ht="14.1" customHeight="1" outlineLevel="4" x14ac:dyDescent="0.2">
      <c r="A15619" s="17"/>
      <c r="B15619" s="17"/>
      <c r="C15619" s="17"/>
      <c r="D15619" s="18"/>
      <c r="E15619" s="18"/>
      <c r="F15619" s="18"/>
      <c r="G15619" s="18"/>
      <c r="H15619" s="18"/>
      <c r="I15619" s="18"/>
      <c r="J15619" s="18"/>
      <c r="K15619" s="18"/>
      <c r="L15619" s="18"/>
      <c r="M15619" s="18"/>
      <c r="N15619" s="18"/>
      <c r="O15619" s="18"/>
      <c r="P15619" s="19"/>
      <c r="Q15619" s="19"/>
      <c r="R15619" s="19"/>
      <c r="S15619" s="19"/>
      <c r="T15619" s="19"/>
      <c r="U15619" s="19"/>
      <c r="V15619" s="19"/>
      <c r="W15619" s="19"/>
      <c r="X15619" s="19"/>
      <c r="Y15619" s="19"/>
      <c r="Z15619" s="19"/>
      <c r="AA15619" s="19"/>
    </row>
    <row r="15620" spans="1:27" s="1" customFormat="1" ht="14.1" customHeight="1" outlineLevel="4" x14ac:dyDescent="0.2">
      <c r="A15620" s="17">
        <v>16901</v>
      </c>
      <c r="B15620" s="17"/>
      <c r="C15620" s="17"/>
      <c r="D15620" s="18" t="s">
        <v>7728</v>
      </c>
      <c r="E15620" s="18"/>
      <c r="F15620" s="18"/>
      <c r="G15620" s="18"/>
      <c r="H15620" s="18"/>
      <c r="I15620" s="18"/>
      <c r="J15620" s="18"/>
      <c r="K15620" s="18"/>
      <c r="L15620" s="18"/>
      <c r="M15620" s="18"/>
      <c r="N15620" s="18"/>
      <c r="O15620" s="18"/>
      <c r="P15620" s="20">
        <v>1200</v>
      </c>
      <c r="Q15620" s="20"/>
      <c r="R15620" s="20"/>
      <c r="S15620" s="20"/>
      <c r="T15620" s="20">
        <v>1000</v>
      </c>
      <c r="U15620" s="20"/>
      <c r="V15620" s="20"/>
      <c r="W15620" s="20"/>
      <c r="X15620" s="19">
        <v>1</v>
      </c>
      <c r="Y15620" s="19"/>
      <c r="Z15620" s="19"/>
      <c r="AA15620" s="19"/>
    </row>
    <row r="15621" spans="1:27" s="1" customFormat="1" ht="14.1" customHeight="1" outlineLevel="4" x14ac:dyDescent="0.2">
      <c r="A15621" s="17"/>
      <c r="B15621" s="17"/>
      <c r="C15621" s="17"/>
      <c r="D15621" s="18"/>
      <c r="E15621" s="18"/>
      <c r="F15621" s="18"/>
      <c r="G15621" s="18"/>
      <c r="H15621" s="18"/>
      <c r="I15621" s="18"/>
      <c r="J15621" s="18"/>
      <c r="K15621" s="18"/>
      <c r="L15621" s="18"/>
      <c r="M15621" s="18"/>
      <c r="N15621" s="18"/>
      <c r="O15621" s="18"/>
      <c r="P15621" s="20"/>
      <c r="Q15621" s="20"/>
      <c r="R15621" s="20"/>
      <c r="S15621" s="20"/>
      <c r="T15621" s="20"/>
      <c r="U15621" s="20"/>
      <c r="V15621" s="20"/>
      <c r="W15621" s="20"/>
      <c r="X15621" s="19"/>
      <c r="Y15621" s="19"/>
      <c r="Z15621" s="19"/>
      <c r="AA15621" s="19"/>
    </row>
    <row r="15622" spans="1:27" s="1" customFormat="1" ht="11.1" customHeight="1" outlineLevel="4" x14ac:dyDescent="0.2">
      <c r="A15622" s="17">
        <v>6411</v>
      </c>
      <c r="B15622" s="17"/>
      <c r="C15622" s="17"/>
      <c r="D15622" s="18" t="s">
        <v>7729</v>
      </c>
      <c r="E15622" s="18"/>
      <c r="F15622" s="18"/>
      <c r="G15622" s="18"/>
      <c r="H15622" s="18"/>
      <c r="I15622" s="18"/>
      <c r="J15622" s="18"/>
      <c r="K15622" s="18"/>
      <c r="L15622" s="18"/>
      <c r="M15622" s="18"/>
      <c r="N15622" s="18"/>
      <c r="O15622" s="18"/>
      <c r="P15622" s="19">
        <v>490</v>
      </c>
      <c r="Q15622" s="19"/>
      <c r="R15622" s="19"/>
      <c r="S15622" s="19"/>
      <c r="T15622" s="19">
        <v>400</v>
      </c>
      <c r="U15622" s="19"/>
      <c r="V15622" s="19"/>
      <c r="W15622" s="19"/>
      <c r="X15622" s="19">
        <v>13</v>
      </c>
      <c r="Y15622" s="19"/>
      <c r="Z15622" s="19"/>
      <c r="AA15622" s="19"/>
    </row>
    <row r="15623" spans="1:27" s="1" customFormat="1" ht="11.1" customHeight="1" outlineLevel="4" x14ac:dyDescent="0.2">
      <c r="A15623" s="17"/>
      <c r="B15623" s="17"/>
      <c r="C15623" s="17"/>
      <c r="D15623" s="18"/>
      <c r="E15623" s="18"/>
      <c r="F15623" s="18"/>
      <c r="G15623" s="18"/>
      <c r="H15623" s="18"/>
      <c r="I15623" s="18"/>
      <c r="J15623" s="18"/>
      <c r="K15623" s="18"/>
      <c r="L15623" s="18"/>
      <c r="M15623" s="18"/>
      <c r="N15623" s="18"/>
      <c r="O15623" s="18"/>
      <c r="P15623" s="19"/>
      <c r="Q15623" s="19"/>
      <c r="R15623" s="19"/>
      <c r="S15623" s="19"/>
      <c r="T15623" s="19"/>
      <c r="U15623" s="19"/>
      <c r="V15623" s="19"/>
      <c r="W15623" s="19"/>
      <c r="X15623" s="19"/>
      <c r="Y15623" s="19"/>
      <c r="Z15623" s="19"/>
      <c r="AA15623" s="19"/>
    </row>
    <row r="15624" spans="1:27" s="1" customFormat="1" ht="14.1" customHeight="1" outlineLevel="4" x14ac:dyDescent="0.2">
      <c r="A15624" s="17">
        <v>13831</v>
      </c>
      <c r="B15624" s="17"/>
      <c r="C15624" s="17"/>
      <c r="D15624" s="18" t="s">
        <v>7730</v>
      </c>
      <c r="E15624" s="18"/>
      <c r="F15624" s="18"/>
      <c r="G15624" s="18"/>
      <c r="H15624" s="18"/>
      <c r="I15624" s="18"/>
      <c r="J15624" s="18"/>
      <c r="K15624" s="18"/>
      <c r="L15624" s="18"/>
      <c r="M15624" s="18"/>
      <c r="N15624" s="18"/>
      <c r="O15624" s="18"/>
      <c r="P15624" s="19">
        <v>610</v>
      </c>
      <c r="Q15624" s="19"/>
      <c r="R15624" s="19"/>
      <c r="S15624" s="19"/>
      <c r="T15624" s="19">
        <v>520</v>
      </c>
      <c r="U15624" s="19"/>
      <c r="V15624" s="19"/>
      <c r="W15624" s="19"/>
      <c r="X15624" s="19">
        <v>10</v>
      </c>
      <c r="Y15624" s="19"/>
      <c r="Z15624" s="19"/>
      <c r="AA15624" s="19"/>
    </row>
    <row r="15625" spans="1:27" s="1" customFormat="1" ht="14.1" customHeight="1" outlineLevel="4" x14ac:dyDescent="0.2">
      <c r="A15625" s="17"/>
      <c r="B15625" s="17"/>
      <c r="C15625" s="17"/>
      <c r="D15625" s="18"/>
      <c r="E15625" s="18"/>
      <c r="F15625" s="18"/>
      <c r="G15625" s="18"/>
      <c r="H15625" s="18"/>
      <c r="I15625" s="18"/>
      <c r="J15625" s="18"/>
      <c r="K15625" s="18"/>
      <c r="L15625" s="18"/>
      <c r="M15625" s="18"/>
      <c r="N15625" s="18"/>
      <c r="O15625" s="18"/>
      <c r="P15625" s="19"/>
      <c r="Q15625" s="19"/>
      <c r="R15625" s="19"/>
      <c r="S15625" s="19"/>
      <c r="T15625" s="19"/>
      <c r="U15625" s="19"/>
      <c r="V15625" s="19"/>
      <c r="W15625" s="19"/>
      <c r="X15625" s="19"/>
      <c r="Y15625" s="19"/>
      <c r="Z15625" s="19"/>
      <c r="AA15625" s="19"/>
    </row>
    <row r="15626" spans="1:27" s="1" customFormat="1" ht="14.1" customHeight="1" outlineLevel="4" x14ac:dyDescent="0.2">
      <c r="A15626" s="17">
        <v>13706</v>
      </c>
      <c r="B15626" s="17"/>
      <c r="C15626" s="17"/>
      <c r="D15626" s="18" t="s">
        <v>7731</v>
      </c>
      <c r="E15626" s="18"/>
      <c r="F15626" s="18"/>
      <c r="G15626" s="18"/>
      <c r="H15626" s="18"/>
      <c r="I15626" s="18"/>
      <c r="J15626" s="18"/>
      <c r="K15626" s="18"/>
      <c r="L15626" s="18"/>
      <c r="M15626" s="18"/>
      <c r="N15626" s="18"/>
      <c r="O15626" s="18"/>
      <c r="P15626" s="19">
        <v>620</v>
      </c>
      <c r="Q15626" s="19"/>
      <c r="R15626" s="19"/>
      <c r="S15626" s="19"/>
      <c r="T15626" s="19">
        <v>450</v>
      </c>
      <c r="U15626" s="19"/>
      <c r="V15626" s="19"/>
      <c r="W15626" s="19"/>
      <c r="X15626" s="19">
        <v>17</v>
      </c>
      <c r="Y15626" s="19"/>
      <c r="Z15626" s="19"/>
      <c r="AA15626" s="19"/>
    </row>
    <row r="15627" spans="1:27" s="1" customFormat="1" ht="14.1" customHeight="1" outlineLevel="4" x14ac:dyDescent="0.2">
      <c r="A15627" s="17"/>
      <c r="B15627" s="17"/>
      <c r="C15627" s="17"/>
      <c r="D15627" s="18"/>
      <c r="E15627" s="18"/>
      <c r="F15627" s="18"/>
      <c r="G15627" s="18"/>
      <c r="H15627" s="18"/>
      <c r="I15627" s="18"/>
      <c r="J15627" s="18"/>
      <c r="K15627" s="18"/>
      <c r="L15627" s="18"/>
      <c r="M15627" s="18"/>
      <c r="N15627" s="18"/>
      <c r="O15627" s="18"/>
      <c r="P15627" s="19"/>
      <c r="Q15627" s="19"/>
      <c r="R15627" s="19"/>
      <c r="S15627" s="19"/>
      <c r="T15627" s="19"/>
      <c r="U15627" s="19"/>
      <c r="V15627" s="19"/>
      <c r="W15627" s="19"/>
      <c r="X15627" s="19"/>
      <c r="Y15627" s="19"/>
      <c r="Z15627" s="19"/>
      <c r="AA15627" s="19"/>
    </row>
    <row r="15628" spans="1:27" s="1" customFormat="1" ht="14.1" customHeight="1" outlineLevel="4" x14ac:dyDescent="0.2">
      <c r="A15628" s="17">
        <v>11711</v>
      </c>
      <c r="B15628" s="17"/>
      <c r="C15628" s="17"/>
      <c r="D15628" s="18" t="s">
        <v>7732</v>
      </c>
      <c r="E15628" s="18"/>
      <c r="F15628" s="18"/>
      <c r="G15628" s="18"/>
      <c r="H15628" s="18"/>
      <c r="I15628" s="18"/>
      <c r="J15628" s="18"/>
      <c r="K15628" s="18"/>
      <c r="L15628" s="18"/>
      <c r="M15628" s="18"/>
      <c r="N15628" s="18"/>
      <c r="O15628" s="18"/>
      <c r="P15628" s="19">
        <v>690</v>
      </c>
      <c r="Q15628" s="19"/>
      <c r="R15628" s="19"/>
      <c r="S15628" s="19"/>
      <c r="T15628" s="19">
        <v>570</v>
      </c>
      <c r="U15628" s="19"/>
      <c r="V15628" s="19"/>
      <c r="W15628" s="19"/>
      <c r="X15628" s="19">
        <v>12</v>
      </c>
      <c r="Y15628" s="19"/>
      <c r="Z15628" s="19"/>
      <c r="AA15628" s="19"/>
    </row>
    <row r="15629" spans="1:27" s="1" customFormat="1" ht="14.1" customHeight="1" outlineLevel="4" x14ac:dyDescent="0.2">
      <c r="A15629" s="17"/>
      <c r="B15629" s="17"/>
      <c r="C15629" s="17"/>
      <c r="D15629" s="18"/>
      <c r="E15629" s="18"/>
      <c r="F15629" s="18"/>
      <c r="G15629" s="18"/>
      <c r="H15629" s="18"/>
      <c r="I15629" s="18"/>
      <c r="J15629" s="18"/>
      <c r="K15629" s="18"/>
      <c r="L15629" s="18"/>
      <c r="M15629" s="18"/>
      <c r="N15629" s="18"/>
      <c r="O15629" s="18"/>
      <c r="P15629" s="19"/>
      <c r="Q15629" s="19"/>
      <c r="R15629" s="19"/>
      <c r="S15629" s="19"/>
      <c r="T15629" s="19"/>
      <c r="U15629" s="19"/>
      <c r="V15629" s="19"/>
      <c r="W15629" s="19"/>
      <c r="X15629" s="19"/>
      <c r="Y15629" s="19"/>
      <c r="Z15629" s="19"/>
      <c r="AA15629" s="19"/>
    </row>
    <row r="15630" spans="1:27" s="1" customFormat="1" ht="14.1" customHeight="1" outlineLevel="4" x14ac:dyDescent="0.2">
      <c r="A15630" s="17">
        <v>18192</v>
      </c>
      <c r="B15630" s="17"/>
      <c r="C15630" s="17"/>
      <c r="D15630" s="18" t="s">
        <v>7733</v>
      </c>
      <c r="E15630" s="18"/>
      <c r="F15630" s="18"/>
      <c r="G15630" s="18"/>
      <c r="H15630" s="18"/>
      <c r="I15630" s="18"/>
      <c r="J15630" s="18"/>
      <c r="K15630" s="18"/>
      <c r="L15630" s="18"/>
      <c r="M15630" s="18"/>
      <c r="N15630" s="18"/>
      <c r="O15630" s="18"/>
      <c r="P15630" s="20">
        <v>1300</v>
      </c>
      <c r="Q15630" s="20"/>
      <c r="R15630" s="20"/>
      <c r="S15630" s="20"/>
      <c r="T15630" s="20">
        <v>1200</v>
      </c>
      <c r="U15630" s="20"/>
      <c r="V15630" s="20"/>
      <c r="W15630" s="20"/>
      <c r="X15630" s="19">
        <v>1</v>
      </c>
      <c r="Y15630" s="19"/>
      <c r="Z15630" s="19"/>
      <c r="AA15630" s="19"/>
    </row>
    <row r="15631" spans="1:27" s="1" customFormat="1" ht="14.1" customHeight="1" outlineLevel="4" x14ac:dyDescent="0.2">
      <c r="A15631" s="17"/>
      <c r="B15631" s="17"/>
      <c r="C15631" s="17"/>
      <c r="D15631" s="18"/>
      <c r="E15631" s="18"/>
      <c r="F15631" s="18"/>
      <c r="G15631" s="18"/>
      <c r="H15631" s="18"/>
      <c r="I15631" s="18"/>
      <c r="J15631" s="18"/>
      <c r="K15631" s="18"/>
      <c r="L15631" s="18"/>
      <c r="M15631" s="18"/>
      <c r="N15631" s="18"/>
      <c r="O15631" s="18"/>
      <c r="P15631" s="20"/>
      <c r="Q15631" s="20"/>
      <c r="R15631" s="20"/>
      <c r="S15631" s="20"/>
      <c r="T15631" s="20"/>
      <c r="U15631" s="20"/>
      <c r="V15631" s="20"/>
      <c r="W15631" s="20"/>
      <c r="X15631" s="19"/>
      <c r="Y15631" s="19"/>
      <c r="Z15631" s="19"/>
      <c r="AA15631" s="19"/>
    </row>
    <row r="15632" spans="1:27" s="1" customFormat="1" ht="11.1" customHeight="1" outlineLevel="4" x14ac:dyDescent="0.2">
      <c r="A15632" s="17">
        <v>6881</v>
      </c>
      <c r="B15632" s="17"/>
      <c r="C15632" s="17"/>
      <c r="D15632" s="18" t="s">
        <v>7734</v>
      </c>
      <c r="E15632" s="18"/>
      <c r="F15632" s="18"/>
      <c r="G15632" s="18"/>
      <c r="H15632" s="18"/>
      <c r="I15632" s="18"/>
      <c r="J15632" s="18"/>
      <c r="K15632" s="18"/>
      <c r="L15632" s="18"/>
      <c r="M15632" s="18"/>
      <c r="N15632" s="18"/>
      <c r="O15632" s="18"/>
      <c r="P15632" s="19">
        <v>400</v>
      </c>
      <c r="Q15632" s="19"/>
      <c r="R15632" s="19"/>
      <c r="S15632" s="19"/>
      <c r="T15632" s="19">
        <v>250</v>
      </c>
      <c r="U15632" s="19"/>
      <c r="V15632" s="19"/>
      <c r="W15632" s="19"/>
      <c r="X15632" s="19">
        <v>1</v>
      </c>
      <c r="Y15632" s="19"/>
      <c r="Z15632" s="19"/>
      <c r="AA15632" s="19"/>
    </row>
    <row r="15633" spans="1:27" s="1" customFormat="1" ht="11.1" customHeight="1" outlineLevel="4" x14ac:dyDescent="0.2">
      <c r="A15633" s="17"/>
      <c r="B15633" s="17"/>
      <c r="C15633" s="17"/>
      <c r="D15633" s="18"/>
      <c r="E15633" s="18"/>
      <c r="F15633" s="18"/>
      <c r="G15633" s="18"/>
      <c r="H15633" s="18"/>
      <c r="I15633" s="18"/>
      <c r="J15633" s="18"/>
      <c r="K15633" s="18"/>
      <c r="L15633" s="18"/>
      <c r="M15633" s="18"/>
      <c r="N15633" s="18"/>
      <c r="O15633" s="18"/>
      <c r="P15633" s="19"/>
      <c r="Q15633" s="19"/>
      <c r="R15633" s="19"/>
      <c r="S15633" s="19"/>
      <c r="T15633" s="19"/>
      <c r="U15633" s="19"/>
      <c r="V15633" s="19"/>
      <c r="W15633" s="19"/>
      <c r="X15633" s="19"/>
      <c r="Y15633" s="19"/>
      <c r="Z15633" s="19"/>
      <c r="AA15633" s="19"/>
    </row>
    <row r="15634" spans="1:27" s="1" customFormat="1" ht="11.1" customHeight="1" outlineLevel="4" x14ac:dyDescent="0.2">
      <c r="A15634" s="17">
        <v>146</v>
      </c>
      <c r="B15634" s="17"/>
      <c r="C15634" s="17"/>
      <c r="D15634" s="18" t="s">
        <v>7735</v>
      </c>
      <c r="E15634" s="18"/>
      <c r="F15634" s="18"/>
      <c r="G15634" s="18"/>
      <c r="H15634" s="18"/>
      <c r="I15634" s="18"/>
      <c r="J15634" s="18"/>
      <c r="K15634" s="18"/>
      <c r="L15634" s="18"/>
      <c r="M15634" s="18"/>
      <c r="N15634" s="18"/>
      <c r="O15634" s="18"/>
      <c r="P15634" s="20">
        <v>1000</v>
      </c>
      <c r="Q15634" s="20"/>
      <c r="R15634" s="20"/>
      <c r="S15634" s="20"/>
      <c r="T15634" s="21"/>
      <c r="U15634" s="21"/>
      <c r="V15634" s="21"/>
      <c r="W15634" s="21"/>
      <c r="X15634" s="19">
        <v>1</v>
      </c>
      <c r="Y15634" s="19"/>
      <c r="Z15634" s="19"/>
      <c r="AA15634" s="19"/>
    </row>
    <row r="15635" spans="1:27" s="1" customFormat="1" ht="11.1" customHeight="1" outlineLevel="4" x14ac:dyDescent="0.2">
      <c r="A15635" s="17"/>
      <c r="B15635" s="17"/>
      <c r="C15635" s="17"/>
      <c r="D15635" s="18"/>
      <c r="E15635" s="18"/>
      <c r="F15635" s="18"/>
      <c r="G15635" s="18"/>
      <c r="H15635" s="18"/>
      <c r="I15635" s="18"/>
      <c r="J15635" s="18"/>
      <c r="K15635" s="18"/>
      <c r="L15635" s="18"/>
      <c r="M15635" s="18"/>
      <c r="N15635" s="18"/>
      <c r="O15635" s="18"/>
      <c r="P15635" s="20"/>
      <c r="Q15635" s="20"/>
      <c r="R15635" s="20"/>
      <c r="S15635" s="20"/>
      <c r="T15635" s="21"/>
      <c r="U15635" s="21"/>
      <c r="V15635" s="21"/>
      <c r="W15635" s="21"/>
      <c r="X15635" s="19"/>
      <c r="Y15635" s="19"/>
      <c r="Z15635" s="19"/>
      <c r="AA15635" s="19"/>
    </row>
    <row r="15636" spans="1:27" s="1" customFormat="1" ht="14.1" customHeight="1" outlineLevel="4" x14ac:dyDescent="0.2">
      <c r="A15636" s="17">
        <v>17572</v>
      </c>
      <c r="B15636" s="17"/>
      <c r="C15636" s="17"/>
      <c r="D15636" s="18" t="s">
        <v>7736</v>
      </c>
      <c r="E15636" s="18"/>
      <c r="F15636" s="18"/>
      <c r="G15636" s="18"/>
      <c r="H15636" s="18"/>
      <c r="I15636" s="18"/>
      <c r="J15636" s="18"/>
      <c r="K15636" s="18"/>
      <c r="L15636" s="18"/>
      <c r="M15636" s="18"/>
      <c r="N15636" s="18"/>
      <c r="O15636" s="18"/>
      <c r="P15636" s="20">
        <v>1200</v>
      </c>
      <c r="Q15636" s="20"/>
      <c r="R15636" s="20"/>
      <c r="S15636" s="20"/>
      <c r="T15636" s="20">
        <v>1000</v>
      </c>
      <c r="U15636" s="20"/>
      <c r="V15636" s="20"/>
      <c r="W15636" s="20"/>
      <c r="X15636" s="19">
        <v>1</v>
      </c>
      <c r="Y15636" s="19"/>
      <c r="Z15636" s="19"/>
      <c r="AA15636" s="19"/>
    </row>
    <row r="15637" spans="1:27" s="1" customFormat="1" ht="14.1" customHeight="1" outlineLevel="4" x14ac:dyDescent="0.2">
      <c r="A15637" s="17"/>
      <c r="B15637" s="17"/>
      <c r="C15637" s="17"/>
      <c r="D15637" s="18"/>
      <c r="E15637" s="18"/>
      <c r="F15637" s="18"/>
      <c r="G15637" s="18"/>
      <c r="H15637" s="18"/>
      <c r="I15637" s="18"/>
      <c r="J15637" s="18"/>
      <c r="K15637" s="18"/>
      <c r="L15637" s="18"/>
      <c r="M15637" s="18"/>
      <c r="N15637" s="18"/>
      <c r="O15637" s="18"/>
      <c r="P15637" s="20"/>
      <c r="Q15637" s="20"/>
      <c r="R15637" s="20"/>
      <c r="S15637" s="20"/>
      <c r="T15637" s="20"/>
      <c r="U15637" s="20"/>
      <c r="V15637" s="20"/>
      <c r="W15637" s="20"/>
      <c r="X15637" s="19"/>
      <c r="Y15637" s="19"/>
      <c r="Z15637" s="19"/>
      <c r="AA15637" s="19"/>
    </row>
    <row r="15638" spans="1:27" s="1" customFormat="1" ht="14.1" customHeight="1" outlineLevel="4" x14ac:dyDescent="0.2">
      <c r="A15638" s="17">
        <v>17404</v>
      </c>
      <c r="B15638" s="17"/>
      <c r="C15638" s="17"/>
      <c r="D15638" s="18" t="s">
        <v>7737</v>
      </c>
      <c r="E15638" s="18"/>
      <c r="F15638" s="18"/>
      <c r="G15638" s="18"/>
      <c r="H15638" s="18"/>
      <c r="I15638" s="18"/>
      <c r="J15638" s="18"/>
      <c r="K15638" s="18"/>
      <c r="L15638" s="18"/>
      <c r="M15638" s="18"/>
      <c r="N15638" s="18"/>
      <c r="O15638" s="18"/>
      <c r="P15638" s="20">
        <v>1300</v>
      </c>
      <c r="Q15638" s="20"/>
      <c r="R15638" s="20"/>
      <c r="S15638" s="20"/>
      <c r="T15638" s="20">
        <v>1200</v>
      </c>
      <c r="U15638" s="20"/>
      <c r="V15638" s="20"/>
      <c r="W15638" s="20"/>
      <c r="X15638" s="19">
        <v>1</v>
      </c>
      <c r="Y15638" s="19"/>
      <c r="Z15638" s="19"/>
      <c r="AA15638" s="19"/>
    </row>
    <row r="15639" spans="1:27" s="1" customFormat="1" ht="14.1" customHeight="1" outlineLevel="4" x14ac:dyDescent="0.2">
      <c r="A15639" s="17"/>
      <c r="B15639" s="17"/>
      <c r="C15639" s="17"/>
      <c r="D15639" s="18"/>
      <c r="E15639" s="18"/>
      <c r="F15639" s="18"/>
      <c r="G15639" s="18"/>
      <c r="H15639" s="18"/>
      <c r="I15639" s="18"/>
      <c r="J15639" s="18"/>
      <c r="K15639" s="18"/>
      <c r="L15639" s="18"/>
      <c r="M15639" s="18"/>
      <c r="N15639" s="18"/>
      <c r="O15639" s="18"/>
      <c r="P15639" s="20"/>
      <c r="Q15639" s="20"/>
      <c r="R15639" s="20"/>
      <c r="S15639" s="20"/>
      <c r="T15639" s="20"/>
      <c r="U15639" s="20"/>
      <c r="V15639" s="20"/>
      <c r="W15639" s="20"/>
      <c r="X15639" s="19"/>
      <c r="Y15639" s="19"/>
      <c r="Z15639" s="19"/>
      <c r="AA15639" s="19"/>
    </row>
    <row r="15640" spans="1:27" s="1" customFormat="1" ht="11.1" customHeight="1" outlineLevel="4" x14ac:dyDescent="0.2">
      <c r="A15640" s="17">
        <v>141</v>
      </c>
      <c r="B15640" s="17"/>
      <c r="C15640" s="17"/>
      <c r="D15640" s="18" t="s">
        <v>7738</v>
      </c>
      <c r="E15640" s="18"/>
      <c r="F15640" s="18"/>
      <c r="G15640" s="18"/>
      <c r="H15640" s="18"/>
      <c r="I15640" s="18"/>
      <c r="J15640" s="18"/>
      <c r="K15640" s="18"/>
      <c r="L15640" s="18"/>
      <c r="M15640" s="18"/>
      <c r="N15640" s="18"/>
      <c r="O15640" s="18"/>
      <c r="P15640" s="19">
        <v>420</v>
      </c>
      <c r="Q15640" s="19"/>
      <c r="R15640" s="19"/>
      <c r="S15640" s="19"/>
      <c r="T15640" s="19">
        <v>340</v>
      </c>
      <c r="U15640" s="19"/>
      <c r="V15640" s="19"/>
      <c r="W15640" s="19"/>
      <c r="X15640" s="19">
        <v>9</v>
      </c>
      <c r="Y15640" s="19"/>
      <c r="Z15640" s="19"/>
      <c r="AA15640" s="19"/>
    </row>
    <row r="15641" spans="1:27" s="1" customFormat="1" ht="11.1" customHeight="1" outlineLevel="4" x14ac:dyDescent="0.2">
      <c r="A15641" s="17"/>
      <c r="B15641" s="17"/>
      <c r="C15641" s="17"/>
      <c r="D15641" s="18"/>
      <c r="E15641" s="18"/>
      <c r="F15641" s="18"/>
      <c r="G15641" s="18"/>
      <c r="H15641" s="18"/>
      <c r="I15641" s="18"/>
      <c r="J15641" s="18"/>
      <c r="K15641" s="18"/>
      <c r="L15641" s="18"/>
      <c r="M15641" s="18"/>
      <c r="N15641" s="18"/>
      <c r="O15641" s="18"/>
      <c r="P15641" s="19"/>
      <c r="Q15641" s="19"/>
      <c r="R15641" s="19"/>
      <c r="S15641" s="19"/>
      <c r="T15641" s="19"/>
      <c r="U15641" s="19"/>
      <c r="V15641" s="19"/>
      <c r="W15641" s="19"/>
      <c r="X15641" s="19"/>
      <c r="Y15641" s="19"/>
      <c r="Z15641" s="19"/>
      <c r="AA15641" s="19"/>
    </row>
    <row r="15642" spans="1:27" s="1" customFormat="1" ht="14.1" customHeight="1" outlineLevel="4" x14ac:dyDescent="0.2">
      <c r="A15642" s="17">
        <v>17909</v>
      </c>
      <c r="B15642" s="17"/>
      <c r="C15642" s="17"/>
      <c r="D15642" s="18" t="s">
        <v>7739</v>
      </c>
      <c r="E15642" s="18"/>
      <c r="F15642" s="18"/>
      <c r="G15642" s="18"/>
      <c r="H15642" s="18"/>
      <c r="I15642" s="18"/>
      <c r="J15642" s="18"/>
      <c r="K15642" s="18"/>
      <c r="L15642" s="18"/>
      <c r="M15642" s="18"/>
      <c r="N15642" s="18"/>
      <c r="O15642" s="18"/>
      <c r="P15642" s="19">
        <v>900</v>
      </c>
      <c r="Q15642" s="19"/>
      <c r="R15642" s="19"/>
      <c r="S15642" s="19"/>
      <c r="T15642" s="19">
        <v>700</v>
      </c>
      <c r="U15642" s="19"/>
      <c r="V15642" s="19"/>
      <c r="W15642" s="19"/>
      <c r="X15642" s="19">
        <v>1</v>
      </c>
      <c r="Y15642" s="19"/>
      <c r="Z15642" s="19"/>
      <c r="AA15642" s="19"/>
    </row>
    <row r="15643" spans="1:27" s="1" customFormat="1" ht="14.1" customHeight="1" outlineLevel="4" x14ac:dyDescent="0.2">
      <c r="A15643" s="17"/>
      <c r="B15643" s="17"/>
      <c r="C15643" s="17"/>
      <c r="D15643" s="18"/>
      <c r="E15643" s="18"/>
      <c r="F15643" s="18"/>
      <c r="G15643" s="18"/>
      <c r="H15643" s="18"/>
      <c r="I15643" s="18"/>
      <c r="J15643" s="18"/>
      <c r="K15643" s="18"/>
      <c r="L15643" s="18"/>
      <c r="M15643" s="18"/>
      <c r="N15643" s="18"/>
      <c r="O15643" s="18"/>
      <c r="P15643" s="19"/>
      <c r="Q15643" s="19"/>
      <c r="R15643" s="19"/>
      <c r="S15643" s="19"/>
      <c r="T15643" s="19"/>
      <c r="U15643" s="19"/>
      <c r="V15643" s="19"/>
      <c r="W15643" s="19"/>
      <c r="X15643" s="19"/>
      <c r="Y15643" s="19"/>
      <c r="Z15643" s="19"/>
      <c r="AA15643" s="19"/>
    </row>
    <row r="15644" spans="1:27" s="1" customFormat="1" ht="11.1" customHeight="1" outlineLevel="4" x14ac:dyDescent="0.2">
      <c r="A15644" s="17">
        <v>9491</v>
      </c>
      <c r="B15644" s="17"/>
      <c r="C15644" s="17"/>
      <c r="D15644" s="18" t="s">
        <v>7740</v>
      </c>
      <c r="E15644" s="18"/>
      <c r="F15644" s="18"/>
      <c r="G15644" s="18"/>
      <c r="H15644" s="18"/>
      <c r="I15644" s="18"/>
      <c r="J15644" s="18"/>
      <c r="K15644" s="18"/>
      <c r="L15644" s="18"/>
      <c r="M15644" s="18"/>
      <c r="N15644" s="18"/>
      <c r="O15644" s="18"/>
      <c r="P15644" s="19">
        <v>600</v>
      </c>
      <c r="Q15644" s="19"/>
      <c r="R15644" s="19"/>
      <c r="S15644" s="19"/>
      <c r="T15644" s="19">
        <v>550</v>
      </c>
      <c r="U15644" s="19"/>
      <c r="V15644" s="19"/>
      <c r="W15644" s="19"/>
      <c r="X15644" s="19">
        <v>1</v>
      </c>
      <c r="Y15644" s="19"/>
      <c r="Z15644" s="19"/>
      <c r="AA15644" s="19"/>
    </row>
    <row r="15645" spans="1:27" s="1" customFormat="1" ht="11.1" customHeight="1" outlineLevel="4" x14ac:dyDescent="0.2">
      <c r="A15645" s="17"/>
      <c r="B15645" s="17"/>
      <c r="C15645" s="17"/>
      <c r="D15645" s="18"/>
      <c r="E15645" s="18"/>
      <c r="F15645" s="18"/>
      <c r="G15645" s="18"/>
      <c r="H15645" s="18"/>
      <c r="I15645" s="18"/>
      <c r="J15645" s="18"/>
      <c r="K15645" s="18"/>
      <c r="L15645" s="18"/>
      <c r="M15645" s="18"/>
      <c r="N15645" s="18"/>
      <c r="O15645" s="18"/>
      <c r="P15645" s="19"/>
      <c r="Q15645" s="19"/>
      <c r="R15645" s="19"/>
      <c r="S15645" s="19"/>
      <c r="T15645" s="19"/>
      <c r="U15645" s="19"/>
      <c r="V15645" s="19"/>
      <c r="W15645" s="19"/>
      <c r="X15645" s="19"/>
      <c r="Y15645" s="19"/>
      <c r="Z15645" s="19"/>
      <c r="AA15645" s="19"/>
    </row>
    <row r="15646" spans="1:27" s="1" customFormat="1" ht="11.1" customHeight="1" outlineLevel="4" x14ac:dyDescent="0.2">
      <c r="A15646" s="17">
        <v>6002</v>
      </c>
      <c r="B15646" s="17"/>
      <c r="C15646" s="17"/>
      <c r="D15646" s="18" t="s">
        <v>7741</v>
      </c>
      <c r="E15646" s="18"/>
      <c r="F15646" s="18"/>
      <c r="G15646" s="18"/>
      <c r="H15646" s="18"/>
      <c r="I15646" s="18"/>
      <c r="J15646" s="18"/>
      <c r="K15646" s="18"/>
      <c r="L15646" s="18"/>
      <c r="M15646" s="18"/>
      <c r="N15646" s="18"/>
      <c r="O15646" s="18"/>
      <c r="P15646" s="19">
        <v>350</v>
      </c>
      <c r="Q15646" s="19"/>
      <c r="R15646" s="19"/>
      <c r="S15646" s="19"/>
      <c r="T15646" s="19">
        <v>250</v>
      </c>
      <c r="U15646" s="19"/>
      <c r="V15646" s="19"/>
      <c r="W15646" s="19"/>
      <c r="X15646" s="19">
        <v>13</v>
      </c>
      <c r="Y15646" s="19"/>
      <c r="Z15646" s="19"/>
      <c r="AA15646" s="19"/>
    </row>
    <row r="15647" spans="1:27" s="1" customFormat="1" ht="11.1" customHeight="1" outlineLevel="4" x14ac:dyDescent="0.2">
      <c r="A15647" s="17"/>
      <c r="B15647" s="17"/>
      <c r="C15647" s="17"/>
      <c r="D15647" s="18"/>
      <c r="E15647" s="18"/>
      <c r="F15647" s="18"/>
      <c r="G15647" s="18"/>
      <c r="H15647" s="18"/>
      <c r="I15647" s="18"/>
      <c r="J15647" s="18"/>
      <c r="K15647" s="18"/>
      <c r="L15647" s="18"/>
      <c r="M15647" s="18"/>
      <c r="N15647" s="18"/>
      <c r="O15647" s="18"/>
      <c r="P15647" s="19"/>
      <c r="Q15647" s="19"/>
      <c r="R15647" s="19"/>
      <c r="S15647" s="19"/>
      <c r="T15647" s="19"/>
      <c r="U15647" s="19"/>
      <c r="V15647" s="19"/>
      <c r="W15647" s="19"/>
      <c r="X15647" s="19"/>
      <c r="Y15647" s="19"/>
      <c r="Z15647" s="19"/>
      <c r="AA15647" s="19"/>
    </row>
    <row r="15648" spans="1:27" s="1" customFormat="1" ht="14.1" customHeight="1" outlineLevel="4" x14ac:dyDescent="0.2">
      <c r="A15648" s="17">
        <v>18160</v>
      </c>
      <c r="B15648" s="17"/>
      <c r="C15648" s="17"/>
      <c r="D15648" s="18" t="s">
        <v>7742</v>
      </c>
      <c r="E15648" s="18"/>
      <c r="F15648" s="18"/>
      <c r="G15648" s="18"/>
      <c r="H15648" s="18"/>
      <c r="I15648" s="18"/>
      <c r="J15648" s="18"/>
      <c r="K15648" s="18"/>
      <c r="L15648" s="18"/>
      <c r="M15648" s="18"/>
      <c r="N15648" s="18"/>
      <c r="O15648" s="18"/>
      <c r="P15648" s="19">
        <v>750</v>
      </c>
      <c r="Q15648" s="19"/>
      <c r="R15648" s="19"/>
      <c r="S15648" s="19"/>
      <c r="T15648" s="19">
        <v>590</v>
      </c>
      <c r="U15648" s="19"/>
      <c r="V15648" s="19"/>
      <c r="W15648" s="19"/>
      <c r="X15648" s="19">
        <v>5</v>
      </c>
      <c r="Y15648" s="19"/>
      <c r="Z15648" s="19"/>
      <c r="AA15648" s="19"/>
    </row>
    <row r="15649" spans="1:27" s="1" customFormat="1" ht="14.1" customHeight="1" outlineLevel="4" x14ac:dyDescent="0.2">
      <c r="A15649" s="17"/>
      <c r="B15649" s="17"/>
      <c r="C15649" s="17"/>
      <c r="D15649" s="18"/>
      <c r="E15649" s="18"/>
      <c r="F15649" s="18"/>
      <c r="G15649" s="18"/>
      <c r="H15649" s="18"/>
      <c r="I15649" s="18"/>
      <c r="J15649" s="18"/>
      <c r="K15649" s="18"/>
      <c r="L15649" s="18"/>
      <c r="M15649" s="18"/>
      <c r="N15649" s="18"/>
      <c r="O15649" s="18"/>
      <c r="P15649" s="19"/>
      <c r="Q15649" s="19"/>
      <c r="R15649" s="19"/>
      <c r="S15649" s="19"/>
      <c r="T15649" s="19"/>
      <c r="U15649" s="19"/>
      <c r="V15649" s="19"/>
      <c r="W15649" s="19"/>
      <c r="X15649" s="19"/>
      <c r="Y15649" s="19"/>
      <c r="Z15649" s="19"/>
      <c r="AA15649" s="19"/>
    </row>
    <row r="15650" spans="1:27" s="1" customFormat="1" ht="11.1" customHeight="1" outlineLevel="4" x14ac:dyDescent="0.2">
      <c r="A15650" s="17">
        <v>11421</v>
      </c>
      <c r="B15650" s="17"/>
      <c r="C15650" s="17"/>
      <c r="D15650" s="18" t="s">
        <v>7743</v>
      </c>
      <c r="E15650" s="18"/>
      <c r="F15650" s="18"/>
      <c r="G15650" s="18"/>
      <c r="H15650" s="18"/>
      <c r="I15650" s="18"/>
      <c r="J15650" s="18"/>
      <c r="K15650" s="18"/>
      <c r="L15650" s="18"/>
      <c r="M15650" s="18"/>
      <c r="N15650" s="18"/>
      <c r="O15650" s="18"/>
      <c r="P15650" s="19">
        <v>565</v>
      </c>
      <c r="Q15650" s="19"/>
      <c r="R15650" s="19"/>
      <c r="S15650" s="19"/>
      <c r="T15650" s="19">
        <v>465</v>
      </c>
      <c r="U15650" s="19"/>
      <c r="V15650" s="19"/>
      <c r="W15650" s="19"/>
      <c r="X15650" s="19">
        <v>3</v>
      </c>
      <c r="Y15650" s="19"/>
      <c r="Z15650" s="19"/>
      <c r="AA15650" s="19"/>
    </row>
    <row r="15651" spans="1:27" s="1" customFormat="1" ht="11.1" customHeight="1" outlineLevel="4" x14ac:dyDescent="0.2">
      <c r="A15651" s="17"/>
      <c r="B15651" s="17"/>
      <c r="C15651" s="17"/>
      <c r="D15651" s="18"/>
      <c r="E15651" s="18"/>
      <c r="F15651" s="18"/>
      <c r="G15651" s="18"/>
      <c r="H15651" s="18"/>
      <c r="I15651" s="18"/>
      <c r="J15651" s="18"/>
      <c r="K15651" s="18"/>
      <c r="L15651" s="18"/>
      <c r="M15651" s="18"/>
      <c r="N15651" s="18"/>
      <c r="O15651" s="18"/>
      <c r="P15651" s="19"/>
      <c r="Q15651" s="19"/>
      <c r="R15651" s="19"/>
      <c r="S15651" s="19"/>
      <c r="T15651" s="19"/>
      <c r="U15651" s="19"/>
      <c r="V15651" s="19"/>
      <c r="W15651" s="19"/>
      <c r="X15651" s="19"/>
      <c r="Y15651" s="19"/>
      <c r="Z15651" s="19"/>
      <c r="AA15651" s="19"/>
    </row>
    <row r="15652" spans="1:27" s="1" customFormat="1" ht="14.1" customHeight="1" outlineLevel="4" x14ac:dyDescent="0.2">
      <c r="A15652" s="17">
        <v>134</v>
      </c>
      <c r="B15652" s="17"/>
      <c r="C15652" s="17"/>
      <c r="D15652" s="18" t="s">
        <v>7744</v>
      </c>
      <c r="E15652" s="18"/>
      <c r="F15652" s="18"/>
      <c r="G15652" s="18"/>
      <c r="H15652" s="18"/>
      <c r="I15652" s="18"/>
      <c r="J15652" s="18"/>
      <c r="K15652" s="18"/>
      <c r="L15652" s="18"/>
      <c r="M15652" s="18"/>
      <c r="N15652" s="18"/>
      <c r="O15652" s="18"/>
      <c r="P15652" s="19">
        <v>400</v>
      </c>
      <c r="Q15652" s="19"/>
      <c r="R15652" s="19"/>
      <c r="S15652" s="19"/>
      <c r="T15652" s="19">
        <v>350</v>
      </c>
      <c r="U15652" s="19"/>
      <c r="V15652" s="19"/>
      <c r="W15652" s="19"/>
      <c r="X15652" s="19">
        <v>1</v>
      </c>
      <c r="Y15652" s="19"/>
      <c r="Z15652" s="19"/>
      <c r="AA15652" s="19"/>
    </row>
    <row r="15653" spans="1:27" s="1" customFormat="1" ht="14.1" customHeight="1" outlineLevel="4" x14ac:dyDescent="0.2">
      <c r="A15653" s="17"/>
      <c r="B15653" s="17"/>
      <c r="C15653" s="17"/>
      <c r="D15653" s="18"/>
      <c r="E15653" s="18"/>
      <c r="F15653" s="18"/>
      <c r="G15653" s="18"/>
      <c r="H15653" s="18"/>
      <c r="I15653" s="18"/>
      <c r="J15653" s="18"/>
      <c r="K15653" s="18"/>
      <c r="L15653" s="18"/>
      <c r="M15653" s="18"/>
      <c r="N15653" s="18"/>
      <c r="O15653" s="18"/>
      <c r="P15653" s="19"/>
      <c r="Q15653" s="19"/>
      <c r="R15653" s="19"/>
      <c r="S15653" s="19"/>
      <c r="T15653" s="19"/>
      <c r="U15653" s="19"/>
      <c r="V15653" s="19"/>
      <c r="W15653" s="19"/>
      <c r="X15653" s="19"/>
      <c r="Y15653" s="19"/>
      <c r="Z15653" s="19"/>
      <c r="AA15653" s="19"/>
    </row>
    <row r="15654" spans="1:27" s="1" customFormat="1" ht="11.1" customHeight="1" outlineLevel="4" x14ac:dyDescent="0.2">
      <c r="A15654" s="17">
        <v>4661</v>
      </c>
      <c r="B15654" s="17"/>
      <c r="C15654" s="17"/>
      <c r="D15654" s="18" t="s">
        <v>7745</v>
      </c>
      <c r="E15654" s="18"/>
      <c r="F15654" s="18"/>
      <c r="G15654" s="18"/>
      <c r="H15654" s="18"/>
      <c r="I15654" s="18"/>
      <c r="J15654" s="18"/>
      <c r="K15654" s="18"/>
      <c r="L15654" s="18"/>
      <c r="M15654" s="18"/>
      <c r="N15654" s="18"/>
      <c r="O15654" s="18"/>
      <c r="P15654" s="19">
        <v>750</v>
      </c>
      <c r="Q15654" s="19"/>
      <c r="R15654" s="19"/>
      <c r="S15654" s="19"/>
      <c r="T15654" s="19">
        <v>650</v>
      </c>
      <c r="U15654" s="19"/>
      <c r="V15654" s="19"/>
      <c r="W15654" s="19"/>
      <c r="X15654" s="19">
        <v>1</v>
      </c>
      <c r="Y15654" s="19"/>
      <c r="Z15654" s="19"/>
      <c r="AA15654" s="19"/>
    </row>
    <row r="15655" spans="1:27" s="1" customFormat="1" ht="11.1" customHeight="1" outlineLevel="4" x14ac:dyDescent="0.2">
      <c r="A15655" s="17"/>
      <c r="B15655" s="17"/>
      <c r="C15655" s="17"/>
      <c r="D15655" s="18"/>
      <c r="E15655" s="18"/>
      <c r="F15655" s="18"/>
      <c r="G15655" s="18"/>
      <c r="H15655" s="18"/>
      <c r="I15655" s="18"/>
      <c r="J15655" s="18"/>
      <c r="K15655" s="18"/>
      <c r="L15655" s="18"/>
      <c r="M15655" s="18"/>
      <c r="N15655" s="18"/>
      <c r="O15655" s="18"/>
      <c r="P15655" s="19"/>
      <c r="Q15655" s="19"/>
      <c r="R15655" s="19"/>
      <c r="S15655" s="19"/>
      <c r="T15655" s="19"/>
      <c r="U15655" s="19"/>
      <c r="V15655" s="19"/>
      <c r="W15655" s="19"/>
      <c r="X15655" s="19"/>
      <c r="Y15655" s="19"/>
      <c r="Z15655" s="19"/>
      <c r="AA15655" s="19"/>
    </row>
    <row r="15656" spans="1:27" s="1" customFormat="1" ht="11.1" customHeight="1" outlineLevel="4" x14ac:dyDescent="0.2">
      <c r="A15656" s="17">
        <v>132</v>
      </c>
      <c r="B15656" s="17"/>
      <c r="C15656" s="17"/>
      <c r="D15656" s="18" t="s">
        <v>7746</v>
      </c>
      <c r="E15656" s="18"/>
      <c r="F15656" s="18"/>
      <c r="G15656" s="18"/>
      <c r="H15656" s="18"/>
      <c r="I15656" s="18"/>
      <c r="J15656" s="18"/>
      <c r="K15656" s="18"/>
      <c r="L15656" s="18"/>
      <c r="M15656" s="18"/>
      <c r="N15656" s="18"/>
      <c r="O15656" s="18"/>
      <c r="P15656" s="19">
        <v>400</v>
      </c>
      <c r="Q15656" s="19"/>
      <c r="R15656" s="19"/>
      <c r="S15656" s="19"/>
      <c r="T15656" s="19">
        <v>350</v>
      </c>
      <c r="U15656" s="19"/>
      <c r="V15656" s="19"/>
      <c r="W15656" s="19"/>
      <c r="X15656" s="19">
        <v>1</v>
      </c>
      <c r="Y15656" s="19"/>
      <c r="Z15656" s="19"/>
      <c r="AA15656" s="19"/>
    </row>
    <row r="15657" spans="1:27" s="1" customFormat="1" ht="11.1" customHeight="1" outlineLevel="4" x14ac:dyDescent="0.2">
      <c r="A15657" s="17"/>
      <c r="B15657" s="17"/>
      <c r="C15657" s="17"/>
      <c r="D15657" s="18"/>
      <c r="E15657" s="18"/>
      <c r="F15657" s="18"/>
      <c r="G15657" s="18"/>
      <c r="H15657" s="18"/>
      <c r="I15657" s="18"/>
      <c r="J15657" s="18"/>
      <c r="K15657" s="18"/>
      <c r="L15657" s="18"/>
      <c r="M15657" s="18"/>
      <c r="N15657" s="18"/>
      <c r="O15657" s="18"/>
      <c r="P15657" s="19"/>
      <c r="Q15657" s="19"/>
      <c r="R15657" s="19"/>
      <c r="S15657" s="19"/>
      <c r="T15657" s="19"/>
      <c r="U15657" s="19"/>
      <c r="V15657" s="19"/>
      <c r="W15657" s="19"/>
      <c r="X15657" s="19"/>
      <c r="Y15657" s="19"/>
      <c r="Z15657" s="19"/>
      <c r="AA15657" s="19"/>
    </row>
    <row r="15658" spans="1:27" s="1" customFormat="1" ht="11.1" customHeight="1" outlineLevel="4" x14ac:dyDescent="0.2">
      <c r="A15658" s="17">
        <v>139</v>
      </c>
      <c r="B15658" s="17"/>
      <c r="C15658" s="17"/>
      <c r="D15658" s="18" t="s">
        <v>7747</v>
      </c>
      <c r="E15658" s="18"/>
      <c r="F15658" s="18"/>
      <c r="G15658" s="18"/>
      <c r="H15658" s="18"/>
      <c r="I15658" s="18"/>
      <c r="J15658" s="18"/>
      <c r="K15658" s="18"/>
      <c r="L15658" s="18"/>
      <c r="M15658" s="18"/>
      <c r="N15658" s="18"/>
      <c r="O15658" s="18"/>
      <c r="P15658" s="19">
        <v>400</v>
      </c>
      <c r="Q15658" s="19"/>
      <c r="R15658" s="19"/>
      <c r="S15658" s="19"/>
      <c r="T15658" s="19">
        <v>350</v>
      </c>
      <c r="U15658" s="19"/>
      <c r="V15658" s="19"/>
      <c r="W15658" s="19"/>
      <c r="X15658" s="19">
        <v>3</v>
      </c>
      <c r="Y15658" s="19"/>
      <c r="Z15658" s="19"/>
      <c r="AA15658" s="19"/>
    </row>
    <row r="15659" spans="1:27" s="1" customFormat="1" ht="11.1" customHeight="1" outlineLevel="4" x14ac:dyDescent="0.2">
      <c r="A15659" s="17"/>
      <c r="B15659" s="17"/>
      <c r="C15659" s="17"/>
      <c r="D15659" s="18"/>
      <c r="E15659" s="18"/>
      <c r="F15659" s="18"/>
      <c r="G15659" s="18"/>
      <c r="H15659" s="18"/>
      <c r="I15659" s="18"/>
      <c r="J15659" s="18"/>
      <c r="K15659" s="18"/>
      <c r="L15659" s="18"/>
      <c r="M15659" s="18"/>
      <c r="N15659" s="18"/>
      <c r="O15659" s="18"/>
      <c r="P15659" s="19"/>
      <c r="Q15659" s="19"/>
      <c r="R15659" s="19"/>
      <c r="S15659" s="19"/>
      <c r="T15659" s="19"/>
      <c r="U15659" s="19"/>
      <c r="V15659" s="19"/>
      <c r="W15659" s="19"/>
      <c r="X15659" s="19"/>
      <c r="Y15659" s="19"/>
      <c r="Z15659" s="19"/>
      <c r="AA15659" s="19"/>
    </row>
    <row r="15660" spans="1:27" s="1" customFormat="1" ht="11.1" customHeight="1" outlineLevel="4" x14ac:dyDescent="0.2">
      <c r="A15660" s="17">
        <v>11088</v>
      </c>
      <c r="B15660" s="17"/>
      <c r="C15660" s="17"/>
      <c r="D15660" s="18" t="s">
        <v>7748</v>
      </c>
      <c r="E15660" s="18"/>
      <c r="F15660" s="18"/>
      <c r="G15660" s="18"/>
      <c r="H15660" s="18"/>
      <c r="I15660" s="18"/>
      <c r="J15660" s="18"/>
      <c r="K15660" s="18"/>
      <c r="L15660" s="18"/>
      <c r="M15660" s="18"/>
      <c r="N15660" s="18"/>
      <c r="O15660" s="18"/>
      <c r="P15660" s="19">
        <v>550</v>
      </c>
      <c r="Q15660" s="19"/>
      <c r="R15660" s="19"/>
      <c r="S15660" s="19"/>
      <c r="T15660" s="19">
        <v>440</v>
      </c>
      <c r="U15660" s="19"/>
      <c r="V15660" s="19"/>
      <c r="W15660" s="19"/>
      <c r="X15660" s="19">
        <v>4</v>
      </c>
      <c r="Y15660" s="19"/>
      <c r="Z15660" s="19"/>
      <c r="AA15660" s="19"/>
    </row>
    <row r="15661" spans="1:27" s="1" customFormat="1" ht="11.1" customHeight="1" outlineLevel="4" x14ac:dyDescent="0.2">
      <c r="A15661" s="17"/>
      <c r="B15661" s="17"/>
      <c r="C15661" s="17"/>
      <c r="D15661" s="18"/>
      <c r="E15661" s="18"/>
      <c r="F15661" s="18"/>
      <c r="G15661" s="18"/>
      <c r="H15661" s="18"/>
      <c r="I15661" s="18"/>
      <c r="J15661" s="18"/>
      <c r="K15661" s="18"/>
      <c r="L15661" s="18"/>
      <c r="M15661" s="18"/>
      <c r="N15661" s="18"/>
      <c r="O15661" s="18"/>
      <c r="P15661" s="19"/>
      <c r="Q15661" s="19"/>
      <c r="R15661" s="19"/>
      <c r="S15661" s="19"/>
      <c r="T15661" s="19"/>
      <c r="U15661" s="19"/>
      <c r="V15661" s="19"/>
      <c r="W15661" s="19"/>
      <c r="X15661" s="19"/>
      <c r="Y15661" s="19"/>
      <c r="Z15661" s="19"/>
      <c r="AA15661" s="19"/>
    </row>
    <row r="15662" spans="1:27" s="1" customFormat="1" ht="11.1" customHeight="1" outlineLevel="4" x14ac:dyDescent="0.2">
      <c r="A15662" s="17">
        <v>140</v>
      </c>
      <c r="B15662" s="17"/>
      <c r="C15662" s="17"/>
      <c r="D15662" s="18" t="s">
        <v>7749</v>
      </c>
      <c r="E15662" s="18"/>
      <c r="F15662" s="18"/>
      <c r="G15662" s="18"/>
      <c r="H15662" s="18"/>
      <c r="I15662" s="18"/>
      <c r="J15662" s="18"/>
      <c r="K15662" s="18"/>
      <c r="L15662" s="18"/>
      <c r="M15662" s="18"/>
      <c r="N15662" s="18"/>
      <c r="O15662" s="18"/>
      <c r="P15662" s="19">
        <v>400</v>
      </c>
      <c r="Q15662" s="19"/>
      <c r="R15662" s="19"/>
      <c r="S15662" s="19"/>
      <c r="T15662" s="19">
        <v>350</v>
      </c>
      <c r="U15662" s="19"/>
      <c r="V15662" s="19"/>
      <c r="W15662" s="19"/>
      <c r="X15662" s="19">
        <v>1</v>
      </c>
      <c r="Y15662" s="19"/>
      <c r="Z15662" s="19"/>
      <c r="AA15662" s="19"/>
    </row>
    <row r="15663" spans="1:27" s="1" customFormat="1" ht="11.1" customHeight="1" outlineLevel="4" x14ac:dyDescent="0.2">
      <c r="A15663" s="17"/>
      <c r="B15663" s="17"/>
      <c r="C15663" s="17"/>
      <c r="D15663" s="18"/>
      <c r="E15663" s="18"/>
      <c r="F15663" s="18"/>
      <c r="G15663" s="18"/>
      <c r="H15663" s="18"/>
      <c r="I15663" s="18"/>
      <c r="J15663" s="18"/>
      <c r="K15663" s="18"/>
      <c r="L15663" s="18"/>
      <c r="M15663" s="18"/>
      <c r="N15663" s="18"/>
      <c r="O15663" s="18"/>
      <c r="P15663" s="19"/>
      <c r="Q15663" s="19"/>
      <c r="R15663" s="19"/>
      <c r="S15663" s="19"/>
      <c r="T15663" s="19"/>
      <c r="U15663" s="19"/>
      <c r="V15663" s="19"/>
      <c r="W15663" s="19"/>
      <c r="X15663" s="19"/>
      <c r="Y15663" s="19"/>
      <c r="Z15663" s="19"/>
      <c r="AA15663" s="19"/>
    </row>
    <row r="15664" spans="1:27" s="1" customFormat="1" ht="11.1" customHeight="1" outlineLevel="4" x14ac:dyDescent="0.2">
      <c r="A15664" s="17">
        <v>7624</v>
      </c>
      <c r="B15664" s="17"/>
      <c r="C15664" s="17"/>
      <c r="D15664" s="18" t="s">
        <v>7750</v>
      </c>
      <c r="E15664" s="18"/>
      <c r="F15664" s="18"/>
      <c r="G15664" s="18"/>
      <c r="H15664" s="18"/>
      <c r="I15664" s="18"/>
      <c r="J15664" s="18"/>
      <c r="K15664" s="18"/>
      <c r="L15664" s="18"/>
      <c r="M15664" s="18"/>
      <c r="N15664" s="18"/>
      <c r="O15664" s="18"/>
      <c r="P15664" s="19">
        <v>450</v>
      </c>
      <c r="Q15664" s="19"/>
      <c r="R15664" s="19"/>
      <c r="S15664" s="19"/>
      <c r="T15664" s="19">
        <v>350</v>
      </c>
      <c r="U15664" s="19"/>
      <c r="V15664" s="19"/>
      <c r="W15664" s="19"/>
      <c r="X15664" s="19">
        <v>1</v>
      </c>
      <c r="Y15664" s="19"/>
      <c r="Z15664" s="19"/>
      <c r="AA15664" s="19"/>
    </row>
    <row r="15665" spans="1:27" s="1" customFormat="1" ht="11.1" customHeight="1" outlineLevel="4" x14ac:dyDescent="0.2">
      <c r="A15665" s="17"/>
      <c r="B15665" s="17"/>
      <c r="C15665" s="17"/>
      <c r="D15665" s="18"/>
      <c r="E15665" s="18"/>
      <c r="F15665" s="18"/>
      <c r="G15665" s="18"/>
      <c r="H15665" s="18"/>
      <c r="I15665" s="18"/>
      <c r="J15665" s="18"/>
      <c r="K15665" s="18"/>
      <c r="L15665" s="18"/>
      <c r="M15665" s="18"/>
      <c r="N15665" s="18"/>
      <c r="O15665" s="18"/>
      <c r="P15665" s="19"/>
      <c r="Q15665" s="19"/>
      <c r="R15665" s="19"/>
      <c r="S15665" s="19"/>
      <c r="T15665" s="19"/>
      <c r="U15665" s="19"/>
      <c r="V15665" s="19"/>
      <c r="W15665" s="19"/>
      <c r="X15665" s="19"/>
      <c r="Y15665" s="19"/>
      <c r="Z15665" s="19"/>
      <c r="AA15665" s="19"/>
    </row>
    <row r="15666" spans="1:27" s="1" customFormat="1" ht="14.1" customHeight="1" outlineLevel="4" x14ac:dyDescent="0.2">
      <c r="A15666" s="17">
        <v>127</v>
      </c>
      <c r="B15666" s="17"/>
      <c r="C15666" s="17"/>
      <c r="D15666" s="18" t="s">
        <v>7751</v>
      </c>
      <c r="E15666" s="18"/>
      <c r="F15666" s="18"/>
      <c r="G15666" s="18"/>
      <c r="H15666" s="18"/>
      <c r="I15666" s="18"/>
      <c r="J15666" s="18"/>
      <c r="K15666" s="18"/>
      <c r="L15666" s="18"/>
      <c r="M15666" s="18"/>
      <c r="N15666" s="18"/>
      <c r="O15666" s="18"/>
      <c r="P15666" s="19">
        <v>350</v>
      </c>
      <c r="Q15666" s="19"/>
      <c r="R15666" s="19"/>
      <c r="S15666" s="19"/>
      <c r="T15666" s="19">
        <v>280</v>
      </c>
      <c r="U15666" s="19"/>
      <c r="V15666" s="19"/>
      <c r="W15666" s="19"/>
      <c r="X15666" s="19">
        <v>1</v>
      </c>
      <c r="Y15666" s="19"/>
      <c r="Z15666" s="19"/>
      <c r="AA15666" s="19"/>
    </row>
    <row r="15667" spans="1:27" s="1" customFormat="1" ht="14.1" customHeight="1" outlineLevel="4" x14ac:dyDescent="0.2">
      <c r="A15667" s="17"/>
      <c r="B15667" s="17"/>
      <c r="C15667" s="17"/>
      <c r="D15667" s="18"/>
      <c r="E15667" s="18"/>
      <c r="F15667" s="18"/>
      <c r="G15667" s="18"/>
      <c r="H15667" s="18"/>
      <c r="I15667" s="18"/>
      <c r="J15667" s="18"/>
      <c r="K15667" s="18"/>
      <c r="L15667" s="18"/>
      <c r="M15667" s="18"/>
      <c r="N15667" s="18"/>
      <c r="O15667" s="18"/>
      <c r="P15667" s="19"/>
      <c r="Q15667" s="19"/>
      <c r="R15667" s="19"/>
      <c r="S15667" s="19"/>
      <c r="T15667" s="19"/>
      <c r="U15667" s="19"/>
      <c r="V15667" s="19"/>
      <c r="W15667" s="19"/>
      <c r="X15667" s="19"/>
      <c r="Y15667" s="19"/>
      <c r="Z15667" s="19"/>
      <c r="AA15667" s="19"/>
    </row>
    <row r="15668" spans="1:27" s="1" customFormat="1" ht="11.1" customHeight="1" outlineLevel="4" x14ac:dyDescent="0.2">
      <c r="A15668" s="17">
        <v>258</v>
      </c>
      <c r="B15668" s="17"/>
      <c r="C15668" s="17"/>
      <c r="D15668" s="18" t="s">
        <v>7752</v>
      </c>
      <c r="E15668" s="18"/>
      <c r="F15668" s="18"/>
      <c r="G15668" s="18"/>
      <c r="H15668" s="18"/>
      <c r="I15668" s="18"/>
      <c r="J15668" s="18"/>
      <c r="K15668" s="18"/>
      <c r="L15668" s="18"/>
      <c r="M15668" s="18"/>
      <c r="N15668" s="18"/>
      <c r="O15668" s="18"/>
      <c r="P15668" s="19">
        <v>150</v>
      </c>
      <c r="Q15668" s="19"/>
      <c r="R15668" s="19"/>
      <c r="S15668" s="19"/>
      <c r="T15668" s="19">
        <v>100</v>
      </c>
      <c r="U15668" s="19"/>
      <c r="V15668" s="19"/>
      <c r="W15668" s="19"/>
      <c r="X15668" s="19">
        <v>2</v>
      </c>
      <c r="Y15668" s="19"/>
      <c r="Z15668" s="19"/>
      <c r="AA15668" s="19"/>
    </row>
    <row r="15669" spans="1:27" s="1" customFormat="1" ht="11.1" customHeight="1" outlineLevel="4" x14ac:dyDescent="0.2">
      <c r="A15669" s="17"/>
      <c r="B15669" s="17"/>
      <c r="C15669" s="17"/>
      <c r="D15669" s="18"/>
      <c r="E15669" s="18"/>
      <c r="F15669" s="18"/>
      <c r="G15669" s="18"/>
      <c r="H15669" s="18"/>
      <c r="I15669" s="18"/>
      <c r="J15669" s="18"/>
      <c r="K15669" s="18"/>
      <c r="L15669" s="18"/>
      <c r="M15669" s="18"/>
      <c r="N15669" s="18"/>
      <c r="O15669" s="18"/>
      <c r="P15669" s="19"/>
      <c r="Q15669" s="19"/>
      <c r="R15669" s="19"/>
      <c r="S15669" s="19"/>
      <c r="T15669" s="19"/>
      <c r="U15669" s="19"/>
      <c r="V15669" s="19"/>
      <c r="W15669" s="19"/>
      <c r="X15669" s="19"/>
      <c r="Y15669" s="19"/>
      <c r="Z15669" s="19"/>
      <c r="AA15669" s="19"/>
    </row>
    <row r="15670" spans="1:27" s="1" customFormat="1" ht="21" customHeight="1" outlineLevel="4" x14ac:dyDescent="0.2">
      <c r="A15670" s="17">
        <v>260</v>
      </c>
      <c r="B15670" s="17"/>
      <c r="C15670" s="17"/>
      <c r="D15670" s="18" t="s">
        <v>7753</v>
      </c>
      <c r="E15670" s="18"/>
      <c r="F15670" s="18"/>
      <c r="G15670" s="18"/>
      <c r="H15670" s="18"/>
      <c r="I15670" s="18"/>
      <c r="J15670" s="18"/>
      <c r="K15670" s="18"/>
      <c r="L15670" s="18"/>
      <c r="M15670" s="18"/>
      <c r="N15670" s="18"/>
      <c r="O15670" s="18"/>
      <c r="P15670" s="19">
        <v>250</v>
      </c>
      <c r="Q15670" s="19"/>
      <c r="R15670" s="19"/>
      <c r="S15670" s="19"/>
      <c r="T15670" s="19">
        <v>190</v>
      </c>
      <c r="U15670" s="19"/>
      <c r="V15670" s="19"/>
      <c r="W15670" s="19"/>
      <c r="X15670" s="19">
        <v>1</v>
      </c>
      <c r="Y15670" s="19"/>
      <c r="Z15670" s="19"/>
      <c r="AA15670" s="19"/>
    </row>
    <row r="15671" spans="1:27" s="1" customFormat="1" ht="21" customHeight="1" outlineLevel="4" x14ac:dyDescent="0.2">
      <c r="A15671" s="17"/>
      <c r="B15671" s="17"/>
      <c r="C15671" s="17"/>
      <c r="D15671" s="18"/>
      <c r="E15671" s="18"/>
      <c r="F15671" s="18"/>
      <c r="G15671" s="18"/>
      <c r="H15671" s="18"/>
      <c r="I15671" s="18"/>
      <c r="J15671" s="18"/>
      <c r="K15671" s="18"/>
      <c r="L15671" s="18"/>
      <c r="M15671" s="18"/>
      <c r="N15671" s="18"/>
      <c r="O15671" s="18"/>
      <c r="P15671" s="19"/>
      <c r="Q15671" s="19"/>
      <c r="R15671" s="19"/>
      <c r="S15671" s="19"/>
      <c r="T15671" s="19"/>
      <c r="U15671" s="19"/>
      <c r="V15671" s="19"/>
      <c r="W15671" s="19"/>
      <c r="X15671" s="19"/>
      <c r="Y15671" s="19"/>
      <c r="Z15671" s="19"/>
      <c r="AA15671" s="19"/>
    </row>
    <row r="15672" spans="1:27" s="1" customFormat="1" ht="11.1" customHeight="1" outlineLevel="4" x14ac:dyDescent="0.2">
      <c r="A15672" s="17">
        <v>265</v>
      </c>
      <c r="B15672" s="17"/>
      <c r="C15672" s="17"/>
      <c r="D15672" s="18" t="s">
        <v>7754</v>
      </c>
      <c r="E15672" s="18"/>
      <c r="F15672" s="18"/>
      <c r="G15672" s="18"/>
      <c r="H15672" s="18"/>
      <c r="I15672" s="18"/>
      <c r="J15672" s="18"/>
      <c r="K15672" s="18"/>
      <c r="L15672" s="18"/>
      <c r="M15672" s="18"/>
      <c r="N15672" s="18"/>
      <c r="O15672" s="18"/>
      <c r="P15672" s="19">
        <v>100</v>
      </c>
      <c r="Q15672" s="19"/>
      <c r="R15672" s="19"/>
      <c r="S15672" s="19"/>
      <c r="T15672" s="19">
        <v>80</v>
      </c>
      <c r="U15672" s="19"/>
      <c r="V15672" s="19"/>
      <c r="W15672" s="19"/>
      <c r="X15672" s="19">
        <v>1</v>
      </c>
      <c r="Y15672" s="19"/>
      <c r="Z15672" s="19"/>
      <c r="AA15672" s="19"/>
    </row>
    <row r="15673" spans="1:27" s="1" customFormat="1" ht="11.1" customHeight="1" outlineLevel="4" x14ac:dyDescent="0.2">
      <c r="A15673" s="17"/>
      <c r="B15673" s="17"/>
      <c r="C15673" s="17"/>
      <c r="D15673" s="18"/>
      <c r="E15673" s="18"/>
      <c r="F15673" s="18"/>
      <c r="G15673" s="18"/>
      <c r="H15673" s="18"/>
      <c r="I15673" s="18"/>
      <c r="J15673" s="18"/>
      <c r="K15673" s="18"/>
      <c r="L15673" s="18"/>
      <c r="M15673" s="18"/>
      <c r="N15673" s="18"/>
      <c r="O15673" s="18"/>
      <c r="P15673" s="19"/>
      <c r="Q15673" s="19"/>
      <c r="R15673" s="19"/>
      <c r="S15673" s="19"/>
      <c r="T15673" s="19"/>
      <c r="U15673" s="19"/>
      <c r="V15673" s="19"/>
      <c r="W15673" s="19"/>
      <c r="X15673" s="19"/>
      <c r="Y15673" s="19"/>
      <c r="Z15673" s="19"/>
      <c r="AA15673" s="19"/>
    </row>
    <row r="15674" spans="1:27" s="1" customFormat="1" ht="11.1" customHeight="1" outlineLevel="3" x14ac:dyDescent="0.2">
      <c r="A15674" s="16" t="s">
        <v>1295</v>
      </c>
      <c r="B15674" s="16"/>
      <c r="C15674" s="16"/>
      <c r="D15674" s="16"/>
      <c r="E15674" s="16"/>
      <c r="F15674" s="16"/>
      <c r="G15674" s="16"/>
      <c r="H15674" s="16"/>
      <c r="I15674" s="16"/>
      <c r="J15674" s="16"/>
      <c r="K15674" s="16"/>
      <c r="L15674" s="16"/>
      <c r="M15674" s="16"/>
      <c r="N15674" s="16"/>
      <c r="O15674" s="16"/>
      <c r="P15674" s="16"/>
      <c r="Q15674" s="16"/>
      <c r="R15674" s="16"/>
      <c r="S15674" s="16"/>
      <c r="T15674" s="16"/>
      <c r="U15674" s="16"/>
      <c r="V15674" s="16"/>
      <c r="W15674" s="16"/>
      <c r="X15674" s="16"/>
      <c r="Y15674" s="16"/>
      <c r="Z15674" s="16"/>
      <c r="AA15674" s="16"/>
    </row>
    <row r="15675" spans="1:27" s="1" customFormat="1" ht="11.1" customHeight="1" outlineLevel="3" x14ac:dyDescent="0.2">
      <c r="A15675" s="16"/>
      <c r="B15675" s="16"/>
      <c r="C15675" s="16"/>
      <c r="D15675" s="16"/>
      <c r="E15675" s="16"/>
      <c r="F15675" s="16"/>
      <c r="G15675" s="16"/>
      <c r="H15675" s="16"/>
      <c r="I15675" s="16"/>
      <c r="J15675" s="16"/>
      <c r="K15675" s="16"/>
      <c r="L15675" s="16"/>
      <c r="M15675" s="16"/>
      <c r="N15675" s="16"/>
      <c r="O15675" s="16"/>
      <c r="P15675" s="16"/>
      <c r="Q15675" s="16"/>
      <c r="R15675" s="16"/>
      <c r="S15675" s="16"/>
      <c r="T15675" s="16"/>
      <c r="U15675" s="16"/>
      <c r="V15675" s="16"/>
      <c r="W15675" s="16"/>
      <c r="X15675" s="16"/>
      <c r="Y15675" s="16"/>
      <c r="Z15675" s="16"/>
      <c r="AA15675" s="16"/>
    </row>
    <row r="15676" spans="1:27" s="1" customFormat="1" ht="14.1" customHeight="1" outlineLevel="4" x14ac:dyDescent="0.2">
      <c r="A15676" s="17">
        <v>11716</v>
      </c>
      <c r="B15676" s="17"/>
      <c r="C15676" s="17"/>
      <c r="D15676" s="18" t="s">
        <v>7755</v>
      </c>
      <c r="E15676" s="18"/>
      <c r="F15676" s="18"/>
      <c r="G15676" s="18"/>
      <c r="H15676" s="18"/>
      <c r="I15676" s="18"/>
      <c r="J15676" s="18"/>
      <c r="K15676" s="18"/>
      <c r="L15676" s="18"/>
      <c r="M15676" s="18"/>
      <c r="N15676" s="18"/>
      <c r="O15676" s="18"/>
      <c r="P15676" s="19">
        <v>700</v>
      </c>
      <c r="Q15676" s="19"/>
      <c r="R15676" s="19"/>
      <c r="S15676" s="19"/>
      <c r="T15676" s="19">
        <v>560</v>
      </c>
      <c r="U15676" s="19"/>
      <c r="V15676" s="19"/>
      <c r="W15676" s="19"/>
      <c r="X15676" s="19">
        <v>1</v>
      </c>
      <c r="Y15676" s="19"/>
      <c r="Z15676" s="19"/>
      <c r="AA15676" s="19"/>
    </row>
    <row r="15677" spans="1:27" s="1" customFormat="1" ht="14.1" customHeight="1" outlineLevel="4" x14ac:dyDescent="0.2">
      <c r="A15677" s="17"/>
      <c r="B15677" s="17"/>
      <c r="C15677" s="17"/>
      <c r="D15677" s="18"/>
      <c r="E15677" s="18"/>
      <c r="F15677" s="18"/>
      <c r="G15677" s="18"/>
      <c r="H15677" s="18"/>
      <c r="I15677" s="18"/>
      <c r="J15677" s="18"/>
      <c r="K15677" s="18"/>
      <c r="L15677" s="18"/>
      <c r="M15677" s="18"/>
      <c r="N15677" s="18"/>
      <c r="O15677" s="18"/>
      <c r="P15677" s="19"/>
      <c r="Q15677" s="19"/>
      <c r="R15677" s="19"/>
      <c r="S15677" s="19"/>
      <c r="T15677" s="19"/>
      <c r="U15677" s="19"/>
      <c r="V15677" s="19"/>
      <c r="W15677" s="19"/>
      <c r="X15677" s="19"/>
      <c r="Y15677" s="19"/>
      <c r="Z15677" s="19"/>
      <c r="AA15677" s="19"/>
    </row>
    <row r="15678" spans="1:27" s="1" customFormat="1" ht="14.1" customHeight="1" outlineLevel="4" x14ac:dyDescent="0.2">
      <c r="A15678" s="17">
        <v>11406</v>
      </c>
      <c r="B15678" s="17"/>
      <c r="C15678" s="17"/>
      <c r="D15678" s="18" t="s">
        <v>7756</v>
      </c>
      <c r="E15678" s="18"/>
      <c r="F15678" s="18"/>
      <c r="G15678" s="18"/>
      <c r="H15678" s="18"/>
      <c r="I15678" s="18"/>
      <c r="J15678" s="18"/>
      <c r="K15678" s="18"/>
      <c r="L15678" s="18"/>
      <c r="M15678" s="18"/>
      <c r="N15678" s="18"/>
      <c r="O15678" s="18"/>
      <c r="P15678" s="19">
        <v>650</v>
      </c>
      <c r="Q15678" s="19"/>
      <c r="R15678" s="19"/>
      <c r="S15678" s="19"/>
      <c r="T15678" s="19">
        <v>560</v>
      </c>
      <c r="U15678" s="19"/>
      <c r="V15678" s="19"/>
      <c r="W15678" s="19"/>
      <c r="X15678" s="19">
        <v>2</v>
      </c>
      <c r="Y15678" s="19"/>
      <c r="Z15678" s="19"/>
      <c r="AA15678" s="19"/>
    </row>
    <row r="15679" spans="1:27" s="1" customFormat="1" ht="14.1" customHeight="1" outlineLevel="4" x14ac:dyDescent="0.2">
      <c r="A15679" s="17"/>
      <c r="B15679" s="17"/>
      <c r="C15679" s="17"/>
      <c r="D15679" s="18"/>
      <c r="E15679" s="18"/>
      <c r="F15679" s="18"/>
      <c r="G15679" s="18"/>
      <c r="H15679" s="18"/>
      <c r="I15679" s="18"/>
      <c r="J15679" s="18"/>
      <c r="K15679" s="18"/>
      <c r="L15679" s="18"/>
      <c r="M15679" s="18"/>
      <c r="N15679" s="18"/>
      <c r="O15679" s="18"/>
      <c r="P15679" s="19"/>
      <c r="Q15679" s="19"/>
      <c r="R15679" s="19"/>
      <c r="S15679" s="19"/>
      <c r="T15679" s="19"/>
      <c r="U15679" s="19"/>
      <c r="V15679" s="19"/>
      <c r="W15679" s="19"/>
      <c r="X15679" s="19"/>
      <c r="Y15679" s="19"/>
      <c r="Z15679" s="19"/>
      <c r="AA15679" s="19"/>
    </row>
    <row r="15680" spans="1:27" s="1" customFormat="1" ht="14.1" customHeight="1" outlineLevel="4" x14ac:dyDescent="0.2">
      <c r="A15680" s="17">
        <v>170</v>
      </c>
      <c r="B15680" s="17"/>
      <c r="C15680" s="17"/>
      <c r="D15680" s="18" t="s">
        <v>7757</v>
      </c>
      <c r="E15680" s="18"/>
      <c r="F15680" s="18"/>
      <c r="G15680" s="18"/>
      <c r="H15680" s="18"/>
      <c r="I15680" s="18"/>
      <c r="J15680" s="18"/>
      <c r="K15680" s="18"/>
      <c r="L15680" s="18"/>
      <c r="M15680" s="18"/>
      <c r="N15680" s="18"/>
      <c r="O15680" s="18"/>
      <c r="P15680" s="19">
        <v>200</v>
      </c>
      <c r="Q15680" s="19"/>
      <c r="R15680" s="19"/>
      <c r="S15680" s="19"/>
      <c r="T15680" s="19">
        <v>110</v>
      </c>
      <c r="U15680" s="19"/>
      <c r="V15680" s="19"/>
      <c r="W15680" s="19"/>
      <c r="X15680" s="19">
        <v>1</v>
      </c>
      <c r="Y15680" s="19"/>
      <c r="Z15680" s="19"/>
      <c r="AA15680" s="19"/>
    </row>
    <row r="15681" spans="1:27" s="1" customFormat="1" ht="14.1" customHeight="1" outlineLevel="4" x14ac:dyDescent="0.2">
      <c r="A15681" s="17"/>
      <c r="B15681" s="17"/>
      <c r="C15681" s="17"/>
      <c r="D15681" s="18"/>
      <c r="E15681" s="18"/>
      <c r="F15681" s="18"/>
      <c r="G15681" s="18"/>
      <c r="H15681" s="18"/>
      <c r="I15681" s="18"/>
      <c r="J15681" s="18"/>
      <c r="K15681" s="18"/>
      <c r="L15681" s="18"/>
      <c r="M15681" s="18"/>
      <c r="N15681" s="18"/>
      <c r="O15681" s="18"/>
      <c r="P15681" s="19"/>
      <c r="Q15681" s="19"/>
      <c r="R15681" s="19"/>
      <c r="S15681" s="19"/>
      <c r="T15681" s="19"/>
      <c r="U15681" s="19"/>
      <c r="V15681" s="19"/>
      <c r="W15681" s="19"/>
      <c r="X15681" s="19"/>
      <c r="Y15681" s="19"/>
      <c r="Z15681" s="19"/>
      <c r="AA15681" s="19"/>
    </row>
    <row r="15682" spans="1:27" s="1" customFormat="1" ht="14.1" customHeight="1" outlineLevel="4" x14ac:dyDescent="0.2">
      <c r="A15682" s="17">
        <v>154</v>
      </c>
      <c r="B15682" s="17"/>
      <c r="C15682" s="17"/>
      <c r="D15682" s="18" t="s">
        <v>7758</v>
      </c>
      <c r="E15682" s="18"/>
      <c r="F15682" s="18"/>
      <c r="G15682" s="18"/>
      <c r="H15682" s="18"/>
      <c r="I15682" s="18"/>
      <c r="J15682" s="18"/>
      <c r="K15682" s="18"/>
      <c r="L15682" s="18"/>
      <c r="M15682" s="18"/>
      <c r="N15682" s="18"/>
      <c r="O15682" s="18"/>
      <c r="P15682" s="19">
        <v>350</v>
      </c>
      <c r="Q15682" s="19"/>
      <c r="R15682" s="19"/>
      <c r="S15682" s="19"/>
      <c r="T15682" s="19">
        <v>250</v>
      </c>
      <c r="U15682" s="19"/>
      <c r="V15682" s="19"/>
      <c r="W15682" s="19"/>
      <c r="X15682" s="19">
        <v>1</v>
      </c>
      <c r="Y15682" s="19"/>
      <c r="Z15682" s="19"/>
      <c r="AA15682" s="19"/>
    </row>
    <row r="15683" spans="1:27" s="1" customFormat="1" ht="14.1" customHeight="1" outlineLevel="4" x14ac:dyDescent="0.2">
      <c r="A15683" s="17"/>
      <c r="B15683" s="17"/>
      <c r="C15683" s="17"/>
      <c r="D15683" s="18"/>
      <c r="E15683" s="18"/>
      <c r="F15683" s="18"/>
      <c r="G15683" s="18"/>
      <c r="H15683" s="18"/>
      <c r="I15683" s="18"/>
      <c r="J15683" s="18"/>
      <c r="K15683" s="18"/>
      <c r="L15683" s="18"/>
      <c r="M15683" s="18"/>
      <c r="N15683" s="18"/>
      <c r="O15683" s="18"/>
      <c r="P15683" s="19"/>
      <c r="Q15683" s="19"/>
      <c r="R15683" s="19"/>
      <c r="S15683" s="19"/>
      <c r="T15683" s="19"/>
      <c r="U15683" s="19"/>
      <c r="V15683" s="19"/>
      <c r="W15683" s="19"/>
      <c r="X15683" s="19"/>
      <c r="Y15683" s="19"/>
      <c r="Z15683" s="19"/>
      <c r="AA15683" s="19"/>
    </row>
    <row r="15684" spans="1:27" s="1" customFormat="1" ht="14.1" customHeight="1" outlineLevel="4" x14ac:dyDescent="0.2">
      <c r="A15684" s="17">
        <v>165</v>
      </c>
      <c r="B15684" s="17"/>
      <c r="C15684" s="17"/>
      <c r="D15684" s="18" t="s">
        <v>7759</v>
      </c>
      <c r="E15684" s="18"/>
      <c r="F15684" s="18"/>
      <c r="G15684" s="18"/>
      <c r="H15684" s="18"/>
      <c r="I15684" s="18"/>
      <c r="J15684" s="18"/>
      <c r="K15684" s="18"/>
      <c r="L15684" s="18"/>
      <c r="M15684" s="18"/>
      <c r="N15684" s="18"/>
      <c r="O15684" s="18"/>
      <c r="P15684" s="19">
        <v>150</v>
      </c>
      <c r="Q15684" s="19"/>
      <c r="R15684" s="19"/>
      <c r="S15684" s="19"/>
      <c r="T15684" s="19">
        <v>80</v>
      </c>
      <c r="U15684" s="19"/>
      <c r="V15684" s="19"/>
      <c r="W15684" s="19"/>
      <c r="X15684" s="19">
        <v>1</v>
      </c>
      <c r="Y15684" s="19"/>
      <c r="Z15684" s="19"/>
      <c r="AA15684" s="19"/>
    </row>
    <row r="15685" spans="1:27" s="1" customFormat="1" ht="14.1" customHeight="1" outlineLevel="4" x14ac:dyDescent="0.2">
      <c r="A15685" s="17"/>
      <c r="B15685" s="17"/>
      <c r="C15685" s="17"/>
      <c r="D15685" s="18"/>
      <c r="E15685" s="18"/>
      <c r="F15685" s="18"/>
      <c r="G15685" s="18"/>
      <c r="H15685" s="18"/>
      <c r="I15685" s="18"/>
      <c r="J15685" s="18"/>
      <c r="K15685" s="18"/>
      <c r="L15685" s="18"/>
      <c r="M15685" s="18"/>
      <c r="N15685" s="18"/>
      <c r="O15685" s="18"/>
      <c r="P15685" s="19"/>
      <c r="Q15685" s="19"/>
      <c r="R15685" s="19"/>
      <c r="S15685" s="19"/>
      <c r="T15685" s="19"/>
      <c r="U15685" s="19"/>
      <c r="V15685" s="19"/>
      <c r="W15685" s="19"/>
      <c r="X15685" s="19"/>
      <c r="Y15685" s="19"/>
      <c r="Z15685" s="19"/>
      <c r="AA15685" s="19"/>
    </row>
    <row r="15686" spans="1:27" s="1" customFormat="1" ht="11.1" customHeight="1" outlineLevel="4" x14ac:dyDescent="0.2">
      <c r="A15686" s="17">
        <v>168</v>
      </c>
      <c r="B15686" s="17"/>
      <c r="C15686" s="17"/>
      <c r="D15686" s="18" t="s">
        <v>7760</v>
      </c>
      <c r="E15686" s="18"/>
      <c r="F15686" s="18"/>
      <c r="G15686" s="18"/>
      <c r="H15686" s="18"/>
      <c r="I15686" s="18"/>
      <c r="J15686" s="18"/>
      <c r="K15686" s="18"/>
      <c r="L15686" s="18"/>
      <c r="M15686" s="18"/>
      <c r="N15686" s="18"/>
      <c r="O15686" s="18"/>
      <c r="P15686" s="19">
        <v>200</v>
      </c>
      <c r="Q15686" s="19"/>
      <c r="R15686" s="19"/>
      <c r="S15686" s="19"/>
      <c r="T15686" s="19">
        <v>110</v>
      </c>
      <c r="U15686" s="19"/>
      <c r="V15686" s="19"/>
      <c r="W15686" s="19"/>
      <c r="X15686" s="19">
        <v>1</v>
      </c>
      <c r="Y15686" s="19"/>
      <c r="Z15686" s="19"/>
      <c r="AA15686" s="19"/>
    </row>
    <row r="15687" spans="1:27" s="1" customFormat="1" ht="11.1" customHeight="1" outlineLevel="4" x14ac:dyDescent="0.2">
      <c r="A15687" s="17"/>
      <c r="B15687" s="17"/>
      <c r="C15687" s="17"/>
      <c r="D15687" s="18"/>
      <c r="E15687" s="18"/>
      <c r="F15687" s="18"/>
      <c r="G15687" s="18"/>
      <c r="H15687" s="18"/>
      <c r="I15687" s="18"/>
      <c r="J15687" s="18"/>
      <c r="K15687" s="18"/>
      <c r="L15687" s="18"/>
      <c r="M15687" s="18"/>
      <c r="N15687" s="18"/>
      <c r="O15687" s="18"/>
      <c r="P15687" s="19"/>
      <c r="Q15687" s="19"/>
      <c r="R15687" s="19"/>
      <c r="S15687" s="19"/>
      <c r="T15687" s="19"/>
      <c r="U15687" s="19"/>
      <c r="V15687" s="19"/>
      <c r="W15687" s="19"/>
      <c r="X15687" s="19"/>
      <c r="Y15687" s="19"/>
      <c r="Z15687" s="19"/>
      <c r="AA15687" s="19"/>
    </row>
    <row r="15688" spans="1:27" s="1" customFormat="1" ht="14.1" customHeight="1" outlineLevel="4" x14ac:dyDescent="0.2">
      <c r="A15688" s="17">
        <v>5714</v>
      </c>
      <c r="B15688" s="17"/>
      <c r="C15688" s="17"/>
      <c r="D15688" s="18" t="s">
        <v>7761</v>
      </c>
      <c r="E15688" s="18"/>
      <c r="F15688" s="18"/>
      <c r="G15688" s="18"/>
      <c r="H15688" s="18"/>
      <c r="I15688" s="18"/>
      <c r="J15688" s="18"/>
      <c r="K15688" s="18"/>
      <c r="L15688" s="18"/>
      <c r="M15688" s="18"/>
      <c r="N15688" s="18"/>
      <c r="O15688" s="18"/>
      <c r="P15688" s="19">
        <v>430</v>
      </c>
      <c r="Q15688" s="19"/>
      <c r="R15688" s="19"/>
      <c r="S15688" s="19"/>
      <c r="T15688" s="19">
        <v>370</v>
      </c>
      <c r="U15688" s="19"/>
      <c r="V15688" s="19"/>
      <c r="W15688" s="19"/>
      <c r="X15688" s="19">
        <v>1</v>
      </c>
      <c r="Y15688" s="19"/>
      <c r="Z15688" s="19"/>
      <c r="AA15688" s="19"/>
    </row>
    <row r="15689" spans="1:27" s="1" customFormat="1" ht="14.1" customHeight="1" outlineLevel="4" x14ac:dyDescent="0.2">
      <c r="A15689" s="17"/>
      <c r="B15689" s="17"/>
      <c r="C15689" s="17"/>
      <c r="D15689" s="18"/>
      <c r="E15689" s="18"/>
      <c r="F15689" s="18"/>
      <c r="G15689" s="18"/>
      <c r="H15689" s="18"/>
      <c r="I15689" s="18"/>
      <c r="J15689" s="18"/>
      <c r="K15689" s="18"/>
      <c r="L15689" s="18"/>
      <c r="M15689" s="18"/>
      <c r="N15689" s="18"/>
      <c r="O15689" s="18"/>
      <c r="P15689" s="19"/>
      <c r="Q15689" s="19"/>
      <c r="R15689" s="19"/>
      <c r="S15689" s="19"/>
      <c r="T15689" s="19"/>
      <c r="U15689" s="19"/>
      <c r="V15689" s="19"/>
      <c r="W15689" s="19"/>
      <c r="X15689" s="19"/>
      <c r="Y15689" s="19"/>
      <c r="Z15689" s="19"/>
      <c r="AA15689" s="19"/>
    </row>
    <row r="15690" spans="1:27" s="1" customFormat="1" ht="11.1" customHeight="1" outlineLevel="3" x14ac:dyDescent="0.2">
      <c r="A15690" s="16" t="s">
        <v>7762</v>
      </c>
      <c r="B15690" s="16"/>
      <c r="C15690" s="16"/>
      <c r="D15690" s="16"/>
      <c r="E15690" s="16"/>
      <c r="F15690" s="16"/>
      <c r="G15690" s="16"/>
      <c r="H15690" s="16"/>
      <c r="I15690" s="16"/>
      <c r="J15690" s="16"/>
      <c r="K15690" s="16"/>
      <c r="L15690" s="16"/>
      <c r="M15690" s="16"/>
      <c r="N15690" s="16"/>
      <c r="O15690" s="16"/>
      <c r="P15690" s="16"/>
      <c r="Q15690" s="16"/>
      <c r="R15690" s="16"/>
      <c r="S15690" s="16"/>
      <c r="T15690" s="16"/>
      <c r="U15690" s="16"/>
      <c r="V15690" s="16"/>
      <c r="W15690" s="16"/>
      <c r="X15690" s="16"/>
      <c r="Y15690" s="16"/>
      <c r="Z15690" s="16"/>
      <c r="AA15690" s="16"/>
    </row>
    <row r="15691" spans="1:27" s="1" customFormat="1" ht="11.1" customHeight="1" outlineLevel="3" x14ac:dyDescent="0.2">
      <c r="A15691" s="16"/>
      <c r="B15691" s="16"/>
      <c r="C15691" s="16"/>
      <c r="D15691" s="16"/>
      <c r="E15691" s="16"/>
      <c r="F15691" s="16"/>
      <c r="G15691" s="16"/>
      <c r="H15691" s="16"/>
      <c r="I15691" s="16"/>
      <c r="J15691" s="16"/>
      <c r="K15691" s="16"/>
      <c r="L15691" s="16"/>
      <c r="M15691" s="16"/>
      <c r="N15691" s="16"/>
      <c r="O15691" s="16"/>
      <c r="P15691" s="16"/>
      <c r="Q15691" s="16"/>
      <c r="R15691" s="16"/>
      <c r="S15691" s="16"/>
      <c r="T15691" s="16"/>
      <c r="U15691" s="16"/>
      <c r="V15691" s="16"/>
      <c r="W15691" s="16"/>
      <c r="X15691" s="16"/>
      <c r="Y15691" s="16"/>
      <c r="Z15691" s="16"/>
      <c r="AA15691" s="16"/>
    </row>
    <row r="15692" spans="1:27" s="1" customFormat="1" ht="11.1" customHeight="1" outlineLevel="4" x14ac:dyDescent="0.2">
      <c r="A15692" s="17">
        <v>18162</v>
      </c>
      <c r="B15692" s="17"/>
      <c r="C15692" s="17"/>
      <c r="D15692" s="18" t="s">
        <v>7763</v>
      </c>
      <c r="E15692" s="18"/>
      <c r="F15692" s="18"/>
      <c r="G15692" s="18"/>
      <c r="H15692" s="18"/>
      <c r="I15692" s="18"/>
      <c r="J15692" s="18"/>
      <c r="K15692" s="18"/>
      <c r="L15692" s="18"/>
      <c r="M15692" s="18"/>
      <c r="N15692" s="18"/>
      <c r="O15692" s="18"/>
      <c r="P15692" s="19">
        <v>650</v>
      </c>
      <c r="Q15692" s="19"/>
      <c r="R15692" s="19"/>
      <c r="S15692" s="19"/>
      <c r="T15692" s="19">
        <v>499</v>
      </c>
      <c r="U15692" s="19"/>
      <c r="V15692" s="19"/>
      <c r="W15692" s="19"/>
      <c r="X15692" s="19">
        <v>10</v>
      </c>
      <c r="Y15692" s="19"/>
      <c r="Z15692" s="19"/>
      <c r="AA15692" s="19"/>
    </row>
    <row r="15693" spans="1:27" s="1" customFormat="1" ht="11.1" customHeight="1" outlineLevel="4" x14ac:dyDescent="0.2">
      <c r="A15693" s="17"/>
      <c r="B15693" s="17"/>
      <c r="C15693" s="17"/>
      <c r="D15693" s="18"/>
      <c r="E15693" s="18"/>
      <c r="F15693" s="18"/>
      <c r="G15693" s="18"/>
      <c r="H15693" s="18"/>
      <c r="I15693" s="18"/>
      <c r="J15693" s="18"/>
      <c r="K15693" s="18"/>
      <c r="L15693" s="18"/>
      <c r="M15693" s="18"/>
      <c r="N15693" s="18"/>
      <c r="O15693" s="18"/>
      <c r="P15693" s="19"/>
      <c r="Q15693" s="19"/>
      <c r="R15693" s="19"/>
      <c r="S15693" s="19"/>
      <c r="T15693" s="19"/>
      <c r="U15693" s="19"/>
      <c r="V15693" s="19"/>
      <c r="W15693" s="19"/>
      <c r="X15693" s="19"/>
      <c r="Y15693" s="19"/>
      <c r="Z15693" s="19"/>
      <c r="AA15693" s="19"/>
    </row>
    <row r="15694" spans="1:27" s="1" customFormat="1" ht="11.1" customHeight="1" outlineLevel="4" x14ac:dyDescent="0.2">
      <c r="A15694" s="17">
        <v>18118</v>
      </c>
      <c r="B15694" s="17"/>
      <c r="C15694" s="17"/>
      <c r="D15694" s="18" t="s">
        <v>7764</v>
      </c>
      <c r="E15694" s="18"/>
      <c r="F15694" s="18"/>
      <c r="G15694" s="18"/>
      <c r="H15694" s="18"/>
      <c r="I15694" s="18"/>
      <c r="J15694" s="18"/>
      <c r="K15694" s="18"/>
      <c r="L15694" s="18"/>
      <c r="M15694" s="18"/>
      <c r="N15694" s="18"/>
      <c r="O15694" s="18"/>
      <c r="P15694" s="20">
        <v>1200</v>
      </c>
      <c r="Q15694" s="20"/>
      <c r="R15694" s="20"/>
      <c r="S15694" s="20"/>
      <c r="T15694" s="20">
        <v>1000</v>
      </c>
      <c r="U15694" s="20"/>
      <c r="V15694" s="20"/>
      <c r="W15694" s="20"/>
      <c r="X15694" s="19">
        <v>1</v>
      </c>
      <c r="Y15694" s="19"/>
      <c r="Z15694" s="19"/>
      <c r="AA15694" s="19"/>
    </row>
    <row r="15695" spans="1:27" s="1" customFormat="1" ht="11.1" customHeight="1" outlineLevel="4" x14ac:dyDescent="0.2">
      <c r="A15695" s="17"/>
      <c r="B15695" s="17"/>
      <c r="C15695" s="17"/>
      <c r="D15695" s="18"/>
      <c r="E15695" s="18"/>
      <c r="F15695" s="18"/>
      <c r="G15695" s="18"/>
      <c r="H15695" s="18"/>
      <c r="I15695" s="18"/>
      <c r="J15695" s="18"/>
      <c r="K15695" s="18"/>
      <c r="L15695" s="18"/>
      <c r="M15695" s="18"/>
      <c r="N15695" s="18"/>
      <c r="O15695" s="18"/>
      <c r="P15695" s="20"/>
      <c r="Q15695" s="20"/>
      <c r="R15695" s="20"/>
      <c r="S15695" s="20"/>
      <c r="T15695" s="20"/>
      <c r="U15695" s="20"/>
      <c r="V15695" s="20"/>
      <c r="W15695" s="20"/>
      <c r="X15695" s="19"/>
      <c r="Y15695" s="19"/>
      <c r="Z15695" s="19"/>
      <c r="AA15695" s="19"/>
    </row>
    <row r="15696" spans="1:27" s="1" customFormat="1" ht="11.1" customHeight="1" outlineLevel="3" x14ac:dyDescent="0.2">
      <c r="A15696" s="16" t="s">
        <v>7765</v>
      </c>
      <c r="B15696" s="16"/>
      <c r="C15696" s="16"/>
      <c r="D15696" s="16"/>
      <c r="E15696" s="16"/>
      <c r="F15696" s="16"/>
      <c r="G15696" s="16"/>
      <c r="H15696" s="16"/>
      <c r="I15696" s="16"/>
      <c r="J15696" s="16"/>
      <c r="K15696" s="16"/>
      <c r="L15696" s="16"/>
      <c r="M15696" s="16"/>
      <c r="N15696" s="16"/>
      <c r="O15696" s="16"/>
      <c r="P15696" s="16"/>
      <c r="Q15696" s="16"/>
      <c r="R15696" s="16"/>
      <c r="S15696" s="16"/>
      <c r="T15696" s="16"/>
      <c r="U15696" s="16"/>
      <c r="V15696" s="16"/>
      <c r="W15696" s="16"/>
      <c r="X15696" s="16"/>
      <c r="Y15696" s="16"/>
      <c r="Z15696" s="16"/>
      <c r="AA15696" s="16"/>
    </row>
    <row r="15697" spans="1:27" s="1" customFormat="1" ht="11.1" customHeight="1" outlineLevel="3" x14ac:dyDescent="0.2">
      <c r="A15697" s="16"/>
      <c r="B15697" s="16"/>
      <c r="C15697" s="16"/>
      <c r="D15697" s="16"/>
      <c r="E15697" s="16"/>
      <c r="F15697" s="16"/>
      <c r="G15697" s="16"/>
      <c r="H15697" s="16"/>
      <c r="I15697" s="16"/>
      <c r="J15697" s="16"/>
      <c r="K15697" s="16"/>
      <c r="L15697" s="16"/>
      <c r="M15697" s="16"/>
      <c r="N15697" s="16"/>
      <c r="O15697" s="16"/>
      <c r="P15697" s="16"/>
      <c r="Q15697" s="16"/>
      <c r="R15697" s="16"/>
      <c r="S15697" s="16"/>
      <c r="T15697" s="16"/>
      <c r="U15697" s="16"/>
      <c r="V15697" s="16"/>
      <c r="W15697" s="16"/>
      <c r="X15697" s="16"/>
      <c r="Y15697" s="16"/>
      <c r="Z15697" s="16"/>
      <c r="AA15697" s="16"/>
    </row>
    <row r="15698" spans="1:27" s="1" customFormat="1" ht="11.1" customHeight="1" outlineLevel="4" x14ac:dyDescent="0.2">
      <c r="A15698" s="17">
        <v>6705</v>
      </c>
      <c r="B15698" s="17"/>
      <c r="C15698" s="17"/>
      <c r="D15698" s="18" t="s">
        <v>7766</v>
      </c>
      <c r="E15698" s="18"/>
      <c r="F15698" s="18"/>
      <c r="G15698" s="18"/>
      <c r="H15698" s="18"/>
      <c r="I15698" s="18"/>
      <c r="J15698" s="18"/>
      <c r="K15698" s="18"/>
      <c r="L15698" s="18"/>
      <c r="M15698" s="18"/>
      <c r="N15698" s="18"/>
      <c r="O15698" s="18"/>
      <c r="P15698" s="19">
        <v>480</v>
      </c>
      <c r="Q15698" s="19"/>
      <c r="R15698" s="19"/>
      <c r="S15698" s="19"/>
      <c r="T15698" s="19">
        <v>430</v>
      </c>
      <c r="U15698" s="19"/>
      <c r="V15698" s="19"/>
      <c r="W15698" s="19"/>
      <c r="X15698" s="19">
        <v>1</v>
      </c>
      <c r="Y15698" s="19"/>
      <c r="Z15698" s="19"/>
      <c r="AA15698" s="19"/>
    </row>
    <row r="15699" spans="1:27" s="1" customFormat="1" ht="11.1" customHeight="1" outlineLevel="4" x14ac:dyDescent="0.2">
      <c r="A15699" s="17"/>
      <c r="B15699" s="17"/>
      <c r="C15699" s="17"/>
      <c r="D15699" s="18"/>
      <c r="E15699" s="18"/>
      <c r="F15699" s="18"/>
      <c r="G15699" s="18"/>
      <c r="H15699" s="18"/>
      <c r="I15699" s="18"/>
      <c r="J15699" s="18"/>
      <c r="K15699" s="18"/>
      <c r="L15699" s="18"/>
      <c r="M15699" s="18"/>
      <c r="N15699" s="18"/>
      <c r="O15699" s="18"/>
      <c r="P15699" s="19"/>
      <c r="Q15699" s="19"/>
      <c r="R15699" s="19"/>
      <c r="S15699" s="19"/>
      <c r="T15699" s="19"/>
      <c r="U15699" s="19"/>
      <c r="V15699" s="19"/>
      <c r="W15699" s="19"/>
      <c r="X15699" s="19"/>
      <c r="Y15699" s="19"/>
      <c r="Z15699" s="19"/>
      <c r="AA15699" s="19"/>
    </row>
    <row r="15700" spans="1:27" s="1" customFormat="1" ht="11.1" customHeight="1" outlineLevel="4" x14ac:dyDescent="0.2">
      <c r="A15700" s="17">
        <v>6704</v>
      </c>
      <c r="B15700" s="17"/>
      <c r="C15700" s="17"/>
      <c r="D15700" s="18" t="s">
        <v>7767</v>
      </c>
      <c r="E15700" s="18"/>
      <c r="F15700" s="18"/>
      <c r="G15700" s="18"/>
      <c r="H15700" s="18"/>
      <c r="I15700" s="18"/>
      <c r="J15700" s="18"/>
      <c r="K15700" s="18"/>
      <c r="L15700" s="18"/>
      <c r="M15700" s="18"/>
      <c r="N15700" s="18"/>
      <c r="O15700" s="18"/>
      <c r="P15700" s="19">
        <v>440</v>
      </c>
      <c r="Q15700" s="19"/>
      <c r="R15700" s="19"/>
      <c r="S15700" s="19"/>
      <c r="T15700" s="19">
        <v>380</v>
      </c>
      <c r="U15700" s="19"/>
      <c r="V15700" s="19"/>
      <c r="W15700" s="19"/>
      <c r="X15700" s="19">
        <v>1</v>
      </c>
      <c r="Y15700" s="19"/>
      <c r="Z15700" s="19"/>
      <c r="AA15700" s="19"/>
    </row>
    <row r="15701" spans="1:27" s="1" customFormat="1" ht="11.1" customHeight="1" outlineLevel="4" x14ac:dyDescent="0.2">
      <c r="A15701" s="17"/>
      <c r="B15701" s="17"/>
      <c r="C15701" s="17"/>
      <c r="D15701" s="18"/>
      <c r="E15701" s="18"/>
      <c r="F15701" s="18"/>
      <c r="G15701" s="18"/>
      <c r="H15701" s="18"/>
      <c r="I15701" s="18"/>
      <c r="J15701" s="18"/>
      <c r="K15701" s="18"/>
      <c r="L15701" s="18"/>
      <c r="M15701" s="18"/>
      <c r="N15701" s="18"/>
      <c r="O15701" s="18"/>
      <c r="P15701" s="19"/>
      <c r="Q15701" s="19"/>
      <c r="R15701" s="19"/>
      <c r="S15701" s="19"/>
      <c r="T15701" s="19"/>
      <c r="U15701" s="19"/>
      <c r="V15701" s="19"/>
      <c r="W15701" s="19"/>
      <c r="X15701" s="19"/>
      <c r="Y15701" s="19"/>
      <c r="Z15701" s="19"/>
      <c r="AA15701" s="19"/>
    </row>
    <row r="15702" spans="1:27" s="1" customFormat="1" ht="11.1" customHeight="1" outlineLevel="4" x14ac:dyDescent="0.2">
      <c r="A15702" s="17">
        <v>11717</v>
      </c>
      <c r="B15702" s="17"/>
      <c r="C15702" s="17"/>
      <c r="D15702" s="18" t="s">
        <v>7768</v>
      </c>
      <c r="E15702" s="18"/>
      <c r="F15702" s="18"/>
      <c r="G15702" s="18"/>
      <c r="H15702" s="18"/>
      <c r="I15702" s="18"/>
      <c r="J15702" s="18"/>
      <c r="K15702" s="18"/>
      <c r="L15702" s="18"/>
      <c r="M15702" s="18"/>
      <c r="N15702" s="18"/>
      <c r="O15702" s="18"/>
      <c r="P15702" s="19">
        <v>530</v>
      </c>
      <c r="Q15702" s="19"/>
      <c r="R15702" s="19"/>
      <c r="S15702" s="19"/>
      <c r="T15702" s="19">
        <v>440</v>
      </c>
      <c r="U15702" s="19"/>
      <c r="V15702" s="19"/>
      <c r="W15702" s="19"/>
      <c r="X15702" s="19">
        <v>1</v>
      </c>
      <c r="Y15702" s="19"/>
      <c r="Z15702" s="19"/>
      <c r="AA15702" s="19"/>
    </row>
    <row r="15703" spans="1:27" s="1" customFormat="1" ht="11.1" customHeight="1" outlineLevel="4" x14ac:dyDescent="0.2">
      <c r="A15703" s="17"/>
      <c r="B15703" s="17"/>
      <c r="C15703" s="17"/>
      <c r="D15703" s="18"/>
      <c r="E15703" s="18"/>
      <c r="F15703" s="18"/>
      <c r="G15703" s="18"/>
      <c r="H15703" s="18"/>
      <c r="I15703" s="18"/>
      <c r="J15703" s="18"/>
      <c r="K15703" s="18"/>
      <c r="L15703" s="18"/>
      <c r="M15703" s="18"/>
      <c r="N15703" s="18"/>
      <c r="O15703" s="18"/>
      <c r="P15703" s="19"/>
      <c r="Q15703" s="19"/>
      <c r="R15703" s="19"/>
      <c r="S15703" s="19"/>
      <c r="T15703" s="19"/>
      <c r="U15703" s="19"/>
      <c r="V15703" s="19"/>
      <c r="W15703" s="19"/>
      <c r="X15703" s="19"/>
      <c r="Y15703" s="19"/>
      <c r="Z15703" s="19"/>
      <c r="AA15703" s="19"/>
    </row>
    <row r="15704" spans="1:27" s="1" customFormat="1" ht="11.1" customHeight="1" outlineLevel="4" x14ac:dyDescent="0.2">
      <c r="A15704" s="17">
        <v>11718</v>
      </c>
      <c r="B15704" s="17"/>
      <c r="C15704" s="17"/>
      <c r="D15704" s="18" t="s">
        <v>7769</v>
      </c>
      <c r="E15704" s="18"/>
      <c r="F15704" s="18"/>
      <c r="G15704" s="18"/>
      <c r="H15704" s="18"/>
      <c r="I15704" s="18"/>
      <c r="J15704" s="18"/>
      <c r="K15704" s="18"/>
      <c r="L15704" s="18"/>
      <c r="M15704" s="18"/>
      <c r="N15704" s="18"/>
      <c r="O15704" s="18"/>
      <c r="P15704" s="19">
        <v>530</v>
      </c>
      <c r="Q15704" s="19"/>
      <c r="R15704" s="19"/>
      <c r="S15704" s="19"/>
      <c r="T15704" s="19">
        <v>440</v>
      </c>
      <c r="U15704" s="19"/>
      <c r="V15704" s="19"/>
      <c r="W15704" s="19"/>
      <c r="X15704" s="19">
        <v>2</v>
      </c>
      <c r="Y15704" s="19"/>
      <c r="Z15704" s="19"/>
      <c r="AA15704" s="19"/>
    </row>
    <row r="15705" spans="1:27" s="1" customFormat="1" ht="11.1" customHeight="1" outlineLevel="4" x14ac:dyDescent="0.2">
      <c r="A15705" s="17"/>
      <c r="B15705" s="17"/>
      <c r="C15705" s="17"/>
      <c r="D15705" s="18"/>
      <c r="E15705" s="18"/>
      <c r="F15705" s="18"/>
      <c r="G15705" s="18"/>
      <c r="H15705" s="18"/>
      <c r="I15705" s="18"/>
      <c r="J15705" s="18"/>
      <c r="K15705" s="18"/>
      <c r="L15705" s="18"/>
      <c r="M15705" s="18"/>
      <c r="N15705" s="18"/>
      <c r="O15705" s="18"/>
      <c r="P15705" s="19"/>
      <c r="Q15705" s="19"/>
      <c r="R15705" s="19"/>
      <c r="S15705" s="19"/>
      <c r="T15705" s="19"/>
      <c r="U15705" s="19"/>
      <c r="V15705" s="19"/>
      <c r="W15705" s="19"/>
      <c r="X15705" s="19"/>
      <c r="Y15705" s="19"/>
      <c r="Z15705" s="19"/>
      <c r="AA15705" s="19"/>
    </row>
    <row r="15706" spans="1:27" s="1" customFormat="1" ht="11.1" customHeight="1" outlineLevel="4" x14ac:dyDescent="0.2">
      <c r="A15706" s="17">
        <v>11719</v>
      </c>
      <c r="B15706" s="17"/>
      <c r="C15706" s="17"/>
      <c r="D15706" s="18" t="s">
        <v>7770</v>
      </c>
      <c r="E15706" s="18"/>
      <c r="F15706" s="18"/>
      <c r="G15706" s="18"/>
      <c r="H15706" s="18"/>
      <c r="I15706" s="18"/>
      <c r="J15706" s="18"/>
      <c r="K15706" s="18"/>
      <c r="L15706" s="18"/>
      <c r="M15706" s="18"/>
      <c r="N15706" s="18"/>
      <c r="O15706" s="18"/>
      <c r="P15706" s="19">
        <v>530</v>
      </c>
      <c r="Q15706" s="19"/>
      <c r="R15706" s="19"/>
      <c r="S15706" s="19"/>
      <c r="T15706" s="19">
        <v>440</v>
      </c>
      <c r="U15706" s="19"/>
      <c r="V15706" s="19"/>
      <c r="W15706" s="19"/>
      <c r="X15706" s="19">
        <v>2</v>
      </c>
      <c r="Y15706" s="19"/>
      <c r="Z15706" s="19"/>
      <c r="AA15706" s="19"/>
    </row>
    <row r="15707" spans="1:27" s="1" customFormat="1" ht="11.1" customHeight="1" outlineLevel="4" x14ac:dyDescent="0.2">
      <c r="A15707" s="17"/>
      <c r="B15707" s="17"/>
      <c r="C15707" s="17"/>
      <c r="D15707" s="18"/>
      <c r="E15707" s="18"/>
      <c r="F15707" s="18"/>
      <c r="G15707" s="18"/>
      <c r="H15707" s="18"/>
      <c r="I15707" s="18"/>
      <c r="J15707" s="18"/>
      <c r="K15707" s="18"/>
      <c r="L15707" s="18"/>
      <c r="M15707" s="18"/>
      <c r="N15707" s="18"/>
      <c r="O15707" s="18"/>
      <c r="P15707" s="19"/>
      <c r="Q15707" s="19"/>
      <c r="R15707" s="19"/>
      <c r="S15707" s="19"/>
      <c r="T15707" s="19"/>
      <c r="U15707" s="19"/>
      <c r="V15707" s="19"/>
      <c r="W15707" s="19"/>
      <c r="X15707" s="19"/>
      <c r="Y15707" s="19"/>
      <c r="Z15707" s="19"/>
      <c r="AA15707" s="19"/>
    </row>
    <row r="15708" spans="1:27" s="1" customFormat="1" ht="11.1" customHeight="1" outlineLevel="3" x14ac:dyDescent="0.2">
      <c r="A15708" s="16" t="s">
        <v>1298</v>
      </c>
      <c r="B15708" s="16"/>
      <c r="C15708" s="16"/>
      <c r="D15708" s="16"/>
      <c r="E15708" s="16"/>
      <c r="F15708" s="16"/>
      <c r="G15708" s="16"/>
      <c r="H15708" s="16"/>
      <c r="I15708" s="16"/>
      <c r="J15708" s="16"/>
      <c r="K15708" s="16"/>
      <c r="L15708" s="16"/>
      <c r="M15708" s="16"/>
      <c r="N15708" s="16"/>
      <c r="O15708" s="16"/>
      <c r="P15708" s="16"/>
      <c r="Q15708" s="16"/>
      <c r="R15708" s="16"/>
      <c r="S15708" s="16"/>
      <c r="T15708" s="16"/>
      <c r="U15708" s="16"/>
      <c r="V15708" s="16"/>
      <c r="W15708" s="16"/>
      <c r="X15708" s="16"/>
      <c r="Y15708" s="16"/>
      <c r="Z15708" s="16"/>
      <c r="AA15708" s="16"/>
    </row>
    <row r="15709" spans="1:27" s="1" customFormat="1" ht="11.1" customHeight="1" outlineLevel="3" x14ac:dyDescent="0.2">
      <c r="A15709" s="16"/>
      <c r="B15709" s="16"/>
      <c r="C15709" s="16"/>
      <c r="D15709" s="16"/>
      <c r="E15709" s="16"/>
      <c r="F15709" s="16"/>
      <c r="G15709" s="16"/>
      <c r="H15709" s="16"/>
      <c r="I15709" s="16"/>
      <c r="J15709" s="16"/>
      <c r="K15709" s="16"/>
      <c r="L15709" s="16"/>
      <c r="M15709" s="16"/>
      <c r="N15709" s="16"/>
      <c r="O15709" s="16"/>
      <c r="P15709" s="16"/>
      <c r="Q15709" s="16"/>
      <c r="R15709" s="16"/>
      <c r="S15709" s="16"/>
      <c r="T15709" s="16"/>
      <c r="U15709" s="16"/>
      <c r="V15709" s="16"/>
      <c r="W15709" s="16"/>
      <c r="X15709" s="16"/>
      <c r="Y15709" s="16"/>
      <c r="Z15709" s="16"/>
      <c r="AA15709" s="16"/>
    </row>
    <row r="15710" spans="1:27" s="1" customFormat="1" ht="14.1" customHeight="1" outlineLevel="4" x14ac:dyDescent="0.2">
      <c r="A15710" s="17">
        <v>17128</v>
      </c>
      <c r="B15710" s="17"/>
      <c r="C15710" s="17"/>
      <c r="D15710" s="18" t="s">
        <v>7771</v>
      </c>
      <c r="E15710" s="18"/>
      <c r="F15710" s="18"/>
      <c r="G15710" s="18"/>
      <c r="H15710" s="18"/>
      <c r="I15710" s="18"/>
      <c r="J15710" s="18"/>
      <c r="K15710" s="18"/>
      <c r="L15710" s="18"/>
      <c r="M15710" s="18"/>
      <c r="N15710" s="18"/>
      <c r="O15710" s="18"/>
      <c r="P15710" s="19">
        <v>890</v>
      </c>
      <c r="Q15710" s="19"/>
      <c r="R15710" s="19"/>
      <c r="S15710" s="19"/>
      <c r="T15710" s="19">
        <v>690</v>
      </c>
      <c r="U15710" s="19"/>
      <c r="V15710" s="19"/>
      <c r="W15710" s="19"/>
      <c r="X15710" s="19">
        <v>10</v>
      </c>
      <c r="Y15710" s="19"/>
      <c r="Z15710" s="19"/>
      <c r="AA15710" s="19"/>
    </row>
    <row r="15711" spans="1:27" s="1" customFormat="1" ht="14.1" customHeight="1" outlineLevel="4" x14ac:dyDescent="0.2">
      <c r="A15711" s="17"/>
      <c r="B15711" s="17"/>
      <c r="C15711" s="17"/>
      <c r="D15711" s="18"/>
      <c r="E15711" s="18"/>
      <c r="F15711" s="18"/>
      <c r="G15711" s="18"/>
      <c r="H15711" s="18"/>
      <c r="I15711" s="18"/>
      <c r="J15711" s="18"/>
      <c r="K15711" s="18"/>
      <c r="L15711" s="18"/>
      <c r="M15711" s="18"/>
      <c r="N15711" s="18"/>
      <c r="O15711" s="18"/>
      <c r="P15711" s="19"/>
      <c r="Q15711" s="19"/>
      <c r="R15711" s="19"/>
      <c r="S15711" s="19"/>
      <c r="T15711" s="19"/>
      <c r="U15711" s="19"/>
      <c r="V15711" s="19"/>
      <c r="W15711" s="19"/>
      <c r="X15711" s="19"/>
      <c r="Y15711" s="19"/>
      <c r="Z15711" s="19"/>
      <c r="AA15711" s="19"/>
    </row>
    <row r="15712" spans="1:27" s="1" customFormat="1" ht="11.1" customHeight="1" outlineLevel="4" x14ac:dyDescent="0.2">
      <c r="A15712" s="17">
        <v>17746</v>
      </c>
      <c r="B15712" s="17"/>
      <c r="C15712" s="17"/>
      <c r="D15712" s="18" t="s">
        <v>7772</v>
      </c>
      <c r="E15712" s="18"/>
      <c r="F15712" s="18"/>
      <c r="G15712" s="18"/>
      <c r="H15712" s="18"/>
      <c r="I15712" s="18"/>
      <c r="J15712" s="18"/>
      <c r="K15712" s="18"/>
      <c r="L15712" s="18"/>
      <c r="M15712" s="18"/>
      <c r="N15712" s="18"/>
      <c r="O15712" s="18"/>
      <c r="P15712" s="20">
        <v>1300</v>
      </c>
      <c r="Q15712" s="20"/>
      <c r="R15712" s="20"/>
      <c r="S15712" s="20"/>
      <c r="T15712" s="20">
        <v>1000</v>
      </c>
      <c r="U15712" s="20"/>
      <c r="V15712" s="20"/>
      <c r="W15712" s="20"/>
      <c r="X15712" s="19">
        <v>20</v>
      </c>
      <c r="Y15712" s="19"/>
      <c r="Z15712" s="19"/>
      <c r="AA15712" s="19"/>
    </row>
    <row r="15713" spans="1:27" s="1" customFormat="1" ht="11.1" customHeight="1" outlineLevel="4" x14ac:dyDescent="0.2">
      <c r="A15713" s="17"/>
      <c r="B15713" s="17"/>
      <c r="C15713" s="17"/>
      <c r="D15713" s="18"/>
      <c r="E15713" s="18"/>
      <c r="F15713" s="18"/>
      <c r="G15713" s="18"/>
      <c r="H15713" s="18"/>
      <c r="I15713" s="18"/>
      <c r="J15713" s="18"/>
      <c r="K15713" s="18"/>
      <c r="L15713" s="18"/>
      <c r="M15713" s="18"/>
      <c r="N15713" s="18"/>
      <c r="O15713" s="18"/>
      <c r="P15713" s="20"/>
      <c r="Q15713" s="20"/>
      <c r="R15713" s="20"/>
      <c r="S15713" s="20"/>
      <c r="T15713" s="20"/>
      <c r="U15713" s="20"/>
      <c r="V15713" s="20"/>
      <c r="W15713" s="20"/>
      <c r="X15713" s="19"/>
      <c r="Y15713" s="19"/>
      <c r="Z15713" s="19"/>
      <c r="AA15713" s="19"/>
    </row>
    <row r="15714" spans="1:27" s="1" customFormat="1" ht="11.1" customHeight="1" outlineLevel="4" x14ac:dyDescent="0.2">
      <c r="A15714" s="17">
        <v>18157</v>
      </c>
      <c r="B15714" s="17"/>
      <c r="C15714" s="17"/>
      <c r="D15714" s="18" t="s">
        <v>7773</v>
      </c>
      <c r="E15714" s="18"/>
      <c r="F15714" s="18"/>
      <c r="G15714" s="18"/>
      <c r="H15714" s="18"/>
      <c r="I15714" s="18"/>
      <c r="J15714" s="18"/>
      <c r="K15714" s="18"/>
      <c r="L15714" s="18"/>
      <c r="M15714" s="18"/>
      <c r="N15714" s="18"/>
      <c r="O15714" s="18"/>
      <c r="P15714" s="20">
        <v>1450</v>
      </c>
      <c r="Q15714" s="20"/>
      <c r="R15714" s="20"/>
      <c r="S15714" s="20"/>
      <c r="T15714" s="20">
        <v>1300</v>
      </c>
      <c r="U15714" s="20"/>
      <c r="V15714" s="20"/>
      <c r="W15714" s="20"/>
      <c r="X15714" s="19">
        <v>20</v>
      </c>
      <c r="Y15714" s="19"/>
      <c r="Z15714" s="19"/>
      <c r="AA15714" s="19"/>
    </row>
    <row r="15715" spans="1:27" s="1" customFormat="1" ht="11.1" customHeight="1" outlineLevel="4" x14ac:dyDescent="0.2">
      <c r="A15715" s="17"/>
      <c r="B15715" s="17"/>
      <c r="C15715" s="17"/>
      <c r="D15715" s="18"/>
      <c r="E15715" s="18"/>
      <c r="F15715" s="18"/>
      <c r="G15715" s="18"/>
      <c r="H15715" s="18"/>
      <c r="I15715" s="18"/>
      <c r="J15715" s="18"/>
      <c r="K15715" s="18"/>
      <c r="L15715" s="18"/>
      <c r="M15715" s="18"/>
      <c r="N15715" s="18"/>
      <c r="O15715" s="18"/>
      <c r="P15715" s="20"/>
      <c r="Q15715" s="20"/>
      <c r="R15715" s="20"/>
      <c r="S15715" s="20"/>
      <c r="T15715" s="20"/>
      <c r="U15715" s="20"/>
      <c r="V15715" s="20"/>
      <c r="W15715" s="20"/>
      <c r="X15715" s="19"/>
      <c r="Y15715" s="19"/>
      <c r="Z15715" s="19"/>
      <c r="AA15715" s="19"/>
    </row>
    <row r="15716" spans="1:27" s="1" customFormat="1" ht="11.1" customHeight="1" outlineLevel="4" x14ac:dyDescent="0.2">
      <c r="A15716" s="17">
        <v>13534</v>
      </c>
      <c r="B15716" s="17"/>
      <c r="C15716" s="17"/>
      <c r="D15716" s="18" t="s">
        <v>7774</v>
      </c>
      <c r="E15716" s="18"/>
      <c r="F15716" s="18"/>
      <c r="G15716" s="18"/>
      <c r="H15716" s="18"/>
      <c r="I15716" s="18"/>
      <c r="J15716" s="18"/>
      <c r="K15716" s="18"/>
      <c r="L15716" s="18"/>
      <c r="M15716" s="18"/>
      <c r="N15716" s="18"/>
      <c r="O15716" s="18"/>
      <c r="P15716" s="19">
        <v>675</v>
      </c>
      <c r="Q15716" s="19"/>
      <c r="R15716" s="19"/>
      <c r="S15716" s="19"/>
      <c r="T15716" s="19">
        <v>465</v>
      </c>
      <c r="U15716" s="19"/>
      <c r="V15716" s="19"/>
      <c r="W15716" s="19"/>
      <c r="X15716" s="19">
        <v>17</v>
      </c>
      <c r="Y15716" s="19"/>
      <c r="Z15716" s="19"/>
      <c r="AA15716" s="19"/>
    </row>
    <row r="15717" spans="1:27" s="1" customFormat="1" ht="11.1" customHeight="1" outlineLevel="4" x14ac:dyDescent="0.2">
      <c r="A15717" s="17"/>
      <c r="B15717" s="17"/>
      <c r="C15717" s="17"/>
      <c r="D15717" s="18"/>
      <c r="E15717" s="18"/>
      <c r="F15717" s="18"/>
      <c r="G15717" s="18"/>
      <c r="H15717" s="18"/>
      <c r="I15717" s="18"/>
      <c r="J15717" s="18"/>
      <c r="K15717" s="18"/>
      <c r="L15717" s="18"/>
      <c r="M15717" s="18"/>
      <c r="N15717" s="18"/>
      <c r="O15717" s="18"/>
      <c r="P15717" s="19"/>
      <c r="Q15717" s="19"/>
      <c r="R15717" s="19"/>
      <c r="S15717" s="19"/>
      <c r="T15717" s="19"/>
      <c r="U15717" s="19"/>
      <c r="V15717" s="19"/>
      <c r="W15717" s="19"/>
      <c r="X15717" s="19"/>
      <c r="Y15717" s="19"/>
      <c r="Z15717" s="19"/>
      <c r="AA15717" s="19"/>
    </row>
    <row r="15718" spans="1:27" s="1" customFormat="1" ht="11.1" customHeight="1" outlineLevel="4" x14ac:dyDescent="0.2">
      <c r="A15718" s="17">
        <v>9466</v>
      </c>
      <c r="B15718" s="17"/>
      <c r="C15718" s="17"/>
      <c r="D15718" s="18" t="s">
        <v>7775</v>
      </c>
      <c r="E15718" s="18"/>
      <c r="F15718" s="18"/>
      <c r="G15718" s="18"/>
      <c r="H15718" s="18"/>
      <c r="I15718" s="18"/>
      <c r="J15718" s="18"/>
      <c r="K15718" s="18"/>
      <c r="L15718" s="18"/>
      <c r="M15718" s="18"/>
      <c r="N15718" s="18"/>
      <c r="O15718" s="18"/>
      <c r="P15718" s="19">
        <v>450</v>
      </c>
      <c r="Q15718" s="19"/>
      <c r="R15718" s="19"/>
      <c r="S15718" s="19"/>
      <c r="T15718" s="19">
        <v>390</v>
      </c>
      <c r="U15718" s="19"/>
      <c r="V15718" s="19"/>
      <c r="W15718" s="19"/>
      <c r="X15718" s="19">
        <v>4</v>
      </c>
      <c r="Y15718" s="19"/>
      <c r="Z15718" s="19"/>
      <c r="AA15718" s="19"/>
    </row>
    <row r="15719" spans="1:27" s="1" customFormat="1" ht="11.1" customHeight="1" outlineLevel="4" x14ac:dyDescent="0.2">
      <c r="A15719" s="17"/>
      <c r="B15719" s="17"/>
      <c r="C15719" s="17"/>
      <c r="D15719" s="18"/>
      <c r="E15719" s="18"/>
      <c r="F15719" s="18"/>
      <c r="G15719" s="18"/>
      <c r="H15719" s="18"/>
      <c r="I15719" s="18"/>
      <c r="J15719" s="18"/>
      <c r="K15719" s="18"/>
      <c r="L15719" s="18"/>
      <c r="M15719" s="18"/>
      <c r="N15719" s="18"/>
      <c r="O15719" s="18"/>
      <c r="P15719" s="19"/>
      <c r="Q15719" s="19"/>
      <c r="R15719" s="19"/>
      <c r="S15719" s="19"/>
      <c r="T15719" s="19"/>
      <c r="U15719" s="19"/>
      <c r="V15719" s="19"/>
      <c r="W15719" s="19"/>
      <c r="X15719" s="19"/>
      <c r="Y15719" s="19"/>
      <c r="Z15719" s="19"/>
      <c r="AA15719" s="19"/>
    </row>
    <row r="15720" spans="1:27" s="1" customFormat="1" ht="11.1" customHeight="1" outlineLevel="4" x14ac:dyDescent="0.2">
      <c r="A15720" s="17">
        <v>9852</v>
      </c>
      <c r="B15720" s="17"/>
      <c r="C15720" s="17"/>
      <c r="D15720" s="18" t="s">
        <v>7776</v>
      </c>
      <c r="E15720" s="18"/>
      <c r="F15720" s="18"/>
      <c r="G15720" s="18"/>
      <c r="H15720" s="18"/>
      <c r="I15720" s="18"/>
      <c r="J15720" s="18"/>
      <c r="K15720" s="18"/>
      <c r="L15720" s="18"/>
      <c r="M15720" s="18"/>
      <c r="N15720" s="18"/>
      <c r="O15720" s="18"/>
      <c r="P15720" s="19">
        <v>430</v>
      </c>
      <c r="Q15720" s="19"/>
      <c r="R15720" s="19"/>
      <c r="S15720" s="19"/>
      <c r="T15720" s="19">
        <v>380</v>
      </c>
      <c r="U15720" s="19"/>
      <c r="V15720" s="19"/>
      <c r="W15720" s="19"/>
      <c r="X15720" s="19">
        <v>4</v>
      </c>
      <c r="Y15720" s="19"/>
      <c r="Z15720" s="19"/>
      <c r="AA15720" s="19"/>
    </row>
    <row r="15721" spans="1:27" s="1" customFormat="1" ht="11.1" customHeight="1" outlineLevel="4" x14ac:dyDescent="0.2">
      <c r="A15721" s="17"/>
      <c r="B15721" s="17"/>
      <c r="C15721" s="17"/>
      <c r="D15721" s="18"/>
      <c r="E15721" s="18"/>
      <c r="F15721" s="18"/>
      <c r="G15721" s="18"/>
      <c r="H15721" s="18"/>
      <c r="I15721" s="18"/>
      <c r="J15721" s="18"/>
      <c r="K15721" s="18"/>
      <c r="L15721" s="18"/>
      <c r="M15721" s="18"/>
      <c r="N15721" s="18"/>
      <c r="O15721" s="18"/>
      <c r="P15721" s="19"/>
      <c r="Q15721" s="19"/>
      <c r="R15721" s="19"/>
      <c r="S15721" s="19"/>
      <c r="T15721" s="19"/>
      <c r="U15721" s="19"/>
      <c r="V15721" s="19"/>
      <c r="W15721" s="19"/>
      <c r="X15721" s="19"/>
      <c r="Y15721" s="19"/>
      <c r="Z15721" s="19"/>
      <c r="AA15721" s="19"/>
    </row>
    <row r="15722" spans="1:27" s="1" customFormat="1" ht="11.1" customHeight="1" outlineLevel="4" x14ac:dyDescent="0.2">
      <c r="A15722" s="17">
        <v>9467</v>
      </c>
      <c r="B15722" s="17"/>
      <c r="C15722" s="17"/>
      <c r="D15722" s="18" t="s">
        <v>7777</v>
      </c>
      <c r="E15722" s="18"/>
      <c r="F15722" s="18"/>
      <c r="G15722" s="18"/>
      <c r="H15722" s="18"/>
      <c r="I15722" s="18"/>
      <c r="J15722" s="18"/>
      <c r="K15722" s="18"/>
      <c r="L15722" s="18"/>
      <c r="M15722" s="18"/>
      <c r="N15722" s="18"/>
      <c r="O15722" s="18"/>
      <c r="P15722" s="19">
        <v>410</v>
      </c>
      <c r="Q15722" s="19"/>
      <c r="R15722" s="19"/>
      <c r="S15722" s="19"/>
      <c r="T15722" s="19">
        <v>360</v>
      </c>
      <c r="U15722" s="19"/>
      <c r="V15722" s="19"/>
      <c r="W15722" s="19"/>
      <c r="X15722" s="19">
        <v>5</v>
      </c>
      <c r="Y15722" s="19"/>
      <c r="Z15722" s="19"/>
      <c r="AA15722" s="19"/>
    </row>
    <row r="15723" spans="1:27" s="1" customFormat="1" ht="11.1" customHeight="1" outlineLevel="4" x14ac:dyDescent="0.2">
      <c r="A15723" s="17"/>
      <c r="B15723" s="17"/>
      <c r="C15723" s="17"/>
      <c r="D15723" s="18"/>
      <c r="E15723" s="18"/>
      <c r="F15723" s="18"/>
      <c r="G15723" s="18"/>
      <c r="H15723" s="18"/>
      <c r="I15723" s="18"/>
      <c r="J15723" s="18"/>
      <c r="K15723" s="18"/>
      <c r="L15723" s="18"/>
      <c r="M15723" s="18"/>
      <c r="N15723" s="18"/>
      <c r="O15723" s="18"/>
      <c r="P15723" s="19"/>
      <c r="Q15723" s="19"/>
      <c r="R15723" s="19"/>
      <c r="S15723" s="19"/>
      <c r="T15723" s="19"/>
      <c r="U15723" s="19"/>
      <c r="V15723" s="19"/>
      <c r="W15723" s="19"/>
      <c r="X15723" s="19"/>
      <c r="Y15723" s="19"/>
      <c r="Z15723" s="19"/>
      <c r="AA15723" s="19"/>
    </row>
    <row r="15724" spans="1:27" s="1" customFormat="1" ht="11.1" customHeight="1" outlineLevel="4" x14ac:dyDescent="0.2">
      <c r="A15724" s="17">
        <v>9470</v>
      </c>
      <c r="B15724" s="17"/>
      <c r="C15724" s="17"/>
      <c r="D15724" s="18" t="s">
        <v>7778</v>
      </c>
      <c r="E15724" s="18"/>
      <c r="F15724" s="18"/>
      <c r="G15724" s="18"/>
      <c r="H15724" s="18"/>
      <c r="I15724" s="18"/>
      <c r="J15724" s="18"/>
      <c r="K15724" s="18"/>
      <c r="L15724" s="18"/>
      <c r="M15724" s="18"/>
      <c r="N15724" s="18"/>
      <c r="O15724" s="18"/>
      <c r="P15724" s="19">
        <v>350</v>
      </c>
      <c r="Q15724" s="19"/>
      <c r="R15724" s="19"/>
      <c r="S15724" s="19"/>
      <c r="T15724" s="19">
        <v>290</v>
      </c>
      <c r="U15724" s="19"/>
      <c r="V15724" s="19"/>
      <c r="W15724" s="19"/>
      <c r="X15724" s="19">
        <v>5</v>
      </c>
      <c r="Y15724" s="19"/>
      <c r="Z15724" s="19"/>
      <c r="AA15724" s="19"/>
    </row>
    <row r="15725" spans="1:27" s="1" customFormat="1" ht="11.1" customHeight="1" outlineLevel="4" x14ac:dyDescent="0.2">
      <c r="A15725" s="17"/>
      <c r="B15725" s="17"/>
      <c r="C15725" s="17"/>
      <c r="D15725" s="18"/>
      <c r="E15725" s="18"/>
      <c r="F15725" s="18"/>
      <c r="G15725" s="18"/>
      <c r="H15725" s="18"/>
      <c r="I15725" s="18"/>
      <c r="J15725" s="18"/>
      <c r="K15725" s="18"/>
      <c r="L15725" s="18"/>
      <c r="M15725" s="18"/>
      <c r="N15725" s="18"/>
      <c r="O15725" s="18"/>
      <c r="P15725" s="19"/>
      <c r="Q15725" s="19"/>
      <c r="R15725" s="19"/>
      <c r="S15725" s="19"/>
      <c r="T15725" s="19"/>
      <c r="U15725" s="19"/>
      <c r="V15725" s="19"/>
      <c r="W15725" s="19"/>
      <c r="X15725" s="19"/>
      <c r="Y15725" s="19"/>
      <c r="Z15725" s="19"/>
      <c r="AA15725" s="19"/>
    </row>
    <row r="15726" spans="1:27" s="1" customFormat="1" ht="14.1" customHeight="1" outlineLevel="4" x14ac:dyDescent="0.2">
      <c r="A15726" s="17">
        <v>6756</v>
      </c>
      <c r="B15726" s="17"/>
      <c r="C15726" s="17"/>
      <c r="D15726" s="18" t="s">
        <v>7779</v>
      </c>
      <c r="E15726" s="18"/>
      <c r="F15726" s="18"/>
      <c r="G15726" s="18"/>
      <c r="H15726" s="18"/>
      <c r="I15726" s="18"/>
      <c r="J15726" s="18"/>
      <c r="K15726" s="18"/>
      <c r="L15726" s="18"/>
      <c r="M15726" s="18"/>
      <c r="N15726" s="18"/>
      <c r="O15726" s="18"/>
      <c r="P15726" s="19">
        <v>595</v>
      </c>
      <c r="Q15726" s="19"/>
      <c r="R15726" s="19"/>
      <c r="S15726" s="19"/>
      <c r="T15726" s="19">
        <v>490</v>
      </c>
      <c r="U15726" s="19"/>
      <c r="V15726" s="19"/>
      <c r="W15726" s="19"/>
      <c r="X15726" s="19">
        <v>6</v>
      </c>
      <c r="Y15726" s="19"/>
      <c r="Z15726" s="19"/>
      <c r="AA15726" s="19"/>
    </row>
    <row r="15727" spans="1:27" s="1" customFormat="1" ht="14.1" customHeight="1" outlineLevel="4" x14ac:dyDescent="0.2">
      <c r="A15727" s="17"/>
      <c r="B15727" s="17"/>
      <c r="C15727" s="17"/>
      <c r="D15727" s="18"/>
      <c r="E15727" s="18"/>
      <c r="F15727" s="18"/>
      <c r="G15727" s="18"/>
      <c r="H15727" s="18"/>
      <c r="I15727" s="18"/>
      <c r="J15727" s="18"/>
      <c r="K15727" s="18"/>
      <c r="L15727" s="18"/>
      <c r="M15727" s="18"/>
      <c r="N15727" s="18"/>
      <c r="O15727" s="18"/>
      <c r="P15727" s="19"/>
      <c r="Q15727" s="19"/>
      <c r="R15727" s="19"/>
      <c r="S15727" s="19"/>
      <c r="T15727" s="19"/>
      <c r="U15727" s="19"/>
      <c r="V15727" s="19"/>
      <c r="W15727" s="19"/>
      <c r="X15727" s="19"/>
      <c r="Y15727" s="19"/>
      <c r="Z15727" s="19"/>
      <c r="AA15727" s="19"/>
    </row>
    <row r="15728" spans="1:27" s="1" customFormat="1" ht="11.1" customHeight="1" outlineLevel="4" x14ac:dyDescent="0.2">
      <c r="A15728" s="17">
        <v>16005</v>
      </c>
      <c r="B15728" s="17"/>
      <c r="C15728" s="17"/>
      <c r="D15728" s="18" t="s">
        <v>7780</v>
      </c>
      <c r="E15728" s="18"/>
      <c r="F15728" s="18"/>
      <c r="G15728" s="18"/>
      <c r="H15728" s="18"/>
      <c r="I15728" s="18"/>
      <c r="J15728" s="18"/>
      <c r="K15728" s="18"/>
      <c r="L15728" s="18"/>
      <c r="M15728" s="18"/>
      <c r="N15728" s="18"/>
      <c r="O15728" s="18"/>
      <c r="P15728" s="19">
        <v>660</v>
      </c>
      <c r="Q15728" s="19"/>
      <c r="R15728" s="19"/>
      <c r="S15728" s="19"/>
      <c r="T15728" s="19">
        <v>550</v>
      </c>
      <c r="U15728" s="19"/>
      <c r="V15728" s="19"/>
      <c r="W15728" s="19"/>
      <c r="X15728" s="19">
        <v>20</v>
      </c>
      <c r="Y15728" s="19"/>
      <c r="Z15728" s="19"/>
      <c r="AA15728" s="19"/>
    </row>
    <row r="15729" spans="1:27" s="1" customFormat="1" ht="11.1" customHeight="1" outlineLevel="4" x14ac:dyDescent="0.2">
      <c r="A15729" s="17"/>
      <c r="B15729" s="17"/>
      <c r="C15729" s="17"/>
      <c r="D15729" s="18"/>
      <c r="E15729" s="18"/>
      <c r="F15729" s="18"/>
      <c r="G15729" s="18"/>
      <c r="H15729" s="18"/>
      <c r="I15729" s="18"/>
      <c r="J15729" s="18"/>
      <c r="K15729" s="18"/>
      <c r="L15729" s="18"/>
      <c r="M15729" s="18"/>
      <c r="N15729" s="18"/>
      <c r="O15729" s="18"/>
      <c r="P15729" s="19"/>
      <c r="Q15729" s="19"/>
      <c r="R15729" s="19"/>
      <c r="S15729" s="19"/>
      <c r="T15729" s="19"/>
      <c r="U15729" s="19"/>
      <c r="V15729" s="19"/>
      <c r="W15729" s="19"/>
      <c r="X15729" s="19"/>
      <c r="Y15729" s="19"/>
      <c r="Z15729" s="19"/>
      <c r="AA15729" s="19"/>
    </row>
    <row r="15730" spans="1:27" s="1" customFormat="1" ht="11.1" customHeight="1" outlineLevel="4" x14ac:dyDescent="0.2">
      <c r="A15730" s="17">
        <v>11321</v>
      </c>
      <c r="B15730" s="17"/>
      <c r="C15730" s="17"/>
      <c r="D15730" s="18" t="s">
        <v>7781</v>
      </c>
      <c r="E15730" s="18"/>
      <c r="F15730" s="18"/>
      <c r="G15730" s="18"/>
      <c r="H15730" s="18"/>
      <c r="I15730" s="18"/>
      <c r="J15730" s="18"/>
      <c r="K15730" s="18"/>
      <c r="L15730" s="18"/>
      <c r="M15730" s="18"/>
      <c r="N15730" s="18"/>
      <c r="O15730" s="18"/>
      <c r="P15730" s="19">
        <v>590</v>
      </c>
      <c r="Q15730" s="19"/>
      <c r="R15730" s="19"/>
      <c r="S15730" s="19"/>
      <c r="T15730" s="19">
        <v>515</v>
      </c>
      <c r="U15730" s="19"/>
      <c r="V15730" s="19"/>
      <c r="W15730" s="19"/>
      <c r="X15730" s="19">
        <v>1</v>
      </c>
      <c r="Y15730" s="19"/>
      <c r="Z15730" s="19"/>
      <c r="AA15730" s="19"/>
    </row>
    <row r="15731" spans="1:27" s="1" customFormat="1" ht="11.1" customHeight="1" outlineLevel="4" x14ac:dyDescent="0.2">
      <c r="A15731" s="17"/>
      <c r="B15731" s="17"/>
      <c r="C15731" s="17"/>
      <c r="D15731" s="18"/>
      <c r="E15731" s="18"/>
      <c r="F15731" s="18"/>
      <c r="G15731" s="18"/>
      <c r="H15731" s="18"/>
      <c r="I15731" s="18"/>
      <c r="J15731" s="18"/>
      <c r="K15731" s="18"/>
      <c r="L15731" s="18"/>
      <c r="M15731" s="18"/>
      <c r="N15731" s="18"/>
      <c r="O15731" s="18"/>
      <c r="P15731" s="19"/>
      <c r="Q15731" s="19"/>
      <c r="R15731" s="19"/>
      <c r="S15731" s="19"/>
      <c r="T15731" s="19"/>
      <c r="U15731" s="19"/>
      <c r="V15731" s="19"/>
      <c r="W15731" s="19"/>
      <c r="X15731" s="19"/>
      <c r="Y15731" s="19"/>
      <c r="Z15731" s="19"/>
      <c r="AA15731" s="19"/>
    </row>
    <row r="15732" spans="1:27" s="1" customFormat="1" ht="11.1" customHeight="1" outlineLevel="4" x14ac:dyDescent="0.2">
      <c r="A15732" s="17">
        <v>9471</v>
      </c>
      <c r="B15732" s="17"/>
      <c r="C15732" s="17"/>
      <c r="D15732" s="18" t="s">
        <v>7782</v>
      </c>
      <c r="E15732" s="18"/>
      <c r="F15732" s="18"/>
      <c r="G15732" s="18"/>
      <c r="H15732" s="18"/>
      <c r="I15732" s="18"/>
      <c r="J15732" s="18"/>
      <c r="K15732" s="18"/>
      <c r="L15732" s="18"/>
      <c r="M15732" s="18"/>
      <c r="N15732" s="18"/>
      <c r="O15732" s="18"/>
      <c r="P15732" s="19">
        <v>460</v>
      </c>
      <c r="Q15732" s="19"/>
      <c r="R15732" s="19"/>
      <c r="S15732" s="19"/>
      <c r="T15732" s="19">
        <v>410</v>
      </c>
      <c r="U15732" s="19"/>
      <c r="V15732" s="19"/>
      <c r="W15732" s="19"/>
      <c r="X15732" s="19">
        <v>3</v>
      </c>
      <c r="Y15732" s="19"/>
      <c r="Z15732" s="19"/>
      <c r="AA15732" s="19"/>
    </row>
    <row r="15733" spans="1:27" s="1" customFormat="1" ht="11.1" customHeight="1" outlineLevel="4" x14ac:dyDescent="0.2">
      <c r="A15733" s="17"/>
      <c r="B15733" s="17"/>
      <c r="C15733" s="17"/>
      <c r="D15733" s="18"/>
      <c r="E15733" s="18"/>
      <c r="F15733" s="18"/>
      <c r="G15733" s="18"/>
      <c r="H15733" s="18"/>
      <c r="I15733" s="18"/>
      <c r="J15733" s="18"/>
      <c r="K15733" s="18"/>
      <c r="L15733" s="18"/>
      <c r="M15733" s="18"/>
      <c r="N15733" s="18"/>
      <c r="O15733" s="18"/>
      <c r="P15733" s="19"/>
      <c r="Q15733" s="19"/>
      <c r="R15733" s="19"/>
      <c r="S15733" s="19"/>
      <c r="T15733" s="19"/>
      <c r="U15733" s="19"/>
      <c r="V15733" s="19"/>
      <c r="W15733" s="19"/>
      <c r="X15733" s="19"/>
      <c r="Y15733" s="19"/>
      <c r="Z15733" s="19"/>
      <c r="AA15733" s="19"/>
    </row>
    <row r="15734" spans="1:27" s="1" customFormat="1" ht="11.1" customHeight="1" outlineLevel="4" x14ac:dyDescent="0.2">
      <c r="A15734" s="17">
        <v>15114</v>
      </c>
      <c r="B15734" s="17"/>
      <c r="C15734" s="17"/>
      <c r="D15734" s="18" t="s">
        <v>7783</v>
      </c>
      <c r="E15734" s="18"/>
      <c r="F15734" s="18"/>
      <c r="G15734" s="18"/>
      <c r="H15734" s="18"/>
      <c r="I15734" s="18"/>
      <c r="J15734" s="18"/>
      <c r="K15734" s="18"/>
      <c r="L15734" s="18"/>
      <c r="M15734" s="18"/>
      <c r="N15734" s="18"/>
      <c r="O15734" s="18"/>
      <c r="P15734" s="19">
        <v>800</v>
      </c>
      <c r="Q15734" s="19"/>
      <c r="R15734" s="19"/>
      <c r="S15734" s="19"/>
      <c r="T15734" s="19">
        <v>700</v>
      </c>
      <c r="U15734" s="19"/>
      <c r="V15734" s="19"/>
      <c r="W15734" s="19"/>
      <c r="X15734" s="19">
        <v>2</v>
      </c>
      <c r="Y15734" s="19"/>
      <c r="Z15734" s="19"/>
      <c r="AA15734" s="19"/>
    </row>
    <row r="15735" spans="1:27" s="1" customFormat="1" ht="11.1" customHeight="1" outlineLevel="4" x14ac:dyDescent="0.2">
      <c r="A15735" s="17"/>
      <c r="B15735" s="17"/>
      <c r="C15735" s="17"/>
      <c r="D15735" s="18"/>
      <c r="E15735" s="18"/>
      <c r="F15735" s="18"/>
      <c r="G15735" s="18"/>
      <c r="H15735" s="18"/>
      <c r="I15735" s="18"/>
      <c r="J15735" s="18"/>
      <c r="K15735" s="18"/>
      <c r="L15735" s="18"/>
      <c r="M15735" s="18"/>
      <c r="N15735" s="18"/>
      <c r="O15735" s="18"/>
      <c r="P15735" s="19"/>
      <c r="Q15735" s="19"/>
      <c r="R15735" s="19"/>
      <c r="S15735" s="19"/>
      <c r="T15735" s="19"/>
      <c r="U15735" s="19"/>
      <c r="V15735" s="19"/>
      <c r="W15735" s="19"/>
      <c r="X15735" s="19"/>
      <c r="Y15735" s="19"/>
      <c r="Z15735" s="19"/>
      <c r="AA15735" s="19"/>
    </row>
    <row r="15736" spans="1:27" s="1" customFormat="1" ht="11.1" customHeight="1" outlineLevel="4" x14ac:dyDescent="0.2">
      <c r="A15736" s="17">
        <v>14333</v>
      </c>
      <c r="B15736" s="17"/>
      <c r="C15736" s="17"/>
      <c r="D15736" s="18" t="s">
        <v>7784</v>
      </c>
      <c r="E15736" s="18"/>
      <c r="F15736" s="18"/>
      <c r="G15736" s="18"/>
      <c r="H15736" s="18"/>
      <c r="I15736" s="18"/>
      <c r="J15736" s="18"/>
      <c r="K15736" s="18"/>
      <c r="L15736" s="18"/>
      <c r="M15736" s="18"/>
      <c r="N15736" s="18"/>
      <c r="O15736" s="18"/>
      <c r="P15736" s="19">
        <v>560</v>
      </c>
      <c r="Q15736" s="19"/>
      <c r="R15736" s="19"/>
      <c r="S15736" s="19"/>
      <c r="T15736" s="19">
        <v>470</v>
      </c>
      <c r="U15736" s="19"/>
      <c r="V15736" s="19"/>
      <c r="W15736" s="19"/>
      <c r="X15736" s="19">
        <v>33</v>
      </c>
      <c r="Y15736" s="19"/>
      <c r="Z15736" s="19"/>
      <c r="AA15736" s="19"/>
    </row>
    <row r="15737" spans="1:27" s="1" customFormat="1" ht="11.1" customHeight="1" outlineLevel="4" x14ac:dyDescent="0.2">
      <c r="A15737" s="17"/>
      <c r="B15737" s="17"/>
      <c r="C15737" s="17"/>
      <c r="D15737" s="18"/>
      <c r="E15737" s="18"/>
      <c r="F15737" s="18"/>
      <c r="G15737" s="18"/>
      <c r="H15737" s="18"/>
      <c r="I15737" s="18"/>
      <c r="J15737" s="18"/>
      <c r="K15737" s="18"/>
      <c r="L15737" s="18"/>
      <c r="M15737" s="18"/>
      <c r="N15737" s="18"/>
      <c r="O15737" s="18"/>
      <c r="P15737" s="19"/>
      <c r="Q15737" s="19"/>
      <c r="R15737" s="19"/>
      <c r="S15737" s="19"/>
      <c r="T15737" s="19"/>
      <c r="U15737" s="19"/>
      <c r="V15737" s="19"/>
      <c r="W15737" s="19"/>
      <c r="X15737" s="19"/>
      <c r="Y15737" s="19"/>
      <c r="Z15737" s="19"/>
      <c r="AA15737" s="19"/>
    </row>
    <row r="15738" spans="1:27" s="1" customFormat="1" ht="11.1" customHeight="1" outlineLevel="4" x14ac:dyDescent="0.2">
      <c r="A15738" s="17">
        <v>17752</v>
      </c>
      <c r="B15738" s="17"/>
      <c r="C15738" s="17"/>
      <c r="D15738" s="18" t="s">
        <v>7785</v>
      </c>
      <c r="E15738" s="18"/>
      <c r="F15738" s="18"/>
      <c r="G15738" s="18"/>
      <c r="H15738" s="18"/>
      <c r="I15738" s="18"/>
      <c r="J15738" s="18"/>
      <c r="K15738" s="18"/>
      <c r="L15738" s="18"/>
      <c r="M15738" s="18"/>
      <c r="N15738" s="18"/>
      <c r="O15738" s="18"/>
      <c r="P15738" s="19">
        <v>890</v>
      </c>
      <c r="Q15738" s="19"/>
      <c r="R15738" s="19"/>
      <c r="S15738" s="19"/>
      <c r="T15738" s="19">
        <v>670</v>
      </c>
      <c r="U15738" s="19"/>
      <c r="V15738" s="19"/>
      <c r="W15738" s="19"/>
      <c r="X15738" s="19">
        <v>17</v>
      </c>
      <c r="Y15738" s="19"/>
      <c r="Z15738" s="19"/>
      <c r="AA15738" s="19"/>
    </row>
    <row r="15739" spans="1:27" s="1" customFormat="1" ht="11.1" customHeight="1" outlineLevel="4" x14ac:dyDescent="0.2">
      <c r="A15739" s="17"/>
      <c r="B15739" s="17"/>
      <c r="C15739" s="17"/>
      <c r="D15739" s="18"/>
      <c r="E15739" s="18"/>
      <c r="F15739" s="18"/>
      <c r="G15739" s="18"/>
      <c r="H15739" s="18"/>
      <c r="I15739" s="18"/>
      <c r="J15739" s="18"/>
      <c r="K15739" s="18"/>
      <c r="L15739" s="18"/>
      <c r="M15739" s="18"/>
      <c r="N15739" s="18"/>
      <c r="O15739" s="18"/>
      <c r="P15739" s="19"/>
      <c r="Q15739" s="19"/>
      <c r="R15739" s="19"/>
      <c r="S15739" s="19"/>
      <c r="T15739" s="19"/>
      <c r="U15739" s="19"/>
      <c r="V15739" s="19"/>
      <c r="W15739" s="19"/>
      <c r="X15739" s="19"/>
      <c r="Y15739" s="19"/>
      <c r="Z15739" s="19"/>
      <c r="AA15739" s="19"/>
    </row>
    <row r="15740" spans="1:27" s="1" customFormat="1" ht="11.1" customHeight="1" outlineLevel="4" x14ac:dyDescent="0.2">
      <c r="A15740" s="17">
        <v>17127</v>
      </c>
      <c r="B15740" s="17"/>
      <c r="C15740" s="17"/>
      <c r="D15740" s="18" t="s">
        <v>7786</v>
      </c>
      <c r="E15740" s="18"/>
      <c r="F15740" s="18"/>
      <c r="G15740" s="18"/>
      <c r="H15740" s="18"/>
      <c r="I15740" s="18"/>
      <c r="J15740" s="18"/>
      <c r="K15740" s="18"/>
      <c r="L15740" s="18"/>
      <c r="M15740" s="18"/>
      <c r="N15740" s="18"/>
      <c r="O15740" s="18"/>
      <c r="P15740" s="20">
        <v>1000</v>
      </c>
      <c r="Q15740" s="20"/>
      <c r="R15740" s="20"/>
      <c r="S15740" s="20"/>
      <c r="T15740" s="19">
        <v>800</v>
      </c>
      <c r="U15740" s="19"/>
      <c r="V15740" s="19"/>
      <c r="W15740" s="19"/>
      <c r="X15740" s="19">
        <v>9</v>
      </c>
      <c r="Y15740" s="19"/>
      <c r="Z15740" s="19"/>
      <c r="AA15740" s="19"/>
    </row>
    <row r="15741" spans="1:27" s="1" customFormat="1" ht="11.1" customHeight="1" outlineLevel="4" x14ac:dyDescent="0.2">
      <c r="A15741" s="17"/>
      <c r="B15741" s="17"/>
      <c r="C15741" s="17"/>
      <c r="D15741" s="18"/>
      <c r="E15741" s="18"/>
      <c r="F15741" s="18"/>
      <c r="G15741" s="18"/>
      <c r="H15741" s="18"/>
      <c r="I15741" s="18"/>
      <c r="J15741" s="18"/>
      <c r="K15741" s="18"/>
      <c r="L15741" s="18"/>
      <c r="M15741" s="18"/>
      <c r="N15741" s="18"/>
      <c r="O15741" s="18"/>
      <c r="P15741" s="20"/>
      <c r="Q15741" s="20"/>
      <c r="R15741" s="20"/>
      <c r="S15741" s="20"/>
      <c r="T15741" s="19"/>
      <c r="U15741" s="19"/>
      <c r="V15741" s="19"/>
      <c r="W15741" s="19"/>
      <c r="X15741" s="19"/>
      <c r="Y15741" s="19"/>
      <c r="Z15741" s="19"/>
      <c r="AA15741" s="19"/>
    </row>
    <row r="15742" spans="1:27" s="1" customFormat="1" ht="11.1" customHeight="1" outlineLevel="4" x14ac:dyDescent="0.2">
      <c r="A15742" s="17">
        <v>17129</v>
      </c>
      <c r="B15742" s="17"/>
      <c r="C15742" s="17"/>
      <c r="D15742" s="18" t="s">
        <v>7787</v>
      </c>
      <c r="E15742" s="18"/>
      <c r="F15742" s="18"/>
      <c r="G15742" s="18"/>
      <c r="H15742" s="18"/>
      <c r="I15742" s="18"/>
      <c r="J15742" s="18"/>
      <c r="K15742" s="18"/>
      <c r="L15742" s="18"/>
      <c r="M15742" s="18"/>
      <c r="N15742" s="18"/>
      <c r="O15742" s="18"/>
      <c r="P15742" s="19">
        <v>890</v>
      </c>
      <c r="Q15742" s="19"/>
      <c r="R15742" s="19"/>
      <c r="S15742" s="19"/>
      <c r="T15742" s="19">
        <v>690</v>
      </c>
      <c r="U15742" s="19"/>
      <c r="V15742" s="19"/>
      <c r="W15742" s="19"/>
      <c r="X15742" s="19">
        <v>9</v>
      </c>
      <c r="Y15742" s="19"/>
      <c r="Z15742" s="19"/>
      <c r="AA15742" s="19"/>
    </row>
    <row r="15743" spans="1:27" s="1" customFormat="1" ht="11.1" customHeight="1" outlineLevel="4" x14ac:dyDescent="0.2">
      <c r="A15743" s="17"/>
      <c r="B15743" s="17"/>
      <c r="C15743" s="17"/>
      <c r="D15743" s="18"/>
      <c r="E15743" s="18"/>
      <c r="F15743" s="18"/>
      <c r="G15743" s="18"/>
      <c r="H15743" s="18"/>
      <c r="I15743" s="18"/>
      <c r="J15743" s="18"/>
      <c r="K15743" s="18"/>
      <c r="L15743" s="18"/>
      <c r="M15743" s="18"/>
      <c r="N15743" s="18"/>
      <c r="O15743" s="18"/>
      <c r="P15743" s="19"/>
      <c r="Q15743" s="19"/>
      <c r="R15743" s="19"/>
      <c r="S15743" s="19"/>
      <c r="T15743" s="19"/>
      <c r="U15743" s="19"/>
      <c r="V15743" s="19"/>
      <c r="W15743" s="19"/>
      <c r="X15743" s="19"/>
      <c r="Y15743" s="19"/>
      <c r="Z15743" s="19"/>
      <c r="AA15743" s="19"/>
    </row>
    <row r="15744" spans="1:27" s="1" customFormat="1" ht="14.1" customHeight="1" outlineLevel="4" x14ac:dyDescent="0.2">
      <c r="A15744" s="17">
        <v>9468</v>
      </c>
      <c r="B15744" s="17"/>
      <c r="C15744" s="17"/>
      <c r="D15744" s="18" t="s">
        <v>7788</v>
      </c>
      <c r="E15744" s="18"/>
      <c r="F15744" s="18"/>
      <c r="G15744" s="18"/>
      <c r="H15744" s="18"/>
      <c r="I15744" s="18"/>
      <c r="J15744" s="18"/>
      <c r="K15744" s="18"/>
      <c r="L15744" s="18"/>
      <c r="M15744" s="18"/>
      <c r="N15744" s="18"/>
      <c r="O15744" s="18"/>
      <c r="P15744" s="19">
        <v>390</v>
      </c>
      <c r="Q15744" s="19"/>
      <c r="R15744" s="19"/>
      <c r="S15744" s="19"/>
      <c r="T15744" s="19">
        <v>340</v>
      </c>
      <c r="U15744" s="19"/>
      <c r="V15744" s="19"/>
      <c r="W15744" s="19"/>
      <c r="X15744" s="19">
        <v>4</v>
      </c>
      <c r="Y15744" s="19"/>
      <c r="Z15744" s="19"/>
      <c r="AA15744" s="19"/>
    </row>
    <row r="15745" spans="1:27" s="1" customFormat="1" ht="14.1" customHeight="1" outlineLevel="4" x14ac:dyDescent="0.2">
      <c r="A15745" s="17"/>
      <c r="B15745" s="17"/>
      <c r="C15745" s="17"/>
      <c r="D15745" s="18"/>
      <c r="E15745" s="18"/>
      <c r="F15745" s="18"/>
      <c r="G15745" s="18"/>
      <c r="H15745" s="18"/>
      <c r="I15745" s="18"/>
      <c r="J15745" s="18"/>
      <c r="K15745" s="18"/>
      <c r="L15745" s="18"/>
      <c r="M15745" s="18"/>
      <c r="N15745" s="18"/>
      <c r="O15745" s="18"/>
      <c r="P15745" s="19"/>
      <c r="Q15745" s="19"/>
      <c r="R15745" s="19"/>
      <c r="S15745" s="19"/>
      <c r="T15745" s="19"/>
      <c r="U15745" s="19"/>
      <c r="V15745" s="19"/>
      <c r="W15745" s="19"/>
      <c r="X15745" s="19"/>
      <c r="Y15745" s="19"/>
      <c r="Z15745" s="19"/>
      <c r="AA15745" s="19"/>
    </row>
    <row r="15746" spans="1:27" s="1" customFormat="1" ht="11.1" customHeight="1" outlineLevel="4" x14ac:dyDescent="0.2">
      <c r="A15746" s="17">
        <v>9477</v>
      </c>
      <c r="B15746" s="17"/>
      <c r="C15746" s="17"/>
      <c r="D15746" s="18" t="s">
        <v>7789</v>
      </c>
      <c r="E15746" s="18"/>
      <c r="F15746" s="18"/>
      <c r="G15746" s="18"/>
      <c r="H15746" s="18"/>
      <c r="I15746" s="18"/>
      <c r="J15746" s="18"/>
      <c r="K15746" s="18"/>
      <c r="L15746" s="18"/>
      <c r="M15746" s="18"/>
      <c r="N15746" s="18"/>
      <c r="O15746" s="18"/>
      <c r="P15746" s="19">
        <v>440</v>
      </c>
      <c r="Q15746" s="19"/>
      <c r="R15746" s="19"/>
      <c r="S15746" s="19"/>
      <c r="T15746" s="19">
        <v>290</v>
      </c>
      <c r="U15746" s="19"/>
      <c r="V15746" s="19"/>
      <c r="W15746" s="19"/>
      <c r="X15746" s="19">
        <v>4</v>
      </c>
      <c r="Y15746" s="19"/>
      <c r="Z15746" s="19"/>
      <c r="AA15746" s="19"/>
    </row>
    <row r="15747" spans="1:27" s="1" customFormat="1" ht="11.1" customHeight="1" outlineLevel="4" x14ac:dyDescent="0.2">
      <c r="A15747" s="17"/>
      <c r="B15747" s="17"/>
      <c r="C15747" s="17"/>
      <c r="D15747" s="18"/>
      <c r="E15747" s="18"/>
      <c r="F15747" s="18"/>
      <c r="G15747" s="18"/>
      <c r="H15747" s="18"/>
      <c r="I15747" s="18"/>
      <c r="J15747" s="18"/>
      <c r="K15747" s="18"/>
      <c r="L15747" s="18"/>
      <c r="M15747" s="18"/>
      <c r="N15747" s="18"/>
      <c r="O15747" s="18"/>
      <c r="P15747" s="19"/>
      <c r="Q15747" s="19"/>
      <c r="R15747" s="19"/>
      <c r="S15747" s="19"/>
      <c r="T15747" s="19"/>
      <c r="U15747" s="19"/>
      <c r="V15747" s="19"/>
      <c r="W15747" s="19"/>
      <c r="X15747" s="19"/>
      <c r="Y15747" s="19"/>
      <c r="Z15747" s="19"/>
      <c r="AA15747" s="19"/>
    </row>
    <row r="15748" spans="1:27" s="1" customFormat="1" ht="11.1" customHeight="1" outlineLevel="4" x14ac:dyDescent="0.2">
      <c r="A15748" s="17">
        <v>6050</v>
      </c>
      <c r="B15748" s="17"/>
      <c r="C15748" s="17"/>
      <c r="D15748" s="18" t="s">
        <v>7790</v>
      </c>
      <c r="E15748" s="18"/>
      <c r="F15748" s="18"/>
      <c r="G15748" s="18"/>
      <c r="H15748" s="18"/>
      <c r="I15748" s="18"/>
      <c r="J15748" s="18"/>
      <c r="K15748" s="18"/>
      <c r="L15748" s="18"/>
      <c r="M15748" s="18"/>
      <c r="N15748" s="18"/>
      <c r="O15748" s="18"/>
      <c r="P15748" s="19">
        <v>690</v>
      </c>
      <c r="Q15748" s="19"/>
      <c r="R15748" s="19"/>
      <c r="S15748" s="19"/>
      <c r="T15748" s="19">
        <v>475</v>
      </c>
      <c r="U15748" s="19"/>
      <c r="V15748" s="19"/>
      <c r="W15748" s="19"/>
      <c r="X15748" s="19">
        <v>19</v>
      </c>
      <c r="Y15748" s="19"/>
      <c r="Z15748" s="19"/>
      <c r="AA15748" s="19"/>
    </row>
    <row r="15749" spans="1:27" s="1" customFormat="1" ht="11.1" customHeight="1" outlineLevel="4" x14ac:dyDescent="0.2">
      <c r="A15749" s="17"/>
      <c r="B15749" s="17"/>
      <c r="C15749" s="17"/>
      <c r="D15749" s="18"/>
      <c r="E15749" s="18"/>
      <c r="F15749" s="18"/>
      <c r="G15749" s="18"/>
      <c r="H15749" s="18"/>
      <c r="I15749" s="18"/>
      <c r="J15749" s="18"/>
      <c r="K15749" s="18"/>
      <c r="L15749" s="18"/>
      <c r="M15749" s="18"/>
      <c r="N15749" s="18"/>
      <c r="O15749" s="18"/>
      <c r="P15749" s="19"/>
      <c r="Q15749" s="19"/>
      <c r="R15749" s="19"/>
      <c r="S15749" s="19"/>
      <c r="T15749" s="19"/>
      <c r="U15749" s="19"/>
      <c r="V15749" s="19"/>
      <c r="W15749" s="19"/>
      <c r="X15749" s="19"/>
      <c r="Y15749" s="19"/>
      <c r="Z15749" s="19"/>
      <c r="AA15749" s="19"/>
    </row>
    <row r="15750" spans="1:27" s="1" customFormat="1" ht="11.1" customHeight="1" outlineLevel="4" x14ac:dyDescent="0.2">
      <c r="A15750" s="17">
        <v>9474</v>
      </c>
      <c r="B15750" s="17"/>
      <c r="C15750" s="17"/>
      <c r="D15750" s="18" t="s">
        <v>7791</v>
      </c>
      <c r="E15750" s="18"/>
      <c r="F15750" s="18"/>
      <c r="G15750" s="18"/>
      <c r="H15750" s="18"/>
      <c r="I15750" s="18"/>
      <c r="J15750" s="18"/>
      <c r="K15750" s="18"/>
      <c r="L15750" s="18"/>
      <c r="M15750" s="18"/>
      <c r="N15750" s="18"/>
      <c r="O15750" s="18"/>
      <c r="P15750" s="19">
        <v>490</v>
      </c>
      <c r="Q15750" s="19"/>
      <c r="R15750" s="19"/>
      <c r="S15750" s="19"/>
      <c r="T15750" s="19">
        <v>440</v>
      </c>
      <c r="U15750" s="19"/>
      <c r="V15750" s="19"/>
      <c r="W15750" s="19"/>
      <c r="X15750" s="19">
        <v>2</v>
      </c>
      <c r="Y15750" s="19"/>
      <c r="Z15750" s="19"/>
      <c r="AA15750" s="19"/>
    </row>
    <row r="15751" spans="1:27" s="1" customFormat="1" ht="11.1" customHeight="1" outlineLevel="4" x14ac:dyDescent="0.2">
      <c r="A15751" s="17"/>
      <c r="B15751" s="17"/>
      <c r="C15751" s="17"/>
      <c r="D15751" s="18"/>
      <c r="E15751" s="18"/>
      <c r="F15751" s="18"/>
      <c r="G15751" s="18"/>
      <c r="H15751" s="18"/>
      <c r="I15751" s="18"/>
      <c r="J15751" s="18"/>
      <c r="K15751" s="18"/>
      <c r="L15751" s="18"/>
      <c r="M15751" s="18"/>
      <c r="N15751" s="18"/>
      <c r="O15751" s="18"/>
      <c r="P15751" s="19"/>
      <c r="Q15751" s="19"/>
      <c r="R15751" s="19"/>
      <c r="S15751" s="19"/>
      <c r="T15751" s="19"/>
      <c r="U15751" s="19"/>
      <c r="V15751" s="19"/>
      <c r="W15751" s="19"/>
      <c r="X15751" s="19"/>
      <c r="Y15751" s="19"/>
      <c r="Z15751" s="19"/>
      <c r="AA15751" s="19"/>
    </row>
    <row r="15752" spans="1:27" s="1" customFormat="1" ht="11.1" customHeight="1" outlineLevel="4" x14ac:dyDescent="0.2">
      <c r="A15752" s="17">
        <v>9498</v>
      </c>
      <c r="B15752" s="17"/>
      <c r="C15752" s="17"/>
      <c r="D15752" s="18" t="s">
        <v>7792</v>
      </c>
      <c r="E15752" s="18"/>
      <c r="F15752" s="18"/>
      <c r="G15752" s="18"/>
      <c r="H15752" s="18"/>
      <c r="I15752" s="18"/>
      <c r="J15752" s="18"/>
      <c r="K15752" s="18"/>
      <c r="L15752" s="18"/>
      <c r="M15752" s="18"/>
      <c r="N15752" s="18"/>
      <c r="O15752" s="18"/>
      <c r="P15752" s="19">
        <v>510</v>
      </c>
      <c r="Q15752" s="19"/>
      <c r="R15752" s="19"/>
      <c r="S15752" s="19"/>
      <c r="T15752" s="19">
        <v>440</v>
      </c>
      <c r="U15752" s="19"/>
      <c r="V15752" s="19"/>
      <c r="W15752" s="19"/>
      <c r="X15752" s="19">
        <v>3</v>
      </c>
      <c r="Y15752" s="19"/>
      <c r="Z15752" s="19"/>
      <c r="AA15752" s="19"/>
    </row>
    <row r="15753" spans="1:27" s="1" customFormat="1" ht="11.1" customHeight="1" outlineLevel="4" x14ac:dyDescent="0.2">
      <c r="A15753" s="17"/>
      <c r="B15753" s="17"/>
      <c r="C15753" s="17"/>
      <c r="D15753" s="18"/>
      <c r="E15753" s="18"/>
      <c r="F15753" s="18"/>
      <c r="G15753" s="18"/>
      <c r="H15753" s="18"/>
      <c r="I15753" s="18"/>
      <c r="J15753" s="18"/>
      <c r="K15753" s="18"/>
      <c r="L15753" s="18"/>
      <c r="M15753" s="18"/>
      <c r="N15753" s="18"/>
      <c r="O15753" s="18"/>
      <c r="P15753" s="19"/>
      <c r="Q15753" s="19"/>
      <c r="R15753" s="19"/>
      <c r="S15753" s="19"/>
      <c r="T15753" s="19"/>
      <c r="U15753" s="19"/>
      <c r="V15753" s="19"/>
      <c r="W15753" s="19"/>
      <c r="X15753" s="19"/>
      <c r="Y15753" s="19"/>
      <c r="Z15753" s="19"/>
      <c r="AA15753" s="19"/>
    </row>
    <row r="15754" spans="1:27" s="1" customFormat="1" ht="11.1" customHeight="1" outlineLevel="4" x14ac:dyDescent="0.2">
      <c r="A15754" s="17">
        <v>15341</v>
      </c>
      <c r="B15754" s="17"/>
      <c r="C15754" s="17"/>
      <c r="D15754" s="18" t="s">
        <v>7793</v>
      </c>
      <c r="E15754" s="18"/>
      <c r="F15754" s="18"/>
      <c r="G15754" s="18"/>
      <c r="H15754" s="18"/>
      <c r="I15754" s="18"/>
      <c r="J15754" s="18"/>
      <c r="K15754" s="18"/>
      <c r="L15754" s="18"/>
      <c r="M15754" s="18"/>
      <c r="N15754" s="18"/>
      <c r="O15754" s="18"/>
      <c r="P15754" s="19">
        <v>610</v>
      </c>
      <c r="Q15754" s="19"/>
      <c r="R15754" s="19"/>
      <c r="S15754" s="19"/>
      <c r="T15754" s="19">
        <v>450</v>
      </c>
      <c r="U15754" s="19"/>
      <c r="V15754" s="19"/>
      <c r="W15754" s="19"/>
      <c r="X15754" s="19">
        <v>5</v>
      </c>
      <c r="Y15754" s="19"/>
      <c r="Z15754" s="19"/>
      <c r="AA15754" s="19"/>
    </row>
    <row r="15755" spans="1:27" s="1" customFormat="1" ht="11.1" customHeight="1" outlineLevel="4" x14ac:dyDescent="0.2">
      <c r="A15755" s="17"/>
      <c r="B15755" s="17"/>
      <c r="C15755" s="17"/>
      <c r="D15755" s="18"/>
      <c r="E15755" s="18"/>
      <c r="F15755" s="18"/>
      <c r="G15755" s="18"/>
      <c r="H15755" s="18"/>
      <c r="I15755" s="18"/>
      <c r="J15755" s="18"/>
      <c r="K15755" s="18"/>
      <c r="L15755" s="18"/>
      <c r="M15755" s="18"/>
      <c r="N15755" s="18"/>
      <c r="O15755" s="18"/>
      <c r="P15755" s="19"/>
      <c r="Q15755" s="19"/>
      <c r="R15755" s="19"/>
      <c r="S15755" s="19"/>
      <c r="T15755" s="19"/>
      <c r="U15755" s="19"/>
      <c r="V15755" s="19"/>
      <c r="W15755" s="19"/>
      <c r="X15755" s="19"/>
      <c r="Y15755" s="19"/>
      <c r="Z15755" s="19"/>
      <c r="AA15755" s="19"/>
    </row>
    <row r="15756" spans="1:27" s="1" customFormat="1" ht="11.1" customHeight="1" outlineLevel="4" x14ac:dyDescent="0.2">
      <c r="A15756" s="17">
        <v>7029</v>
      </c>
      <c r="B15756" s="17"/>
      <c r="C15756" s="17"/>
      <c r="D15756" s="18" t="s">
        <v>7794</v>
      </c>
      <c r="E15756" s="18"/>
      <c r="F15756" s="18"/>
      <c r="G15756" s="18"/>
      <c r="H15756" s="18"/>
      <c r="I15756" s="18"/>
      <c r="J15756" s="18"/>
      <c r="K15756" s="18"/>
      <c r="L15756" s="18"/>
      <c r="M15756" s="18"/>
      <c r="N15756" s="18"/>
      <c r="O15756" s="18"/>
      <c r="P15756" s="19">
        <v>480</v>
      </c>
      <c r="Q15756" s="19"/>
      <c r="R15756" s="19"/>
      <c r="S15756" s="19"/>
      <c r="T15756" s="19">
        <v>430</v>
      </c>
      <c r="U15756" s="19"/>
      <c r="V15756" s="19"/>
      <c r="W15756" s="19"/>
      <c r="X15756" s="19">
        <v>5</v>
      </c>
      <c r="Y15756" s="19"/>
      <c r="Z15756" s="19"/>
      <c r="AA15756" s="19"/>
    </row>
    <row r="15757" spans="1:27" s="1" customFormat="1" ht="11.1" customHeight="1" outlineLevel="4" x14ac:dyDescent="0.2">
      <c r="A15757" s="17"/>
      <c r="B15757" s="17"/>
      <c r="C15757" s="17"/>
      <c r="D15757" s="18"/>
      <c r="E15757" s="18"/>
      <c r="F15757" s="18"/>
      <c r="G15757" s="18"/>
      <c r="H15757" s="18"/>
      <c r="I15757" s="18"/>
      <c r="J15757" s="18"/>
      <c r="K15757" s="18"/>
      <c r="L15757" s="18"/>
      <c r="M15757" s="18"/>
      <c r="N15757" s="18"/>
      <c r="O15757" s="18"/>
      <c r="P15757" s="19"/>
      <c r="Q15757" s="19"/>
      <c r="R15757" s="19"/>
      <c r="S15757" s="19"/>
      <c r="T15757" s="19"/>
      <c r="U15757" s="19"/>
      <c r="V15757" s="19"/>
      <c r="W15757" s="19"/>
      <c r="X15757" s="19"/>
      <c r="Y15757" s="19"/>
      <c r="Z15757" s="19"/>
      <c r="AA15757" s="19"/>
    </row>
    <row r="15758" spans="1:27" s="1" customFormat="1" ht="11.1" customHeight="1" outlineLevel="4" x14ac:dyDescent="0.2">
      <c r="A15758" s="17">
        <v>9496</v>
      </c>
      <c r="B15758" s="17"/>
      <c r="C15758" s="17"/>
      <c r="D15758" s="18" t="s">
        <v>7795</v>
      </c>
      <c r="E15758" s="18"/>
      <c r="F15758" s="18"/>
      <c r="G15758" s="18"/>
      <c r="H15758" s="18"/>
      <c r="I15758" s="18"/>
      <c r="J15758" s="18"/>
      <c r="K15758" s="18"/>
      <c r="L15758" s="18"/>
      <c r="M15758" s="18"/>
      <c r="N15758" s="18"/>
      <c r="O15758" s="18"/>
      <c r="P15758" s="19">
        <v>450</v>
      </c>
      <c r="Q15758" s="19"/>
      <c r="R15758" s="19"/>
      <c r="S15758" s="19"/>
      <c r="T15758" s="19">
        <v>400</v>
      </c>
      <c r="U15758" s="19"/>
      <c r="V15758" s="19"/>
      <c r="W15758" s="19"/>
      <c r="X15758" s="19">
        <v>3</v>
      </c>
      <c r="Y15758" s="19"/>
      <c r="Z15758" s="19"/>
      <c r="AA15758" s="19"/>
    </row>
    <row r="15759" spans="1:27" s="1" customFormat="1" ht="11.1" customHeight="1" outlineLevel="4" x14ac:dyDescent="0.2">
      <c r="A15759" s="17"/>
      <c r="B15759" s="17"/>
      <c r="C15759" s="17"/>
      <c r="D15759" s="18"/>
      <c r="E15759" s="18"/>
      <c r="F15759" s="18"/>
      <c r="G15759" s="18"/>
      <c r="H15759" s="18"/>
      <c r="I15759" s="18"/>
      <c r="J15759" s="18"/>
      <c r="K15759" s="18"/>
      <c r="L15759" s="18"/>
      <c r="M15759" s="18"/>
      <c r="N15759" s="18"/>
      <c r="O15759" s="18"/>
      <c r="P15759" s="19"/>
      <c r="Q15759" s="19"/>
      <c r="R15759" s="19"/>
      <c r="S15759" s="19"/>
      <c r="T15759" s="19"/>
      <c r="U15759" s="19"/>
      <c r="V15759" s="19"/>
      <c r="W15759" s="19"/>
      <c r="X15759" s="19"/>
      <c r="Y15759" s="19"/>
      <c r="Z15759" s="19"/>
      <c r="AA15759" s="19"/>
    </row>
    <row r="15760" spans="1:27" s="1" customFormat="1" ht="14.1" customHeight="1" outlineLevel="4" x14ac:dyDescent="0.2">
      <c r="A15760" s="17">
        <v>17745</v>
      </c>
      <c r="B15760" s="17"/>
      <c r="C15760" s="17"/>
      <c r="D15760" s="18" t="s">
        <v>7796</v>
      </c>
      <c r="E15760" s="18"/>
      <c r="F15760" s="18"/>
      <c r="G15760" s="18"/>
      <c r="H15760" s="18"/>
      <c r="I15760" s="18"/>
      <c r="J15760" s="18"/>
      <c r="K15760" s="18"/>
      <c r="L15760" s="18"/>
      <c r="M15760" s="18"/>
      <c r="N15760" s="18"/>
      <c r="O15760" s="18"/>
      <c r="P15760" s="19">
        <v>690</v>
      </c>
      <c r="Q15760" s="19"/>
      <c r="R15760" s="19"/>
      <c r="S15760" s="19"/>
      <c r="T15760" s="19">
        <v>475</v>
      </c>
      <c r="U15760" s="19"/>
      <c r="V15760" s="19"/>
      <c r="W15760" s="19"/>
      <c r="X15760" s="19">
        <v>38</v>
      </c>
      <c r="Y15760" s="19"/>
      <c r="Z15760" s="19"/>
      <c r="AA15760" s="19"/>
    </row>
    <row r="15761" spans="1:27" s="1" customFormat="1" ht="14.1" customHeight="1" outlineLevel="4" x14ac:dyDescent="0.2">
      <c r="A15761" s="17"/>
      <c r="B15761" s="17"/>
      <c r="C15761" s="17"/>
      <c r="D15761" s="18"/>
      <c r="E15761" s="18"/>
      <c r="F15761" s="18"/>
      <c r="G15761" s="18"/>
      <c r="H15761" s="18"/>
      <c r="I15761" s="18"/>
      <c r="J15761" s="18"/>
      <c r="K15761" s="18"/>
      <c r="L15761" s="18"/>
      <c r="M15761" s="18"/>
      <c r="N15761" s="18"/>
      <c r="O15761" s="18"/>
      <c r="P15761" s="19"/>
      <c r="Q15761" s="19"/>
      <c r="R15761" s="19"/>
      <c r="S15761" s="19"/>
      <c r="T15761" s="19"/>
      <c r="U15761" s="19"/>
      <c r="V15761" s="19"/>
      <c r="W15761" s="19"/>
      <c r="X15761" s="19"/>
      <c r="Y15761" s="19"/>
      <c r="Z15761" s="19"/>
      <c r="AA15761" s="19"/>
    </row>
    <row r="15762" spans="1:27" s="1" customFormat="1" ht="11.1" customHeight="1" outlineLevel="4" x14ac:dyDescent="0.2">
      <c r="A15762" s="17">
        <v>15342</v>
      </c>
      <c r="B15762" s="17"/>
      <c r="C15762" s="17"/>
      <c r="D15762" s="18" t="s">
        <v>7797</v>
      </c>
      <c r="E15762" s="18"/>
      <c r="F15762" s="18"/>
      <c r="G15762" s="18"/>
      <c r="H15762" s="18"/>
      <c r="I15762" s="18"/>
      <c r="J15762" s="18"/>
      <c r="K15762" s="18"/>
      <c r="L15762" s="18"/>
      <c r="M15762" s="18"/>
      <c r="N15762" s="18"/>
      <c r="O15762" s="18"/>
      <c r="P15762" s="19">
        <v>610</v>
      </c>
      <c r="Q15762" s="19"/>
      <c r="R15762" s="19"/>
      <c r="S15762" s="19"/>
      <c r="T15762" s="19">
        <v>450</v>
      </c>
      <c r="U15762" s="19"/>
      <c r="V15762" s="19"/>
      <c r="W15762" s="19"/>
      <c r="X15762" s="19">
        <v>1</v>
      </c>
      <c r="Y15762" s="19"/>
      <c r="Z15762" s="19"/>
      <c r="AA15762" s="19"/>
    </row>
    <row r="15763" spans="1:27" s="1" customFormat="1" ht="11.1" customHeight="1" outlineLevel="4" x14ac:dyDescent="0.2">
      <c r="A15763" s="17"/>
      <c r="B15763" s="17"/>
      <c r="C15763" s="17"/>
      <c r="D15763" s="18"/>
      <c r="E15763" s="18"/>
      <c r="F15763" s="18"/>
      <c r="G15763" s="18"/>
      <c r="H15763" s="18"/>
      <c r="I15763" s="18"/>
      <c r="J15763" s="18"/>
      <c r="K15763" s="18"/>
      <c r="L15763" s="18"/>
      <c r="M15763" s="18"/>
      <c r="N15763" s="18"/>
      <c r="O15763" s="18"/>
      <c r="P15763" s="19"/>
      <c r="Q15763" s="19"/>
      <c r="R15763" s="19"/>
      <c r="S15763" s="19"/>
      <c r="T15763" s="19"/>
      <c r="U15763" s="19"/>
      <c r="V15763" s="19"/>
      <c r="W15763" s="19"/>
      <c r="X15763" s="19"/>
      <c r="Y15763" s="19"/>
      <c r="Z15763" s="19"/>
      <c r="AA15763" s="19"/>
    </row>
    <row r="15764" spans="1:27" s="1" customFormat="1" ht="11.1" customHeight="1" outlineLevel="4" x14ac:dyDescent="0.2">
      <c r="A15764" s="17">
        <v>10728</v>
      </c>
      <c r="B15764" s="17"/>
      <c r="C15764" s="17"/>
      <c r="D15764" s="18" t="s">
        <v>7798</v>
      </c>
      <c r="E15764" s="18"/>
      <c r="F15764" s="18"/>
      <c r="G15764" s="18"/>
      <c r="H15764" s="18"/>
      <c r="I15764" s="18"/>
      <c r="J15764" s="18"/>
      <c r="K15764" s="18"/>
      <c r="L15764" s="18"/>
      <c r="M15764" s="18"/>
      <c r="N15764" s="18"/>
      <c r="O15764" s="18"/>
      <c r="P15764" s="19">
        <v>695</v>
      </c>
      <c r="Q15764" s="19"/>
      <c r="R15764" s="19"/>
      <c r="S15764" s="19"/>
      <c r="T15764" s="19">
        <v>480</v>
      </c>
      <c r="U15764" s="19"/>
      <c r="V15764" s="19"/>
      <c r="W15764" s="19"/>
      <c r="X15764" s="19">
        <v>17</v>
      </c>
      <c r="Y15764" s="19"/>
      <c r="Z15764" s="19"/>
      <c r="AA15764" s="19"/>
    </row>
    <row r="15765" spans="1:27" s="1" customFormat="1" ht="11.1" customHeight="1" outlineLevel="4" x14ac:dyDescent="0.2">
      <c r="A15765" s="17"/>
      <c r="B15765" s="17"/>
      <c r="C15765" s="17"/>
      <c r="D15765" s="18"/>
      <c r="E15765" s="18"/>
      <c r="F15765" s="18"/>
      <c r="G15765" s="18"/>
      <c r="H15765" s="18"/>
      <c r="I15765" s="18"/>
      <c r="J15765" s="18"/>
      <c r="K15765" s="18"/>
      <c r="L15765" s="18"/>
      <c r="M15765" s="18"/>
      <c r="N15765" s="18"/>
      <c r="O15765" s="18"/>
      <c r="P15765" s="19"/>
      <c r="Q15765" s="19"/>
      <c r="R15765" s="19"/>
      <c r="S15765" s="19"/>
      <c r="T15765" s="19"/>
      <c r="U15765" s="19"/>
      <c r="V15765" s="19"/>
      <c r="W15765" s="19"/>
      <c r="X15765" s="19"/>
      <c r="Y15765" s="19"/>
      <c r="Z15765" s="19"/>
      <c r="AA15765" s="19"/>
    </row>
    <row r="15766" spans="1:27" s="1" customFormat="1" ht="11.1" customHeight="1" outlineLevel="4" x14ac:dyDescent="0.2">
      <c r="A15766" s="17">
        <v>13533</v>
      </c>
      <c r="B15766" s="17"/>
      <c r="C15766" s="17"/>
      <c r="D15766" s="18" t="s">
        <v>7799</v>
      </c>
      <c r="E15766" s="18"/>
      <c r="F15766" s="18"/>
      <c r="G15766" s="18"/>
      <c r="H15766" s="18"/>
      <c r="I15766" s="18"/>
      <c r="J15766" s="18"/>
      <c r="K15766" s="18"/>
      <c r="L15766" s="18"/>
      <c r="M15766" s="18"/>
      <c r="N15766" s="18"/>
      <c r="O15766" s="18"/>
      <c r="P15766" s="19">
        <v>695</v>
      </c>
      <c r="Q15766" s="19"/>
      <c r="R15766" s="19"/>
      <c r="S15766" s="19"/>
      <c r="T15766" s="19">
        <v>480</v>
      </c>
      <c r="U15766" s="19"/>
      <c r="V15766" s="19"/>
      <c r="W15766" s="19"/>
      <c r="X15766" s="19">
        <v>18</v>
      </c>
      <c r="Y15766" s="19"/>
      <c r="Z15766" s="19"/>
      <c r="AA15766" s="19"/>
    </row>
    <row r="15767" spans="1:27" s="1" customFormat="1" ht="11.1" customHeight="1" outlineLevel="4" x14ac:dyDescent="0.2">
      <c r="A15767" s="17"/>
      <c r="B15767" s="17"/>
      <c r="C15767" s="17"/>
      <c r="D15767" s="18"/>
      <c r="E15767" s="18"/>
      <c r="F15767" s="18"/>
      <c r="G15767" s="18"/>
      <c r="H15767" s="18"/>
      <c r="I15767" s="18"/>
      <c r="J15767" s="18"/>
      <c r="K15767" s="18"/>
      <c r="L15767" s="18"/>
      <c r="M15767" s="18"/>
      <c r="N15767" s="18"/>
      <c r="O15767" s="18"/>
      <c r="P15767" s="19"/>
      <c r="Q15767" s="19"/>
      <c r="R15767" s="19"/>
      <c r="S15767" s="19"/>
      <c r="T15767" s="19"/>
      <c r="U15767" s="19"/>
      <c r="V15767" s="19"/>
      <c r="W15767" s="19"/>
      <c r="X15767" s="19"/>
      <c r="Y15767" s="19"/>
      <c r="Z15767" s="19"/>
      <c r="AA15767" s="19"/>
    </row>
    <row r="15768" spans="1:27" s="1" customFormat="1" ht="11.1" customHeight="1" outlineLevel="4" x14ac:dyDescent="0.2">
      <c r="A15768" s="17">
        <v>8856</v>
      </c>
      <c r="B15768" s="17"/>
      <c r="C15768" s="17"/>
      <c r="D15768" s="18" t="s">
        <v>7800</v>
      </c>
      <c r="E15768" s="18"/>
      <c r="F15768" s="18"/>
      <c r="G15768" s="18"/>
      <c r="H15768" s="18"/>
      <c r="I15768" s="18"/>
      <c r="J15768" s="18"/>
      <c r="K15768" s="18"/>
      <c r="L15768" s="18"/>
      <c r="M15768" s="18"/>
      <c r="N15768" s="18"/>
      <c r="O15768" s="18"/>
      <c r="P15768" s="19">
        <v>530</v>
      </c>
      <c r="Q15768" s="19"/>
      <c r="R15768" s="19"/>
      <c r="S15768" s="19"/>
      <c r="T15768" s="19">
        <v>470</v>
      </c>
      <c r="U15768" s="19"/>
      <c r="V15768" s="19"/>
      <c r="W15768" s="19"/>
      <c r="X15768" s="19">
        <v>7</v>
      </c>
      <c r="Y15768" s="19"/>
      <c r="Z15768" s="19"/>
      <c r="AA15768" s="19"/>
    </row>
    <row r="15769" spans="1:27" s="1" customFormat="1" ht="11.1" customHeight="1" outlineLevel="4" x14ac:dyDescent="0.2">
      <c r="A15769" s="17"/>
      <c r="B15769" s="17"/>
      <c r="C15769" s="17"/>
      <c r="D15769" s="18"/>
      <c r="E15769" s="18"/>
      <c r="F15769" s="18"/>
      <c r="G15769" s="18"/>
      <c r="H15769" s="18"/>
      <c r="I15769" s="18"/>
      <c r="J15769" s="18"/>
      <c r="K15769" s="18"/>
      <c r="L15769" s="18"/>
      <c r="M15769" s="18"/>
      <c r="N15769" s="18"/>
      <c r="O15769" s="18"/>
      <c r="P15769" s="19"/>
      <c r="Q15769" s="19"/>
      <c r="R15769" s="19"/>
      <c r="S15769" s="19"/>
      <c r="T15769" s="19"/>
      <c r="U15769" s="19"/>
      <c r="V15769" s="19"/>
      <c r="W15769" s="19"/>
      <c r="X15769" s="19"/>
      <c r="Y15769" s="19"/>
      <c r="Z15769" s="19"/>
      <c r="AA15769" s="19"/>
    </row>
    <row r="15770" spans="1:27" s="1" customFormat="1" ht="11.1" customHeight="1" outlineLevel="4" x14ac:dyDescent="0.2">
      <c r="A15770" s="17">
        <v>17130</v>
      </c>
      <c r="B15770" s="17"/>
      <c r="C15770" s="17"/>
      <c r="D15770" s="18" t="s">
        <v>7801</v>
      </c>
      <c r="E15770" s="18"/>
      <c r="F15770" s="18"/>
      <c r="G15770" s="18"/>
      <c r="H15770" s="18"/>
      <c r="I15770" s="18"/>
      <c r="J15770" s="18"/>
      <c r="K15770" s="18"/>
      <c r="L15770" s="18"/>
      <c r="M15770" s="18"/>
      <c r="N15770" s="18"/>
      <c r="O15770" s="18"/>
      <c r="P15770" s="19">
        <v>750</v>
      </c>
      <c r="Q15770" s="19"/>
      <c r="R15770" s="19"/>
      <c r="S15770" s="19"/>
      <c r="T15770" s="19">
        <v>550</v>
      </c>
      <c r="U15770" s="19"/>
      <c r="V15770" s="19"/>
      <c r="W15770" s="19"/>
      <c r="X15770" s="19">
        <v>26</v>
      </c>
      <c r="Y15770" s="19"/>
      <c r="Z15770" s="19"/>
      <c r="AA15770" s="19"/>
    </row>
    <row r="15771" spans="1:27" s="1" customFormat="1" ht="11.1" customHeight="1" outlineLevel="4" x14ac:dyDescent="0.2">
      <c r="A15771" s="17"/>
      <c r="B15771" s="17"/>
      <c r="C15771" s="17"/>
      <c r="D15771" s="18"/>
      <c r="E15771" s="18"/>
      <c r="F15771" s="18"/>
      <c r="G15771" s="18"/>
      <c r="H15771" s="18"/>
      <c r="I15771" s="18"/>
      <c r="J15771" s="18"/>
      <c r="K15771" s="18"/>
      <c r="L15771" s="18"/>
      <c r="M15771" s="18"/>
      <c r="N15771" s="18"/>
      <c r="O15771" s="18"/>
      <c r="P15771" s="19"/>
      <c r="Q15771" s="19"/>
      <c r="R15771" s="19"/>
      <c r="S15771" s="19"/>
      <c r="T15771" s="19"/>
      <c r="U15771" s="19"/>
      <c r="V15771" s="19"/>
      <c r="W15771" s="19"/>
      <c r="X15771" s="19"/>
      <c r="Y15771" s="19"/>
      <c r="Z15771" s="19"/>
      <c r="AA15771" s="19"/>
    </row>
    <row r="15772" spans="1:27" s="1" customFormat="1" ht="14.1" customHeight="1" outlineLevel="4" x14ac:dyDescent="0.2">
      <c r="A15772" s="17">
        <v>13977</v>
      </c>
      <c r="B15772" s="17"/>
      <c r="C15772" s="17"/>
      <c r="D15772" s="18" t="s">
        <v>7802</v>
      </c>
      <c r="E15772" s="18"/>
      <c r="F15772" s="18"/>
      <c r="G15772" s="18"/>
      <c r="H15772" s="18"/>
      <c r="I15772" s="18"/>
      <c r="J15772" s="18"/>
      <c r="K15772" s="18"/>
      <c r="L15772" s="18"/>
      <c r="M15772" s="18"/>
      <c r="N15772" s="18"/>
      <c r="O15772" s="18"/>
      <c r="P15772" s="19">
        <v>800</v>
      </c>
      <c r="Q15772" s="19"/>
      <c r="R15772" s="19"/>
      <c r="S15772" s="19"/>
      <c r="T15772" s="19">
        <v>700</v>
      </c>
      <c r="U15772" s="19"/>
      <c r="V15772" s="19"/>
      <c r="W15772" s="19"/>
      <c r="X15772" s="19">
        <v>1</v>
      </c>
      <c r="Y15772" s="19"/>
      <c r="Z15772" s="19"/>
      <c r="AA15772" s="19"/>
    </row>
    <row r="15773" spans="1:27" s="1" customFormat="1" ht="14.1" customHeight="1" outlineLevel="4" x14ac:dyDescent="0.2">
      <c r="A15773" s="17"/>
      <c r="B15773" s="17"/>
      <c r="C15773" s="17"/>
      <c r="D15773" s="18"/>
      <c r="E15773" s="18"/>
      <c r="F15773" s="18"/>
      <c r="G15773" s="18"/>
      <c r="H15773" s="18"/>
      <c r="I15773" s="18"/>
      <c r="J15773" s="18"/>
      <c r="K15773" s="18"/>
      <c r="L15773" s="18"/>
      <c r="M15773" s="18"/>
      <c r="N15773" s="18"/>
      <c r="O15773" s="18"/>
      <c r="P15773" s="19"/>
      <c r="Q15773" s="19"/>
      <c r="R15773" s="19"/>
      <c r="S15773" s="19"/>
      <c r="T15773" s="19"/>
      <c r="U15773" s="19"/>
      <c r="V15773" s="19"/>
      <c r="W15773" s="19"/>
      <c r="X15773" s="19"/>
      <c r="Y15773" s="19"/>
      <c r="Z15773" s="19"/>
      <c r="AA15773" s="19"/>
    </row>
    <row r="15774" spans="1:27" s="1" customFormat="1" ht="14.1" customHeight="1" outlineLevel="4" x14ac:dyDescent="0.2">
      <c r="A15774" s="17">
        <v>17131</v>
      </c>
      <c r="B15774" s="17"/>
      <c r="C15774" s="17"/>
      <c r="D15774" s="18" t="s">
        <v>7803</v>
      </c>
      <c r="E15774" s="18"/>
      <c r="F15774" s="18"/>
      <c r="G15774" s="18"/>
      <c r="H15774" s="18"/>
      <c r="I15774" s="18"/>
      <c r="J15774" s="18"/>
      <c r="K15774" s="18"/>
      <c r="L15774" s="18"/>
      <c r="M15774" s="18"/>
      <c r="N15774" s="18"/>
      <c r="O15774" s="18"/>
      <c r="P15774" s="19">
        <v>890</v>
      </c>
      <c r="Q15774" s="19"/>
      <c r="R15774" s="19"/>
      <c r="S15774" s="19"/>
      <c r="T15774" s="19">
        <v>690</v>
      </c>
      <c r="U15774" s="19"/>
      <c r="V15774" s="19"/>
      <c r="W15774" s="19"/>
      <c r="X15774" s="19">
        <v>10</v>
      </c>
      <c r="Y15774" s="19"/>
      <c r="Z15774" s="19"/>
      <c r="AA15774" s="19"/>
    </row>
    <row r="15775" spans="1:27" s="1" customFormat="1" ht="14.1" customHeight="1" outlineLevel="4" x14ac:dyDescent="0.2">
      <c r="A15775" s="17"/>
      <c r="B15775" s="17"/>
      <c r="C15775" s="17"/>
      <c r="D15775" s="18"/>
      <c r="E15775" s="18"/>
      <c r="F15775" s="18"/>
      <c r="G15775" s="18"/>
      <c r="H15775" s="18"/>
      <c r="I15775" s="18"/>
      <c r="J15775" s="18"/>
      <c r="K15775" s="18"/>
      <c r="L15775" s="18"/>
      <c r="M15775" s="18"/>
      <c r="N15775" s="18"/>
      <c r="O15775" s="18"/>
      <c r="P15775" s="19"/>
      <c r="Q15775" s="19"/>
      <c r="R15775" s="19"/>
      <c r="S15775" s="19"/>
      <c r="T15775" s="19"/>
      <c r="U15775" s="19"/>
      <c r="V15775" s="19"/>
      <c r="W15775" s="19"/>
      <c r="X15775" s="19"/>
      <c r="Y15775" s="19"/>
      <c r="Z15775" s="19"/>
      <c r="AA15775" s="19"/>
    </row>
    <row r="15776" spans="1:27" s="1" customFormat="1" ht="14.1" customHeight="1" outlineLevel="4" x14ac:dyDescent="0.2">
      <c r="A15776" s="17">
        <v>16878</v>
      </c>
      <c r="B15776" s="17"/>
      <c r="C15776" s="17"/>
      <c r="D15776" s="18" t="s">
        <v>7804</v>
      </c>
      <c r="E15776" s="18"/>
      <c r="F15776" s="18"/>
      <c r="G15776" s="18"/>
      <c r="H15776" s="18"/>
      <c r="I15776" s="18"/>
      <c r="J15776" s="18"/>
      <c r="K15776" s="18"/>
      <c r="L15776" s="18"/>
      <c r="M15776" s="18"/>
      <c r="N15776" s="18"/>
      <c r="O15776" s="18"/>
      <c r="P15776" s="20">
        <v>1400</v>
      </c>
      <c r="Q15776" s="20"/>
      <c r="R15776" s="20"/>
      <c r="S15776" s="20"/>
      <c r="T15776" s="20">
        <v>1000</v>
      </c>
      <c r="U15776" s="20"/>
      <c r="V15776" s="20"/>
      <c r="W15776" s="20"/>
      <c r="X15776" s="19">
        <v>1</v>
      </c>
      <c r="Y15776" s="19"/>
      <c r="Z15776" s="19"/>
      <c r="AA15776" s="19"/>
    </row>
    <row r="15777" spans="1:27" s="1" customFormat="1" ht="14.1" customHeight="1" outlineLevel="4" x14ac:dyDescent="0.2">
      <c r="A15777" s="17"/>
      <c r="B15777" s="17"/>
      <c r="C15777" s="17"/>
      <c r="D15777" s="18"/>
      <c r="E15777" s="18"/>
      <c r="F15777" s="18"/>
      <c r="G15777" s="18"/>
      <c r="H15777" s="18"/>
      <c r="I15777" s="18"/>
      <c r="J15777" s="18"/>
      <c r="K15777" s="18"/>
      <c r="L15777" s="18"/>
      <c r="M15777" s="18"/>
      <c r="N15777" s="18"/>
      <c r="O15777" s="18"/>
      <c r="P15777" s="20"/>
      <c r="Q15777" s="20"/>
      <c r="R15777" s="20"/>
      <c r="S15777" s="20"/>
      <c r="T15777" s="20"/>
      <c r="U15777" s="20"/>
      <c r="V15777" s="20"/>
      <c r="W15777" s="20"/>
      <c r="X15777" s="19"/>
      <c r="Y15777" s="19"/>
      <c r="Z15777" s="19"/>
      <c r="AA15777" s="19"/>
    </row>
    <row r="15778" spans="1:27" s="1" customFormat="1" ht="14.1" customHeight="1" outlineLevel="4" x14ac:dyDescent="0.2">
      <c r="A15778" s="17">
        <v>18046</v>
      </c>
      <c r="B15778" s="17"/>
      <c r="C15778" s="17"/>
      <c r="D15778" s="18" t="s">
        <v>7805</v>
      </c>
      <c r="E15778" s="18"/>
      <c r="F15778" s="18"/>
      <c r="G15778" s="18"/>
      <c r="H15778" s="18"/>
      <c r="I15778" s="18"/>
      <c r="J15778" s="18"/>
      <c r="K15778" s="18"/>
      <c r="L15778" s="18"/>
      <c r="M15778" s="18"/>
      <c r="N15778" s="18"/>
      <c r="O15778" s="18"/>
      <c r="P15778" s="20">
        <v>1700</v>
      </c>
      <c r="Q15778" s="20"/>
      <c r="R15778" s="20"/>
      <c r="S15778" s="20"/>
      <c r="T15778" s="20">
        <v>1500</v>
      </c>
      <c r="U15778" s="20"/>
      <c r="V15778" s="20"/>
      <c r="W15778" s="20"/>
      <c r="X15778" s="19">
        <v>1</v>
      </c>
      <c r="Y15778" s="19"/>
      <c r="Z15778" s="19"/>
      <c r="AA15778" s="19"/>
    </row>
    <row r="15779" spans="1:27" s="1" customFormat="1" ht="14.1" customHeight="1" outlineLevel="4" x14ac:dyDescent="0.2">
      <c r="A15779" s="17"/>
      <c r="B15779" s="17"/>
      <c r="C15779" s="17"/>
      <c r="D15779" s="18"/>
      <c r="E15779" s="18"/>
      <c r="F15779" s="18"/>
      <c r="G15779" s="18"/>
      <c r="H15779" s="18"/>
      <c r="I15779" s="18"/>
      <c r="J15779" s="18"/>
      <c r="K15779" s="18"/>
      <c r="L15779" s="18"/>
      <c r="M15779" s="18"/>
      <c r="N15779" s="18"/>
      <c r="O15779" s="18"/>
      <c r="P15779" s="20"/>
      <c r="Q15779" s="20"/>
      <c r="R15779" s="20"/>
      <c r="S15779" s="20"/>
      <c r="T15779" s="20"/>
      <c r="U15779" s="20"/>
      <c r="V15779" s="20"/>
      <c r="W15779" s="20"/>
      <c r="X15779" s="19"/>
      <c r="Y15779" s="19"/>
      <c r="Z15779" s="19"/>
      <c r="AA15779" s="19"/>
    </row>
    <row r="15780" spans="1:27" s="1" customFormat="1" ht="11.1" customHeight="1" outlineLevel="4" x14ac:dyDescent="0.2">
      <c r="A15780" s="17">
        <v>11995</v>
      </c>
      <c r="B15780" s="17"/>
      <c r="C15780" s="17"/>
      <c r="D15780" s="18" t="s">
        <v>7806</v>
      </c>
      <c r="E15780" s="18"/>
      <c r="F15780" s="18"/>
      <c r="G15780" s="18"/>
      <c r="H15780" s="18"/>
      <c r="I15780" s="18"/>
      <c r="J15780" s="18"/>
      <c r="K15780" s="18"/>
      <c r="L15780" s="18"/>
      <c r="M15780" s="18"/>
      <c r="N15780" s="18"/>
      <c r="O15780" s="18"/>
      <c r="P15780" s="19">
        <v>550</v>
      </c>
      <c r="Q15780" s="19"/>
      <c r="R15780" s="19"/>
      <c r="S15780" s="19"/>
      <c r="T15780" s="19">
        <v>490</v>
      </c>
      <c r="U15780" s="19"/>
      <c r="V15780" s="19"/>
      <c r="W15780" s="19"/>
      <c r="X15780" s="19">
        <v>3</v>
      </c>
      <c r="Y15780" s="19"/>
      <c r="Z15780" s="19"/>
      <c r="AA15780" s="19"/>
    </row>
    <row r="15781" spans="1:27" s="1" customFormat="1" ht="11.1" customHeight="1" outlineLevel="4" x14ac:dyDescent="0.2">
      <c r="A15781" s="17"/>
      <c r="B15781" s="17"/>
      <c r="C15781" s="17"/>
      <c r="D15781" s="18"/>
      <c r="E15781" s="18"/>
      <c r="F15781" s="18"/>
      <c r="G15781" s="18"/>
      <c r="H15781" s="18"/>
      <c r="I15781" s="18"/>
      <c r="J15781" s="18"/>
      <c r="K15781" s="18"/>
      <c r="L15781" s="18"/>
      <c r="M15781" s="18"/>
      <c r="N15781" s="18"/>
      <c r="O15781" s="18"/>
      <c r="P15781" s="19"/>
      <c r="Q15781" s="19"/>
      <c r="R15781" s="19"/>
      <c r="S15781" s="19"/>
      <c r="T15781" s="19"/>
      <c r="U15781" s="19"/>
      <c r="V15781" s="19"/>
      <c r="W15781" s="19"/>
      <c r="X15781" s="19"/>
      <c r="Y15781" s="19"/>
      <c r="Z15781" s="19"/>
      <c r="AA15781" s="19"/>
    </row>
    <row r="15782" spans="1:27" s="1" customFormat="1" ht="11.1" customHeight="1" outlineLevel="4" x14ac:dyDescent="0.2">
      <c r="A15782" s="17">
        <v>7185</v>
      </c>
      <c r="B15782" s="17"/>
      <c r="C15782" s="17"/>
      <c r="D15782" s="18" t="s">
        <v>7807</v>
      </c>
      <c r="E15782" s="18"/>
      <c r="F15782" s="18"/>
      <c r="G15782" s="18"/>
      <c r="H15782" s="18"/>
      <c r="I15782" s="18"/>
      <c r="J15782" s="18"/>
      <c r="K15782" s="18"/>
      <c r="L15782" s="18"/>
      <c r="M15782" s="18"/>
      <c r="N15782" s="18"/>
      <c r="O15782" s="18"/>
      <c r="P15782" s="19">
        <v>520</v>
      </c>
      <c r="Q15782" s="19"/>
      <c r="R15782" s="19"/>
      <c r="S15782" s="19"/>
      <c r="T15782" s="19">
        <v>440</v>
      </c>
      <c r="U15782" s="19"/>
      <c r="V15782" s="19"/>
      <c r="W15782" s="19"/>
      <c r="X15782" s="19">
        <v>15</v>
      </c>
      <c r="Y15782" s="19"/>
      <c r="Z15782" s="19"/>
      <c r="AA15782" s="19"/>
    </row>
    <row r="15783" spans="1:27" s="1" customFormat="1" ht="11.1" customHeight="1" outlineLevel="4" x14ac:dyDescent="0.2">
      <c r="A15783" s="17"/>
      <c r="B15783" s="17"/>
      <c r="C15783" s="17"/>
      <c r="D15783" s="18"/>
      <c r="E15783" s="18"/>
      <c r="F15783" s="18"/>
      <c r="G15783" s="18"/>
      <c r="H15783" s="18"/>
      <c r="I15783" s="18"/>
      <c r="J15783" s="18"/>
      <c r="K15783" s="18"/>
      <c r="L15783" s="18"/>
      <c r="M15783" s="18"/>
      <c r="N15783" s="18"/>
      <c r="O15783" s="18"/>
      <c r="P15783" s="19"/>
      <c r="Q15783" s="19"/>
      <c r="R15783" s="19"/>
      <c r="S15783" s="19"/>
      <c r="T15783" s="19"/>
      <c r="U15783" s="19"/>
      <c r="V15783" s="19"/>
      <c r="W15783" s="19"/>
      <c r="X15783" s="19"/>
      <c r="Y15783" s="19"/>
      <c r="Z15783" s="19"/>
      <c r="AA15783" s="19"/>
    </row>
    <row r="15784" spans="1:27" s="1" customFormat="1" ht="11.1" customHeight="1" outlineLevel="4" x14ac:dyDescent="0.2">
      <c r="A15784" s="17">
        <v>10727</v>
      </c>
      <c r="B15784" s="17"/>
      <c r="C15784" s="17"/>
      <c r="D15784" s="18" t="s">
        <v>7808</v>
      </c>
      <c r="E15784" s="18"/>
      <c r="F15784" s="18"/>
      <c r="G15784" s="18"/>
      <c r="H15784" s="18"/>
      <c r="I15784" s="18"/>
      <c r="J15784" s="18"/>
      <c r="K15784" s="18"/>
      <c r="L15784" s="18"/>
      <c r="M15784" s="18"/>
      <c r="N15784" s="18"/>
      <c r="O15784" s="18"/>
      <c r="P15784" s="19">
        <v>790</v>
      </c>
      <c r="Q15784" s="19"/>
      <c r="R15784" s="19"/>
      <c r="S15784" s="19"/>
      <c r="T15784" s="19">
        <v>590</v>
      </c>
      <c r="U15784" s="19"/>
      <c r="V15784" s="19"/>
      <c r="W15784" s="19"/>
      <c r="X15784" s="19">
        <v>28</v>
      </c>
      <c r="Y15784" s="19"/>
      <c r="Z15784" s="19"/>
      <c r="AA15784" s="19"/>
    </row>
    <row r="15785" spans="1:27" s="1" customFormat="1" ht="11.1" customHeight="1" outlineLevel="4" x14ac:dyDescent="0.2">
      <c r="A15785" s="17"/>
      <c r="B15785" s="17"/>
      <c r="C15785" s="17"/>
      <c r="D15785" s="18"/>
      <c r="E15785" s="18"/>
      <c r="F15785" s="18"/>
      <c r="G15785" s="18"/>
      <c r="H15785" s="18"/>
      <c r="I15785" s="18"/>
      <c r="J15785" s="18"/>
      <c r="K15785" s="18"/>
      <c r="L15785" s="18"/>
      <c r="M15785" s="18"/>
      <c r="N15785" s="18"/>
      <c r="O15785" s="18"/>
      <c r="P15785" s="19"/>
      <c r="Q15785" s="19"/>
      <c r="R15785" s="19"/>
      <c r="S15785" s="19"/>
      <c r="T15785" s="19"/>
      <c r="U15785" s="19"/>
      <c r="V15785" s="19"/>
      <c r="W15785" s="19"/>
      <c r="X15785" s="19"/>
      <c r="Y15785" s="19"/>
      <c r="Z15785" s="19"/>
      <c r="AA15785" s="19"/>
    </row>
    <row r="15786" spans="1:27" s="1" customFormat="1" ht="11.1" customHeight="1" outlineLevel="4" x14ac:dyDescent="0.2">
      <c r="A15786" s="17">
        <v>9380</v>
      </c>
      <c r="B15786" s="17"/>
      <c r="C15786" s="17"/>
      <c r="D15786" s="18" t="s">
        <v>7809</v>
      </c>
      <c r="E15786" s="18"/>
      <c r="F15786" s="18"/>
      <c r="G15786" s="18"/>
      <c r="H15786" s="18"/>
      <c r="I15786" s="18"/>
      <c r="J15786" s="18"/>
      <c r="K15786" s="18"/>
      <c r="L15786" s="18"/>
      <c r="M15786" s="18"/>
      <c r="N15786" s="18"/>
      <c r="O15786" s="18"/>
      <c r="P15786" s="19">
        <v>550</v>
      </c>
      <c r="Q15786" s="19"/>
      <c r="R15786" s="19"/>
      <c r="S15786" s="19"/>
      <c r="T15786" s="19">
        <v>460</v>
      </c>
      <c r="U15786" s="19"/>
      <c r="V15786" s="19"/>
      <c r="W15786" s="19"/>
      <c r="X15786" s="19">
        <v>20</v>
      </c>
      <c r="Y15786" s="19"/>
      <c r="Z15786" s="19"/>
      <c r="AA15786" s="19"/>
    </row>
    <row r="15787" spans="1:27" s="1" customFormat="1" ht="11.1" customHeight="1" outlineLevel="4" x14ac:dyDescent="0.2">
      <c r="A15787" s="17"/>
      <c r="B15787" s="17"/>
      <c r="C15787" s="17"/>
      <c r="D15787" s="18"/>
      <c r="E15787" s="18"/>
      <c r="F15787" s="18"/>
      <c r="G15787" s="18"/>
      <c r="H15787" s="18"/>
      <c r="I15787" s="18"/>
      <c r="J15787" s="18"/>
      <c r="K15787" s="18"/>
      <c r="L15787" s="18"/>
      <c r="M15787" s="18"/>
      <c r="N15787" s="18"/>
      <c r="O15787" s="18"/>
      <c r="P15787" s="19"/>
      <c r="Q15787" s="19"/>
      <c r="R15787" s="19"/>
      <c r="S15787" s="19"/>
      <c r="T15787" s="19"/>
      <c r="U15787" s="19"/>
      <c r="V15787" s="19"/>
      <c r="W15787" s="19"/>
      <c r="X15787" s="19"/>
      <c r="Y15787" s="19"/>
      <c r="Z15787" s="19"/>
      <c r="AA15787" s="19"/>
    </row>
    <row r="15788" spans="1:27" s="1" customFormat="1" ht="11.1" customHeight="1" outlineLevel="4" x14ac:dyDescent="0.2">
      <c r="A15788" s="17">
        <v>9473</v>
      </c>
      <c r="B15788" s="17"/>
      <c r="C15788" s="17"/>
      <c r="D15788" s="18" t="s">
        <v>7810</v>
      </c>
      <c r="E15788" s="18"/>
      <c r="F15788" s="18"/>
      <c r="G15788" s="18"/>
      <c r="H15788" s="18"/>
      <c r="I15788" s="18"/>
      <c r="J15788" s="18"/>
      <c r="K15788" s="18"/>
      <c r="L15788" s="18"/>
      <c r="M15788" s="18"/>
      <c r="N15788" s="18"/>
      <c r="O15788" s="18"/>
      <c r="P15788" s="19">
        <v>490</v>
      </c>
      <c r="Q15788" s="19"/>
      <c r="R15788" s="19"/>
      <c r="S15788" s="19"/>
      <c r="T15788" s="19">
        <v>440</v>
      </c>
      <c r="U15788" s="19"/>
      <c r="V15788" s="19"/>
      <c r="W15788" s="19"/>
      <c r="X15788" s="19">
        <v>3</v>
      </c>
      <c r="Y15788" s="19"/>
      <c r="Z15788" s="19"/>
      <c r="AA15788" s="19"/>
    </row>
    <row r="15789" spans="1:27" s="1" customFormat="1" ht="11.1" customHeight="1" outlineLevel="4" x14ac:dyDescent="0.2">
      <c r="A15789" s="17"/>
      <c r="B15789" s="17"/>
      <c r="C15789" s="17"/>
      <c r="D15789" s="18"/>
      <c r="E15789" s="18"/>
      <c r="F15789" s="18"/>
      <c r="G15789" s="18"/>
      <c r="H15789" s="18"/>
      <c r="I15789" s="18"/>
      <c r="J15789" s="18"/>
      <c r="K15789" s="18"/>
      <c r="L15789" s="18"/>
      <c r="M15789" s="18"/>
      <c r="N15789" s="18"/>
      <c r="O15789" s="18"/>
      <c r="P15789" s="19"/>
      <c r="Q15789" s="19"/>
      <c r="R15789" s="19"/>
      <c r="S15789" s="19"/>
      <c r="T15789" s="19"/>
      <c r="U15789" s="19"/>
      <c r="V15789" s="19"/>
      <c r="W15789" s="19"/>
      <c r="X15789" s="19"/>
      <c r="Y15789" s="19"/>
      <c r="Z15789" s="19"/>
      <c r="AA15789" s="19"/>
    </row>
    <row r="15790" spans="1:27" s="1" customFormat="1" ht="11.1" customHeight="1" outlineLevel="3" x14ac:dyDescent="0.2">
      <c r="A15790" s="16" t="s">
        <v>2162</v>
      </c>
      <c r="B15790" s="16"/>
      <c r="C15790" s="16"/>
      <c r="D15790" s="16"/>
      <c r="E15790" s="16"/>
      <c r="F15790" s="16"/>
      <c r="G15790" s="16"/>
      <c r="H15790" s="16"/>
      <c r="I15790" s="16"/>
      <c r="J15790" s="16"/>
      <c r="K15790" s="16"/>
      <c r="L15790" s="16"/>
      <c r="M15790" s="16"/>
      <c r="N15790" s="16"/>
      <c r="O15790" s="16"/>
      <c r="P15790" s="16"/>
      <c r="Q15790" s="16"/>
      <c r="R15790" s="16"/>
      <c r="S15790" s="16"/>
      <c r="T15790" s="16"/>
      <c r="U15790" s="16"/>
      <c r="V15790" s="16"/>
      <c r="W15790" s="16"/>
      <c r="X15790" s="16"/>
      <c r="Y15790" s="16"/>
      <c r="Z15790" s="16"/>
      <c r="AA15790" s="16"/>
    </row>
    <row r="15791" spans="1:27" s="1" customFormat="1" ht="11.1" customHeight="1" outlineLevel="3" x14ac:dyDescent="0.2">
      <c r="A15791" s="16"/>
      <c r="B15791" s="16"/>
      <c r="C15791" s="16"/>
      <c r="D15791" s="16"/>
      <c r="E15791" s="16"/>
      <c r="F15791" s="16"/>
      <c r="G15791" s="16"/>
      <c r="H15791" s="16"/>
      <c r="I15791" s="16"/>
      <c r="J15791" s="16"/>
      <c r="K15791" s="16"/>
      <c r="L15791" s="16"/>
      <c r="M15791" s="16"/>
      <c r="N15791" s="16"/>
      <c r="O15791" s="16"/>
      <c r="P15791" s="16"/>
      <c r="Q15791" s="16"/>
      <c r="R15791" s="16"/>
      <c r="S15791" s="16"/>
      <c r="T15791" s="16"/>
      <c r="U15791" s="16"/>
      <c r="V15791" s="16"/>
      <c r="W15791" s="16"/>
      <c r="X15791" s="16"/>
      <c r="Y15791" s="16"/>
      <c r="Z15791" s="16"/>
      <c r="AA15791" s="16"/>
    </row>
    <row r="15792" spans="1:27" s="1" customFormat="1" ht="14.1" customHeight="1" outlineLevel="4" x14ac:dyDescent="0.2">
      <c r="A15792" s="17">
        <v>8343</v>
      </c>
      <c r="B15792" s="17"/>
      <c r="C15792" s="17"/>
      <c r="D15792" s="18" t="s">
        <v>7811</v>
      </c>
      <c r="E15792" s="18"/>
      <c r="F15792" s="18"/>
      <c r="G15792" s="18"/>
      <c r="H15792" s="18"/>
      <c r="I15792" s="18"/>
      <c r="J15792" s="18"/>
      <c r="K15792" s="18"/>
      <c r="L15792" s="18"/>
      <c r="M15792" s="18"/>
      <c r="N15792" s="18"/>
      <c r="O15792" s="18"/>
      <c r="P15792" s="19">
        <v>450</v>
      </c>
      <c r="Q15792" s="19"/>
      <c r="R15792" s="19"/>
      <c r="S15792" s="19"/>
      <c r="T15792" s="19">
        <v>390</v>
      </c>
      <c r="U15792" s="19"/>
      <c r="V15792" s="19"/>
      <c r="W15792" s="19"/>
      <c r="X15792" s="19">
        <v>1</v>
      </c>
      <c r="Y15792" s="19"/>
      <c r="Z15792" s="19"/>
      <c r="AA15792" s="19"/>
    </row>
    <row r="15793" spans="1:27" s="1" customFormat="1" ht="14.1" customHeight="1" outlineLevel="4" x14ac:dyDescent="0.2">
      <c r="A15793" s="17"/>
      <c r="B15793" s="17"/>
      <c r="C15793" s="17"/>
      <c r="D15793" s="18"/>
      <c r="E15793" s="18"/>
      <c r="F15793" s="18"/>
      <c r="G15793" s="18"/>
      <c r="H15793" s="18"/>
      <c r="I15793" s="18"/>
      <c r="J15793" s="18"/>
      <c r="K15793" s="18"/>
      <c r="L15793" s="18"/>
      <c r="M15793" s="18"/>
      <c r="N15793" s="18"/>
      <c r="O15793" s="18"/>
      <c r="P15793" s="19"/>
      <c r="Q15793" s="19"/>
      <c r="R15793" s="19"/>
      <c r="S15793" s="19"/>
      <c r="T15793" s="19"/>
      <c r="U15793" s="19"/>
      <c r="V15793" s="19"/>
      <c r="W15793" s="19"/>
      <c r="X15793" s="19"/>
      <c r="Y15793" s="19"/>
      <c r="Z15793" s="19"/>
      <c r="AA15793" s="19"/>
    </row>
    <row r="15794" spans="1:27" s="1" customFormat="1" ht="14.1" customHeight="1" outlineLevel="4" x14ac:dyDescent="0.2">
      <c r="A15794" s="17">
        <v>10472</v>
      </c>
      <c r="B15794" s="17"/>
      <c r="C15794" s="17"/>
      <c r="D15794" s="18" t="s">
        <v>7812</v>
      </c>
      <c r="E15794" s="18"/>
      <c r="F15794" s="18"/>
      <c r="G15794" s="18"/>
      <c r="H15794" s="18"/>
      <c r="I15794" s="18"/>
      <c r="J15794" s="18"/>
      <c r="K15794" s="18"/>
      <c r="L15794" s="18"/>
      <c r="M15794" s="18"/>
      <c r="N15794" s="18"/>
      <c r="O15794" s="18"/>
      <c r="P15794" s="19">
        <v>450</v>
      </c>
      <c r="Q15794" s="19"/>
      <c r="R15794" s="19"/>
      <c r="S15794" s="19"/>
      <c r="T15794" s="19">
        <v>330</v>
      </c>
      <c r="U15794" s="19"/>
      <c r="V15794" s="19"/>
      <c r="W15794" s="19"/>
      <c r="X15794" s="19">
        <v>2</v>
      </c>
      <c r="Y15794" s="19"/>
      <c r="Z15794" s="19"/>
      <c r="AA15794" s="19"/>
    </row>
    <row r="15795" spans="1:27" s="1" customFormat="1" ht="14.1" customHeight="1" outlineLevel="4" x14ac:dyDescent="0.2">
      <c r="A15795" s="17"/>
      <c r="B15795" s="17"/>
      <c r="C15795" s="17"/>
      <c r="D15795" s="18"/>
      <c r="E15795" s="18"/>
      <c r="F15795" s="18"/>
      <c r="G15795" s="18"/>
      <c r="H15795" s="18"/>
      <c r="I15795" s="18"/>
      <c r="J15795" s="18"/>
      <c r="K15795" s="18"/>
      <c r="L15795" s="18"/>
      <c r="M15795" s="18"/>
      <c r="N15795" s="18"/>
      <c r="O15795" s="18"/>
      <c r="P15795" s="19"/>
      <c r="Q15795" s="19"/>
      <c r="R15795" s="19"/>
      <c r="S15795" s="19"/>
      <c r="T15795" s="19"/>
      <c r="U15795" s="19"/>
      <c r="V15795" s="19"/>
      <c r="W15795" s="19"/>
      <c r="X15795" s="19"/>
      <c r="Y15795" s="19"/>
      <c r="Z15795" s="19"/>
      <c r="AA15795" s="19"/>
    </row>
    <row r="15796" spans="1:27" s="1" customFormat="1" ht="14.1" customHeight="1" outlineLevel="4" x14ac:dyDescent="0.2">
      <c r="A15796" s="17">
        <v>17594</v>
      </c>
      <c r="B15796" s="17"/>
      <c r="C15796" s="17"/>
      <c r="D15796" s="18" t="s">
        <v>7813</v>
      </c>
      <c r="E15796" s="18"/>
      <c r="F15796" s="18"/>
      <c r="G15796" s="18"/>
      <c r="H15796" s="18"/>
      <c r="I15796" s="18"/>
      <c r="J15796" s="18"/>
      <c r="K15796" s="18"/>
      <c r="L15796" s="18"/>
      <c r="M15796" s="18"/>
      <c r="N15796" s="18"/>
      <c r="O15796" s="18"/>
      <c r="P15796" s="20">
        <v>1600</v>
      </c>
      <c r="Q15796" s="20"/>
      <c r="R15796" s="20"/>
      <c r="S15796" s="20"/>
      <c r="T15796" s="20">
        <v>1400</v>
      </c>
      <c r="U15796" s="20"/>
      <c r="V15796" s="20"/>
      <c r="W15796" s="20"/>
      <c r="X15796" s="19">
        <v>1</v>
      </c>
      <c r="Y15796" s="19"/>
      <c r="Z15796" s="19"/>
      <c r="AA15796" s="19"/>
    </row>
    <row r="15797" spans="1:27" s="1" customFormat="1" ht="14.1" customHeight="1" outlineLevel="4" x14ac:dyDescent="0.2">
      <c r="A15797" s="17"/>
      <c r="B15797" s="17"/>
      <c r="C15797" s="17"/>
      <c r="D15797" s="18"/>
      <c r="E15797" s="18"/>
      <c r="F15797" s="18"/>
      <c r="G15797" s="18"/>
      <c r="H15797" s="18"/>
      <c r="I15797" s="18"/>
      <c r="J15797" s="18"/>
      <c r="K15797" s="18"/>
      <c r="L15797" s="18"/>
      <c r="M15797" s="18"/>
      <c r="N15797" s="18"/>
      <c r="O15797" s="18"/>
      <c r="P15797" s="20"/>
      <c r="Q15797" s="20"/>
      <c r="R15797" s="20"/>
      <c r="S15797" s="20"/>
      <c r="T15797" s="20"/>
      <c r="U15797" s="20"/>
      <c r="V15797" s="20"/>
      <c r="W15797" s="20"/>
      <c r="X15797" s="19"/>
      <c r="Y15797" s="19"/>
      <c r="Z15797" s="19"/>
      <c r="AA15797" s="19"/>
    </row>
    <row r="15798" spans="1:27" s="1" customFormat="1" ht="11.1" customHeight="1" outlineLevel="4" x14ac:dyDescent="0.2">
      <c r="A15798" s="17">
        <v>7195</v>
      </c>
      <c r="B15798" s="17"/>
      <c r="C15798" s="17"/>
      <c r="D15798" s="18" t="s">
        <v>7814</v>
      </c>
      <c r="E15798" s="18"/>
      <c r="F15798" s="18"/>
      <c r="G15798" s="18"/>
      <c r="H15798" s="18"/>
      <c r="I15798" s="18"/>
      <c r="J15798" s="18"/>
      <c r="K15798" s="18"/>
      <c r="L15798" s="18"/>
      <c r="M15798" s="18"/>
      <c r="N15798" s="18"/>
      <c r="O15798" s="18"/>
      <c r="P15798" s="19">
        <v>450</v>
      </c>
      <c r="Q15798" s="19"/>
      <c r="R15798" s="19"/>
      <c r="S15798" s="19"/>
      <c r="T15798" s="19">
        <v>350</v>
      </c>
      <c r="U15798" s="19"/>
      <c r="V15798" s="19"/>
      <c r="W15798" s="19"/>
      <c r="X15798" s="19">
        <v>5</v>
      </c>
      <c r="Y15798" s="19"/>
      <c r="Z15798" s="19"/>
      <c r="AA15798" s="19"/>
    </row>
    <row r="15799" spans="1:27" s="1" customFormat="1" ht="11.1" customHeight="1" outlineLevel="4" x14ac:dyDescent="0.2">
      <c r="A15799" s="17"/>
      <c r="B15799" s="17"/>
      <c r="C15799" s="17"/>
      <c r="D15799" s="18"/>
      <c r="E15799" s="18"/>
      <c r="F15799" s="18"/>
      <c r="G15799" s="18"/>
      <c r="H15799" s="18"/>
      <c r="I15799" s="18"/>
      <c r="J15799" s="18"/>
      <c r="K15799" s="18"/>
      <c r="L15799" s="18"/>
      <c r="M15799" s="18"/>
      <c r="N15799" s="18"/>
      <c r="O15799" s="18"/>
      <c r="P15799" s="19"/>
      <c r="Q15799" s="19"/>
      <c r="R15799" s="19"/>
      <c r="S15799" s="19"/>
      <c r="T15799" s="19"/>
      <c r="U15799" s="19"/>
      <c r="V15799" s="19"/>
      <c r="W15799" s="19"/>
      <c r="X15799" s="19"/>
      <c r="Y15799" s="19"/>
      <c r="Z15799" s="19"/>
      <c r="AA15799" s="19"/>
    </row>
    <row r="15800" spans="1:27" s="1" customFormat="1" ht="14.1" customHeight="1" outlineLevel="4" x14ac:dyDescent="0.2">
      <c r="A15800" s="17">
        <v>10135</v>
      </c>
      <c r="B15800" s="17"/>
      <c r="C15800" s="17"/>
      <c r="D15800" s="18" t="s">
        <v>7815</v>
      </c>
      <c r="E15800" s="18"/>
      <c r="F15800" s="18"/>
      <c r="G15800" s="18"/>
      <c r="H15800" s="18"/>
      <c r="I15800" s="18"/>
      <c r="J15800" s="18"/>
      <c r="K15800" s="18"/>
      <c r="L15800" s="18"/>
      <c r="M15800" s="18"/>
      <c r="N15800" s="18"/>
      <c r="O15800" s="18"/>
      <c r="P15800" s="19">
        <v>560</v>
      </c>
      <c r="Q15800" s="19"/>
      <c r="R15800" s="19"/>
      <c r="S15800" s="19"/>
      <c r="T15800" s="19">
        <v>460</v>
      </c>
      <c r="U15800" s="19"/>
      <c r="V15800" s="19"/>
      <c r="W15800" s="19"/>
      <c r="X15800" s="19">
        <v>10</v>
      </c>
      <c r="Y15800" s="19"/>
      <c r="Z15800" s="19"/>
      <c r="AA15800" s="19"/>
    </row>
    <row r="15801" spans="1:27" s="1" customFormat="1" ht="14.1" customHeight="1" outlineLevel="4" x14ac:dyDescent="0.2">
      <c r="A15801" s="17"/>
      <c r="B15801" s="17"/>
      <c r="C15801" s="17"/>
      <c r="D15801" s="18"/>
      <c r="E15801" s="18"/>
      <c r="F15801" s="18"/>
      <c r="G15801" s="18"/>
      <c r="H15801" s="18"/>
      <c r="I15801" s="18"/>
      <c r="J15801" s="18"/>
      <c r="K15801" s="18"/>
      <c r="L15801" s="18"/>
      <c r="M15801" s="18"/>
      <c r="N15801" s="18"/>
      <c r="O15801" s="18"/>
      <c r="P15801" s="19"/>
      <c r="Q15801" s="19"/>
      <c r="R15801" s="19"/>
      <c r="S15801" s="19"/>
      <c r="T15801" s="19"/>
      <c r="U15801" s="19"/>
      <c r="V15801" s="19"/>
      <c r="W15801" s="19"/>
      <c r="X15801" s="19"/>
      <c r="Y15801" s="19"/>
      <c r="Z15801" s="19"/>
      <c r="AA15801" s="19"/>
    </row>
    <row r="15802" spans="1:27" s="1" customFormat="1" ht="11.1" customHeight="1" outlineLevel="4" x14ac:dyDescent="0.2">
      <c r="A15802" s="17">
        <v>7737</v>
      </c>
      <c r="B15802" s="17"/>
      <c r="C15802" s="17"/>
      <c r="D15802" s="18" t="s">
        <v>7816</v>
      </c>
      <c r="E15802" s="18"/>
      <c r="F15802" s="18"/>
      <c r="G15802" s="18"/>
      <c r="H15802" s="18"/>
      <c r="I15802" s="18"/>
      <c r="J15802" s="18"/>
      <c r="K15802" s="18"/>
      <c r="L15802" s="18"/>
      <c r="M15802" s="18"/>
      <c r="N15802" s="18"/>
      <c r="O15802" s="18"/>
      <c r="P15802" s="19">
        <v>590</v>
      </c>
      <c r="Q15802" s="19"/>
      <c r="R15802" s="19"/>
      <c r="S15802" s="19"/>
      <c r="T15802" s="19">
        <v>420</v>
      </c>
      <c r="U15802" s="19"/>
      <c r="V15802" s="19"/>
      <c r="W15802" s="19"/>
      <c r="X15802" s="19">
        <v>2</v>
      </c>
      <c r="Y15802" s="19"/>
      <c r="Z15802" s="19"/>
      <c r="AA15802" s="19"/>
    </row>
    <row r="15803" spans="1:27" s="1" customFormat="1" ht="11.1" customHeight="1" outlineLevel="4" x14ac:dyDescent="0.2">
      <c r="A15803" s="17"/>
      <c r="B15803" s="17"/>
      <c r="C15803" s="17"/>
      <c r="D15803" s="18"/>
      <c r="E15803" s="18"/>
      <c r="F15803" s="18"/>
      <c r="G15803" s="18"/>
      <c r="H15803" s="18"/>
      <c r="I15803" s="18"/>
      <c r="J15803" s="18"/>
      <c r="K15803" s="18"/>
      <c r="L15803" s="18"/>
      <c r="M15803" s="18"/>
      <c r="N15803" s="18"/>
      <c r="O15803" s="18"/>
      <c r="P15803" s="19"/>
      <c r="Q15803" s="19"/>
      <c r="R15803" s="19"/>
      <c r="S15803" s="19"/>
      <c r="T15803" s="19"/>
      <c r="U15803" s="19"/>
      <c r="V15803" s="19"/>
      <c r="W15803" s="19"/>
      <c r="X15803" s="19"/>
      <c r="Y15803" s="19"/>
      <c r="Z15803" s="19"/>
      <c r="AA15803" s="19"/>
    </row>
    <row r="15804" spans="1:27" s="1" customFormat="1" ht="14.1" customHeight="1" outlineLevel="4" x14ac:dyDescent="0.2">
      <c r="A15804" s="17">
        <v>8012</v>
      </c>
      <c r="B15804" s="17"/>
      <c r="C15804" s="17"/>
      <c r="D15804" s="18" t="s">
        <v>7817</v>
      </c>
      <c r="E15804" s="18"/>
      <c r="F15804" s="18"/>
      <c r="G15804" s="18"/>
      <c r="H15804" s="18"/>
      <c r="I15804" s="18"/>
      <c r="J15804" s="18"/>
      <c r="K15804" s="18"/>
      <c r="L15804" s="18"/>
      <c r="M15804" s="18"/>
      <c r="N15804" s="18"/>
      <c r="O15804" s="18"/>
      <c r="P15804" s="19">
        <v>450</v>
      </c>
      <c r="Q15804" s="19"/>
      <c r="R15804" s="19"/>
      <c r="S15804" s="19"/>
      <c r="T15804" s="19">
        <v>330</v>
      </c>
      <c r="U15804" s="19"/>
      <c r="V15804" s="19"/>
      <c r="W15804" s="19"/>
      <c r="X15804" s="19">
        <v>2</v>
      </c>
      <c r="Y15804" s="19"/>
      <c r="Z15804" s="19"/>
      <c r="AA15804" s="19"/>
    </row>
    <row r="15805" spans="1:27" s="1" customFormat="1" ht="14.1" customHeight="1" outlineLevel="4" x14ac:dyDescent="0.2">
      <c r="A15805" s="17"/>
      <c r="B15805" s="17"/>
      <c r="C15805" s="17"/>
      <c r="D15805" s="18"/>
      <c r="E15805" s="18"/>
      <c r="F15805" s="18"/>
      <c r="G15805" s="18"/>
      <c r="H15805" s="18"/>
      <c r="I15805" s="18"/>
      <c r="J15805" s="18"/>
      <c r="K15805" s="18"/>
      <c r="L15805" s="18"/>
      <c r="M15805" s="18"/>
      <c r="N15805" s="18"/>
      <c r="O15805" s="18"/>
      <c r="P15805" s="19"/>
      <c r="Q15805" s="19"/>
      <c r="R15805" s="19"/>
      <c r="S15805" s="19"/>
      <c r="T15805" s="19"/>
      <c r="U15805" s="19"/>
      <c r="V15805" s="19"/>
      <c r="W15805" s="19"/>
      <c r="X15805" s="19"/>
      <c r="Y15805" s="19"/>
      <c r="Z15805" s="19"/>
      <c r="AA15805" s="19"/>
    </row>
    <row r="15806" spans="1:27" s="1" customFormat="1" ht="11.1" customHeight="1" outlineLevel="4" x14ac:dyDescent="0.2">
      <c r="A15806" s="17">
        <v>11090</v>
      </c>
      <c r="B15806" s="17"/>
      <c r="C15806" s="17"/>
      <c r="D15806" s="18" t="s">
        <v>7818</v>
      </c>
      <c r="E15806" s="18"/>
      <c r="F15806" s="18"/>
      <c r="G15806" s="18"/>
      <c r="H15806" s="18"/>
      <c r="I15806" s="18"/>
      <c r="J15806" s="18"/>
      <c r="K15806" s="18"/>
      <c r="L15806" s="18"/>
      <c r="M15806" s="18"/>
      <c r="N15806" s="18"/>
      <c r="O15806" s="18"/>
      <c r="P15806" s="19">
        <v>450</v>
      </c>
      <c r="Q15806" s="19"/>
      <c r="R15806" s="19"/>
      <c r="S15806" s="19"/>
      <c r="T15806" s="19">
        <v>400</v>
      </c>
      <c r="U15806" s="19"/>
      <c r="V15806" s="19"/>
      <c r="W15806" s="19"/>
      <c r="X15806" s="19">
        <v>2</v>
      </c>
      <c r="Y15806" s="19"/>
      <c r="Z15806" s="19"/>
      <c r="AA15806" s="19"/>
    </row>
    <row r="15807" spans="1:27" s="1" customFormat="1" ht="11.1" customHeight="1" outlineLevel="4" x14ac:dyDescent="0.2">
      <c r="A15807" s="17"/>
      <c r="B15807" s="17"/>
      <c r="C15807" s="17"/>
      <c r="D15807" s="18"/>
      <c r="E15807" s="18"/>
      <c r="F15807" s="18"/>
      <c r="G15807" s="18"/>
      <c r="H15807" s="18"/>
      <c r="I15807" s="18"/>
      <c r="J15807" s="18"/>
      <c r="K15807" s="18"/>
      <c r="L15807" s="18"/>
      <c r="M15807" s="18"/>
      <c r="N15807" s="18"/>
      <c r="O15807" s="18"/>
      <c r="P15807" s="19"/>
      <c r="Q15807" s="19"/>
      <c r="R15807" s="19"/>
      <c r="S15807" s="19"/>
      <c r="T15807" s="19"/>
      <c r="U15807" s="19"/>
      <c r="V15807" s="19"/>
      <c r="W15807" s="19"/>
      <c r="X15807" s="19"/>
      <c r="Y15807" s="19"/>
      <c r="Z15807" s="19"/>
      <c r="AA15807" s="19"/>
    </row>
    <row r="15808" spans="1:27" s="1" customFormat="1" ht="14.1" customHeight="1" outlineLevel="4" x14ac:dyDescent="0.2">
      <c r="A15808" s="17">
        <v>5335</v>
      </c>
      <c r="B15808" s="17"/>
      <c r="C15808" s="17"/>
      <c r="D15808" s="18" t="s">
        <v>7819</v>
      </c>
      <c r="E15808" s="18"/>
      <c r="F15808" s="18"/>
      <c r="G15808" s="18"/>
      <c r="H15808" s="18"/>
      <c r="I15808" s="18"/>
      <c r="J15808" s="18"/>
      <c r="K15808" s="18"/>
      <c r="L15808" s="18"/>
      <c r="M15808" s="18"/>
      <c r="N15808" s="18"/>
      <c r="O15808" s="18"/>
      <c r="P15808" s="19">
        <v>550</v>
      </c>
      <c r="Q15808" s="19"/>
      <c r="R15808" s="19"/>
      <c r="S15808" s="19"/>
      <c r="T15808" s="19">
        <v>490</v>
      </c>
      <c r="U15808" s="19"/>
      <c r="V15808" s="19"/>
      <c r="W15808" s="19"/>
      <c r="X15808" s="19">
        <v>1</v>
      </c>
      <c r="Y15808" s="19"/>
      <c r="Z15808" s="19"/>
      <c r="AA15808" s="19"/>
    </row>
    <row r="15809" spans="1:27" s="1" customFormat="1" ht="14.1" customHeight="1" outlineLevel="4" x14ac:dyDescent="0.2">
      <c r="A15809" s="17"/>
      <c r="B15809" s="17"/>
      <c r="C15809" s="17"/>
      <c r="D15809" s="18"/>
      <c r="E15809" s="18"/>
      <c r="F15809" s="18"/>
      <c r="G15809" s="18"/>
      <c r="H15809" s="18"/>
      <c r="I15809" s="18"/>
      <c r="J15809" s="18"/>
      <c r="K15809" s="18"/>
      <c r="L15809" s="18"/>
      <c r="M15809" s="18"/>
      <c r="N15809" s="18"/>
      <c r="O15809" s="18"/>
      <c r="P15809" s="19"/>
      <c r="Q15809" s="19"/>
      <c r="R15809" s="19"/>
      <c r="S15809" s="19"/>
      <c r="T15809" s="19"/>
      <c r="U15809" s="19"/>
      <c r="V15809" s="19"/>
      <c r="W15809" s="19"/>
      <c r="X15809" s="19"/>
      <c r="Y15809" s="19"/>
      <c r="Z15809" s="19"/>
      <c r="AA15809" s="19"/>
    </row>
    <row r="15810" spans="1:27" s="1" customFormat="1" ht="11.1" customHeight="1" outlineLevel="3" x14ac:dyDescent="0.2">
      <c r="A15810" s="16" t="s">
        <v>7553</v>
      </c>
      <c r="B15810" s="16"/>
      <c r="C15810" s="16"/>
      <c r="D15810" s="16"/>
      <c r="E15810" s="16"/>
      <c r="F15810" s="16"/>
      <c r="G15810" s="16"/>
      <c r="H15810" s="16"/>
      <c r="I15810" s="16"/>
      <c r="J15810" s="16"/>
      <c r="K15810" s="16"/>
      <c r="L15810" s="16"/>
      <c r="M15810" s="16"/>
      <c r="N15810" s="16"/>
      <c r="O15810" s="16"/>
      <c r="P15810" s="16"/>
      <c r="Q15810" s="16"/>
      <c r="R15810" s="16"/>
      <c r="S15810" s="16"/>
      <c r="T15810" s="16"/>
      <c r="U15810" s="16"/>
      <c r="V15810" s="16"/>
      <c r="W15810" s="16"/>
      <c r="X15810" s="16"/>
      <c r="Y15810" s="16"/>
      <c r="Z15810" s="16"/>
      <c r="AA15810" s="16"/>
    </row>
    <row r="15811" spans="1:27" s="1" customFormat="1" ht="11.1" customHeight="1" outlineLevel="3" x14ac:dyDescent="0.2">
      <c r="A15811" s="16"/>
      <c r="B15811" s="16"/>
      <c r="C15811" s="16"/>
      <c r="D15811" s="16"/>
      <c r="E15811" s="16"/>
      <c r="F15811" s="16"/>
      <c r="G15811" s="16"/>
      <c r="H15811" s="16"/>
      <c r="I15811" s="16"/>
      <c r="J15811" s="16"/>
      <c r="K15811" s="16"/>
      <c r="L15811" s="16"/>
      <c r="M15811" s="16"/>
      <c r="N15811" s="16"/>
      <c r="O15811" s="16"/>
      <c r="P15811" s="16"/>
      <c r="Q15811" s="16"/>
      <c r="R15811" s="16"/>
      <c r="S15811" s="16"/>
      <c r="T15811" s="16"/>
      <c r="U15811" s="16"/>
      <c r="V15811" s="16"/>
      <c r="W15811" s="16"/>
      <c r="X15811" s="16"/>
      <c r="Y15811" s="16"/>
      <c r="Z15811" s="16"/>
      <c r="AA15811" s="16"/>
    </row>
    <row r="15812" spans="1:27" s="1" customFormat="1" ht="11.1" customHeight="1" outlineLevel="4" x14ac:dyDescent="0.2">
      <c r="A15812" s="17">
        <v>16730</v>
      </c>
      <c r="B15812" s="17"/>
      <c r="C15812" s="17"/>
      <c r="D15812" s="18" t="s">
        <v>7820</v>
      </c>
      <c r="E15812" s="18"/>
      <c r="F15812" s="18"/>
      <c r="G15812" s="18"/>
      <c r="H15812" s="18"/>
      <c r="I15812" s="18"/>
      <c r="J15812" s="18"/>
      <c r="K15812" s="18"/>
      <c r="L15812" s="18"/>
      <c r="M15812" s="18"/>
      <c r="N15812" s="18"/>
      <c r="O15812" s="18"/>
      <c r="P15812" s="19">
        <v>600</v>
      </c>
      <c r="Q15812" s="19"/>
      <c r="R15812" s="19"/>
      <c r="S15812" s="19"/>
      <c r="T15812" s="19">
        <v>500</v>
      </c>
      <c r="U15812" s="19"/>
      <c r="V15812" s="19"/>
      <c r="W15812" s="19"/>
      <c r="X15812" s="19">
        <v>1</v>
      </c>
      <c r="Y15812" s="19"/>
      <c r="Z15812" s="19"/>
      <c r="AA15812" s="19"/>
    </row>
    <row r="15813" spans="1:27" s="1" customFormat="1" ht="11.1" customHeight="1" outlineLevel="4" x14ac:dyDescent="0.2">
      <c r="A15813" s="17"/>
      <c r="B15813" s="17"/>
      <c r="C15813" s="17"/>
      <c r="D15813" s="18"/>
      <c r="E15813" s="18"/>
      <c r="F15813" s="18"/>
      <c r="G15813" s="18"/>
      <c r="H15813" s="18"/>
      <c r="I15813" s="18"/>
      <c r="J15813" s="18"/>
      <c r="K15813" s="18"/>
      <c r="L15813" s="18"/>
      <c r="M15813" s="18"/>
      <c r="N15813" s="18"/>
      <c r="O15813" s="18"/>
      <c r="P15813" s="19"/>
      <c r="Q15813" s="19"/>
      <c r="R15813" s="19"/>
      <c r="S15813" s="19"/>
      <c r="T15813" s="19"/>
      <c r="U15813" s="19"/>
      <c r="V15813" s="19"/>
      <c r="W15813" s="19"/>
      <c r="X15813" s="19"/>
      <c r="Y15813" s="19"/>
      <c r="Z15813" s="19"/>
      <c r="AA15813" s="19"/>
    </row>
    <row r="15814" spans="1:27" s="1" customFormat="1" ht="11.1" customHeight="1" outlineLevel="4" x14ac:dyDescent="0.2">
      <c r="A15814" s="17">
        <v>8029</v>
      </c>
      <c r="B15814" s="17"/>
      <c r="C15814" s="17"/>
      <c r="D15814" s="18" t="s">
        <v>7821</v>
      </c>
      <c r="E15814" s="18"/>
      <c r="F15814" s="18"/>
      <c r="G15814" s="18"/>
      <c r="H15814" s="18"/>
      <c r="I15814" s="18"/>
      <c r="J15814" s="18"/>
      <c r="K15814" s="18"/>
      <c r="L15814" s="18"/>
      <c r="M15814" s="18"/>
      <c r="N15814" s="18"/>
      <c r="O15814" s="18"/>
      <c r="P15814" s="19">
        <v>530</v>
      </c>
      <c r="Q15814" s="19"/>
      <c r="R15814" s="19"/>
      <c r="S15814" s="19"/>
      <c r="T15814" s="19">
        <v>470</v>
      </c>
      <c r="U15814" s="19"/>
      <c r="V15814" s="19"/>
      <c r="W15814" s="19"/>
      <c r="X15814" s="19">
        <v>5</v>
      </c>
      <c r="Y15814" s="19"/>
      <c r="Z15814" s="19"/>
      <c r="AA15814" s="19"/>
    </row>
    <row r="15815" spans="1:27" s="1" customFormat="1" ht="11.1" customHeight="1" outlineLevel="4" x14ac:dyDescent="0.2">
      <c r="A15815" s="17"/>
      <c r="B15815" s="17"/>
      <c r="C15815" s="17"/>
      <c r="D15815" s="18"/>
      <c r="E15815" s="18"/>
      <c r="F15815" s="18"/>
      <c r="G15815" s="18"/>
      <c r="H15815" s="18"/>
      <c r="I15815" s="18"/>
      <c r="J15815" s="18"/>
      <c r="K15815" s="18"/>
      <c r="L15815" s="18"/>
      <c r="M15815" s="18"/>
      <c r="N15815" s="18"/>
      <c r="O15815" s="18"/>
      <c r="P15815" s="19"/>
      <c r="Q15815" s="19"/>
      <c r="R15815" s="19"/>
      <c r="S15815" s="19"/>
      <c r="T15815" s="19"/>
      <c r="U15815" s="19"/>
      <c r="V15815" s="19"/>
      <c r="W15815" s="19"/>
      <c r="X15815" s="19"/>
      <c r="Y15815" s="19"/>
      <c r="Z15815" s="19"/>
      <c r="AA15815" s="19"/>
    </row>
    <row r="15816" spans="1:27" s="1" customFormat="1" ht="11.1" customHeight="1" outlineLevel="4" x14ac:dyDescent="0.2">
      <c r="A15816" s="17">
        <v>10459</v>
      </c>
      <c r="B15816" s="17"/>
      <c r="C15816" s="17"/>
      <c r="D15816" s="18" t="s">
        <v>7822</v>
      </c>
      <c r="E15816" s="18"/>
      <c r="F15816" s="18"/>
      <c r="G15816" s="18"/>
      <c r="H15816" s="18"/>
      <c r="I15816" s="18"/>
      <c r="J15816" s="18"/>
      <c r="K15816" s="18"/>
      <c r="L15816" s="18"/>
      <c r="M15816" s="18"/>
      <c r="N15816" s="18"/>
      <c r="O15816" s="18"/>
      <c r="P15816" s="19">
        <v>600</v>
      </c>
      <c r="Q15816" s="19"/>
      <c r="R15816" s="19"/>
      <c r="S15816" s="19"/>
      <c r="T15816" s="19">
        <v>490</v>
      </c>
      <c r="U15816" s="19"/>
      <c r="V15816" s="19"/>
      <c r="W15816" s="19"/>
      <c r="X15816" s="19">
        <v>2</v>
      </c>
      <c r="Y15816" s="19"/>
      <c r="Z15816" s="19"/>
      <c r="AA15816" s="19"/>
    </row>
    <row r="15817" spans="1:27" s="1" customFormat="1" ht="11.1" customHeight="1" outlineLevel="4" x14ac:dyDescent="0.2">
      <c r="A15817" s="17"/>
      <c r="B15817" s="17"/>
      <c r="C15817" s="17"/>
      <c r="D15817" s="18"/>
      <c r="E15817" s="18"/>
      <c r="F15817" s="18"/>
      <c r="G15817" s="18"/>
      <c r="H15817" s="18"/>
      <c r="I15817" s="18"/>
      <c r="J15817" s="18"/>
      <c r="K15817" s="18"/>
      <c r="L15817" s="18"/>
      <c r="M15817" s="18"/>
      <c r="N15817" s="18"/>
      <c r="O15817" s="18"/>
      <c r="P15817" s="19"/>
      <c r="Q15817" s="19"/>
      <c r="R15817" s="19"/>
      <c r="S15817" s="19"/>
      <c r="T15817" s="19"/>
      <c r="U15817" s="19"/>
      <c r="V15817" s="19"/>
      <c r="W15817" s="19"/>
      <c r="X15817" s="19"/>
      <c r="Y15817" s="19"/>
      <c r="Z15817" s="19"/>
      <c r="AA15817" s="19"/>
    </row>
    <row r="15818" spans="1:27" s="1" customFormat="1" ht="11.1" customHeight="1" outlineLevel="4" x14ac:dyDescent="0.2">
      <c r="A15818" s="17">
        <v>7265</v>
      </c>
      <c r="B15818" s="17"/>
      <c r="C15818" s="17"/>
      <c r="D15818" s="18" t="s">
        <v>7823</v>
      </c>
      <c r="E15818" s="18"/>
      <c r="F15818" s="18"/>
      <c r="G15818" s="18"/>
      <c r="H15818" s="18"/>
      <c r="I15818" s="18"/>
      <c r="J15818" s="18"/>
      <c r="K15818" s="18"/>
      <c r="L15818" s="18"/>
      <c r="M15818" s="18"/>
      <c r="N15818" s="18"/>
      <c r="O15818" s="18"/>
      <c r="P15818" s="19">
        <v>345</v>
      </c>
      <c r="Q15818" s="19"/>
      <c r="R15818" s="19"/>
      <c r="S15818" s="19"/>
      <c r="T15818" s="19">
        <v>295</v>
      </c>
      <c r="U15818" s="19"/>
      <c r="V15818" s="19"/>
      <c r="W15818" s="19"/>
      <c r="X15818" s="19">
        <v>2</v>
      </c>
      <c r="Y15818" s="19"/>
      <c r="Z15818" s="19"/>
      <c r="AA15818" s="19"/>
    </row>
    <row r="15819" spans="1:27" s="1" customFormat="1" ht="11.1" customHeight="1" outlineLevel="4" x14ac:dyDescent="0.2">
      <c r="A15819" s="17"/>
      <c r="B15819" s="17"/>
      <c r="C15819" s="17"/>
      <c r="D15819" s="18"/>
      <c r="E15819" s="18"/>
      <c r="F15819" s="18"/>
      <c r="G15819" s="18"/>
      <c r="H15819" s="18"/>
      <c r="I15819" s="18"/>
      <c r="J15819" s="18"/>
      <c r="K15819" s="18"/>
      <c r="L15819" s="18"/>
      <c r="M15819" s="18"/>
      <c r="N15819" s="18"/>
      <c r="O15819" s="18"/>
      <c r="P15819" s="19"/>
      <c r="Q15819" s="19"/>
      <c r="R15819" s="19"/>
      <c r="S15819" s="19"/>
      <c r="T15819" s="19"/>
      <c r="U15819" s="19"/>
      <c r="V15819" s="19"/>
      <c r="W15819" s="19"/>
      <c r="X15819" s="19"/>
      <c r="Y15819" s="19"/>
      <c r="Z15819" s="19"/>
      <c r="AA15819" s="19"/>
    </row>
    <row r="15820" spans="1:27" s="1" customFormat="1" ht="11.1" customHeight="1" outlineLevel="4" x14ac:dyDescent="0.2">
      <c r="A15820" s="17">
        <v>7515</v>
      </c>
      <c r="B15820" s="17"/>
      <c r="C15820" s="17"/>
      <c r="D15820" s="18" t="s">
        <v>7824</v>
      </c>
      <c r="E15820" s="18"/>
      <c r="F15820" s="18"/>
      <c r="G15820" s="18"/>
      <c r="H15820" s="18"/>
      <c r="I15820" s="18"/>
      <c r="J15820" s="18"/>
      <c r="K15820" s="18"/>
      <c r="L15820" s="18"/>
      <c r="M15820" s="18"/>
      <c r="N15820" s="18"/>
      <c r="O15820" s="18"/>
      <c r="P15820" s="19">
        <v>450</v>
      </c>
      <c r="Q15820" s="19"/>
      <c r="R15820" s="19"/>
      <c r="S15820" s="19"/>
      <c r="T15820" s="19">
        <v>320</v>
      </c>
      <c r="U15820" s="19"/>
      <c r="V15820" s="19"/>
      <c r="W15820" s="19"/>
      <c r="X15820" s="19">
        <v>1</v>
      </c>
      <c r="Y15820" s="19"/>
      <c r="Z15820" s="19"/>
      <c r="AA15820" s="19"/>
    </row>
    <row r="15821" spans="1:27" s="1" customFormat="1" ht="11.1" customHeight="1" outlineLevel="4" x14ac:dyDescent="0.2">
      <c r="A15821" s="17"/>
      <c r="B15821" s="17"/>
      <c r="C15821" s="17"/>
      <c r="D15821" s="18"/>
      <c r="E15821" s="18"/>
      <c r="F15821" s="18"/>
      <c r="G15821" s="18"/>
      <c r="H15821" s="18"/>
      <c r="I15821" s="18"/>
      <c r="J15821" s="18"/>
      <c r="K15821" s="18"/>
      <c r="L15821" s="18"/>
      <c r="M15821" s="18"/>
      <c r="N15821" s="18"/>
      <c r="O15821" s="18"/>
      <c r="P15821" s="19"/>
      <c r="Q15821" s="19"/>
      <c r="R15821" s="19"/>
      <c r="S15821" s="19"/>
      <c r="T15821" s="19"/>
      <c r="U15821" s="19"/>
      <c r="V15821" s="19"/>
      <c r="W15821" s="19"/>
      <c r="X15821" s="19"/>
      <c r="Y15821" s="19"/>
      <c r="Z15821" s="19"/>
      <c r="AA15821" s="19"/>
    </row>
    <row r="15822" spans="1:27" s="1" customFormat="1" ht="11.1" customHeight="1" outlineLevel="4" x14ac:dyDescent="0.2">
      <c r="A15822" s="17">
        <v>11198</v>
      </c>
      <c r="B15822" s="17"/>
      <c r="C15822" s="17"/>
      <c r="D15822" s="18" t="s">
        <v>7825</v>
      </c>
      <c r="E15822" s="18"/>
      <c r="F15822" s="18"/>
      <c r="G15822" s="18"/>
      <c r="H15822" s="18"/>
      <c r="I15822" s="18"/>
      <c r="J15822" s="18"/>
      <c r="K15822" s="18"/>
      <c r="L15822" s="18"/>
      <c r="M15822" s="18"/>
      <c r="N15822" s="18"/>
      <c r="O15822" s="18"/>
      <c r="P15822" s="19">
        <v>590</v>
      </c>
      <c r="Q15822" s="19"/>
      <c r="R15822" s="19"/>
      <c r="S15822" s="19"/>
      <c r="T15822" s="19">
        <v>420</v>
      </c>
      <c r="U15822" s="19"/>
      <c r="V15822" s="19"/>
      <c r="W15822" s="19"/>
      <c r="X15822" s="19">
        <v>3</v>
      </c>
      <c r="Y15822" s="19"/>
      <c r="Z15822" s="19"/>
      <c r="AA15822" s="19"/>
    </row>
    <row r="15823" spans="1:27" s="1" customFormat="1" ht="11.1" customHeight="1" outlineLevel="4" x14ac:dyDescent="0.2">
      <c r="A15823" s="17"/>
      <c r="B15823" s="17"/>
      <c r="C15823" s="17"/>
      <c r="D15823" s="18"/>
      <c r="E15823" s="18"/>
      <c r="F15823" s="18"/>
      <c r="G15823" s="18"/>
      <c r="H15823" s="18"/>
      <c r="I15823" s="18"/>
      <c r="J15823" s="18"/>
      <c r="K15823" s="18"/>
      <c r="L15823" s="18"/>
      <c r="M15823" s="18"/>
      <c r="N15823" s="18"/>
      <c r="O15823" s="18"/>
      <c r="P15823" s="19"/>
      <c r="Q15823" s="19"/>
      <c r="R15823" s="19"/>
      <c r="S15823" s="19"/>
      <c r="T15823" s="19"/>
      <c r="U15823" s="19"/>
      <c r="V15823" s="19"/>
      <c r="W15823" s="19"/>
      <c r="X15823" s="19"/>
      <c r="Y15823" s="19"/>
      <c r="Z15823" s="19"/>
      <c r="AA15823" s="19"/>
    </row>
    <row r="15824" spans="1:27" s="1" customFormat="1" ht="11.1" customHeight="1" outlineLevel="4" x14ac:dyDescent="0.2">
      <c r="A15824" s="17">
        <v>11199</v>
      </c>
      <c r="B15824" s="17"/>
      <c r="C15824" s="17"/>
      <c r="D15824" s="18" t="s">
        <v>7826</v>
      </c>
      <c r="E15824" s="18"/>
      <c r="F15824" s="18"/>
      <c r="G15824" s="18"/>
      <c r="H15824" s="18"/>
      <c r="I15824" s="18"/>
      <c r="J15824" s="18"/>
      <c r="K15824" s="18"/>
      <c r="L15824" s="18"/>
      <c r="M15824" s="18"/>
      <c r="N15824" s="18"/>
      <c r="O15824" s="18"/>
      <c r="P15824" s="19">
        <v>550</v>
      </c>
      <c r="Q15824" s="19"/>
      <c r="R15824" s="19"/>
      <c r="S15824" s="19"/>
      <c r="T15824" s="19">
        <v>400</v>
      </c>
      <c r="U15824" s="19"/>
      <c r="V15824" s="19"/>
      <c r="W15824" s="19"/>
      <c r="X15824" s="19">
        <v>3</v>
      </c>
      <c r="Y15824" s="19"/>
      <c r="Z15824" s="19"/>
      <c r="AA15824" s="19"/>
    </row>
    <row r="15825" spans="1:27" s="1" customFormat="1" ht="11.1" customHeight="1" outlineLevel="4" x14ac:dyDescent="0.2">
      <c r="A15825" s="17"/>
      <c r="B15825" s="17"/>
      <c r="C15825" s="17"/>
      <c r="D15825" s="18"/>
      <c r="E15825" s="18"/>
      <c r="F15825" s="18"/>
      <c r="G15825" s="18"/>
      <c r="H15825" s="18"/>
      <c r="I15825" s="18"/>
      <c r="J15825" s="18"/>
      <c r="K15825" s="18"/>
      <c r="L15825" s="18"/>
      <c r="M15825" s="18"/>
      <c r="N15825" s="18"/>
      <c r="O15825" s="18"/>
      <c r="P15825" s="19"/>
      <c r="Q15825" s="19"/>
      <c r="R15825" s="19"/>
      <c r="S15825" s="19"/>
      <c r="T15825" s="19"/>
      <c r="U15825" s="19"/>
      <c r="V15825" s="19"/>
      <c r="W15825" s="19"/>
      <c r="X15825" s="19"/>
      <c r="Y15825" s="19"/>
      <c r="Z15825" s="19"/>
      <c r="AA15825" s="19"/>
    </row>
    <row r="15826" spans="1:27" s="1" customFormat="1" ht="11.1" customHeight="1" outlineLevel="4" x14ac:dyDescent="0.2">
      <c r="A15826" s="17">
        <v>11200</v>
      </c>
      <c r="B15826" s="17"/>
      <c r="C15826" s="17"/>
      <c r="D15826" s="18" t="s">
        <v>7827</v>
      </c>
      <c r="E15826" s="18"/>
      <c r="F15826" s="18"/>
      <c r="G15826" s="18"/>
      <c r="H15826" s="18"/>
      <c r="I15826" s="18"/>
      <c r="J15826" s="18"/>
      <c r="K15826" s="18"/>
      <c r="L15826" s="18"/>
      <c r="M15826" s="18"/>
      <c r="N15826" s="18"/>
      <c r="O15826" s="18"/>
      <c r="P15826" s="19">
        <v>550</v>
      </c>
      <c r="Q15826" s="19"/>
      <c r="R15826" s="19"/>
      <c r="S15826" s="19"/>
      <c r="T15826" s="19">
        <v>400</v>
      </c>
      <c r="U15826" s="19"/>
      <c r="V15826" s="19"/>
      <c r="W15826" s="19"/>
      <c r="X15826" s="19">
        <v>2</v>
      </c>
      <c r="Y15826" s="19"/>
      <c r="Z15826" s="19"/>
      <c r="AA15826" s="19"/>
    </row>
    <row r="15827" spans="1:27" s="1" customFormat="1" ht="11.1" customHeight="1" outlineLevel="4" x14ac:dyDescent="0.2">
      <c r="A15827" s="17"/>
      <c r="B15827" s="17"/>
      <c r="C15827" s="17"/>
      <c r="D15827" s="18"/>
      <c r="E15827" s="18"/>
      <c r="F15827" s="18"/>
      <c r="G15827" s="18"/>
      <c r="H15827" s="18"/>
      <c r="I15827" s="18"/>
      <c r="J15827" s="18"/>
      <c r="K15827" s="18"/>
      <c r="L15827" s="18"/>
      <c r="M15827" s="18"/>
      <c r="N15827" s="18"/>
      <c r="O15827" s="18"/>
      <c r="P15827" s="19"/>
      <c r="Q15827" s="19"/>
      <c r="R15827" s="19"/>
      <c r="S15827" s="19"/>
      <c r="T15827" s="19"/>
      <c r="U15827" s="19"/>
      <c r="V15827" s="19"/>
      <c r="W15827" s="19"/>
      <c r="X15827" s="19"/>
      <c r="Y15827" s="19"/>
      <c r="Z15827" s="19"/>
      <c r="AA15827" s="19"/>
    </row>
    <row r="15828" spans="1:27" s="1" customFormat="1" ht="11.1" customHeight="1" outlineLevel="4" x14ac:dyDescent="0.2">
      <c r="A15828" s="17">
        <v>11706</v>
      </c>
      <c r="B15828" s="17"/>
      <c r="C15828" s="17"/>
      <c r="D15828" s="18" t="s">
        <v>7828</v>
      </c>
      <c r="E15828" s="18"/>
      <c r="F15828" s="18"/>
      <c r="G15828" s="18"/>
      <c r="H15828" s="18"/>
      <c r="I15828" s="18"/>
      <c r="J15828" s="18"/>
      <c r="K15828" s="18"/>
      <c r="L15828" s="18"/>
      <c r="M15828" s="18"/>
      <c r="N15828" s="18"/>
      <c r="O15828" s="18"/>
      <c r="P15828" s="19">
        <v>610</v>
      </c>
      <c r="Q15828" s="19"/>
      <c r="R15828" s="19"/>
      <c r="S15828" s="19"/>
      <c r="T15828" s="19">
        <v>520</v>
      </c>
      <c r="U15828" s="19"/>
      <c r="V15828" s="19"/>
      <c r="W15828" s="19"/>
      <c r="X15828" s="19">
        <v>1</v>
      </c>
      <c r="Y15828" s="19"/>
      <c r="Z15828" s="19"/>
      <c r="AA15828" s="19"/>
    </row>
    <row r="15829" spans="1:27" s="1" customFormat="1" ht="11.1" customHeight="1" outlineLevel="4" x14ac:dyDescent="0.2">
      <c r="A15829" s="17"/>
      <c r="B15829" s="17"/>
      <c r="C15829" s="17"/>
      <c r="D15829" s="18"/>
      <c r="E15829" s="18"/>
      <c r="F15829" s="18"/>
      <c r="G15829" s="18"/>
      <c r="H15829" s="18"/>
      <c r="I15829" s="18"/>
      <c r="J15829" s="18"/>
      <c r="K15829" s="18"/>
      <c r="L15829" s="18"/>
      <c r="M15829" s="18"/>
      <c r="N15829" s="18"/>
      <c r="O15829" s="18"/>
      <c r="P15829" s="19"/>
      <c r="Q15829" s="19"/>
      <c r="R15829" s="19"/>
      <c r="S15829" s="19"/>
      <c r="T15829" s="19"/>
      <c r="U15829" s="19"/>
      <c r="V15829" s="19"/>
      <c r="W15829" s="19"/>
      <c r="X15829" s="19"/>
      <c r="Y15829" s="19"/>
      <c r="Z15829" s="19"/>
      <c r="AA15829" s="19"/>
    </row>
    <row r="15830" spans="1:27" s="1" customFormat="1" ht="11.1" customHeight="1" outlineLevel="4" x14ac:dyDescent="0.2">
      <c r="A15830" s="17">
        <v>11720</v>
      </c>
      <c r="B15830" s="17"/>
      <c r="C15830" s="17"/>
      <c r="D15830" s="18" t="s">
        <v>7829</v>
      </c>
      <c r="E15830" s="18"/>
      <c r="F15830" s="18"/>
      <c r="G15830" s="18"/>
      <c r="H15830" s="18"/>
      <c r="I15830" s="18"/>
      <c r="J15830" s="18"/>
      <c r="K15830" s="18"/>
      <c r="L15830" s="18"/>
      <c r="M15830" s="18"/>
      <c r="N15830" s="18"/>
      <c r="O15830" s="18"/>
      <c r="P15830" s="19">
        <v>500</v>
      </c>
      <c r="Q15830" s="19"/>
      <c r="R15830" s="19"/>
      <c r="S15830" s="19"/>
      <c r="T15830" s="19">
        <v>420</v>
      </c>
      <c r="U15830" s="19"/>
      <c r="V15830" s="19"/>
      <c r="W15830" s="19"/>
      <c r="X15830" s="19">
        <v>2</v>
      </c>
      <c r="Y15830" s="19"/>
      <c r="Z15830" s="19"/>
      <c r="AA15830" s="19"/>
    </row>
    <row r="15831" spans="1:27" s="1" customFormat="1" ht="11.1" customHeight="1" outlineLevel="4" x14ac:dyDescent="0.2">
      <c r="A15831" s="17"/>
      <c r="B15831" s="17"/>
      <c r="C15831" s="17"/>
      <c r="D15831" s="18"/>
      <c r="E15831" s="18"/>
      <c r="F15831" s="18"/>
      <c r="G15831" s="18"/>
      <c r="H15831" s="18"/>
      <c r="I15831" s="18"/>
      <c r="J15831" s="18"/>
      <c r="K15831" s="18"/>
      <c r="L15831" s="18"/>
      <c r="M15831" s="18"/>
      <c r="N15831" s="18"/>
      <c r="O15831" s="18"/>
      <c r="P15831" s="19"/>
      <c r="Q15831" s="19"/>
      <c r="R15831" s="19"/>
      <c r="S15831" s="19"/>
      <c r="T15831" s="19"/>
      <c r="U15831" s="19"/>
      <c r="V15831" s="19"/>
      <c r="W15831" s="19"/>
      <c r="X15831" s="19"/>
      <c r="Y15831" s="19"/>
      <c r="Z15831" s="19"/>
      <c r="AA15831" s="19"/>
    </row>
    <row r="15832" spans="1:27" s="1" customFormat="1" ht="14.1" customHeight="1" outlineLevel="4" x14ac:dyDescent="0.2">
      <c r="A15832" s="17">
        <v>11721</v>
      </c>
      <c r="B15832" s="17"/>
      <c r="C15832" s="17"/>
      <c r="D15832" s="18" t="s">
        <v>7830</v>
      </c>
      <c r="E15832" s="18"/>
      <c r="F15832" s="18"/>
      <c r="G15832" s="18"/>
      <c r="H15832" s="18"/>
      <c r="I15832" s="18"/>
      <c r="J15832" s="18"/>
      <c r="K15832" s="18"/>
      <c r="L15832" s="18"/>
      <c r="M15832" s="18"/>
      <c r="N15832" s="18"/>
      <c r="O15832" s="18"/>
      <c r="P15832" s="19">
        <v>580</v>
      </c>
      <c r="Q15832" s="19"/>
      <c r="R15832" s="19"/>
      <c r="S15832" s="19"/>
      <c r="T15832" s="19">
        <v>490</v>
      </c>
      <c r="U15832" s="19"/>
      <c r="V15832" s="19"/>
      <c r="W15832" s="19"/>
      <c r="X15832" s="19">
        <v>2</v>
      </c>
      <c r="Y15832" s="19"/>
      <c r="Z15832" s="19"/>
      <c r="AA15832" s="19"/>
    </row>
    <row r="15833" spans="1:27" s="1" customFormat="1" ht="14.1" customHeight="1" outlineLevel="4" x14ac:dyDescent="0.2">
      <c r="A15833" s="17"/>
      <c r="B15833" s="17"/>
      <c r="C15833" s="17"/>
      <c r="D15833" s="18"/>
      <c r="E15833" s="18"/>
      <c r="F15833" s="18"/>
      <c r="G15833" s="18"/>
      <c r="H15833" s="18"/>
      <c r="I15833" s="18"/>
      <c r="J15833" s="18"/>
      <c r="K15833" s="18"/>
      <c r="L15833" s="18"/>
      <c r="M15833" s="18"/>
      <c r="N15833" s="18"/>
      <c r="O15833" s="18"/>
      <c r="P15833" s="19"/>
      <c r="Q15833" s="19"/>
      <c r="R15833" s="19"/>
      <c r="S15833" s="19"/>
      <c r="T15833" s="19"/>
      <c r="U15833" s="19"/>
      <c r="V15833" s="19"/>
      <c r="W15833" s="19"/>
      <c r="X15833" s="19"/>
      <c r="Y15833" s="19"/>
      <c r="Z15833" s="19"/>
      <c r="AA15833" s="19"/>
    </row>
    <row r="15834" spans="1:27" s="1" customFormat="1" ht="11.1" customHeight="1" outlineLevel="4" x14ac:dyDescent="0.2">
      <c r="A15834" s="17">
        <v>10355</v>
      </c>
      <c r="B15834" s="17"/>
      <c r="C15834" s="17"/>
      <c r="D15834" s="18" t="s">
        <v>7831</v>
      </c>
      <c r="E15834" s="18"/>
      <c r="F15834" s="18"/>
      <c r="G15834" s="18"/>
      <c r="H15834" s="18"/>
      <c r="I15834" s="18"/>
      <c r="J15834" s="18"/>
      <c r="K15834" s="18"/>
      <c r="L15834" s="18"/>
      <c r="M15834" s="18"/>
      <c r="N15834" s="18"/>
      <c r="O15834" s="18"/>
      <c r="P15834" s="19">
        <v>750</v>
      </c>
      <c r="Q15834" s="19"/>
      <c r="R15834" s="19"/>
      <c r="S15834" s="19"/>
      <c r="T15834" s="19">
        <v>600</v>
      </c>
      <c r="U15834" s="19"/>
      <c r="V15834" s="19"/>
      <c r="W15834" s="19"/>
      <c r="X15834" s="19">
        <v>3</v>
      </c>
      <c r="Y15834" s="19"/>
      <c r="Z15834" s="19"/>
      <c r="AA15834" s="19"/>
    </row>
    <row r="15835" spans="1:27" s="1" customFormat="1" ht="11.1" customHeight="1" outlineLevel="4" x14ac:dyDescent="0.2">
      <c r="A15835" s="17"/>
      <c r="B15835" s="17"/>
      <c r="C15835" s="17"/>
      <c r="D15835" s="18"/>
      <c r="E15835" s="18"/>
      <c r="F15835" s="18"/>
      <c r="G15835" s="18"/>
      <c r="H15835" s="18"/>
      <c r="I15835" s="18"/>
      <c r="J15835" s="18"/>
      <c r="K15835" s="18"/>
      <c r="L15835" s="18"/>
      <c r="M15835" s="18"/>
      <c r="N15835" s="18"/>
      <c r="O15835" s="18"/>
      <c r="P15835" s="19"/>
      <c r="Q15835" s="19"/>
      <c r="R15835" s="19"/>
      <c r="S15835" s="19"/>
      <c r="T15835" s="19"/>
      <c r="U15835" s="19"/>
      <c r="V15835" s="19"/>
      <c r="W15835" s="19"/>
      <c r="X15835" s="19"/>
      <c r="Y15835" s="19"/>
      <c r="Z15835" s="19"/>
      <c r="AA15835" s="19"/>
    </row>
    <row r="15836" spans="1:27" s="1" customFormat="1" ht="11.1" customHeight="1" outlineLevel="4" x14ac:dyDescent="0.2">
      <c r="A15836" s="17">
        <v>10433</v>
      </c>
      <c r="B15836" s="17"/>
      <c r="C15836" s="17"/>
      <c r="D15836" s="18" t="s">
        <v>7832</v>
      </c>
      <c r="E15836" s="18"/>
      <c r="F15836" s="18"/>
      <c r="G15836" s="18"/>
      <c r="H15836" s="18"/>
      <c r="I15836" s="18"/>
      <c r="J15836" s="18"/>
      <c r="K15836" s="18"/>
      <c r="L15836" s="18"/>
      <c r="M15836" s="18"/>
      <c r="N15836" s="18"/>
      <c r="O15836" s="18"/>
      <c r="P15836" s="19">
        <v>490</v>
      </c>
      <c r="Q15836" s="19"/>
      <c r="R15836" s="19"/>
      <c r="S15836" s="19"/>
      <c r="T15836" s="19">
        <v>360</v>
      </c>
      <c r="U15836" s="19"/>
      <c r="V15836" s="19"/>
      <c r="W15836" s="19"/>
      <c r="X15836" s="19">
        <v>4</v>
      </c>
      <c r="Y15836" s="19"/>
      <c r="Z15836" s="19"/>
      <c r="AA15836" s="19"/>
    </row>
    <row r="15837" spans="1:27" s="1" customFormat="1" ht="11.1" customHeight="1" outlineLevel="4" x14ac:dyDescent="0.2">
      <c r="A15837" s="17"/>
      <c r="B15837" s="17"/>
      <c r="C15837" s="17"/>
      <c r="D15837" s="18"/>
      <c r="E15837" s="18"/>
      <c r="F15837" s="18"/>
      <c r="G15837" s="18"/>
      <c r="H15837" s="18"/>
      <c r="I15837" s="18"/>
      <c r="J15837" s="18"/>
      <c r="K15837" s="18"/>
      <c r="L15837" s="18"/>
      <c r="M15837" s="18"/>
      <c r="N15837" s="18"/>
      <c r="O15837" s="18"/>
      <c r="P15837" s="19"/>
      <c r="Q15837" s="19"/>
      <c r="R15837" s="19"/>
      <c r="S15837" s="19"/>
      <c r="T15837" s="19"/>
      <c r="U15837" s="19"/>
      <c r="V15837" s="19"/>
      <c r="W15837" s="19"/>
      <c r="X15837" s="19"/>
      <c r="Y15837" s="19"/>
      <c r="Z15837" s="19"/>
      <c r="AA15837" s="19"/>
    </row>
    <row r="15838" spans="1:27" s="1" customFormat="1" ht="14.1" customHeight="1" outlineLevel="4" x14ac:dyDescent="0.2">
      <c r="A15838" s="17">
        <v>16745</v>
      </c>
      <c r="B15838" s="17"/>
      <c r="C15838" s="17"/>
      <c r="D15838" s="18" t="s">
        <v>7833</v>
      </c>
      <c r="E15838" s="18"/>
      <c r="F15838" s="18"/>
      <c r="G15838" s="18"/>
      <c r="H15838" s="18"/>
      <c r="I15838" s="18"/>
      <c r="J15838" s="18"/>
      <c r="K15838" s="18"/>
      <c r="L15838" s="18"/>
      <c r="M15838" s="18"/>
      <c r="N15838" s="18"/>
      <c r="O15838" s="18"/>
      <c r="P15838" s="19">
        <v>800</v>
      </c>
      <c r="Q15838" s="19"/>
      <c r="R15838" s="19"/>
      <c r="S15838" s="19"/>
      <c r="T15838" s="19">
        <v>700</v>
      </c>
      <c r="U15838" s="19"/>
      <c r="V15838" s="19"/>
      <c r="W15838" s="19"/>
      <c r="X15838" s="19">
        <v>1</v>
      </c>
      <c r="Y15838" s="19"/>
      <c r="Z15838" s="19"/>
      <c r="AA15838" s="19"/>
    </row>
    <row r="15839" spans="1:27" s="1" customFormat="1" ht="14.1" customHeight="1" outlineLevel="4" x14ac:dyDescent="0.2">
      <c r="A15839" s="17"/>
      <c r="B15839" s="17"/>
      <c r="C15839" s="17"/>
      <c r="D15839" s="18"/>
      <c r="E15839" s="18"/>
      <c r="F15839" s="18"/>
      <c r="G15839" s="18"/>
      <c r="H15839" s="18"/>
      <c r="I15839" s="18"/>
      <c r="J15839" s="18"/>
      <c r="K15839" s="18"/>
      <c r="L15839" s="18"/>
      <c r="M15839" s="18"/>
      <c r="N15839" s="18"/>
      <c r="O15839" s="18"/>
      <c r="P15839" s="19"/>
      <c r="Q15839" s="19"/>
      <c r="R15839" s="19"/>
      <c r="S15839" s="19"/>
      <c r="T15839" s="19"/>
      <c r="U15839" s="19"/>
      <c r="V15839" s="19"/>
      <c r="W15839" s="19"/>
      <c r="X15839" s="19"/>
      <c r="Y15839" s="19"/>
      <c r="Z15839" s="19"/>
      <c r="AA15839" s="19"/>
    </row>
    <row r="15840" spans="1:27" s="1" customFormat="1" ht="11.1" customHeight="1" outlineLevel="4" x14ac:dyDescent="0.2">
      <c r="A15840" s="17">
        <v>8712</v>
      </c>
      <c r="B15840" s="17"/>
      <c r="C15840" s="17"/>
      <c r="D15840" s="18" t="s">
        <v>7834</v>
      </c>
      <c r="E15840" s="18"/>
      <c r="F15840" s="18"/>
      <c r="G15840" s="18"/>
      <c r="H15840" s="18"/>
      <c r="I15840" s="18"/>
      <c r="J15840" s="18"/>
      <c r="K15840" s="18"/>
      <c r="L15840" s="18"/>
      <c r="M15840" s="18"/>
      <c r="N15840" s="18"/>
      <c r="O15840" s="18"/>
      <c r="P15840" s="19">
        <v>570</v>
      </c>
      <c r="Q15840" s="19"/>
      <c r="R15840" s="19"/>
      <c r="S15840" s="19"/>
      <c r="T15840" s="19">
        <v>530</v>
      </c>
      <c r="U15840" s="19"/>
      <c r="V15840" s="19"/>
      <c r="W15840" s="19"/>
      <c r="X15840" s="19">
        <v>1</v>
      </c>
      <c r="Y15840" s="19"/>
      <c r="Z15840" s="19"/>
      <c r="AA15840" s="19"/>
    </row>
    <row r="15841" spans="1:27" s="1" customFormat="1" ht="11.1" customHeight="1" outlineLevel="4" x14ac:dyDescent="0.2">
      <c r="A15841" s="17"/>
      <c r="B15841" s="17"/>
      <c r="C15841" s="17"/>
      <c r="D15841" s="18"/>
      <c r="E15841" s="18"/>
      <c r="F15841" s="18"/>
      <c r="G15841" s="18"/>
      <c r="H15841" s="18"/>
      <c r="I15841" s="18"/>
      <c r="J15841" s="18"/>
      <c r="K15841" s="18"/>
      <c r="L15841" s="18"/>
      <c r="M15841" s="18"/>
      <c r="N15841" s="18"/>
      <c r="O15841" s="18"/>
      <c r="P15841" s="19"/>
      <c r="Q15841" s="19"/>
      <c r="R15841" s="19"/>
      <c r="S15841" s="19"/>
      <c r="T15841" s="19"/>
      <c r="U15841" s="19"/>
      <c r="V15841" s="19"/>
      <c r="W15841" s="19"/>
      <c r="X15841" s="19"/>
      <c r="Y15841" s="19"/>
      <c r="Z15841" s="19"/>
      <c r="AA15841" s="19"/>
    </row>
    <row r="15842" spans="1:27" s="1" customFormat="1" ht="14.1" customHeight="1" outlineLevel="4" x14ac:dyDescent="0.2">
      <c r="A15842" s="17">
        <v>16995</v>
      </c>
      <c r="B15842" s="17"/>
      <c r="C15842" s="17"/>
      <c r="D15842" s="18" t="s">
        <v>7835</v>
      </c>
      <c r="E15842" s="18"/>
      <c r="F15842" s="18"/>
      <c r="G15842" s="18"/>
      <c r="H15842" s="18"/>
      <c r="I15842" s="18"/>
      <c r="J15842" s="18"/>
      <c r="K15842" s="18"/>
      <c r="L15842" s="18"/>
      <c r="M15842" s="18"/>
      <c r="N15842" s="18"/>
      <c r="O15842" s="18"/>
      <c r="P15842" s="20">
        <v>1500</v>
      </c>
      <c r="Q15842" s="20"/>
      <c r="R15842" s="20"/>
      <c r="S15842" s="20"/>
      <c r="T15842" s="20">
        <v>1000</v>
      </c>
      <c r="U15842" s="20"/>
      <c r="V15842" s="20"/>
      <c r="W15842" s="20"/>
      <c r="X15842" s="19">
        <v>1</v>
      </c>
      <c r="Y15842" s="19"/>
      <c r="Z15842" s="19"/>
      <c r="AA15842" s="19"/>
    </row>
    <row r="15843" spans="1:27" s="1" customFormat="1" ht="14.1" customHeight="1" outlineLevel="4" x14ac:dyDescent="0.2">
      <c r="A15843" s="17"/>
      <c r="B15843" s="17"/>
      <c r="C15843" s="17"/>
      <c r="D15843" s="18"/>
      <c r="E15843" s="18"/>
      <c r="F15843" s="18"/>
      <c r="G15843" s="18"/>
      <c r="H15843" s="18"/>
      <c r="I15843" s="18"/>
      <c r="J15843" s="18"/>
      <c r="K15843" s="18"/>
      <c r="L15843" s="18"/>
      <c r="M15843" s="18"/>
      <c r="N15843" s="18"/>
      <c r="O15843" s="18"/>
      <c r="P15843" s="20"/>
      <c r="Q15843" s="20"/>
      <c r="R15843" s="20"/>
      <c r="S15843" s="20"/>
      <c r="T15843" s="20"/>
      <c r="U15843" s="20"/>
      <c r="V15843" s="20"/>
      <c r="W15843" s="20"/>
      <c r="X15843" s="19"/>
      <c r="Y15843" s="19"/>
      <c r="Z15843" s="19"/>
      <c r="AA15843" s="19"/>
    </row>
    <row r="15844" spans="1:27" s="1" customFormat="1" ht="11.1" customHeight="1" outlineLevel="4" x14ac:dyDescent="0.2">
      <c r="A15844" s="17">
        <v>16633</v>
      </c>
      <c r="B15844" s="17"/>
      <c r="C15844" s="17"/>
      <c r="D15844" s="18" t="s">
        <v>7836</v>
      </c>
      <c r="E15844" s="18"/>
      <c r="F15844" s="18"/>
      <c r="G15844" s="18"/>
      <c r="H15844" s="18"/>
      <c r="I15844" s="18"/>
      <c r="J15844" s="18"/>
      <c r="K15844" s="18"/>
      <c r="L15844" s="18"/>
      <c r="M15844" s="18"/>
      <c r="N15844" s="18"/>
      <c r="O15844" s="18"/>
      <c r="P15844" s="19">
        <v>800</v>
      </c>
      <c r="Q15844" s="19"/>
      <c r="R15844" s="19"/>
      <c r="S15844" s="19"/>
      <c r="T15844" s="19">
        <v>700</v>
      </c>
      <c r="U15844" s="19"/>
      <c r="V15844" s="19"/>
      <c r="W15844" s="19"/>
      <c r="X15844" s="19">
        <v>2</v>
      </c>
      <c r="Y15844" s="19"/>
      <c r="Z15844" s="19"/>
      <c r="AA15844" s="19"/>
    </row>
    <row r="15845" spans="1:27" s="1" customFormat="1" ht="11.1" customHeight="1" outlineLevel="4" x14ac:dyDescent="0.2">
      <c r="A15845" s="17"/>
      <c r="B15845" s="17"/>
      <c r="C15845" s="17"/>
      <c r="D15845" s="18"/>
      <c r="E15845" s="18"/>
      <c r="F15845" s="18"/>
      <c r="G15845" s="18"/>
      <c r="H15845" s="18"/>
      <c r="I15845" s="18"/>
      <c r="J15845" s="18"/>
      <c r="K15845" s="18"/>
      <c r="L15845" s="18"/>
      <c r="M15845" s="18"/>
      <c r="N15845" s="18"/>
      <c r="O15845" s="18"/>
      <c r="P15845" s="19"/>
      <c r="Q15845" s="19"/>
      <c r="R15845" s="19"/>
      <c r="S15845" s="19"/>
      <c r="T15845" s="19"/>
      <c r="U15845" s="19"/>
      <c r="V15845" s="19"/>
      <c r="W15845" s="19"/>
      <c r="X15845" s="19"/>
      <c r="Y15845" s="19"/>
      <c r="Z15845" s="19"/>
      <c r="AA15845" s="19"/>
    </row>
    <row r="15846" spans="1:27" s="1" customFormat="1" ht="11.1" customHeight="1" outlineLevel="4" x14ac:dyDescent="0.2">
      <c r="A15846" s="17">
        <v>15325</v>
      </c>
      <c r="B15846" s="17"/>
      <c r="C15846" s="17"/>
      <c r="D15846" s="18" t="s">
        <v>7837</v>
      </c>
      <c r="E15846" s="18"/>
      <c r="F15846" s="18"/>
      <c r="G15846" s="18"/>
      <c r="H15846" s="18"/>
      <c r="I15846" s="18"/>
      <c r="J15846" s="18"/>
      <c r="K15846" s="18"/>
      <c r="L15846" s="18"/>
      <c r="M15846" s="18"/>
      <c r="N15846" s="18"/>
      <c r="O15846" s="18"/>
      <c r="P15846" s="19">
        <v>310</v>
      </c>
      <c r="Q15846" s="19"/>
      <c r="R15846" s="19"/>
      <c r="S15846" s="19"/>
      <c r="T15846" s="19">
        <v>231</v>
      </c>
      <c r="U15846" s="19"/>
      <c r="V15846" s="19"/>
      <c r="W15846" s="19"/>
      <c r="X15846" s="19">
        <v>7</v>
      </c>
      <c r="Y15846" s="19"/>
      <c r="Z15846" s="19"/>
      <c r="AA15846" s="19"/>
    </row>
    <row r="15847" spans="1:27" s="1" customFormat="1" ht="11.1" customHeight="1" outlineLevel="4" x14ac:dyDescent="0.2">
      <c r="A15847" s="17"/>
      <c r="B15847" s="17"/>
      <c r="C15847" s="17"/>
      <c r="D15847" s="18"/>
      <c r="E15847" s="18"/>
      <c r="F15847" s="18"/>
      <c r="G15847" s="18"/>
      <c r="H15847" s="18"/>
      <c r="I15847" s="18"/>
      <c r="J15847" s="18"/>
      <c r="K15847" s="18"/>
      <c r="L15847" s="18"/>
      <c r="M15847" s="18"/>
      <c r="N15847" s="18"/>
      <c r="O15847" s="18"/>
      <c r="P15847" s="19"/>
      <c r="Q15847" s="19"/>
      <c r="R15847" s="19"/>
      <c r="S15847" s="19"/>
      <c r="T15847" s="19"/>
      <c r="U15847" s="19"/>
      <c r="V15847" s="19"/>
      <c r="W15847" s="19"/>
      <c r="X15847" s="19"/>
      <c r="Y15847" s="19"/>
      <c r="Z15847" s="19"/>
      <c r="AA15847" s="19"/>
    </row>
    <row r="15848" spans="1:27" s="1" customFormat="1" ht="11.1" customHeight="1" outlineLevel="4" x14ac:dyDescent="0.2">
      <c r="A15848" s="17">
        <v>15324</v>
      </c>
      <c r="B15848" s="17"/>
      <c r="C15848" s="17"/>
      <c r="D15848" s="18" t="s">
        <v>7838</v>
      </c>
      <c r="E15848" s="18"/>
      <c r="F15848" s="18"/>
      <c r="G15848" s="18"/>
      <c r="H15848" s="18"/>
      <c r="I15848" s="18"/>
      <c r="J15848" s="18"/>
      <c r="K15848" s="18"/>
      <c r="L15848" s="18"/>
      <c r="M15848" s="18"/>
      <c r="N15848" s="18"/>
      <c r="O15848" s="18"/>
      <c r="P15848" s="19">
        <v>330</v>
      </c>
      <c r="Q15848" s="19"/>
      <c r="R15848" s="19"/>
      <c r="S15848" s="19"/>
      <c r="T15848" s="19">
        <v>249</v>
      </c>
      <c r="U15848" s="19"/>
      <c r="V15848" s="19"/>
      <c r="W15848" s="19"/>
      <c r="X15848" s="19">
        <v>9</v>
      </c>
      <c r="Y15848" s="19"/>
      <c r="Z15848" s="19"/>
      <c r="AA15848" s="19"/>
    </row>
    <row r="15849" spans="1:27" s="1" customFormat="1" ht="11.1" customHeight="1" outlineLevel="4" x14ac:dyDescent="0.2">
      <c r="A15849" s="17"/>
      <c r="B15849" s="17"/>
      <c r="C15849" s="17"/>
      <c r="D15849" s="18"/>
      <c r="E15849" s="18"/>
      <c r="F15849" s="18"/>
      <c r="G15849" s="18"/>
      <c r="H15849" s="18"/>
      <c r="I15849" s="18"/>
      <c r="J15849" s="18"/>
      <c r="K15849" s="18"/>
      <c r="L15849" s="18"/>
      <c r="M15849" s="18"/>
      <c r="N15849" s="18"/>
      <c r="O15849" s="18"/>
      <c r="P15849" s="19"/>
      <c r="Q15849" s="19"/>
      <c r="R15849" s="19"/>
      <c r="S15849" s="19"/>
      <c r="T15849" s="19"/>
      <c r="U15849" s="19"/>
      <c r="V15849" s="19"/>
      <c r="W15849" s="19"/>
      <c r="X15849" s="19"/>
      <c r="Y15849" s="19"/>
      <c r="Z15849" s="19"/>
      <c r="AA15849" s="19"/>
    </row>
    <row r="15850" spans="1:27" s="1" customFormat="1" ht="11.1" customHeight="1" outlineLevel="4" x14ac:dyDescent="0.2">
      <c r="A15850" s="17">
        <v>15323</v>
      </c>
      <c r="B15850" s="17"/>
      <c r="C15850" s="17"/>
      <c r="D15850" s="18" t="s">
        <v>7839</v>
      </c>
      <c r="E15850" s="18"/>
      <c r="F15850" s="18"/>
      <c r="G15850" s="18"/>
      <c r="H15850" s="18"/>
      <c r="I15850" s="18"/>
      <c r="J15850" s="18"/>
      <c r="K15850" s="18"/>
      <c r="L15850" s="18"/>
      <c r="M15850" s="18"/>
      <c r="N15850" s="18"/>
      <c r="O15850" s="18"/>
      <c r="P15850" s="19">
        <v>90</v>
      </c>
      <c r="Q15850" s="19"/>
      <c r="R15850" s="19"/>
      <c r="S15850" s="19"/>
      <c r="T15850" s="19">
        <v>68</v>
      </c>
      <c r="U15850" s="19"/>
      <c r="V15850" s="19"/>
      <c r="W15850" s="19"/>
      <c r="X15850" s="19">
        <v>7</v>
      </c>
      <c r="Y15850" s="19"/>
      <c r="Z15850" s="19"/>
      <c r="AA15850" s="19"/>
    </row>
    <row r="15851" spans="1:27" s="1" customFormat="1" ht="11.1" customHeight="1" outlineLevel="4" x14ac:dyDescent="0.2">
      <c r="A15851" s="17"/>
      <c r="B15851" s="17"/>
      <c r="C15851" s="17"/>
      <c r="D15851" s="18"/>
      <c r="E15851" s="18"/>
      <c r="F15851" s="18"/>
      <c r="G15851" s="18"/>
      <c r="H15851" s="18"/>
      <c r="I15851" s="18"/>
      <c r="J15851" s="18"/>
      <c r="K15851" s="18"/>
      <c r="L15851" s="18"/>
      <c r="M15851" s="18"/>
      <c r="N15851" s="18"/>
      <c r="O15851" s="18"/>
      <c r="P15851" s="19"/>
      <c r="Q15851" s="19"/>
      <c r="R15851" s="19"/>
      <c r="S15851" s="19"/>
      <c r="T15851" s="19"/>
      <c r="U15851" s="19"/>
      <c r="V15851" s="19"/>
      <c r="W15851" s="19"/>
      <c r="X15851" s="19"/>
      <c r="Y15851" s="19"/>
      <c r="Z15851" s="19"/>
      <c r="AA15851" s="19"/>
    </row>
    <row r="15852" spans="1:27" s="1" customFormat="1" ht="11.1" customHeight="1" outlineLevel="4" x14ac:dyDescent="0.2">
      <c r="A15852" s="17">
        <v>6687</v>
      </c>
      <c r="B15852" s="17"/>
      <c r="C15852" s="17"/>
      <c r="D15852" s="18" t="s">
        <v>7840</v>
      </c>
      <c r="E15852" s="18"/>
      <c r="F15852" s="18"/>
      <c r="G15852" s="18"/>
      <c r="H15852" s="18"/>
      <c r="I15852" s="18"/>
      <c r="J15852" s="18"/>
      <c r="K15852" s="18"/>
      <c r="L15852" s="18"/>
      <c r="M15852" s="18"/>
      <c r="N15852" s="18"/>
      <c r="O15852" s="18"/>
      <c r="P15852" s="19">
        <v>300</v>
      </c>
      <c r="Q15852" s="19"/>
      <c r="R15852" s="19"/>
      <c r="S15852" s="19"/>
      <c r="T15852" s="19">
        <v>270</v>
      </c>
      <c r="U15852" s="19"/>
      <c r="V15852" s="19"/>
      <c r="W15852" s="19"/>
      <c r="X15852" s="19">
        <v>1</v>
      </c>
      <c r="Y15852" s="19"/>
      <c r="Z15852" s="19"/>
      <c r="AA15852" s="19"/>
    </row>
    <row r="15853" spans="1:27" s="1" customFormat="1" ht="11.1" customHeight="1" outlineLevel="4" x14ac:dyDescent="0.2">
      <c r="A15853" s="17"/>
      <c r="B15853" s="17"/>
      <c r="C15853" s="17"/>
      <c r="D15853" s="18"/>
      <c r="E15853" s="18"/>
      <c r="F15853" s="18"/>
      <c r="G15853" s="18"/>
      <c r="H15853" s="18"/>
      <c r="I15853" s="18"/>
      <c r="J15853" s="18"/>
      <c r="K15853" s="18"/>
      <c r="L15853" s="18"/>
      <c r="M15853" s="18"/>
      <c r="N15853" s="18"/>
      <c r="O15853" s="18"/>
      <c r="P15853" s="19"/>
      <c r="Q15853" s="19"/>
      <c r="R15853" s="19"/>
      <c r="S15853" s="19"/>
      <c r="T15853" s="19"/>
      <c r="U15853" s="19"/>
      <c r="V15853" s="19"/>
      <c r="W15853" s="19"/>
      <c r="X15853" s="19"/>
      <c r="Y15853" s="19"/>
      <c r="Z15853" s="19"/>
      <c r="AA15853" s="19"/>
    </row>
    <row r="15854" spans="1:27" s="1" customFormat="1" ht="11.1" customHeight="1" outlineLevel="4" x14ac:dyDescent="0.2">
      <c r="A15854" s="17">
        <v>15322</v>
      </c>
      <c r="B15854" s="17"/>
      <c r="C15854" s="17"/>
      <c r="D15854" s="18" t="s">
        <v>7841</v>
      </c>
      <c r="E15854" s="18"/>
      <c r="F15854" s="18"/>
      <c r="G15854" s="18"/>
      <c r="H15854" s="18"/>
      <c r="I15854" s="18"/>
      <c r="J15854" s="18"/>
      <c r="K15854" s="18"/>
      <c r="L15854" s="18"/>
      <c r="M15854" s="18"/>
      <c r="N15854" s="18"/>
      <c r="O15854" s="18"/>
      <c r="P15854" s="19">
        <v>180</v>
      </c>
      <c r="Q15854" s="19"/>
      <c r="R15854" s="19"/>
      <c r="S15854" s="19"/>
      <c r="T15854" s="19">
        <v>134</v>
      </c>
      <c r="U15854" s="19"/>
      <c r="V15854" s="19"/>
      <c r="W15854" s="19"/>
      <c r="X15854" s="19">
        <v>9</v>
      </c>
      <c r="Y15854" s="19"/>
      <c r="Z15854" s="19"/>
      <c r="AA15854" s="19"/>
    </row>
    <row r="15855" spans="1:27" s="1" customFormat="1" ht="11.1" customHeight="1" outlineLevel="4" x14ac:dyDescent="0.2">
      <c r="A15855" s="17"/>
      <c r="B15855" s="17"/>
      <c r="C15855" s="17"/>
      <c r="D15855" s="18"/>
      <c r="E15855" s="18"/>
      <c r="F15855" s="18"/>
      <c r="G15855" s="18"/>
      <c r="H15855" s="18"/>
      <c r="I15855" s="18"/>
      <c r="J15855" s="18"/>
      <c r="K15855" s="18"/>
      <c r="L15855" s="18"/>
      <c r="M15855" s="18"/>
      <c r="N15855" s="18"/>
      <c r="O15855" s="18"/>
      <c r="P15855" s="19"/>
      <c r="Q15855" s="19"/>
      <c r="R15855" s="19"/>
      <c r="S15855" s="19"/>
      <c r="T15855" s="19"/>
      <c r="U15855" s="19"/>
      <c r="V15855" s="19"/>
      <c r="W15855" s="19"/>
      <c r="X15855" s="19"/>
      <c r="Y15855" s="19"/>
      <c r="Z15855" s="19"/>
      <c r="AA15855" s="19"/>
    </row>
    <row r="15856" spans="1:27" s="1" customFormat="1" ht="11.1" customHeight="1" outlineLevel="4" x14ac:dyDescent="0.2">
      <c r="A15856" s="17">
        <v>15321</v>
      </c>
      <c r="B15856" s="17"/>
      <c r="C15856" s="17"/>
      <c r="D15856" s="18" t="s">
        <v>7842</v>
      </c>
      <c r="E15856" s="18"/>
      <c r="F15856" s="18"/>
      <c r="G15856" s="18"/>
      <c r="H15856" s="18"/>
      <c r="I15856" s="18"/>
      <c r="J15856" s="18"/>
      <c r="K15856" s="18"/>
      <c r="L15856" s="18"/>
      <c r="M15856" s="18"/>
      <c r="N15856" s="18"/>
      <c r="O15856" s="18"/>
      <c r="P15856" s="19">
        <v>310</v>
      </c>
      <c r="Q15856" s="19"/>
      <c r="R15856" s="19"/>
      <c r="S15856" s="19"/>
      <c r="T15856" s="19">
        <v>231</v>
      </c>
      <c r="U15856" s="19"/>
      <c r="V15856" s="19"/>
      <c r="W15856" s="19"/>
      <c r="X15856" s="19">
        <v>7</v>
      </c>
      <c r="Y15856" s="19"/>
      <c r="Z15856" s="19"/>
      <c r="AA15856" s="19"/>
    </row>
    <row r="15857" spans="1:27" s="1" customFormat="1" ht="11.1" customHeight="1" outlineLevel="4" x14ac:dyDescent="0.2">
      <c r="A15857" s="17"/>
      <c r="B15857" s="17"/>
      <c r="C15857" s="17"/>
      <c r="D15857" s="18"/>
      <c r="E15857" s="18"/>
      <c r="F15857" s="18"/>
      <c r="G15857" s="18"/>
      <c r="H15857" s="18"/>
      <c r="I15857" s="18"/>
      <c r="J15857" s="18"/>
      <c r="K15857" s="18"/>
      <c r="L15857" s="18"/>
      <c r="M15857" s="18"/>
      <c r="N15857" s="18"/>
      <c r="O15857" s="18"/>
      <c r="P15857" s="19"/>
      <c r="Q15857" s="19"/>
      <c r="R15857" s="19"/>
      <c r="S15857" s="19"/>
      <c r="T15857" s="19"/>
      <c r="U15857" s="19"/>
      <c r="V15857" s="19"/>
      <c r="W15857" s="19"/>
      <c r="X15857" s="19"/>
      <c r="Y15857" s="19"/>
      <c r="Z15857" s="19"/>
      <c r="AA15857" s="19"/>
    </row>
    <row r="15858" spans="1:27" s="1" customFormat="1" ht="11.1" customHeight="1" outlineLevel="4" x14ac:dyDescent="0.2">
      <c r="A15858" s="17">
        <v>6213</v>
      </c>
      <c r="B15858" s="17"/>
      <c r="C15858" s="17"/>
      <c r="D15858" s="18" t="s">
        <v>7843</v>
      </c>
      <c r="E15858" s="18"/>
      <c r="F15858" s="18"/>
      <c r="G15858" s="18"/>
      <c r="H15858" s="18"/>
      <c r="I15858" s="18"/>
      <c r="J15858" s="18"/>
      <c r="K15858" s="18"/>
      <c r="L15858" s="18"/>
      <c r="M15858" s="18"/>
      <c r="N15858" s="18"/>
      <c r="O15858" s="18"/>
      <c r="P15858" s="19">
        <v>300</v>
      </c>
      <c r="Q15858" s="19"/>
      <c r="R15858" s="19"/>
      <c r="S15858" s="19"/>
      <c r="T15858" s="19">
        <v>250</v>
      </c>
      <c r="U15858" s="19"/>
      <c r="V15858" s="19"/>
      <c r="W15858" s="19"/>
      <c r="X15858" s="19">
        <v>1</v>
      </c>
      <c r="Y15858" s="19"/>
      <c r="Z15858" s="19"/>
      <c r="AA15858" s="19"/>
    </row>
    <row r="15859" spans="1:27" s="1" customFormat="1" ht="11.1" customHeight="1" outlineLevel="4" x14ac:dyDescent="0.2">
      <c r="A15859" s="17"/>
      <c r="B15859" s="17"/>
      <c r="C15859" s="17"/>
      <c r="D15859" s="18"/>
      <c r="E15859" s="18"/>
      <c r="F15859" s="18"/>
      <c r="G15859" s="18"/>
      <c r="H15859" s="18"/>
      <c r="I15859" s="18"/>
      <c r="J15859" s="18"/>
      <c r="K15859" s="18"/>
      <c r="L15859" s="18"/>
      <c r="M15859" s="18"/>
      <c r="N15859" s="18"/>
      <c r="O15859" s="18"/>
      <c r="P15859" s="19"/>
      <c r="Q15859" s="19"/>
      <c r="R15859" s="19"/>
      <c r="S15859" s="19"/>
      <c r="T15859" s="19"/>
      <c r="U15859" s="19"/>
      <c r="V15859" s="19"/>
      <c r="W15859" s="19"/>
      <c r="X15859" s="19"/>
      <c r="Y15859" s="19"/>
      <c r="Z15859" s="19"/>
      <c r="AA15859" s="19"/>
    </row>
    <row r="15860" spans="1:27" s="1" customFormat="1" ht="11.1" customHeight="1" outlineLevel="4" x14ac:dyDescent="0.2">
      <c r="A15860" s="17">
        <v>15312</v>
      </c>
      <c r="B15860" s="17"/>
      <c r="C15860" s="17"/>
      <c r="D15860" s="18" t="s">
        <v>7844</v>
      </c>
      <c r="E15860" s="18"/>
      <c r="F15860" s="18"/>
      <c r="G15860" s="18"/>
      <c r="H15860" s="18"/>
      <c r="I15860" s="18"/>
      <c r="J15860" s="18"/>
      <c r="K15860" s="18"/>
      <c r="L15860" s="18"/>
      <c r="M15860" s="18"/>
      <c r="N15860" s="18"/>
      <c r="O15860" s="18"/>
      <c r="P15860" s="19">
        <v>70</v>
      </c>
      <c r="Q15860" s="19"/>
      <c r="R15860" s="19"/>
      <c r="S15860" s="19"/>
      <c r="T15860" s="19">
        <v>50</v>
      </c>
      <c r="U15860" s="19"/>
      <c r="V15860" s="19"/>
      <c r="W15860" s="19"/>
      <c r="X15860" s="19">
        <v>9</v>
      </c>
      <c r="Y15860" s="19"/>
      <c r="Z15860" s="19"/>
      <c r="AA15860" s="19"/>
    </row>
    <row r="15861" spans="1:27" s="1" customFormat="1" ht="11.1" customHeight="1" outlineLevel="4" x14ac:dyDescent="0.2">
      <c r="A15861" s="17"/>
      <c r="B15861" s="17"/>
      <c r="C15861" s="17"/>
      <c r="D15861" s="18"/>
      <c r="E15861" s="18"/>
      <c r="F15861" s="18"/>
      <c r="G15861" s="18"/>
      <c r="H15861" s="18"/>
      <c r="I15861" s="18"/>
      <c r="J15861" s="18"/>
      <c r="K15861" s="18"/>
      <c r="L15861" s="18"/>
      <c r="M15861" s="18"/>
      <c r="N15861" s="18"/>
      <c r="O15861" s="18"/>
      <c r="P15861" s="19"/>
      <c r="Q15861" s="19"/>
      <c r="R15861" s="19"/>
      <c r="S15861" s="19"/>
      <c r="T15861" s="19"/>
      <c r="U15861" s="19"/>
      <c r="V15861" s="19"/>
      <c r="W15861" s="19"/>
      <c r="X15861" s="19"/>
      <c r="Y15861" s="19"/>
      <c r="Z15861" s="19"/>
      <c r="AA15861" s="19"/>
    </row>
    <row r="15862" spans="1:27" s="1" customFormat="1" ht="11.1" customHeight="1" outlineLevel="4" x14ac:dyDescent="0.2">
      <c r="A15862" s="17">
        <v>13593</v>
      </c>
      <c r="B15862" s="17"/>
      <c r="C15862" s="17"/>
      <c r="D15862" s="18" t="s">
        <v>7845</v>
      </c>
      <c r="E15862" s="18"/>
      <c r="F15862" s="18"/>
      <c r="G15862" s="18"/>
      <c r="H15862" s="18"/>
      <c r="I15862" s="18"/>
      <c r="J15862" s="18"/>
      <c r="K15862" s="18"/>
      <c r="L15862" s="18"/>
      <c r="M15862" s="18"/>
      <c r="N15862" s="18"/>
      <c r="O15862" s="18"/>
      <c r="P15862" s="19">
        <v>170</v>
      </c>
      <c r="Q15862" s="19"/>
      <c r="R15862" s="19"/>
      <c r="S15862" s="19"/>
      <c r="T15862" s="19">
        <v>140</v>
      </c>
      <c r="U15862" s="19"/>
      <c r="V15862" s="19"/>
      <c r="W15862" s="19"/>
      <c r="X15862" s="19">
        <v>8</v>
      </c>
      <c r="Y15862" s="19"/>
      <c r="Z15862" s="19"/>
      <c r="AA15862" s="19"/>
    </row>
    <row r="15863" spans="1:27" s="1" customFormat="1" ht="11.1" customHeight="1" outlineLevel="4" x14ac:dyDescent="0.2">
      <c r="A15863" s="17"/>
      <c r="B15863" s="17"/>
      <c r="C15863" s="17"/>
      <c r="D15863" s="18"/>
      <c r="E15863" s="18"/>
      <c r="F15863" s="18"/>
      <c r="G15863" s="18"/>
      <c r="H15863" s="18"/>
      <c r="I15863" s="18"/>
      <c r="J15863" s="18"/>
      <c r="K15863" s="18"/>
      <c r="L15863" s="18"/>
      <c r="M15863" s="18"/>
      <c r="N15863" s="18"/>
      <c r="O15863" s="18"/>
      <c r="P15863" s="19"/>
      <c r="Q15863" s="19"/>
      <c r="R15863" s="19"/>
      <c r="S15863" s="19"/>
      <c r="T15863" s="19"/>
      <c r="U15863" s="19"/>
      <c r="V15863" s="19"/>
      <c r="W15863" s="19"/>
      <c r="X15863" s="19"/>
      <c r="Y15863" s="19"/>
      <c r="Z15863" s="19"/>
      <c r="AA15863" s="19"/>
    </row>
    <row r="15864" spans="1:27" s="1" customFormat="1" ht="11.1" customHeight="1" outlineLevel="4" x14ac:dyDescent="0.2">
      <c r="A15864" s="17">
        <v>15313</v>
      </c>
      <c r="B15864" s="17"/>
      <c r="C15864" s="17"/>
      <c r="D15864" s="18" t="s">
        <v>7846</v>
      </c>
      <c r="E15864" s="18"/>
      <c r="F15864" s="18"/>
      <c r="G15864" s="18"/>
      <c r="H15864" s="18"/>
      <c r="I15864" s="18"/>
      <c r="J15864" s="18"/>
      <c r="K15864" s="18"/>
      <c r="L15864" s="18"/>
      <c r="M15864" s="18"/>
      <c r="N15864" s="18"/>
      <c r="O15864" s="18"/>
      <c r="P15864" s="19">
        <v>70</v>
      </c>
      <c r="Q15864" s="19"/>
      <c r="R15864" s="19"/>
      <c r="S15864" s="19"/>
      <c r="T15864" s="19">
        <v>50</v>
      </c>
      <c r="U15864" s="19"/>
      <c r="V15864" s="19"/>
      <c r="W15864" s="19"/>
      <c r="X15864" s="19">
        <v>8</v>
      </c>
      <c r="Y15864" s="19"/>
      <c r="Z15864" s="19"/>
      <c r="AA15864" s="19"/>
    </row>
    <row r="15865" spans="1:27" s="1" customFormat="1" ht="11.1" customHeight="1" outlineLevel="4" x14ac:dyDescent="0.2">
      <c r="A15865" s="17"/>
      <c r="B15865" s="17"/>
      <c r="C15865" s="17"/>
      <c r="D15865" s="18"/>
      <c r="E15865" s="18"/>
      <c r="F15865" s="18"/>
      <c r="G15865" s="18"/>
      <c r="H15865" s="18"/>
      <c r="I15865" s="18"/>
      <c r="J15865" s="18"/>
      <c r="K15865" s="18"/>
      <c r="L15865" s="18"/>
      <c r="M15865" s="18"/>
      <c r="N15865" s="18"/>
      <c r="O15865" s="18"/>
      <c r="P15865" s="19"/>
      <c r="Q15865" s="19"/>
      <c r="R15865" s="19"/>
      <c r="S15865" s="19"/>
      <c r="T15865" s="19"/>
      <c r="U15865" s="19"/>
      <c r="V15865" s="19"/>
      <c r="W15865" s="19"/>
      <c r="X15865" s="19"/>
      <c r="Y15865" s="19"/>
      <c r="Z15865" s="19"/>
      <c r="AA15865" s="19"/>
    </row>
    <row r="15866" spans="1:27" s="1" customFormat="1" ht="11.1" customHeight="1" outlineLevel="4" x14ac:dyDescent="0.2">
      <c r="A15866" s="17">
        <v>15311</v>
      </c>
      <c r="B15866" s="17"/>
      <c r="C15866" s="17"/>
      <c r="D15866" s="18" t="s">
        <v>7847</v>
      </c>
      <c r="E15866" s="18"/>
      <c r="F15866" s="18"/>
      <c r="G15866" s="18"/>
      <c r="H15866" s="18"/>
      <c r="I15866" s="18"/>
      <c r="J15866" s="18"/>
      <c r="K15866" s="18"/>
      <c r="L15866" s="18"/>
      <c r="M15866" s="18"/>
      <c r="N15866" s="18"/>
      <c r="O15866" s="18"/>
      <c r="P15866" s="19">
        <v>70</v>
      </c>
      <c r="Q15866" s="19"/>
      <c r="R15866" s="19"/>
      <c r="S15866" s="19"/>
      <c r="T15866" s="19">
        <v>50</v>
      </c>
      <c r="U15866" s="19"/>
      <c r="V15866" s="19"/>
      <c r="W15866" s="19"/>
      <c r="X15866" s="19">
        <v>10</v>
      </c>
      <c r="Y15866" s="19"/>
      <c r="Z15866" s="19"/>
      <c r="AA15866" s="19"/>
    </row>
    <row r="15867" spans="1:27" s="1" customFormat="1" ht="11.1" customHeight="1" outlineLevel="4" x14ac:dyDescent="0.2">
      <c r="A15867" s="17"/>
      <c r="B15867" s="17"/>
      <c r="C15867" s="17"/>
      <c r="D15867" s="18"/>
      <c r="E15867" s="18"/>
      <c r="F15867" s="18"/>
      <c r="G15867" s="18"/>
      <c r="H15867" s="18"/>
      <c r="I15867" s="18"/>
      <c r="J15867" s="18"/>
      <c r="K15867" s="18"/>
      <c r="L15867" s="18"/>
      <c r="M15867" s="18"/>
      <c r="N15867" s="18"/>
      <c r="O15867" s="18"/>
      <c r="P15867" s="19"/>
      <c r="Q15867" s="19"/>
      <c r="R15867" s="19"/>
      <c r="S15867" s="19"/>
      <c r="T15867" s="19"/>
      <c r="U15867" s="19"/>
      <c r="V15867" s="19"/>
      <c r="W15867" s="19"/>
      <c r="X15867" s="19"/>
      <c r="Y15867" s="19"/>
      <c r="Z15867" s="19"/>
      <c r="AA15867" s="19"/>
    </row>
    <row r="15868" spans="1:27" s="1" customFormat="1" ht="11.1" customHeight="1" outlineLevel="4" x14ac:dyDescent="0.2">
      <c r="A15868" s="17">
        <v>13592</v>
      </c>
      <c r="B15868" s="17"/>
      <c r="C15868" s="17"/>
      <c r="D15868" s="18" t="s">
        <v>7848</v>
      </c>
      <c r="E15868" s="18"/>
      <c r="F15868" s="18"/>
      <c r="G15868" s="18"/>
      <c r="H15868" s="18"/>
      <c r="I15868" s="18"/>
      <c r="J15868" s="18"/>
      <c r="K15868" s="18"/>
      <c r="L15868" s="18"/>
      <c r="M15868" s="18"/>
      <c r="N15868" s="18"/>
      <c r="O15868" s="18"/>
      <c r="P15868" s="19">
        <v>80</v>
      </c>
      <c r="Q15868" s="19"/>
      <c r="R15868" s="19"/>
      <c r="S15868" s="19"/>
      <c r="T15868" s="19">
        <v>57</v>
      </c>
      <c r="U15868" s="19"/>
      <c r="V15868" s="19"/>
      <c r="W15868" s="19"/>
      <c r="X15868" s="19">
        <v>19</v>
      </c>
      <c r="Y15868" s="19"/>
      <c r="Z15868" s="19"/>
      <c r="AA15868" s="19"/>
    </row>
    <row r="15869" spans="1:27" s="1" customFormat="1" ht="11.1" customHeight="1" outlineLevel="4" x14ac:dyDescent="0.2">
      <c r="A15869" s="17"/>
      <c r="B15869" s="17"/>
      <c r="C15869" s="17"/>
      <c r="D15869" s="18"/>
      <c r="E15869" s="18"/>
      <c r="F15869" s="18"/>
      <c r="G15869" s="18"/>
      <c r="H15869" s="18"/>
      <c r="I15869" s="18"/>
      <c r="J15869" s="18"/>
      <c r="K15869" s="18"/>
      <c r="L15869" s="18"/>
      <c r="M15869" s="18"/>
      <c r="N15869" s="18"/>
      <c r="O15869" s="18"/>
      <c r="P15869" s="19"/>
      <c r="Q15869" s="19"/>
      <c r="R15869" s="19"/>
      <c r="S15869" s="19"/>
      <c r="T15869" s="19"/>
      <c r="U15869" s="19"/>
      <c r="V15869" s="19"/>
      <c r="W15869" s="19"/>
      <c r="X15869" s="19"/>
      <c r="Y15869" s="19"/>
      <c r="Z15869" s="19"/>
      <c r="AA15869" s="19"/>
    </row>
    <row r="15870" spans="1:27" s="1" customFormat="1" ht="11.1" customHeight="1" outlineLevel="4" x14ac:dyDescent="0.2">
      <c r="A15870" s="17">
        <v>15314</v>
      </c>
      <c r="B15870" s="17"/>
      <c r="C15870" s="17"/>
      <c r="D15870" s="18" t="s">
        <v>7849</v>
      </c>
      <c r="E15870" s="18"/>
      <c r="F15870" s="18"/>
      <c r="G15870" s="18"/>
      <c r="H15870" s="18"/>
      <c r="I15870" s="18"/>
      <c r="J15870" s="18"/>
      <c r="K15870" s="18"/>
      <c r="L15870" s="18"/>
      <c r="M15870" s="18"/>
      <c r="N15870" s="18"/>
      <c r="O15870" s="18"/>
      <c r="P15870" s="19">
        <v>70</v>
      </c>
      <c r="Q15870" s="19"/>
      <c r="R15870" s="19"/>
      <c r="S15870" s="19"/>
      <c r="T15870" s="19">
        <v>56</v>
      </c>
      <c r="U15870" s="19"/>
      <c r="V15870" s="19"/>
      <c r="W15870" s="19"/>
      <c r="X15870" s="19">
        <v>10</v>
      </c>
      <c r="Y15870" s="19"/>
      <c r="Z15870" s="19"/>
      <c r="AA15870" s="19"/>
    </row>
    <row r="15871" spans="1:27" s="1" customFormat="1" ht="11.1" customHeight="1" outlineLevel="4" x14ac:dyDescent="0.2">
      <c r="A15871" s="17"/>
      <c r="B15871" s="17"/>
      <c r="C15871" s="17"/>
      <c r="D15871" s="18"/>
      <c r="E15871" s="18"/>
      <c r="F15871" s="18"/>
      <c r="G15871" s="18"/>
      <c r="H15871" s="18"/>
      <c r="I15871" s="18"/>
      <c r="J15871" s="18"/>
      <c r="K15871" s="18"/>
      <c r="L15871" s="18"/>
      <c r="M15871" s="18"/>
      <c r="N15871" s="18"/>
      <c r="O15871" s="18"/>
      <c r="P15871" s="19"/>
      <c r="Q15871" s="19"/>
      <c r="R15871" s="19"/>
      <c r="S15871" s="19"/>
      <c r="T15871" s="19"/>
      <c r="U15871" s="19"/>
      <c r="V15871" s="19"/>
      <c r="W15871" s="19"/>
      <c r="X15871" s="19"/>
      <c r="Y15871" s="19"/>
      <c r="Z15871" s="19"/>
      <c r="AA15871" s="19"/>
    </row>
    <row r="15872" spans="1:27" s="1" customFormat="1" ht="11.1" customHeight="1" outlineLevel="4" x14ac:dyDescent="0.2">
      <c r="A15872" s="17">
        <v>15315</v>
      </c>
      <c r="B15872" s="17"/>
      <c r="C15872" s="17"/>
      <c r="D15872" s="18" t="s">
        <v>7850</v>
      </c>
      <c r="E15872" s="18"/>
      <c r="F15872" s="18"/>
      <c r="G15872" s="18"/>
      <c r="H15872" s="18"/>
      <c r="I15872" s="18"/>
      <c r="J15872" s="18"/>
      <c r="K15872" s="18"/>
      <c r="L15872" s="18"/>
      <c r="M15872" s="18"/>
      <c r="N15872" s="18"/>
      <c r="O15872" s="18"/>
      <c r="P15872" s="19">
        <v>70</v>
      </c>
      <c r="Q15872" s="19"/>
      <c r="R15872" s="19"/>
      <c r="S15872" s="19"/>
      <c r="T15872" s="19">
        <v>56</v>
      </c>
      <c r="U15872" s="19"/>
      <c r="V15872" s="19"/>
      <c r="W15872" s="19"/>
      <c r="X15872" s="19">
        <v>8</v>
      </c>
      <c r="Y15872" s="19"/>
      <c r="Z15872" s="19"/>
      <c r="AA15872" s="19"/>
    </row>
    <row r="15873" spans="1:27" s="1" customFormat="1" ht="11.1" customHeight="1" outlineLevel="4" x14ac:dyDescent="0.2">
      <c r="A15873" s="17"/>
      <c r="B15873" s="17"/>
      <c r="C15873" s="17"/>
      <c r="D15873" s="18"/>
      <c r="E15873" s="18"/>
      <c r="F15873" s="18"/>
      <c r="G15873" s="18"/>
      <c r="H15873" s="18"/>
      <c r="I15873" s="18"/>
      <c r="J15873" s="18"/>
      <c r="K15873" s="18"/>
      <c r="L15873" s="18"/>
      <c r="M15873" s="18"/>
      <c r="N15873" s="18"/>
      <c r="O15873" s="18"/>
      <c r="P15873" s="19"/>
      <c r="Q15873" s="19"/>
      <c r="R15873" s="19"/>
      <c r="S15873" s="19"/>
      <c r="T15873" s="19"/>
      <c r="U15873" s="19"/>
      <c r="V15873" s="19"/>
      <c r="W15873" s="19"/>
      <c r="X15873" s="19"/>
      <c r="Y15873" s="19"/>
      <c r="Z15873" s="19"/>
      <c r="AA15873" s="19"/>
    </row>
    <row r="15874" spans="1:27" s="1" customFormat="1" ht="11.1" customHeight="1" outlineLevel="4" x14ac:dyDescent="0.2">
      <c r="A15874" s="17">
        <v>15316</v>
      </c>
      <c r="B15874" s="17"/>
      <c r="C15874" s="17"/>
      <c r="D15874" s="18" t="s">
        <v>7851</v>
      </c>
      <c r="E15874" s="18"/>
      <c r="F15874" s="18"/>
      <c r="G15874" s="18"/>
      <c r="H15874" s="18"/>
      <c r="I15874" s="18"/>
      <c r="J15874" s="18"/>
      <c r="K15874" s="18"/>
      <c r="L15874" s="18"/>
      <c r="M15874" s="18"/>
      <c r="N15874" s="18"/>
      <c r="O15874" s="18"/>
      <c r="P15874" s="19">
        <v>80</v>
      </c>
      <c r="Q15874" s="19"/>
      <c r="R15874" s="19"/>
      <c r="S15874" s="19"/>
      <c r="T15874" s="19">
        <v>57</v>
      </c>
      <c r="U15874" s="19"/>
      <c r="V15874" s="19"/>
      <c r="W15874" s="19"/>
      <c r="X15874" s="19">
        <v>9</v>
      </c>
      <c r="Y15874" s="19"/>
      <c r="Z15874" s="19"/>
      <c r="AA15874" s="19"/>
    </row>
    <row r="15875" spans="1:27" s="1" customFormat="1" ht="11.1" customHeight="1" outlineLevel="4" x14ac:dyDescent="0.2">
      <c r="A15875" s="17"/>
      <c r="B15875" s="17"/>
      <c r="C15875" s="17"/>
      <c r="D15875" s="18"/>
      <c r="E15875" s="18"/>
      <c r="F15875" s="18"/>
      <c r="G15875" s="18"/>
      <c r="H15875" s="18"/>
      <c r="I15875" s="18"/>
      <c r="J15875" s="18"/>
      <c r="K15875" s="18"/>
      <c r="L15875" s="18"/>
      <c r="M15875" s="18"/>
      <c r="N15875" s="18"/>
      <c r="O15875" s="18"/>
      <c r="P15875" s="19"/>
      <c r="Q15875" s="19"/>
      <c r="R15875" s="19"/>
      <c r="S15875" s="19"/>
      <c r="T15875" s="19"/>
      <c r="U15875" s="19"/>
      <c r="V15875" s="19"/>
      <c r="W15875" s="19"/>
      <c r="X15875" s="19"/>
      <c r="Y15875" s="19"/>
      <c r="Z15875" s="19"/>
      <c r="AA15875" s="19"/>
    </row>
    <row r="15876" spans="1:27" s="1" customFormat="1" ht="11.1" customHeight="1" outlineLevel="4" x14ac:dyDescent="0.2">
      <c r="A15876" s="17">
        <v>13591</v>
      </c>
      <c r="B15876" s="17"/>
      <c r="C15876" s="17"/>
      <c r="D15876" s="18" t="s">
        <v>7852</v>
      </c>
      <c r="E15876" s="18"/>
      <c r="F15876" s="18"/>
      <c r="G15876" s="18"/>
      <c r="H15876" s="18"/>
      <c r="I15876" s="18"/>
      <c r="J15876" s="18"/>
      <c r="K15876" s="18"/>
      <c r="L15876" s="18"/>
      <c r="M15876" s="18"/>
      <c r="N15876" s="18"/>
      <c r="O15876" s="18"/>
      <c r="P15876" s="19">
        <v>80</v>
      </c>
      <c r="Q15876" s="19"/>
      <c r="R15876" s="19"/>
      <c r="S15876" s="19"/>
      <c r="T15876" s="19">
        <v>63</v>
      </c>
      <c r="U15876" s="19"/>
      <c r="V15876" s="19"/>
      <c r="W15876" s="19"/>
      <c r="X15876" s="19">
        <v>17</v>
      </c>
      <c r="Y15876" s="19"/>
      <c r="Z15876" s="19"/>
      <c r="AA15876" s="19"/>
    </row>
    <row r="15877" spans="1:27" s="1" customFormat="1" ht="11.1" customHeight="1" outlineLevel="4" x14ac:dyDescent="0.2">
      <c r="A15877" s="17"/>
      <c r="B15877" s="17"/>
      <c r="C15877" s="17"/>
      <c r="D15877" s="18"/>
      <c r="E15877" s="18"/>
      <c r="F15877" s="18"/>
      <c r="G15877" s="18"/>
      <c r="H15877" s="18"/>
      <c r="I15877" s="18"/>
      <c r="J15877" s="18"/>
      <c r="K15877" s="18"/>
      <c r="L15877" s="18"/>
      <c r="M15877" s="18"/>
      <c r="N15877" s="18"/>
      <c r="O15877" s="18"/>
      <c r="P15877" s="19"/>
      <c r="Q15877" s="19"/>
      <c r="R15877" s="19"/>
      <c r="S15877" s="19"/>
      <c r="T15877" s="19"/>
      <c r="U15877" s="19"/>
      <c r="V15877" s="19"/>
      <c r="W15877" s="19"/>
      <c r="X15877" s="19"/>
      <c r="Y15877" s="19"/>
      <c r="Z15877" s="19"/>
      <c r="AA15877" s="19"/>
    </row>
    <row r="15878" spans="1:27" s="1" customFormat="1" ht="11.1" customHeight="1" outlineLevel="4" x14ac:dyDescent="0.2">
      <c r="A15878" s="17">
        <v>15317</v>
      </c>
      <c r="B15878" s="17"/>
      <c r="C15878" s="17"/>
      <c r="D15878" s="18" t="s">
        <v>7853</v>
      </c>
      <c r="E15878" s="18"/>
      <c r="F15878" s="18"/>
      <c r="G15878" s="18"/>
      <c r="H15878" s="18"/>
      <c r="I15878" s="18"/>
      <c r="J15878" s="18"/>
      <c r="K15878" s="18"/>
      <c r="L15878" s="18"/>
      <c r="M15878" s="18"/>
      <c r="N15878" s="18"/>
      <c r="O15878" s="18"/>
      <c r="P15878" s="19">
        <v>80</v>
      </c>
      <c r="Q15878" s="19"/>
      <c r="R15878" s="19"/>
      <c r="S15878" s="19"/>
      <c r="T15878" s="19">
        <v>63</v>
      </c>
      <c r="U15878" s="19"/>
      <c r="V15878" s="19"/>
      <c r="W15878" s="19"/>
      <c r="X15878" s="19">
        <v>9</v>
      </c>
      <c r="Y15878" s="19"/>
      <c r="Z15878" s="19"/>
      <c r="AA15878" s="19"/>
    </row>
    <row r="15879" spans="1:27" s="1" customFormat="1" ht="11.1" customHeight="1" outlineLevel="4" x14ac:dyDescent="0.2">
      <c r="A15879" s="17"/>
      <c r="B15879" s="17"/>
      <c r="C15879" s="17"/>
      <c r="D15879" s="18"/>
      <c r="E15879" s="18"/>
      <c r="F15879" s="18"/>
      <c r="G15879" s="18"/>
      <c r="H15879" s="18"/>
      <c r="I15879" s="18"/>
      <c r="J15879" s="18"/>
      <c r="K15879" s="18"/>
      <c r="L15879" s="18"/>
      <c r="M15879" s="18"/>
      <c r="N15879" s="18"/>
      <c r="O15879" s="18"/>
      <c r="P15879" s="19"/>
      <c r="Q15879" s="19"/>
      <c r="R15879" s="19"/>
      <c r="S15879" s="19"/>
      <c r="T15879" s="19"/>
      <c r="U15879" s="19"/>
      <c r="V15879" s="19"/>
      <c r="W15879" s="19"/>
      <c r="X15879" s="19"/>
      <c r="Y15879" s="19"/>
      <c r="Z15879" s="19"/>
      <c r="AA15879" s="19"/>
    </row>
    <row r="15880" spans="1:27" s="1" customFormat="1" ht="11.1" customHeight="1" outlineLevel="4" x14ac:dyDescent="0.2">
      <c r="A15880" s="17">
        <v>15318</v>
      </c>
      <c r="B15880" s="17"/>
      <c r="C15880" s="17"/>
      <c r="D15880" s="18" t="s">
        <v>7854</v>
      </c>
      <c r="E15880" s="18"/>
      <c r="F15880" s="18"/>
      <c r="G15880" s="18"/>
      <c r="H15880" s="18"/>
      <c r="I15880" s="18"/>
      <c r="J15880" s="18"/>
      <c r="K15880" s="18"/>
      <c r="L15880" s="18"/>
      <c r="M15880" s="18"/>
      <c r="N15880" s="18"/>
      <c r="O15880" s="18"/>
      <c r="P15880" s="19">
        <v>70</v>
      </c>
      <c r="Q15880" s="19"/>
      <c r="R15880" s="19"/>
      <c r="S15880" s="19"/>
      <c r="T15880" s="19">
        <v>50</v>
      </c>
      <c r="U15880" s="19"/>
      <c r="V15880" s="19"/>
      <c r="W15880" s="19"/>
      <c r="X15880" s="19">
        <v>9</v>
      </c>
      <c r="Y15880" s="19"/>
      <c r="Z15880" s="19"/>
      <c r="AA15880" s="19"/>
    </row>
    <row r="15881" spans="1:27" s="1" customFormat="1" ht="11.1" customHeight="1" outlineLevel="4" x14ac:dyDescent="0.2">
      <c r="A15881" s="17"/>
      <c r="B15881" s="17"/>
      <c r="C15881" s="17"/>
      <c r="D15881" s="18"/>
      <c r="E15881" s="18"/>
      <c r="F15881" s="18"/>
      <c r="G15881" s="18"/>
      <c r="H15881" s="18"/>
      <c r="I15881" s="18"/>
      <c r="J15881" s="18"/>
      <c r="K15881" s="18"/>
      <c r="L15881" s="18"/>
      <c r="M15881" s="18"/>
      <c r="N15881" s="18"/>
      <c r="O15881" s="18"/>
      <c r="P15881" s="19"/>
      <c r="Q15881" s="19"/>
      <c r="R15881" s="19"/>
      <c r="S15881" s="19"/>
      <c r="T15881" s="19"/>
      <c r="U15881" s="19"/>
      <c r="V15881" s="19"/>
      <c r="W15881" s="19"/>
      <c r="X15881" s="19"/>
      <c r="Y15881" s="19"/>
      <c r="Z15881" s="19"/>
      <c r="AA15881" s="19"/>
    </row>
    <row r="15882" spans="1:27" s="1" customFormat="1" ht="11.1" customHeight="1" outlineLevel="4" x14ac:dyDescent="0.2">
      <c r="A15882" s="17">
        <v>13590</v>
      </c>
      <c r="B15882" s="17"/>
      <c r="C15882" s="17"/>
      <c r="D15882" s="18" t="s">
        <v>7855</v>
      </c>
      <c r="E15882" s="18"/>
      <c r="F15882" s="18"/>
      <c r="G15882" s="18"/>
      <c r="H15882" s="18"/>
      <c r="I15882" s="18"/>
      <c r="J15882" s="18"/>
      <c r="K15882" s="18"/>
      <c r="L15882" s="18"/>
      <c r="M15882" s="18"/>
      <c r="N15882" s="18"/>
      <c r="O15882" s="18"/>
      <c r="P15882" s="19">
        <v>230</v>
      </c>
      <c r="Q15882" s="19"/>
      <c r="R15882" s="19"/>
      <c r="S15882" s="19"/>
      <c r="T15882" s="19">
        <v>180</v>
      </c>
      <c r="U15882" s="19"/>
      <c r="V15882" s="19"/>
      <c r="W15882" s="19"/>
      <c r="X15882" s="19">
        <v>8</v>
      </c>
      <c r="Y15882" s="19"/>
      <c r="Z15882" s="19"/>
      <c r="AA15882" s="19"/>
    </row>
    <row r="15883" spans="1:27" s="1" customFormat="1" ht="11.1" customHeight="1" outlineLevel="4" x14ac:dyDescent="0.2">
      <c r="A15883" s="17"/>
      <c r="B15883" s="17"/>
      <c r="C15883" s="17"/>
      <c r="D15883" s="18"/>
      <c r="E15883" s="18"/>
      <c r="F15883" s="18"/>
      <c r="G15883" s="18"/>
      <c r="H15883" s="18"/>
      <c r="I15883" s="18"/>
      <c r="J15883" s="18"/>
      <c r="K15883" s="18"/>
      <c r="L15883" s="18"/>
      <c r="M15883" s="18"/>
      <c r="N15883" s="18"/>
      <c r="O15883" s="18"/>
      <c r="P15883" s="19"/>
      <c r="Q15883" s="19"/>
      <c r="R15883" s="19"/>
      <c r="S15883" s="19"/>
      <c r="T15883" s="19"/>
      <c r="U15883" s="19"/>
      <c r="V15883" s="19"/>
      <c r="W15883" s="19"/>
      <c r="X15883" s="19"/>
      <c r="Y15883" s="19"/>
      <c r="Z15883" s="19"/>
      <c r="AA15883" s="19"/>
    </row>
    <row r="15884" spans="1:27" s="1" customFormat="1" ht="11.1" customHeight="1" outlineLevel="4" x14ac:dyDescent="0.2">
      <c r="A15884" s="17">
        <v>15319</v>
      </c>
      <c r="B15884" s="17"/>
      <c r="C15884" s="17"/>
      <c r="D15884" s="18" t="s">
        <v>7856</v>
      </c>
      <c r="E15884" s="18"/>
      <c r="F15884" s="18"/>
      <c r="G15884" s="18"/>
      <c r="H15884" s="18"/>
      <c r="I15884" s="18"/>
      <c r="J15884" s="18"/>
      <c r="K15884" s="18"/>
      <c r="L15884" s="18"/>
      <c r="M15884" s="18"/>
      <c r="N15884" s="18"/>
      <c r="O15884" s="18"/>
      <c r="P15884" s="19">
        <v>180</v>
      </c>
      <c r="Q15884" s="19"/>
      <c r="R15884" s="19"/>
      <c r="S15884" s="19"/>
      <c r="T15884" s="19">
        <v>134</v>
      </c>
      <c r="U15884" s="19"/>
      <c r="V15884" s="19"/>
      <c r="W15884" s="19"/>
      <c r="X15884" s="19">
        <v>9</v>
      </c>
      <c r="Y15884" s="19"/>
      <c r="Z15884" s="19"/>
      <c r="AA15884" s="19"/>
    </row>
    <row r="15885" spans="1:27" s="1" customFormat="1" ht="11.1" customHeight="1" outlineLevel="4" x14ac:dyDescent="0.2">
      <c r="A15885" s="17"/>
      <c r="B15885" s="17"/>
      <c r="C15885" s="17"/>
      <c r="D15885" s="18"/>
      <c r="E15885" s="18"/>
      <c r="F15885" s="18"/>
      <c r="G15885" s="18"/>
      <c r="H15885" s="18"/>
      <c r="I15885" s="18"/>
      <c r="J15885" s="18"/>
      <c r="K15885" s="18"/>
      <c r="L15885" s="18"/>
      <c r="M15885" s="18"/>
      <c r="N15885" s="18"/>
      <c r="O15885" s="18"/>
      <c r="P15885" s="19"/>
      <c r="Q15885" s="19"/>
      <c r="R15885" s="19"/>
      <c r="S15885" s="19"/>
      <c r="T15885" s="19"/>
      <c r="U15885" s="19"/>
      <c r="V15885" s="19"/>
      <c r="W15885" s="19"/>
      <c r="X15885" s="19"/>
      <c r="Y15885" s="19"/>
      <c r="Z15885" s="19"/>
      <c r="AA15885" s="19"/>
    </row>
    <row r="15886" spans="1:27" s="1" customFormat="1" ht="11.1" customHeight="1" outlineLevel="4" x14ac:dyDescent="0.2">
      <c r="A15886" s="17">
        <v>15320</v>
      </c>
      <c r="B15886" s="17"/>
      <c r="C15886" s="17"/>
      <c r="D15886" s="18" t="s">
        <v>7857</v>
      </c>
      <c r="E15886" s="18"/>
      <c r="F15886" s="18"/>
      <c r="G15886" s="18"/>
      <c r="H15886" s="18"/>
      <c r="I15886" s="18"/>
      <c r="J15886" s="18"/>
      <c r="K15886" s="18"/>
      <c r="L15886" s="18"/>
      <c r="M15886" s="18"/>
      <c r="N15886" s="18"/>
      <c r="O15886" s="18"/>
      <c r="P15886" s="19">
        <v>190</v>
      </c>
      <c r="Q15886" s="19"/>
      <c r="R15886" s="19"/>
      <c r="S15886" s="19"/>
      <c r="T15886" s="19">
        <v>140</v>
      </c>
      <c r="U15886" s="19"/>
      <c r="V15886" s="19"/>
      <c r="W15886" s="19"/>
      <c r="X15886" s="19">
        <v>9</v>
      </c>
      <c r="Y15886" s="19"/>
      <c r="Z15886" s="19"/>
      <c r="AA15886" s="19"/>
    </row>
    <row r="15887" spans="1:27" s="1" customFormat="1" ht="11.1" customHeight="1" outlineLevel="4" x14ac:dyDescent="0.2">
      <c r="A15887" s="17"/>
      <c r="B15887" s="17"/>
      <c r="C15887" s="17"/>
      <c r="D15887" s="18"/>
      <c r="E15887" s="18"/>
      <c r="F15887" s="18"/>
      <c r="G15887" s="18"/>
      <c r="H15887" s="18"/>
      <c r="I15887" s="18"/>
      <c r="J15887" s="18"/>
      <c r="K15887" s="18"/>
      <c r="L15887" s="18"/>
      <c r="M15887" s="18"/>
      <c r="N15887" s="18"/>
      <c r="O15887" s="18"/>
      <c r="P15887" s="19"/>
      <c r="Q15887" s="19"/>
      <c r="R15887" s="19"/>
      <c r="S15887" s="19"/>
      <c r="T15887" s="19"/>
      <c r="U15887" s="19"/>
      <c r="V15887" s="19"/>
      <c r="W15887" s="19"/>
      <c r="X15887" s="19"/>
      <c r="Y15887" s="19"/>
      <c r="Z15887" s="19"/>
      <c r="AA15887" s="19"/>
    </row>
    <row r="15888" spans="1:27" s="1" customFormat="1" ht="11.1" customHeight="1" outlineLevel="4" x14ac:dyDescent="0.2">
      <c r="A15888" s="17">
        <v>13594</v>
      </c>
      <c r="B15888" s="17"/>
      <c r="C15888" s="17"/>
      <c r="D15888" s="18" t="s">
        <v>7858</v>
      </c>
      <c r="E15888" s="18"/>
      <c r="F15888" s="18"/>
      <c r="G15888" s="18"/>
      <c r="H15888" s="18"/>
      <c r="I15888" s="18"/>
      <c r="J15888" s="18"/>
      <c r="K15888" s="18"/>
      <c r="L15888" s="18"/>
      <c r="M15888" s="18"/>
      <c r="N15888" s="18"/>
      <c r="O15888" s="18"/>
      <c r="P15888" s="19">
        <v>180</v>
      </c>
      <c r="Q15888" s="19"/>
      <c r="R15888" s="19"/>
      <c r="S15888" s="19"/>
      <c r="T15888" s="19">
        <v>145</v>
      </c>
      <c r="U15888" s="19"/>
      <c r="V15888" s="19"/>
      <c r="W15888" s="19"/>
      <c r="X15888" s="19">
        <v>10</v>
      </c>
      <c r="Y15888" s="19"/>
      <c r="Z15888" s="19"/>
      <c r="AA15888" s="19"/>
    </row>
    <row r="15889" spans="1:27" s="1" customFormat="1" ht="11.1" customHeight="1" outlineLevel="4" x14ac:dyDescent="0.2">
      <c r="A15889" s="17"/>
      <c r="B15889" s="17"/>
      <c r="C15889" s="17"/>
      <c r="D15889" s="18"/>
      <c r="E15889" s="18"/>
      <c r="F15889" s="18"/>
      <c r="G15889" s="18"/>
      <c r="H15889" s="18"/>
      <c r="I15889" s="18"/>
      <c r="J15889" s="18"/>
      <c r="K15889" s="18"/>
      <c r="L15889" s="18"/>
      <c r="M15889" s="18"/>
      <c r="N15889" s="18"/>
      <c r="O15889" s="18"/>
      <c r="P15889" s="19"/>
      <c r="Q15889" s="19"/>
      <c r="R15889" s="19"/>
      <c r="S15889" s="19"/>
      <c r="T15889" s="19"/>
      <c r="U15889" s="19"/>
      <c r="V15889" s="19"/>
      <c r="W15889" s="19"/>
      <c r="X15889" s="19"/>
      <c r="Y15889" s="19"/>
      <c r="Z15889" s="19"/>
      <c r="AA15889" s="19"/>
    </row>
    <row r="15890" spans="1:27" s="1" customFormat="1" ht="11.1" customHeight="1" outlineLevel="4" x14ac:dyDescent="0.2">
      <c r="A15890" s="17">
        <v>6180</v>
      </c>
      <c r="B15890" s="17"/>
      <c r="C15890" s="17"/>
      <c r="D15890" s="18" t="s">
        <v>7859</v>
      </c>
      <c r="E15890" s="18"/>
      <c r="F15890" s="18"/>
      <c r="G15890" s="18"/>
      <c r="H15890" s="18"/>
      <c r="I15890" s="18"/>
      <c r="J15890" s="18"/>
      <c r="K15890" s="18"/>
      <c r="L15890" s="18"/>
      <c r="M15890" s="18"/>
      <c r="N15890" s="18"/>
      <c r="O15890" s="18"/>
      <c r="P15890" s="19">
        <v>680</v>
      </c>
      <c r="Q15890" s="19"/>
      <c r="R15890" s="19"/>
      <c r="S15890" s="19"/>
      <c r="T15890" s="19">
        <v>580</v>
      </c>
      <c r="U15890" s="19"/>
      <c r="V15890" s="19"/>
      <c r="W15890" s="19"/>
      <c r="X15890" s="19">
        <v>1</v>
      </c>
      <c r="Y15890" s="19"/>
      <c r="Z15890" s="19"/>
      <c r="AA15890" s="19"/>
    </row>
    <row r="15891" spans="1:27" s="1" customFormat="1" ht="11.1" customHeight="1" outlineLevel="4" x14ac:dyDescent="0.2">
      <c r="A15891" s="17"/>
      <c r="B15891" s="17"/>
      <c r="C15891" s="17"/>
      <c r="D15891" s="18"/>
      <c r="E15891" s="18"/>
      <c r="F15891" s="18"/>
      <c r="G15891" s="18"/>
      <c r="H15891" s="18"/>
      <c r="I15891" s="18"/>
      <c r="J15891" s="18"/>
      <c r="K15891" s="18"/>
      <c r="L15891" s="18"/>
      <c r="M15891" s="18"/>
      <c r="N15891" s="18"/>
      <c r="O15891" s="18"/>
      <c r="P15891" s="19"/>
      <c r="Q15891" s="19"/>
      <c r="R15891" s="19"/>
      <c r="S15891" s="19"/>
      <c r="T15891" s="19"/>
      <c r="U15891" s="19"/>
      <c r="V15891" s="19"/>
      <c r="W15891" s="19"/>
      <c r="X15891" s="19"/>
      <c r="Y15891" s="19"/>
      <c r="Z15891" s="19"/>
      <c r="AA15891" s="19"/>
    </row>
    <row r="15892" spans="1:27" s="1" customFormat="1" ht="14.1" customHeight="1" outlineLevel="4" x14ac:dyDescent="0.2">
      <c r="A15892" s="17">
        <v>242</v>
      </c>
      <c r="B15892" s="17"/>
      <c r="C15892" s="17"/>
      <c r="D15892" s="18" t="s">
        <v>7860</v>
      </c>
      <c r="E15892" s="18"/>
      <c r="F15892" s="18"/>
      <c r="G15892" s="18"/>
      <c r="H15892" s="18"/>
      <c r="I15892" s="18"/>
      <c r="J15892" s="18"/>
      <c r="K15892" s="18"/>
      <c r="L15892" s="18"/>
      <c r="M15892" s="18"/>
      <c r="N15892" s="18"/>
      <c r="O15892" s="18"/>
      <c r="P15892" s="19">
        <v>240</v>
      </c>
      <c r="Q15892" s="19"/>
      <c r="R15892" s="19"/>
      <c r="S15892" s="19"/>
      <c r="T15892" s="19">
        <v>190</v>
      </c>
      <c r="U15892" s="19"/>
      <c r="V15892" s="19"/>
      <c r="W15892" s="19"/>
      <c r="X15892" s="19">
        <v>1</v>
      </c>
      <c r="Y15892" s="19"/>
      <c r="Z15892" s="19"/>
      <c r="AA15892" s="19"/>
    </row>
    <row r="15893" spans="1:27" s="1" customFormat="1" ht="14.1" customHeight="1" outlineLevel="4" x14ac:dyDescent="0.2">
      <c r="A15893" s="17"/>
      <c r="B15893" s="17"/>
      <c r="C15893" s="17"/>
      <c r="D15893" s="18"/>
      <c r="E15893" s="18"/>
      <c r="F15893" s="18"/>
      <c r="G15893" s="18"/>
      <c r="H15893" s="18"/>
      <c r="I15893" s="18"/>
      <c r="J15893" s="18"/>
      <c r="K15893" s="18"/>
      <c r="L15893" s="18"/>
      <c r="M15893" s="18"/>
      <c r="N15893" s="18"/>
      <c r="O15893" s="18"/>
      <c r="P15893" s="19"/>
      <c r="Q15893" s="19"/>
      <c r="R15893" s="19"/>
      <c r="S15893" s="19"/>
      <c r="T15893" s="19"/>
      <c r="U15893" s="19"/>
      <c r="V15893" s="19"/>
      <c r="W15893" s="19"/>
      <c r="X15893" s="19"/>
      <c r="Y15893" s="19"/>
      <c r="Z15893" s="19"/>
      <c r="AA15893" s="19"/>
    </row>
    <row r="15894" spans="1:27" s="1" customFormat="1" ht="14.1" customHeight="1" outlineLevel="4" x14ac:dyDescent="0.2">
      <c r="A15894" s="17">
        <v>12363</v>
      </c>
      <c r="B15894" s="17"/>
      <c r="C15894" s="17"/>
      <c r="D15894" s="18" t="s">
        <v>7861</v>
      </c>
      <c r="E15894" s="18"/>
      <c r="F15894" s="18"/>
      <c r="G15894" s="18"/>
      <c r="H15894" s="18"/>
      <c r="I15894" s="18"/>
      <c r="J15894" s="18"/>
      <c r="K15894" s="18"/>
      <c r="L15894" s="18"/>
      <c r="M15894" s="18"/>
      <c r="N15894" s="18"/>
      <c r="O15894" s="18"/>
      <c r="P15894" s="19">
        <v>100</v>
      </c>
      <c r="Q15894" s="19"/>
      <c r="R15894" s="19"/>
      <c r="S15894" s="19"/>
      <c r="T15894" s="19">
        <v>60</v>
      </c>
      <c r="U15894" s="19"/>
      <c r="V15894" s="19"/>
      <c r="W15894" s="19"/>
      <c r="X15894" s="19">
        <v>300</v>
      </c>
      <c r="Y15894" s="19"/>
      <c r="Z15894" s="19"/>
      <c r="AA15894" s="19"/>
    </row>
    <row r="15895" spans="1:27" s="1" customFormat="1" ht="14.1" customHeight="1" outlineLevel="4" x14ac:dyDescent="0.2">
      <c r="A15895" s="17"/>
      <c r="B15895" s="17"/>
      <c r="C15895" s="17"/>
      <c r="D15895" s="18"/>
      <c r="E15895" s="18"/>
      <c r="F15895" s="18"/>
      <c r="G15895" s="18"/>
      <c r="H15895" s="18"/>
      <c r="I15895" s="18"/>
      <c r="J15895" s="18"/>
      <c r="K15895" s="18"/>
      <c r="L15895" s="18"/>
      <c r="M15895" s="18"/>
      <c r="N15895" s="18"/>
      <c r="O15895" s="18"/>
      <c r="P15895" s="19"/>
      <c r="Q15895" s="19"/>
      <c r="R15895" s="19"/>
      <c r="S15895" s="19"/>
      <c r="T15895" s="19"/>
      <c r="U15895" s="19"/>
      <c r="V15895" s="19"/>
      <c r="W15895" s="19"/>
      <c r="X15895" s="19"/>
      <c r="Y15895" s="19"/>
      <c r="Z15895" s="19"/>
      <c r="AA15895" s="19"/>
    </row>
    <row r="15896" spans="1:27" s="1" customFormat="1" ht="14.1" customHeight="1" outlineLevel="4" x14ac:dyDescent="0.2">
      <c r="A15896" s="17">
        <v>15633</v>
      </c>
      <c r="B15896" s="17"/>
      <c r="C15896" s="17"/>
      <c r="D15896" s="18" t="s">
        <v>7862</v>
      </c>
      <c r="E15896" s="18"/>
      <c r="F15896" s="18"/>
      <c r="G15896" s="18"/>
      <c r="H15896" s="18"/>
      <c r="I15896" s="18"/>
      <c r="J15896" s="18"/>
      <c r="K15896" s="18"/>
      <c r="L15896" s="18"/>
      <c r="M15896" s="18"/>
      <c r="N15896" s="18"/>
      <c r="O15896" s="18"/>
      <c r="P15896" s="19">
        <v>900</v>
      </c>
      <c r="Q15896" s="19"/>
      <c r="R15896" s="19"/>
      <c r="S15896" s="19"/>
      <c r="T15896" s="19">
        <v>600</v>
      </c>
      <c r="U15896" s="19"/>
      <c r="V15896" s="19"/>
      <c r="W15896" s="19"/>
      <c r="X15896" s="19">
        <v>1</v>
      </c>
      <c r="Y15896" s="19"/>
      <c r="Z15896" s="19"/>
      <c r="AA15896" s="19"/>
    </row>
    <row r="15897" spans="1:27" s="1" customFormat="1" ht="14.1" customHeight="1" outlineLevel="4" x14ac:dyDescent="0.2">
      <c r="A15897" s="17"/>
      <c r="B15897" s="17"/>
      <c r="C15897" s="17"/>
      <c r="D15897" s="18"/>
      <c r="E15897" s="18"/>
      <c r="F15897" s="18"/>
      <c r="G15897" s="18"/>
      <c r="H15897" s="18"/>
      <c r="I15897" s="18"/>
      <c r="J15897" s="18"/>
      <c r="K15897" s="18"/>
      <c r="L15897" s="18"/>
      <c r="M15897" s="18"/>
      <c r="N15897" s="18"/>
      <c r="O15897" s="18"/>
      <c r="P15897" s="19"/>
      <c r="Q15897" s="19"/>
      <c r="R15897" s="19"/>
      <c r="S15897" s="19"/>
      <c r="T15897" s="19"/>
      <c r="U15897" s="19"/>
      <c r="V15897" s="19"/>
      <c r="W15897" s="19"/>
      <c r="X15897" s="19"/>
      <c r="Y15897" s="19"/>
      <c r="Z15897" s="19"/>
      <c r="AA15897" s="19"/>
    </row>
    <row r="15898" spans="1:27" s="1" customFormat="1" ht="14.1" customHeight="1" outlineLevel="4" x14ac:dyDescent="0.2">
      <c r="A15898" s="17">
        <v>4421</v>
      </c>
      <c r="B15898" s="17"/>
      <c r="C15898" s="17"/>
      <c r="D15898" s="18" t="s">
        <v>7863</v>
      </c>
      <c r="E15898" s="18"/>
      <c r="F15898" s="18"/>
      <c r="G15898" s="18"/>
      <c r="H15898" s="18"/>
      <c r="I15898" s="18"/>
      <c r="J15898" s="18"/>
      <c r="K15898" s="18"/>
      <c r="L15898" s="18"/>
      <c r="M15898" s="18"/>
      <c r="N15898" s="18"/>
      <c r="O15898" s="18"/>
      <c r="P15898" s="19">
        <v>650</v>
      </c>
      <c r="Q15898" s="19"/>
      <c r="R15898" s="19"/>
      <c r="S15898" s="19"/>
      <c r="T15898" s="19">
        <v>550</v>
      </c>
      <c r="U15898" s="19"/>
      <c r="V15898" s="19"/>
      <c r="W15898" s="19"/>
      <c r="X15898" s="19">
        <v>1</v>
      </c>
      <c r="Y15898" s="19"/>
      <c r="Z15898" s="19"/>
      <c r="AA15898" s="19"/>
    </row>
    <row r="15899" spans="1:27" s="1" customFormat="1" ht="14.1" customHeight="1" outlineLevel="4" x14ac:dyDescent="0.2">
      <c r="A15899" s="17"/>
      <c r="B15899" s="17"/>
      <c r="C15899" s="17"/>
      <c r="D15899" s="18"/>
      <c r="E15899" s="18"/>
      <c r="F15899" s="18"/>
      <c r="G15899" s="18"/>
      <c r="H15899" s="18"/>
      <c r="I15899" s="18"/>
      <c r="J15899" s="18"/>
      <c r="K15899" s="18"/>
      <c r="L15899" s="18"/>
      <c r="M15899" s="18"/>
      <c r="N15899" s="18"/>
      <c r="O15899" s="18"/>
      <c r="P15899" s="19"/>
      <c r="Q15899" s="19"/>
      <c r="R15899" s="19"/>
      <c r="S15899" s="19"/>
      <c r="T15899" s="19"/>
      <c r="U15899" s="19"/>
      <c r="V15899" s="19"/>
      <c r="W15899" s="19"/>
      <c r="X15899" s="19"/>
      <c r="Y15899" s="19"/>
      <c r="Z15899" s="19"/>
      <c r="AA15899" s="19"/>
    </row>
    <row r="15900" spans="1:27" s="1" customFormat="1" ht="11.1" customHeight="1" outlineLevel="2" x14ac:dyDescent="0.2">
      <c r="A15900" s="16" t="s">
        <v>7864</v>
      </c>
      <c r="B15900" s="16"/>
      <c r="C15900" s="16"/>
      <c r="D15900" s="16"/>
      <c r="E15900" s="16"/>
      <c r="F15900" s="16"/>
      <c r="G15900" s="16"/>
      <c r="H15900" s="16"/>
      <c r="I15900" s="16"/>
      <c r="J15900" s="16"/>
      <c r="K15900" s="16"/>
      <c r="L15900" s="16"/>
      <c r="M15900" s="16"/>
      <c r="N15900" s="16"/>
      <c r="O15900" s="16"/>
      <c r="P15900" s="16"/>
      <c r="Q15900" s="16"/>
      <c r="R15900" s="16"/>
      <c r="S15900" s="16"/>
      <c r="T15900" s="16"/>
      <c r="U15900" s="16"/>
      <c r="V15900" s="16"/>
      <c r="W15900" s="16"/>
      <c r="X15900" s="16"/>
      <c r="Y15900" s="16"/>
      <c r="Z15900" s="16"/>
      <c r="AA15900" s="16"/>
    </row>
    <row r="15901" spans="1:27" s="1" customFormat="1" ht="11.1" customHeight="1" outlineLevel="2" x14ac:dyDescent="0.2">
      <c r="A15901" s="16"/>
      <c r="B15901" s="16"/>
      <c r="C15901" s="16"/>
      <c r="D15901" s="16"/>
      <c r="E15901" s="16"/>
      <c r="F15901" s="16"/>
      <c r="G15901" s="16"/>
      <c r="H15901" s="16"/>
      <c r="I15901" s="16"/>
      <c r="J15901" s="16"/>
      <c r="K15901" s="16"/>
      <c r="L15901" s="16"/>
      <c r="M15901" s="16"/>
      <c r="N15901" s="16"/>
      <c r="O15901" s="16"/>
      <c r="P15901" s="16"/>
      <c r="Q15901" s="16"/>
      <c r="R15901" s="16"/>
      <c r="S15901" s="16"/>
      <c r="T15901" s="16"/>
      <c r="U15901" s="16"/>
      <c r="V15901" s="16"/>
      <c r="W15901" s="16"/>
      <c r="X15901" s="16"/>
      <c r="Y15901" s="16"/>
      <c r="Z15901" s="16"/>
      <c r="AA15901" s="16"/>
    </row>
    <row r="15902" spans="1:27" s="1" customFormat="1" ht="14.1" customHeight="1" outlineLevel="3" x14ac:dyDescent="0.2">
      <c r="A15902" s="17">
        <v>12178</v>
      </c>
      <c r="B15902" s="17"/>
      <c r="C15902" s="17"/>
      <c r="D15902" s="18" t="s">
        <v>7865</v>
      </c>
      <c r="E15902" s="18"/>
      <c r="F15902" s="18"/>
      <c r="G15902" s="18"/>
      <c r="H15902" s="18"/>
      <c r="I15902" s="18"/>
      <c r="J15902" s="18"/>
      <c r="K15902" s="18"/>
      <c r="L15902" s="18"/>
      <c r="M15902" s="18"/>
      <c r="N15902" s="18"/>
      <c r="O15902" s="18"/>
      <c r="P15902" s="19">
        <v>55</v>
      </c>
      <c r="Q15902" s="19"/>
      <c r="R15902" s="19"/>
      <c r="S15902" s="19"/>
      <c r="T15902" s="19">
        <v>38</v>
      </c>
      <c r="U15902" s="19"/>
      <c r="V15902" s="19"/>
      <c r="W15902" s="19"/>
      <c r="X15902" s="19">
        <v>7</v>
      </c>
      <c r="Y15902" s="19"/>
      <c r="Z15902" s="19"/>
      <c r="AA15902" s="19"/>
    </row>
    <row r="15903" spans="1:27" s="1" customFormat="1" ht="14.1" customHeight="1" outlineLevel="3" x14ac:dyDescent="0.2">
      <c r="A15903" s="17"/>
      <c r="B15903" s="17"/>
      <c r="C15903" s="17"/>
      <c r="D15903" s="18"/>
      <c r="E15903" s="18"/>
      <c r="F15903" s="18"/>
      <c r="G15903" s="18"/>
      <c r="H15903" s="18"/>
      <c r="I15903" s="18"/>
      <c r="J15903" s="18"/>
      <c r="K15903" s="18"/>
      <c r="L15903" s="18"/>
      <c r="M15903" s="18"/>
      <c r="N15903" s="18"/>
      <c r="O15903" s="18"/>
      <c r="P15903" s="19"/>
      <c r="Q15903" s="19"/>
      <c r="R15903" s="19"/>
      <c r="S15903" s="19"/>
      <c r="T15903" s="19"/>
      <c r="U15903" s="19"/>
      <c r="V15903" s="19"/>
      <c r="W15903" s="19"/>
      <c r="X15903" s="19"/>
      <c r="Y15903" s="19"/>
      <c r="Z15903" s="19"/>
      <c r="AA15903" s="19"/>
    </row>
    <row r="15904" spans="1:27" s="1" customFormat="1" ht="14.1" customHeight="1" outlineLevel="3" x14ac:dyDescent="0.2">
      <c r="A15904" s="17">
        <v>12976</v>
      </c>
      <c r="B15904" s="17"/>
      <c r="C15904" s="17"/>
      <c r="D15904" s="18" t="s">
        <v>7866</v>
      </c>
      <c r="E15904" s="18"/>
      <c r="F15904" s="18"/>
      <c r="G15904" s="18"/>
      <c r="H15904" s="18"/>
      <c r="I15904" s="18"/>
      <c r="J15904" s="18"/>
      <c r="K15904" s="18"/>
      <c r="L15904" s="18"/>
      <c r="M15904" s="18"/>
      <c r="N15904" s="18"/>
      <c r="O15904" s="18"/>
      <c r="P15904" s="19">
        <v>85</v>
      </c>
      <c r="Q15904" s="19"/>
      <c r="R15904" s="19"/>
      <c r="S15904" s="19"/>
      <c r="T15904" s="19">
        <v>68</v>
      </c>
      <c r="U15904" s="19"/>
      <c r="V15904" s="19"/>
      <c r="W15904" s="19"/>
      <c r="X15904" s="19">
        <v>1</v>
      </c>
      <c r="Y15904" s="19"/>
      <c r="Z15904" s="19"/>
      <c r="AA15904" s="19"/>
    </row>
    <row r="15905" spans="1:27" s="1" customFormat="1" ht="14.1" customHeight="1" outlineLevel="3" x14ac:dyDescent="0.2">
      <c r="A15905" s="17"/>
      <c r="B15905" s="17"/>
      <c r="C15905" s="17"/>
      <c r="D15905" s="18"/>
      <c r="E15905" s="18"/>
      <c r="F15905" s="18"/>
      <c r="G15905" s="18"/>
      <c r="H15905" s="18"/>
      <c r="I15905" s="18"/>
      <c r="J15905" s="18"/>
      <c r="K15905" s="18"/>
      <c r="L15905" s="18"/>
      <c r="M15905" s="18"/>
      <c r="N15905" s="18"/>
      <c r="O15905" s="18"/>
      <c r="P15905" s="19"/>
      <c r="Q15905" s="19"/>
      <c r="R15905" s="19"/>
      <c r="S15905" s="19"/>
      <c r="T15905" s="19"/>
      <c r="U15905" s="19"/>
      <c r="V15905" s="19"/>
      <c r="W15905" s="19"/>
      <c r="X15905" s="19"/>
      <c r="Y15905" s="19"/>
      <c r="Z15905" s="19"/>
      <c r="AA15905" s="19"/>
    </row>
    <row r="15906" spans="1:27" s="1" customFormat="1" ht="14.1" customHeight="1" outlineLevel="3" x14ac:dyDescent="0.2">
      <c r="A15906" s="17">
        <v>15016</v>
      </c>
      <c r="B15906" s="17"/>
      <c r="C15906" s="17"/>
      <c r="D15906" s="18" t="s">
        <v>7867</v>
      </c>
      <c r="E15906" s="18"/>
      <c r="F15906" s="18"/>
      <c r="G15906" s="18"/>
      <c r="H15906" s="18"/>
      <c r="I15906" s="18"/>
      <c r="J15906" s="18"/>
      <c r="K15906" s="18"/>
      <c r="L15906" s="18"/>
      <c r="M15906" s="18"/>
      <c r="N15906" s="18"/>
      <c r="O15906" s="18"/>
      <c r="P15906" s="19">
        <v>40</v>
      </c>
      <c r="Q15906" s="19"/>
      <c r="R15906" s="19"/>
      <c r="S15906" s="19"/>
      <c r="T15906" s="19">
        <v>26</v>
      </c>
      <c r="U15906" s="19"/>
      <c r="V15906" s="19"/>
      <c r="W15906" s="19"/>
      <c r="X15906" s="19">
        <v>2</v>
      </c>
      <c r="Y15906" s="19"/>
      <c r="Z15906" s="19"/>
      <c r="AA15906" s="19"/>
    </row>
    <row r="15907" spans="1:27" s="1" customFormat="1" ht="14.1" customHeight="1" outlineLevel="3" x14ac:dyDescent="0.2">
      <c r="A15907" s="17"/>
      <c r="B15907" s="17"/>
      <c r="C15907" s="17"/>
      <c r="D15907" s="18"/>
      <c r="E15907" s="18"/>
      <c r="F15907" s="18"/>
      <c r="G15907" s="18"/>
      <c r="H15907" s="18"/>
      <c r="I15907" s="18"/>
      <c r="J15907" s="18"/>
      <c r="K15907" s="18"/>
      <c r="L15907" s="18"/>
      <c r="M15907" s="18"/>
      <c r="N15907" s="18"/>
      <c r="O15907" s="18"/>
      <c r="P15907" s="19"/>
      <c r="Q15907" s="19"/>
      <c r="R15907" s="19"/>
      <c r="S15907" s="19"/>
      <c r="T15907" s="19"/>
      <c r="U15907" s="19"/>
      <c r="V15907" s="19"/>
      <c r="W15907" s="19"/>
      <c r="X15907" s="19"/>
      <c r="Y15907" s="19"/>
      <c r="Z15907" s="19"/>
      <c r="AA15907" s="19"/>
    </row>
    <row r="15908" spans="1:27" s="1" customFormat="1" ht="14.1" customHeight="1" outlineLevel="3" x14ac:dyDescent="0.2">
      <c r="A15908" s="17">
        <v>15014</v>
      </c>
      <c r="B15908" s="17"/>
      <c r="C15908" s="17"/>
      <c r="D15908" s="18" t="s">
        <v>7868</v>
      </c>
      <c r="E15908" s="18"/>
      <c r="F15908" s="18"/>
      <c r="G15908" s="18"/>
      <c r="H15908" s="18"/>
      <c r="I15908" s="18"/>
      <c r="J15908" s="18"/>
      <c r="K15908" s="18"/>
      <c r="L15908" s="18"/>
      <c r="M15908" s="18"/>
      <c r="N15908" s="18"/>
      <c r="O15908" s="18"/>
      <c r="P15908" s="19">
        <v>35</v>
      </c>
      <c r="Q15908" s="19"/>
      <c r="R15908" s="19"/>
      <c r="S15908" s="19"/>
      <c r="T15908" s="19">
        <v>22</v>
      </c>
      <c r="U15908" s="19"/>
      <c r="V15908" s="19"/>
      <c r="W15908" s="19"/>
      <c r="X15908" s="19">
        <v>-1</v>
      </c>
      <c r="Y15908" s="19"/>
      <c r="Z15908" s="19"/>
      <c r="AA15908" s="19"/>
    </row>
    <row r="15909" spans="1:27" s="1" customFormat="1" ht="14.1" customHeight="1" outlineLevel="3" x14ac:dyDescent="0.2">
      <c r="A15909" s="17"/>
      <c r="B15909" s="17"/>
      <c r="C15909" s="17"/>
      <c r="D15909" s="18"/>
      <c r="E15909" s="18"/>
      <c r="F15909" s="18"/>
      <c r="G15909" s="18"/>
      <c r="H15909" s="18"/>
      <c r="I15909" s="18"/>
      <c r="J15909" s="18"/>
      <c r="K15909" s="18"/>
      <c r="L15909" s="18"/>
      <c r="M15909" s="18"/>
      <c r="N15909" s="18"/>
      <c r="O15909" s="18"/>
      <c r="P15909" s="19"/>
      <c r="Q15909" s="19"/>
      <c r="R15909" s="19"/>
      <c r="S15909" s="19"/>
      <c r="T15909" s="19"/>
      <c r="U15909" s="19"/>
      <c r="V15909" s="19"/>
      <c r="W15909" s="19"/>
      <c r="X15909" s="19"/>
      <c r="Y15909" s="19"/>
      <c r="Z15909" s="19"/>
      <c r="AA15909" s="19"/>
    </row>
    <row r="15910" spans="1:27" s="1" customFormat="1" ht="11.1" customHeight="1" outlineLevel="3" x14ac:dyDescent="0.2">
      <c r="A15910" s="17">
        <v>12998</v>
      </c>
      <c r="B15910" s="17"/>
      <c r="C15910" s="17"/>
      <c r="D15910" s="18" t="s">
        <v>7869</v>
      </c>
      <c r="E15910" s="18"/>
      <c r="F15910" s="18"/>
      <c r="G15910" s="18"/>
      <c r="H15910" s="18"/>
      <c r="I15910" s="18"/>
      <c r="J15910" s="18"/>
      <c r="K15910" s="18"/>
      <c r="L15910" s="18"/>
      <c r="M15910" s="18"/>
      <c r="N15910" s="18"/>
      <c r="O15910" s="18"/>
      <c r="P15910" s="19">
        <v>10</v>
      </c>
      <c r="Q15910" s="19"/>
      <c r="R15910" s="19"/>
      <c r="S15910" s="19"/>
      <c r="T15910" s="19">
        <v>6</v>
      </c>
      <c r="U15910" s="19"/>
      <c r="V15910" s="19"/>
      <c r="W15910" s="19"/>
      <c r="X15910" s="19">
        <v>1</v>
      </c>
      <c r="Y15910" s="19"/>
      <c r="Z15910" s="19"/>
      <c r="AA15910" s="19"/>
    </row>
    <row r="15911" spans="1:27" s="1" customFormat="1" ht="11.1" customHeight="1" outlineLevel="3" x14ac:dyDescent="0.2">
      <c r="A15911" s="17"/>
      <c r="B15911" s="17"/>
      <c r="C15911" s="17"/>
      <c r="D15911" s="18"/>
      <c r="E15911" s="18"/>
      <c r="F15911" s="18"/>
      <c r="G15911" s="18"/>
      <c r="H15911" s="18"/>
      <c r="I15911" s="18"/>
      <c r="J15911" s="18"/>
      <c r="K15911" s="18"/>
      <c r="L15911" s="18"/>
      <c r="M15911" s="18"/>
      <c r="N15911" s="18"/>
      <c r="O15911" s="18"/>
      <c r="P15911" s="19"/>
      <c r="Q15911" s="19"/>
      <c r="R15911" s="19"/>
      <c r="S15911" s="19"/>
      <c r="T15911" s="19"/>
      <c r="U15911" s="19"/>
      <c r="V15911" s="19"/>
      <c r="W15911" s="19"/>
      <c r="X15911" s="19"/>
      <c r="Y15911" s="19"/>
      <c r="Z15911" s="19"/>
      <c r="AA15911" s="19"/>
    </row>
    <row r="15912" spans="1:27" s="1" customFormat="1" ht="11.1" customHeight="1" outlineLevel="2" x14ac:dyDescent="0.2">
      <c r="A15912" s="16" t="s">
        <v>7870</v>
      </c>
      <c r="B15912" s="16"/>
      <c r="C15912" s="16"/>
      <c r="D15912" s="16"/>
      <c r="E15912" s="16"/>
      <c r="F15912" s="16"/>
      <c r="G15912" s="16"/>
      <c r="H15912" s="16"/>
      <c r="I15912" s="16"/>
      <c r="J15912" s="16"/>
      <c r="K15912" s="16"/>
      <c r="L15912" s="16"/>
      <c r="M15912" s="16"/>
      <c r="N15912" s="16"/>
      <c r="O15912" s="16"/>
      <c r="P15912" s="16"/>
      <c r="Q15912" s="16"/>
      <c r="R15912" s="16"/>
      <c r="S15912" s="16"/>
      <c r="T15912" s="16"/>
      <c r="U15912" s="16"/>
      <c r="V15912" s="16"/>
      <c r="W15912" s="16"/>
      <c r="X15912" s="16"/>
      <c r="Y15912" s="16"/>
      <c r="Z15912" s="16"/>
      <c r="AA15912" s="16"/>
    </row>
    <row r="15913" spans="1:27" s="1" customFormat="1" ht="11.1" customHeight="1" outlineLevel="2" x14ac:dyDescent="0.2">
      <c r="A15913" s="16"/>
      <c r="B15913" s="16"/>
      <c r="C15913" s="16"/>
      <c r="D15913" s="16"/>
      <c r="E15913" s="16"/>
      <c r="F15913" s="16"/>
      <c r="G15913" s="16"/>
      <c r="H15913" s="16"/>
      <c r="I15913" s="16"/>
      <c r="J15913" s="16"/>
      <c r="K15913" s="16"/>
      <c r="L15913" s="16"/>
      <c r="M15913" s="16"/>
      <c r="N15913" s="16"/>
      <c r="O15913" s="16"/>
      <c r="P15913" s="16"/>
      <c r="Q15913" s="16"/>
      <c r="R15913" s="16"/>
      <c r="S15913" s="16"/>
      <c r="T15913" s="16"/>
      <c r="U15913" s="16"/>
      <c r="V15913" s="16"/>
      <c r="W15913" s="16"/>
      <c r="X15913" s="16"/>
      <c r="Y15913" s="16"/>
      <c r="Z15913" s="16"/>
      <c r="AA15913" s="16"/>
    </row>
    <row r="15914" spans="1:27" s="1" customFormat="1" ht="14.1" customHeight="1" outlineLevel="3" x14ac:dyDescent="0.2">
      <c r="A15914" s="17">
        <v>31</v>
      </c>
      <c r="B15914" s="17"/>
      <c r="C15914" s="17"/>
      <c r="D15914" s="18" t="s">
        <v>7871</v>
      </c>
      <c r="E15914" s="18"/>
      <c r="F15914" s="18"/>
      <c r="G15914" s="18"/>
      <c r="H15914" s="18"/>
      <c r="I15914" s="18"/>
      <c r="J15914" s="18"/>
      <c r="K15914" s="18"/>
      <c r="L15914" s="18"/>
      <c r="M15914" s="18"/>
      <c r="N15914" s="18"/>
      <c r="O15914" s="18"/>
      <c r="P15914" s="20">
        <v>1200</v>
      </c>
      <c r="Q15914" s="20"/>
      <c r="R15914" s="20"/>
      <c r="S15914" s="20"/>
      <c r="T15914" s="19">
        <v>990</v>
      </c>
      <c r="U15914" s="19"/>
      <c r="V15914" s="19"/>
      <c r="W15914" s="19"/>
      <c r="X15914" s="19">
        <v>1</v>
      </c>
      <c r="Y15914" s="19"/>
      <c r="Z15914" s="19"/>
      <c r="AA15914" s="19"/>
    </row>
    <row r="15915" spans="1:27" s="1" customFormat="1" ht="14.1" customHeight="1" outlineLevel="3" x14ac:dyDescent="0.2">
      <c r="A15915" s="17"/>
      <c r="B15915" s="17"/>
      <c r="C15915" s="17"/>
      <c r="D15915" s="18"/>
      <c r="E15915" s="18"/>
      <c r="F15915" s="18"/>
      <c r="G15915" s="18"/>
      <c r="H15915" s="18"/>
      <c r="I15915" s="18"/>
      <c r="J15915" s="18"/>
      <c r="K15915" s="18"/>
      <c r="L15915" s="18"/>
      <c r="M15915" s="18"/>
      <c r="N15915" s="18"/>
      <c r="O15915" s="18"/>
      <c r="P15915" s="20"/>
      <c r="Q15915" s="20"/>
      <c r="R15915" s="20"/>
      <c r="S15915" s="20"/>
      <c r="T15915" s="19"/>
      <c r="U15915" s="19"/>
      <c r="V15915" s="19"/>
      <c r="W15915" s="19"/>
      <c r="X15915" s="19"/>
      <c r="Y15915" s="19"/>
      <c r="Z15915" s="19"/>
      <c r="AA15915" s="19"/>
    </row>
    <row r="15916" spans="1:27" s="1" customFormat="1" ht="11.1" customHeight="1" outlineLevel="3" x14ac:dyDescent="0.2">
      <c r="A15916" s="17">
        <v>10626</v>
      </c>
      <c r="B15916" s="17"/>
      <c r="C15916" s="17"/>
      <c r="D15916" s="18" t="s">
        <v>7872</v>
      </c>
      <c r="E15916" s="18"/>
      <c r="F15916" s="18"/>
      <c r="G15916" s="18"/>
      <c r="H15916" s="18"/>
      <c r="I15916" s="18"/>
      <c r="J15916" s="18"/>
      <c r="K15916" s="18"/>
      <c r="L15916" s="18"/>
      <c r="M15916" s="18"/>
      <c r="N15916" s="18"/>
      <c r="O15916" s="18"/>
      <c r="P15916" s="19">
        <v>900</v>
      </c>
      <c r="Q15916" s="19"/>
      <c r="R15916" s="19"/>
      <c r="S15916" s="19"/>
      <c r="T15916" s="19">
        <v>630</v>
      </c>
      <c r="U15916" s="19"/>
      <c r="V15916" s="19"/>
      <c r="W15916" s="19"/>
      <c r="X15916" s="19">
        <v>5</v>
      </c>
      <c r="Y15916" s="19"/>
      <c r="Z15916" s="19"/>
      <c r="AA15916" s="19"/>
    </row>
    <row r="15917" spans="1:27" s="1" customFormat="1" ht="11.1" customHeight="1" outlineLevel="3" x14ac:dyDescent="0.2">
      <c r="A15917" s="17"/>
      <c r="B15917" s="17"/>
      <c r="C15917" s="17"/>
      <c r="D15917" s="18"/>
      <c r="E15917" s="18"/>
      <c r="F15917" s="18"/>
      <c r="G15917" s="18"/>
      <c r="H15917" s="18"/>
      <c r="I15917" s="18"/>
      <c r="J15917" s="18"/>
      <c r="K15917" s="18"/>
      <c r="L15917" s="18"/>
      <c r="M15917" s="18"/>
      <c r="N15917" s="18"/>
      <c r="O15917" s="18"/>
      <c r="P15917" s="19"/>
      <c r="Q15917" s="19"/>
      <c r="R15917" s="19"/>
      <c r="S15917" s="19"/>
      <c r="T15917" s="19"/>
      <c r="U15917" s="19"/>
      <c r="V15917" s="19"/>
      <c r="W15917" s="19"/>
      <c r="X15917" s="19"/>
      <c r="Y15917" s="19"/>
      <c r="Z15917" s="19"/>
      <c r="AA15917" s="19"/>
    </row>
    <row r="15918" spans="1:27" s="1" customFormat="1" ht="11.1" customHeight="1" outlineLevel="3" x14ac:dyDescent="0.2">
      <c r="A15918" s="17">
        <v>10630</v>
      </c>
      <c r="B15918" s="17"/>
      <c r="C15918" s="17"/>
      <c r="D15918" s="18" t="s">
        <v>7873</v>
      </c>
      <c r="E15918" s="18"/>
      <c r="F15918" s="18"/>
      <c r="G15918" s="18"/>
      <c r="H15918" s="18"/>
      <c r="I15918" s="18"/>
      <c r="J15918" s="18"/>
      <c r="K15918" s="18"/>
      <c r="L15918" s="18"/>
      <c r="M15918" s="18"/>
      <c r="N15918" s="18"/>
      <c r="O15918" s="18"/>
      <c r="P15918" s="19">
        <v>880</v>
      </c>
      <c r="Q15918" s="19"/>
      <c r="R15918" s="19"/>
      <c r="S15918" s="19"/>
      <c r="T15918" s="19">
        <v>630</v>
      </c>
      <c r="U15918" s="19"/>
      <c r="V15918" s="19"/>
      <c r="W15918" s="19"/>
      <c r="X15918" s="19">
        <v>1</v>
      </c>
      <c r="Y15918" s="19"/>
      <c r="Z15918" s="19"/>
      <c r="AA15918" s="19"/>
    </row>
    <row r="15919" spans="1:27" s="1" customFormat="1" ht="11.1" customHeight="1" outlineLevel="3" x14ac:dyDescent="0.2">
      <c r="A15919" s="17"/>
      <c r="B15919" s="17"/>
      <c r="C15919" s="17"/>
      <c r="D15919" s="18"/>
      <c r="E15919" s="18"/>
      <c r="F15919" s="18"/>
      <c r="G15919" s="18"/>
      <c r="H15919" s="18"/>
      <c r="I15919" s="18"/>
      <c r="J15919" s="18"/>
      <c r="K15919" s="18"/>
      <c r="L15919" s="18"/>
      <c r="M15919" s="18"/>
      <c r="N15919" s="18"/>
      <c r="O15919" s="18"/>
      <c r="P15919" s="19"/>
      <c r="Q15919" s="19"/>
      <c r="R15919" s="19"/>
      <c r="S15919" s="19"/>
      <c r="T15919" s="19"/>
      <c r="U15919" s="19"/>
      <c r="V15919" s="19"/>
      <c r="W15919" s="19"/>
      <c r="X15919" s="19"/>
      <c r="Y15919" s="19"/>
      <c r="Z15919" s="19"/>
      <c r="AA15919" s="19"/>
    </row>
    <row r="15920" spans="1:27" s="1" customFormat="1" ht="14.1" customHeight="1" outlineLevel="3" x14ac:dyDescent="0.2">
      <c r="A15920" s="17">
        <v>10631</v>
      </c>
      <c r="B15920" s="17"/>
      <c r="C15920" s="17"/>
      <c r="D15920" s="18" t="s">
        <v>7874</v>
      </c>
      <c r="E15920" s="18"/>
      <c r="F15920" s="18"/>
      <c r="G15920" s="18"/>
      <c r="H15920" s="18"/>
      <c r="I15920" s="18"/>
      <c r="J15920" s="18"/>
      <c r="K15920" s="18"/>
      <c r="L15920" s="18"/>
      <c r="M15920" s="18"/>
      <c r="N15920" s="18"/>
      <c r="O15920" s="18"/>
      <c r="P15920" s="19">
        <v>950</v>
      </c>
      <c r="Q15920" s="19"/>
      <c r="R15920" s="19"/>
      <c r="S15920" s="19"/>
      <c r="T15920" s="19">
        <v>650</v>
      </c>
      <c r="U15920" s="19"/>
      <c r="V15920" s="19"/>
      <c r="W15920" s="19"/>
      <c r="X15920" s="19">
        <v>4</v>
      </c>
      <c r="Y15920" s="19"/>
      <c r="Z15920" s="19"/>
      <c r="AA15920" s="19"/>
    </row>
    <row r="15921" spans="1:27" s="1" customFormat="1" ht="14.1" customHeight="1" outlineLevel="3" x14ac:dyDescent="0.2">
      <c r="A15921" s="17"/>
      <c r="B15921" s="17"/>
      <c r="C15921" s="17"/>
      <c r="D15921" s="18"/>
      <c r="E15921" s="18"/>
      <c r="F15921" s="18"/>
      <c r="G15921" s="18"/>
      <c r="H15921" s="18"/>
      <c r="I15921" s="18"/>
      <c r="J15921" s="18"/>
      <c r="K15921" s="18"/>
      <c r="L15921" s="18"/>
      <c r="M15921" s="18"/>
      <c r="N15921" s="18"/>
      <c r="O15921" s="18"/>
      <c r="P15921" s="19"/>
      <c r="Q15921" s="19"/>
      <c r="R15921" s="19"/>
      <c r="S15921" s="19"/>
      <c r="T15921" s="19"/>
      <c r="U15921" s="19"/>
      <c r="V15921" s="19"/>
      <c r="W15921" s="19"/>
      <c r="X15921" s="19"/>
      <c r="Y15921" s="19"/>
      <c r="Z15921" s="19"/>
      <c r="AA15921" s="19"/>
    </row>
    <row r="15922" spans="1:27" s="1" customFormat="1" ht="11.1" customHeight="1" outlineLevel="3" x14ac:dyDescent="0.2">
      <c r="A15922" s="17">
        <v>10633</v>
      </c>
      <c r="B15922" s="17"/>
      <c r="C15922" s="17"/>
      <c r="D15922" s="18" t="s">
        <v>7875</v>
      </c>
      <c r="E15922" s="18"/>
      <c r="F15922" s="18"/>
      <c r="G15922" s="18"/>
      <c r="H15922" s="18"/>
      <c r="I15922" s="18"/>
      <c r="J15922" s="18"/>
      <c r="K15922" s="18"/>
      <c r="L15922" s="18"/>
      <c r="M15922" s="18"/>
      <c r="N15922" s="18"/>
      <c r="O15922" s="18"/>
      <c r="P15922" s="19">
        <v>950</v>
      </c>
      <c r="Q15922" s="19"/>
      <c r="R15922" s="19"/>
      <c r="S15922" s="19"/>
      <c r="T15922" s="19">
        <v>650</v>
      </c>
      <c r="U15922" s="19"/>
      <c r="V15922" s="19"/>
      <c r="W15922" s="19"/>
      <c r="X15922" s="19">
        <v>7</v>
      </c>
      <c r="Y15922" s="19"/>
      <c r="Z15922" s="19"/>
      <c r="AA15922" s="19"/>
    </row>
    <row r="15923" spans="1:27" s="1" customFormat="1" ht="11.1" customHeight="1" outlineLevel="3" x14ac:dyDescent="0.2">
      <c r="A15923" s="17"/>
      <c r="B15923" s="17"/>
      <c r="C15923" s="17"/>
      <c r="D15923" s="18"/>
      <c r="E15923" s="18"/>
      <c r="F15923" s="18"/>
      <c r="G15923" s="18"/>
      <c r="H15923" s="18"/>
      <c r="I15923" s="18"/>
      <c r="J15923" s="18"/>
      <c r="K15923" s="18"/>
      <c r="L15923" s="18"/>
      <c r="M15923" s="18"/>
      <c r="N15923" s="18"/>
      <c r="O15923" s="18"/>
      <c r="P15923" s="19"/>
      <c r="Q15923" s="19"/>
      <c r="R15923" s="19"/>
      <c r="S15923" s="19"/>
      <c r="T15923" s="19"/>
      <c r="U15923" s="19"/>
      <c r="V15923" s="19"/>
      <c r="W15923" s="19"/>
      <c r="X15923" s="19"/>
      <c r="Y15923" s="19"/>
      <c r="Z15923" s="19"/>
      <c r="AA15923" s="19"/>
    </row>
    <row r="15924" spans="1:27" s="1" customFormat="1" ht="14.1" customHeight="1" outlineLevel="3" x14ac:dyDescent="0.2">
      <c r="A15924" s="17">
        <v>10634</v>
      </c>
      <c r="B15924" s="17"/>
      <c r="C15924" s="17"/>
      <c r="D15924" s="18" t="s">
        <v>7876</v>
      </c>
      <c r="E15924" s="18"/>
      <c r="F15924" s="18"/>
      <c r="G15924" s="18"/>
      <c r="H15924" s="18"/>
      <c r="I15924" s="18"/>
      <c r="J15924" s="18"/>
      <c r="K15924" s="18"/>
      <c r="L15924" s="18"/>
      <c r="M15924" s="18"/>
      <c r="N15924" s="18"/>
      <c r="O15924" s="18"/>
      <c r="P15924" s="20">
        <v>1050</v>
      </c>
      <c r="Q15924" s="20"/>
      <c r="R15924" s="20"/>
      <c r="S15924" s="20"/>
      <c r="T15924" s="19">
        <v>750</v>
      </c>
      <c r="U15924" s="19"/>
      <c r="V15924" s="19"/>
      <c r="W15924" s="19"/>
      <c r="X15924" s="19">
        <v>7</v>
      </c>
      <c r="Y15924" s="19"/>
      <c r="Z15924" s="19"/>
      <c r="AA15924" s="19"/>
    </row>
    <row r="15925" spans="1:27" s="1" customFormat="1" ht="14.1" customHeight="1" outlineLevel="3" x14ac:dyDescent="0.2">
      <c r="A15925" s="17"/>
      <c r="B15925" s="17"/>
      <c r="C15925" s="17"/>
      <c r="D15925" s="18"/>
      <c r="E15925" s="18"/>
      <c r="F15925" s="18"/>
      <c r="G15925" s="18"/>
      <c r="H15925" s="18"/>
      <c r="I15925" s="18"/>
      <c r="J15925" s="18"/>
      <c r="K15925" s="18"/>
      <c r="L15925" s="18"/>
      <c r="M15925" s="18"/>
      <c r="N15925" s="18"/>
      <c r="O15925" s="18"/>
      <c r="P15925" s="20"/>
      <c r="Q15925" s="20"/>
      <c r="R15925" s="20"/>
      <c r="S15925" s="20"/>
      <c r="T15925" s="19"/>
      <c r="U15925" s="19"/>
      <c r="V15925" s="19"/>
      <c r="W15925" s="19"/>
      <c r="X15925" s="19"/>
      <c r="Y15925" s="19"/>
      <c r="Z15925" s="19"/>
      <c r="AA15925" s="19"/>
    </row>
    <row r="15926" spans="1:27" s="1" customFormat="1" ht="11.1" customHeight="1" outlineLevel="3" x14ac:dyDescent="0.2">
      <c r="A15926" s="17">
        <v>10635</v>
      </c>
      <c r="B15926" s="17"/>
      <c r="C15926" s="17"/>
      <c r="D15926" s="18" t="s">
        <v>7877</v>
      </c>
      <c r="E15926" s="18"/>
      <c r="F15926" s="18"/>
      <c r="G15926" s="18"/>
      <c r="H15926" s="18"/>
      <c r="I15926" s="18"/>
      <c r="J15926" s="18"/>
      <c r="K15926" s="18"/>
      <c r="L15926" s="18"/>
      <c r="M15926" s="18"/>
      <c r="N15926" s="18"/>
      <c r="O15926" s="18"/>
      <c r="P15926" s="20">
        <v>1050</v>
      </c>
      <c r="Q15926" s="20"/>
      <c r="R15926" s="20"/>
      <c r="S15926" s="20"/>
      <c r="T15926" s="19">
        <v>750</v>
      </c>
      <c r="U15926" s="19"/>
      <c r="V15926" s="19"/>
      <c r="W15926" s="19"/>
      <c r="X15926" s="19">
        <v>5</v>
      </c>
      <c r="Y15926" s="19"/>
      <c r="Z15926" s="19"/>
      <c r="AA15926" s="19"/>
    </row>
    <row r="15927" spans="1:27" s="1" customFormat="1" ht="11.1" customHeight="1" outlineLevel="3" x14ac:dyDescent="0.2">
      <c r="A15927" s="17"/>
      <c r="B15927" s="17"/>
      <c r="C15927" s="17"/>
      <c r="D15927" s="18"/>
      <c r="E15927" s="18"/>
      <c r="F15927" s="18"/>
      <c r="G15927" s="18"/>
      <c r="H15927" s="18"/>
      <c r="I15927" s="18"/>
      <c r="J15927" s="18"/>
      <c r="K15927" s="18"/>
      <c r="L15927" s="18"/>
      <c r="M15927" s="18"/>
      <c r="N15927" s="18"/>
      <c r="O15927" s="18"/>
      <c r="P15927" s="20"/>
      <c r="Q15927" s="20"/>
      <c r="R15927" s="20"/>
      <c r="S15927" s="20"/>
      <c r="T15927" s="19"/>
      <c r="U15927" s="19"/>
      <c r="V15927" s="19"/>
      <c r="W15927" s="19"/>
      <c r="X15927" s="19"/>
      <c r="Y15927" s="19"/>
      <c r="Z15927" s="19"/>
      <c r="AA15927" s="19"/>
    </row>
    <row r="15928" spans="1:27" s="1" customFormat="1" ht="14.1" customHeight="1" outlineLevel="3" x14ac:dyDescent="0.2">
      <c r="A15928" s="17">
        <v>10636</v>
      </c>
      <c r="B15928" s="17"/>
      <c r="C15928" s="17"/>
      <c r="D15928" s="18" t="s">
        <v>7878</v>
      </c>
      <c r="E15928" s="18"/>
      <c r="F15928" s="18"/>
      <c r="G15928" s="18"/>
      <c r="H15928" s="18"/>
      <c r="I15928" s="18"/>
      <c r="J15928" s="18"/>
      <c r="K15928" s="18"/>
      <c r="L15928" s="18"/>
      <c r="M15928" s="18"/>
      <c r="N15928" s="18"/>
      <c r="O15928" s="18"/>
      <c r="P15928" s="19">
        <v>880</v>
      </c>
      <c r="Q15928" s="19"/>
      <c r="R15928" s="19"/>
      <c r="S15928" s="19"/>
      <c r="T15928" s="19">
        <v>630</v>
      </c>
      <c r="U15928" s="19"/>
      <c r="V15928" s="19"/>
      <c r="W15928" s="19"/>
      <c r="X15928" s="19">
        <v>4</v>
      </c>
      <c r="Y15928" s="19"/>
      <c r="Z15928" s="19"/>
      <c r="AA15928" s="19"/>
    </row>
    <row r="15929" spans="1:27" s="1" customFormat="1" ht="14.1" customHeight="1" outlineLevel="3" x14ac:dyDescent="0.2">
      <c r="A15929" s="17"/>
      <c r="B15929" s="17"/>
      <c r="C15929" s="17"/>
      <c r="D15929" s="18"/>
      <c r="E15929" s="18"/>
      <c r="F15929" s="18"/>
      <c r="G15929" s="18"/>
      <c r="H15929" s="18"/>
      <c r="I15929" s="18"/>
      <c r="J15929" s="18"/>
      <c r="K15929" s="18"/>
      <c r="L15929" s="18"/>
      <c r="M15929" s="18"/>
      <c r="N15929" s="18"/>
      <c r="O15929" s="18"/>
      <c r="P15929" s="19"/>
      <c r="Q15929" s="19"/>
      <c r="R15929" s="19"/>
      <c r="S15929" s="19"/>
      <c r="T15929" s="19"/>
      <c r="U15929" s="19"/>
      <c r="V15929" s="19"/>
      <c r="W15929" s="19"/>
      <c r="X15929" s="19"/>
      <c r="Y15929" s="19"/>
      <c r="Z15929" s="19"/>
      <c r="AA15929" s="19"/>
    </row>
    <row r="15930" spans="1:27" s="1" customFormat="1" ht="14.1" customHeight="1" outlineLevel="3" x14ac:dyDescent="0.2">
      <c r="A15930" s="17">
        <v>10637</v>
      </c>
      <c r="B15930" s="17"/>
      <c r="C15930" s="17"/>
      <c r="D15930" s="18" t="s">
        <v>7879</v>
      </c>
      <c r="E15930" s="18"/>
      <c r="F15930" s="18"/>
      <c r="G15930" s="18"/>
      <c r="H15930" s="18"/>
      <c r="I15930" s="18"/>
      <c r="J15930" s="18"/>
      <c r="K15930" s="18"/>
      <c r="L15930" s="18"/>
      <c r="M15930" s="18"/>
      <c r="N15930" s="18"/>
      <c r="O15930" s="18"/>
      <c r="P15930" s="19">
        <v>950</v>
      </c>
      <c r="Q15930" s="19"/>
      <c r="R15930" s="19"/>
      <c r="S15930" s="19"/>
      <c r="T15930" s="19">
        <v>650</v>
      </c>
      <c r="U15930" s="19"/>
      <c r="V15930" s="19"/>
      <c r="W15930" s="19"/>
      <c r="X15930" s="19">
        <v>5</v>
      </c>
      <c r="Y15930" s="19"/>
      <c r="Z15930" s="19"/>
      <c r="AA15930" s="19"/>
    </row>
    <row r="15931" spans="1:27" s="1" customFormat="1" ht="14.1" customHeight="1" outlineLevel="3" x14ac:dyDescent="0.2">
      <c r="A15931" s="17"/>
      <c r="B15931" s="17"/>
      <c r="C15931" s="17"/>
      <c r="D15931" s="18"/>
      <c r="E15931" s="18"/>
      <c r="F15931" s="18"/>
      <c r="G15931" s="18"/>
      <c r="H15931" s="18"/>
      <c r="I15931" s="18"/>
      <c r="J15931" s="18"/>
      <c r="K15931" s="18"/>
      <c r="L15931" s="18"/>
      <c r="M15931" s="18"/>
      <c r="N15931" s="18"/>
      <c r="O15931" s="18"/>
      <c r="P15931" s="19"/>
      <c r="Q15931" s="19"/>
      <c r="R15931" s="19"/>
      <c r="S15931" s="19"/>
      <c r="T15931" s="19"/>
      <c r="U15931" s="19"/>
      <c r="V15931" s="19"/>
      <c r="W15931" s="19"/>
      <c r="X15931" s="19"/>
      <c r="Y15931" s="19"/>
      <c r="Z15931" s="19"/>
      <c r="AA15931" s="19"/>
    </row>
    <row r="15932" spans="1:27" s="1" customFormat="1" ht="11.1" customHeight="1" outlineLevel="3" x14ac:dyDescent="0.2">
      <c r="A15932" s="17">
        <v>10638</v>
      </c>
      <c r="B15932" s="17"/>
      <c r="C15932" s="17"/>
      <c r="D15932" s="18" t="s">
        <v>7880</v>
      </c>
      <c r="E15932" s="18"/>
      <c r="F15932" s="18"/>
      <c r="G15932" s="18"/>
      <c r="H15932" s="18"/>
      <c r="I15932" s="18"/>
      <c r="J15932" s="18"/>
      <c r="K15932" s="18"/>
      <c r="L15932" s="18"/>
      <c r="M15932" s="18"/>
      <c r="N15932" s="18"/>
      <c r="O15932" s="18"/>
      <c r="P15932" s="20">
        <v>1000</v>
      </c>
      <c r="Q15932" s="20"/>
      <c r="R15932" s="20"/>
      <c r="S15932" s="20"/>
      <c r="T15932" s="19">
        <v>700</v>
      </c>
      <c r="U15932" s="19"/>
      <c r="V15932" s="19"/>
      <c r="W15932" s="19"/>
      <c r="X15932" s="19">
        <v>4</v>
      </c>
      <c r="Y15932" s="19"/>
      <c r="Z15932" s="19"/>
      <c r="AA15932" s="19"/>
    </row>
    <row r="15933" spans="1:27" s="1" customFormat="1" ht="11.1" customHeight="1" outlineLevel="3" x14ac:dyDescent="0.2">
      <c r="A15933" s="17"/>
      <c r="B15933" s="17"/>
      <c r="C15933" s="17"/>
      <c r="D15933" s="18"/>
      <c r="E15933" s="18"/>
      <c r="F15933" s="18"/>
      <c r="G15933" s="18"/>
      <c r="H15933" s="18"/>
      <c r="I15933" s="18"/>
      <c r="J15933" s="18"/>
      <c r="K15933" s="18"/>
      <c r="L15933" s="18"/>
      <c r="M15933" s="18"/>
      <c r="N15933" s="18"/>
      <c r="O15933" s="18"/>
      <c r="P15933" s="20"/>
      <c r="Q15933" s="20"/>
      <c r="R15933" s="20"/>
      <c r="S15933" s="20"/>
      <c r="T15933" s="19"/>
      <c r="U15933" s="19"/>
      <c r="V15933" s="19"/>
      <c r="W15933" s="19"/>
      <c r="X15933" s="19"/>
      <c r="Y15933" s="19"/>
      <c r="Z15933" s="19"/>
      <c r="AA15933" s="19"/>
    </row>
    <row r="15934" spans="1:27" s="1" customFormat="1" ht="14.1" customHeight="1" outlineLevel="3" x14ac:dyDescent="0.2">
      <c r="A15934" s="17">
        <v>10639</v>
      </c>
      <c r="B15934" s="17"/>
      <c r="C15934" s="17"/>
      <c r="D15934" s="18" t="s">
        <v>7881</v>
      </c>
      <c r="E15934" s="18"/>
      <c r="F15934" s="18"/>
      <c r="G15934" s="18"/>
      <c r="H15934" s="18"/>
      <c r="I15934" s="18"/>
      <c r="J15934" s="18"/>
      <c r="K15934" s="18"/>
      <c r="L15934" s="18"/>
      <c r="M15934" s="18"/>
      <c r="N15934" s="18"/>
      <c r="O15934" s="18"/>
      <c r="P15934" s="20">
        <v>1000</v>
      </c>
      <c r="Q15934" s="20"/>
      <c r="R15934" s="20"/>
      <c r="S15934" s="20"/>
      <c r="T15934" s="19">
        <v>700</v>
      </c>
      <c r="U15934" s="19"/>
      <c r="V15934" s="19"/>
      <c r="W15934" s="19"/>
      <c r="X15934" s="19">
        <v>9</v>
      </c>
      <c r="Y15934" s="19"/>
      <c r="Z15934" s="19"/>
      <c r="AA15934" s="19"/>
    </row>
    <row r="15935" spans="1:27" s="1" customFormat="1" ht="14.1" customHeight="1" outlineLevel="3" x14ac:dyDescent="0.2">
      <c r="A15935" s="17"/>
      <c r="B15935" s="17"/>
      <c r="C15935" s="17"/>
      <c r="D15935" s="18"/>
      <c r="E15935" s="18"/>
      <c r="F15935" s="18"/>
      <c r="G15935" s="18"/>
      <c r="H15935" s="18"/>
      <c r="I15935" s="18"/>
      <c r="J15935" s="18"/>
      <c r="K15935" s="18"/>
      <c r="L15935" s="18"/>
      <c r="M15935" s="18"/>
      <c r="N15935" s="18"/>
      <c r="O15935" s="18"/>
      <c r="P15935" s="20"/>
      <c r="Q15935" s="20"/>
      <c r="R15935" s="20"/>
      <c r="S15935" s="20"/>
      <c r="T15935" s="19"/>
      <c r="U15935" s="19"/>
      <c r="V15935" s="19"/>
      <c r="W15935" s="19"/>
      <c r="X15935" s="19"/>
      <c r="Y15935" s="19"/>
      <c r="Z15935" s="19"/>
      <c r="AA15935" s="19"/>
    </row>
    <row r="15936" spans="1:27" s="1" customFormat="1" ht="14.1" customHeight="1" outlineLevel="3" x14ac:dyDescent="0.2">
      <c r="A15936" s="17">
        <v>15851</v>
      </c>
      <c r="B15936" s="17"/>
      <c r="C15936" s="17"/>
      <c r="D15936" s="18" t="s">
        <v>7882</v>
      </c>
      <c r="E15936" s="18"/>
      <c r="F15936" s="18"/>
      <c r="G15936" s="18"/>
      <c r="H15936" s="18"/>
      <c r="I15936" s="18"/>
      <c r="J15936" s="18"/>
      <c r="K15936" s="18"/>
      <c r="L15936" s="18"/>
      <c r="M15936" s="18"/>
      <c r="N15936" s="18"/>
      <c r="O15936" s="18"/>
      <c r="P15936" s="20">
        <v>1150</v>
      </c>
      <c r="Q15936" s="20"/>
      <c r="R15936" s="20"/>
      <c r="S15936" s="20"/>
      <c r="T15936" s="19">
        <v>650</v>
      </c>
      <c r="U15936" s="19"/>
      <c r="V15936" s="19"/>
      <c r="W15936" s="19"/>
      <c r="X15936" s="19">
        <v>9</v>
      </c>
      <c r="Y15936" s="19"/>
      <c r="Z15936" s="19"/>
      <c r="AA15936" s="19"/>
    </row>
    <row r="15937" spans="1:27" s="1" customFormat="1" ht="14.1" customHeight="1" outlineLevel="3" x14ac:dyDescent="0.2">
      <c r="A15937" s="17"/>
      <c r="B15937" s="17"/>
      <c r="C15937" s="17"/>
      <c r="D15937" s="18"/>
      <c r="E15937" s="18"/>
      <c r="F15937" s="18"/>
      <c r="G15937" s="18"/>
      <c r="H15937" s="18"/>
      <c r="I15937" s="18"/>
      <c r="J15937" s="18"/>
      <c r="K15937" s="18"/>
      <c r="L15937" s="18"/>
      <c r="M15937" s="18"/>
      <c r="N15937" s="18"/>
      <c r="O15937" s="18"/>
      <c r="P15937" s="20"/>
      <c r="Q15937" s="20"/>
      <c r="R15937" s="20"/>
      <c r="S15937" s="20"/>
      <c r="T15937" s="19"/>
      <c r="U15937" s="19"/>
      <c r="V15937" s="19"/>
      <c r="W15937" s="19"/>
      <c r="X15937" s="19"/>
      <c r="Y15937" s="19"/>
      <c r="Z15937" s="19"/>
      <c r="AA15937" s="19"/>
    </row>
    <row r="15938" spans="1:27" s="1" customFormat="1" ht="14.1" customHeight="1" outlineLevel="3" x14ac:dyDescent="0.2">
      <c r="A15938" s="17">
        <v>10640</v>
      </c>
      <c r="B15938" s="17"/>
      <c r="C15938" s="17"/>
      <c r="D15938" s="18" t="s">
        <v>7883</v>
      </c>
      <c r="E15938" s="18"/>
      <c r="F15938" s="18"/>
      <c r="G15938" s="18"/>
      <c r="H15938" s="18"/>
      <c r="I15938" s="18"/>
      <c r="J15938" s="18"/>
      <c r="K15938" s="18"/>
      <c r="L15938" s="18"/>
      <c r="M15938" s="18"/>
      <c r="N15938" s="18"/>
      <c r="O15938" s="18"/>
      <c r="P15938" s="20">
        <v>1050</v>
      </c>
      <c r="Q15938" s="20"/>
      <c r="R15938" s="20"/>
      <c r="S15938" s="20"/>
      <c r="T15938" s="19">
        <v>750</v>
      </c>
      <c r="U15938" s="19"/>
      <c r="V15938" s="19"/>
      <c r="W15938" s="19"/>
      <c r="X15938" s="19">
        <v>1</v>
      </c>
      <c r="Y15938" s="19"/>
      <c r="Z15938" s="19"/>
      <c r="AA15938" s="19"/>
    </row>
    <row r="15939" spans="1:27" s="1" customFormat="1" ht="14.1" customHeight="1" outlineLevel="3" x14ac:dyDescent="0.2">
      <c r="A15939" s="17"/>
      <c r="B15939" s="17"/>
      <c r="C15939" s="17"/>
      <c r="D15939" s="18"/>
      <c r="E15939" s="18"/>
      <c r="F15939" s="18"/>
      <c r="G15939" s="18"/>
      <c r="H15939" s="18"/>
      <c r="I15939" s="18"/>
      <c r="J15939" s="18"/>
      <c r="K15939" s="18"/>
      <c r="L15939" s="18"/>
      <c r="M15939" s="18"/>
      <c r="N15939" s="18"/>
      <c r="O15939" s="18"/>
      <c r="P15939" s="20"/>
      <c r="Q15939" s="20"/>
      <c r="R15939" s="20"/>
      <c r="S15939" s="20"/>
      <c r="T15939" s="19"/>
      <c r="U15939" s="19"/>
      <c r="V15939" s="19"/>
      <c r="W15939" s="19"/>
      <c r="X15939" s="19"/>
      <c r="Y15939" s="19"/>
      <c r="Z15939" s="19"/>
      <c r="AA15939" s="19"/>
    </row>
    <row r="15940" spans="1:27" s="1" customFormat="1" ht="11.1" customHeight="1" outlineLevel="3" x14ac:dyDescent="0.2">
      <c r="A15940" s="17">
        <v>10641</v>
      </c>
      <c r="B15940" s="17"/>
      <c r="C15940" s="17"/>
      <c r="D15940" s="18" t="s">
        <v>7884</v>
      </c>
      <c r="E15940" s="18"/>
      <c r="F15940" s="18"/>
      <c r="G15940" s="18"/>
      <c r="H15940" s="18"/>
      <c r="I15940" s="18"/>
      <c r="J15940" s="18"/>
      <c r="K15940" s="18"/>
      <c r="L15940" s="18"/>
      <c r="M15940" s="18"/>
      <c r="N15940" s="18"/>
      <c r="O15940" s="18"/>
      <c r="P15940" s="20">
        <v>1050</v>
      </c>
      <c r="Q15940" s="20"/>
      <c r="R15940" s="20"/>
      <c r="S15940" s="20"/>
      <c r="T15940" s="19">
        <v>750</v>
      </c>
      <c r="U15940" s="19"/>
      <c r="V15940" s="19"/>
      <c r="W15940" s="19"/>
      <c r="X15940" s="19">
        <v>2</v>
      </c>
      <c r="Y15940" s="19"/>
      <c r="Z15940" s="19"/>
      <c r="AA15940" s="19"/>
    </row>
    <row r="15941" spans="1:27" s="1" customFormat="1" ht="11.1" customHeight="1" outlineLevel="3" x14ac:dyDescent="0.2">
      <c r="A15941" s="17"/>
      <c r="B15941" s="17"/>
      <c r="C15941" s="17"/>
      <c r="D15941" s="18"/>
      <c r="E15941" s="18"/>
      <c r="F15941" s="18"/>
      <c r="G15941" s="18"/>
      <c r="H15941" s="18"/>
      <c r="I15941" s="18"/>
      <c r="J15941" s="18"/>
      <c r="K15941" s="18"/>
      <c r="L15941" s="18"/>
      <c r="M15941" s="18"/>
      <c r="N15941" s="18"/>
      <c r="O15941" s="18"/>
      <c r="P15941" s="20"/>
      <c r="Q15941" s="20"/>
      <c r="R15941" s="20"/>
      <c r="S15941" s="20"/>
      <c r="T15941" s="19"/>
      <c r="U15941" s="19"/>
      <c r="V15941" s="19"/>
      <c r="W15941" s="19"/>
      <c r="X15941" s="19"/>
      <c r="Y15941" s="19"/>
      <c r="Z15941" s="19"/>
      <c r="AA15941" s="19"/>
    </row>
    <row r="15942" spans="1:27" s="1" customFormat="1" ht="14.1" customHeight="1" outlineLevel="3" x14ac:dyDescent="0.2">
      <c r="A15942" s="17">
        <v>10645</v>
      </c>
      <c r="B15942" s="17"/>
      <c r="C15942" s="17"/>
      <c r="D15942" s="18" t="s">
        <v>7885</v>
      </c>
      <c r="E15942" s="18"/>
      <c r="F15942" s="18"/>
      <c r="G15942" s="18"/>
      <c r="H15942" s="18"/>
      <c r="I15942" s="18"/>
      <c r="J15942" s="18"/>
      <c r="K15942" s="18"/>
      <c r="L15942" s="18"/>
      <c r="M15942" s="18"/>
      <c r="N15942" s="18"/>
      <c r="O15942" s="18"/>
      <c r="P15942" s="19">
        <v>940</v>
      </c>
      <c r="Q15942" s="19"/>
      <c r="R15942" s="19"/>
      <c r="S15942" s="19"/>
      <c r="T15942" s="19">
        <v>650</v>
      </c>
      <c r="U15942" s="19"/>
      <c r="V15942" s="19"/>
      <c r="W15942" s="19"/>
      <c r="X15942" s="19">
        <v>1</v>
      </c>
      <c r="Y15942" s="19"/>
      <c r="Z15942" s="19"/>
      <c r="AA15942" s="19"/>
    </row>
    <row r="15943" spans="1:27" s="1" customFormat="1" ht="14.1" customHeight="1" outlineLevel="3" x14ac:dyDescent="0.2">
      <c r="A15943" s="17"/>
      <c r="B15943" s="17"/>
      <c r="C15943" s="17"/>
      <c r="D15943" s="18"/>
      <c r="E15943" s="18"/>
      <c r="F15943" s="18"/>
      <c r="G15943" s="18"/>
      <c r="H15943" s="18"/>
      <c r="I15943" s="18"/>
      <c r="J15943" s="18"/>
      <c r="K15943" s="18"/>
      <c r="L15943" s="18"/>
      <c r="M15943" s="18"/>
      <c r="N15943" s="18"/>
      <c r="O15943" s="18"/>
      <c r="P15943" s="19"/>
      <c r="Q15943" s="19"/>
      <c r="R15943" s="19"/>
      <c r="S15943" s="19"/>
      <c r="T15943" s="19"/>
      <c r="U15943" s="19"/>
      <c r="V15943" s="19"/>
      <c r="W15943" s="19"/>
      <c r="X15943" s="19"/>
      <c r="Y15943" s="19"/>
      <c r="Z15943" s="19"/>
      <c r="AA15943" s="19"/>
    </row>
    <row r="15944" spans="1:27" s="1" customFormat="1" ht="14.1" customHeight="1" outlineLevel="3" x14ac:dyDescent="0.2">
      <c r="A15944" s="17">
        <v>5813</v>
      </c>
      <c r="B15944" s="17"/>
      <c r="C15944" s="17"/>
      <c r="D15944" s="18" t="s">
        <v>7886</v>
      </c>
      <c r="E15944" s="18"/>
      <c r="F15944" s="18"/>
      <c r="G15944" s="18"/>
      <c r="H15944" s="18"/>
      <c r="I15944" s="18"/>
      <c r="J15944" s="18"/>
      <c r="K15944" s="18"/>
      <c r="L15944" s="18"/>
      <c r="M15944" s="18"/>
      <c r="N15944" s="18"/>
      <c r="O15944" s="18"/>
      <c r="P15944" s="19">
        <v>850</v>
      </c>
      <c r="Q15944" s="19"/>
      <c r="R15944" s="19"/>
      <c r="S15944" s="19"/>
      <c r="T15944" s="19">
        <v>590</v>
      </c>
      <c r="U15944" s="19"/>
      <c r="V15944" s="19"/>
      <c r="W15944" s="19"/>
      <c r="X15944" s="19">
        <v>3</v>
      </c>
      <c r="Y15944" s="19"/>
      <c r="Z15944" s="19"/>
      <c r="AA15944" s="19"/>
    </row>
    <row r="15945" spans="1:27" s="1" customFormat="1" ht="14.1" customHeight="1" outlineLevel="3" x14ac:dyDescent="0.2">
      <c r="A15945" s="17"/>
      <c r="B15945" s="17"/>
      <c r="C15945" s="17"/>
      <c r="D15945" s="18"/>
      <c r="E15945" s="18"/>
      <c r="F15945" s="18"/>
      <c r="G15945" s="18"/>
      <c r="H15945" s="18"/>
      <c r="I15945" s="18"/>
      <c r="J15945" s="18"/>
      <c r="K15945" s="18"/>
      <c r="L15945" s="18"/>
      <c r="M15945" s="18"/>
      <c r="N15945" s="18"/>
      <c r="O15945" s="18"/>
      <c r="P15945" s="19"/>
      <c r="Q15945" s="19"/>
      <c r="R15945" s="19"/>
      <c r="S15945" s="19"/>
      <c r="T15945" s="19"/>
      <c r="U15945" s="19"/>
      <c r="V15945" s="19"/>
      <c r="W15945" s="19"/>
      <c r="X15945" s="19"/>
      <c r="Y15945" s="19"/>
      <c r="Z15945" s="19"/>
      <c r="AA15945" s="19"/>
    </row>
    <row r="15946" spans="1:27" s="1" customFormat="1" ht="14.1" customHeight="1" outlineLevel="3" x14ac:dyDescent="0.2">
      <c r="A15946" s="17">
        <v>5815</v>
      </c>
      <c r="B15946" s="17"/>
      <c r="C15946" s="17"/>
      <c r="D15946" s="18" t="s">
        <v>7887</v>
      </c>
      <c r="E15946" s="18"/>
      <c r="F15946" s="18"/>
      <c r="G15946" s="18"/>
      <c r="H15946" s="18"/>
      <c r="I15946" s="18"/>
      <c r="J15946" s="18"/>
      <c r="K15946" s="18"/>
      <c r="L15946" s="18"/>
      <c r="M15946" s="18"/>
      <c r="N15946" s="18"/>
      <c r="O15946" s="18"/>
      <c r="P15946" s="19">
        <v>850</v>
      </c>
      <c r="Q15946" s="19"/>
      <c r="R15946" s="19"/>
      <c r="S15946" s="19"/>
      <c r="T15946" s="19">
        <v>710</v>
      </c>
      <c r="U15946" s="19"/>
      <c r="V15946" s="19"/>
      <c r="W15946" s="19"/>
      <c r="X15946" s="19">
        <v>4</v>
      </c>
      <c r="Y15946" s="19"/>
      <c r="Z15946" s="19"/>
      <c r="AA15946" s="19"/>
    </row>
    <row r="15947" spans="1:27" s="1" customFormat="1" ht="14.1" customHeight="1" outlineLevel="3" x14ac:dyDescent="0.2">
      <c r="A15947" s="17"/>
      <c r="B15947" s="17"/>
      <c r="C15947" s="17"/>
      <c r="D15947" s="18"/>
      <c r="E15947" s="18"/>
      <c r="F15947" s="18"/>
      <c r="G15947" s="18"/>
      <c r="H15947" s="18"/>
      <c r="I15947" s="18"/>
      <c r="J15947" s="18"/>
      <c r="K15947" s="18"/>
      <c r="L15947" s="18"/>
      <c r="M15947" s="18"/>
      <c r="N15947" s="18"/>
      <c r="O15947" s="18"/>
      <c r="P15947" s="19"/>
      <c r="Q15947" s="19"/>
      <c r="R15947" s="19"/>
      <c r="S15947" s="19"/>
      <c r="T15947" s="19"/>
      <c r="U15947" s="19"/>
      <c r="V15947" s="19"/>
      <c r="W15947" s="19"/>
      <c r="X15947" s="19"/>
      <c r="Y15947" s="19"/>
      <c r="Z15947" s="19"/>
      <c r="AA15947" s="19"/>
    </row>
    <row r="15948" spans="1:27" s="1" customFormat="1" ht="14.1" customHeight="1" outlineLevel="3" x14ac:dyDescent="0.2">
      <c r="A15948" s="17">
        <v>16455</v>
      </c>
      <c r="B15948" s="17"/>
      <c r="C15948" s="17"/>
      <c r="D15948" s="18" t="s">
        <v>7888</v>
      </c>
      <c r="E15948" s="18"/>
      <c r="F15948" s="18"/>
      <c r="G15948" s="18"/>
      <c r="H15948" s="18"/>
      <c r="I15948" s="18"/>
      <c r="J15948" s="18"/>
      <c r="K15948" s="18"/>
      <c r="L15948" s="18"/>
      <c r="M15948" s="18"/>
      <c r="N15948" s="18"/>
      <c r="O15948" s="18"/>
      <c r="P15948" s="20">
        <v>1150</v>
      </c>
      <c r="Q15948" s="20"/>
      <c r="R15948" s="20"/>
      <c r="S15948" s="20"/>
      <c r="T15948" s="19">
        <v>650</v>
      </c>
      <c r="U15948" s="19"/>
      <c r="V15948" s="19"/>
      <c r="W15948" s="19"/>
      <c r="X15948" s="19">
        <v>8</v>
      </c>
      <c r="Y15948" s="19"/>
      <c r="Z15948" s="19"/>
      <c r="AA15948" s="19"/>
    </row>
    <row r="15949" spans="1:27" s="1" customFormat="1" ht="14.1" customHeight="1" outlineLevel="3" x14ac:dyDescent="0.2">
      <c r="A15949" s="17"/>
      <c r="B15949" s="17"/>
      <c r="C15949" s="17"/>
      <c r="D15949" s="18"/>
      <c r="E15949" s="18"/>
      <c r="F15949" s="18"/>
      <c r="G15949" s="18"/>
      <c r="H15949" s="18"/>
      <c r="I15949" s="18"/>
      <c r="J15949" s="18"/>
      <c r="K15949" s="18"/>
      <c r="L15949" s="18"/>
      <c r="M15949" s="18"/>
      <c r="N15949" s="18"/>
      <c r="O15949" s="18"/>
      <c r="P15949" s="20"/>
      <c r="Q15949" s="20"/>
      <c r="R15949" s="20"/>
      <c r="S15949" s="20"/>
      <c r="T15949" s="19"/>
      <c r="U15949" s="19"/>
      <c r="V15949" s="19"/>
      <c r="W15949" s="19"/>
      <c r="X15949" s="19"/>
      <c r="Y15949" s="19"/>
      <c r="Z15949" s="19"/>
      <c r="AA15949" s="19"/>
    </row>
    <row r="15950" spans="1:27" s="1" customFormat="1" ht="14.1" customHeight="1" outlineLevel="3" x14ac:dyDescent="0.2">
      <c r="A15950" s="17">
        <v>4709</v>
      </c>
      <c r="B15950" s="17"/>
      <c r="C15950" s="17"/>
      <c r="D15950" s="18" t="s">
        <v>7889</v>
      </c>
      <c r="E15950" s="18"/>
      <c r="F15950" s="18"/>
      <c r="G15950" s="18"/>
      <c r="H15950" s="18"/>
      <c r="I15950" s="18"/>
      <c r="J15950" s="18"/>
      <c r="K15950" s="18"/>
      <c r="L15950" s="18"/>
      <c r="M15950" s="18"/>
      <c r="N15950" s="18"/>
      <c r="O15950" s="18"/>
      <c r="P15950" s="19">
        <v>920</v>
      </c>
      <c r="Q15950" s="19"/>
      <c r="R15950" s="19"/>
      <c r="S15950" s="19"/>
      <c r="T15950" s="19">
        <v>670</v>
      </c>
      <c r="U15950" s="19"/>
      <c r="V15950" s="19"/>
      <c r="W15950" s="19"/>
      <c r="X15950" s="19">
        <v>5</v>
      </c>
      <c r="Y15950" s="19"/>
      <c r="Z15950" s="19"/>
      <c r="AA15950" s="19"/>
    </row>
    <row r="15951" spans="1:27" s="1" customFormat="1" ht="14.1" customHeight="1" outlineLevel="3" x14ac:dyDescent="0.2">
      <c r="A15951" s="17"/>
      <c r="B15951" s="17"/>
      <c r="C15951" s="17"/>
      <c r="D15951" s="18"/>
      <c r="E15951" s="18"/>
      <c r="F15951" s="18"/>
      <c r="G15951" s="18"/>
      <c r="H15951" s="18"/>
      <c r="I15951" s="18"/>
      <c r="J15951" s="18"/>
      <c r="K15951" s="18"/>
      <c r="L15951" s="18"/>
      <c r="M15951" s="18"/>
      <c r="N15951" s="18"/>
      <c r="O15951" s="18"/>
      <c r="P15951" s="19"/>
      <c r="Q15951" s="19"/>
      <c r="R15951" s="19"/>
      <c r="S15951" s="19"/>
      <c r="T15951" s="19"/>
      <c r="U15951" s="19"/>
      <c r="V15951" s="19"/>
      <c r="W15951" s="19"/>
      <c r="X15951" s="19"/>
      <c r="Y15951" s="19"/>
      <c r="Z15951" s="19"/>
      <c r="AA15951" s="19"/>
    </row>
    <row r="15952" spans="1:27" s="1" customFormat="1" ht="14.1" customHeight="1" outlineLevel="3" x14ac:dyDescent="0.2">
      <c r="A15952" s="17">
        <v>6164</v>
      </c>
      <c r="B15952" s="17"/>
      <c r="C15952" s="17"/>
      <c r="D15952" s="18" t="s">
        <v>7890</v>
      </c>
      <c r="E15952" s="18"/>
      <c r="F15952" s="18"/>
      <c r="G15952" s="18"/>
      <c r="H15952" s="18"/>
      <c r="I15952" s="18"/>
      <c r="J15952" s="18"/>
      <c r="K15952" s="18"/>
      <c r="L15952" s="18"/>
      <c r="M15952" s="18"/>
      <c r="N15952" s="18"/>
      <c r="O15952" s="18"/>
      <c r="P15952" s="19">
        <v>850</v>
      </c>
      <c r="Q15952" s="19"/>
      <c r="R15952" s="19"/>
      <c r="S15952" s="19"/>
      <c r="T15952" s="19">
        <v>550</v>
      </c>
      <c r="U15952" s="19"/>
      <c r="V15952" s="19"/>
      <c r="W15952" s="19"/>
      <c r="X15952" s="19">
        <v>11</v>
      </c>
      <c r="Y15952" s="19"/>
      <c r="Z15952" s="19"/>
      <c r="AA15952" s="19"/>
    </row>
    <row r="15953" spans="1:27" s="1" customFormat="1" ht="14.1" customHeight="1" outlineLevel="3" x14ac:dyDescent="0.2">
      <c r="A15953" s="17"/>
      <c r="B15953" s="17"/>
      <c r="C15953" s="17"/>
      <c r="D15953" s="18"/>
      <c r="E15953" s="18"/>
      <c r="F15953" s="18"/>
      <c r="G15953" s="18"/>
      <c r="H15953" s="18"/>
      <c r="I15953" s="18"/>
      <c r="J15953" s="18"/>
      <c r="K15953" s="18"/>
      <c r="L15953" s="18"/>
      <c r="M15953" s="18"/>
      <c r="N15953" s="18"/>
      <c r="O15953" s="18"/>
      <c r="P15953" s="19"/>
      <c r="Q15953" s="19"/>
      <c r="R15953" s="19"/>
      <c r="S15953" s="19"/>
      <c r="T15953" s="19"/>
      <c r="U15953" s="19"/>
      <c r="V15953" s="19"/>
      <c r="W15953" s="19"/>
      <c r="X15953" s="19"/>
      <c r="Y15953" s="19"/>
      <c r="Z15953" s="19"/>
      <c r="AA15953" s="19"/>
    </row>
    <row r="15954" spans="1:27" s="1" customFormat="1" ht="14.1" customHeight="1" outlineLevel="3" x14ac:dyDescent="0.2">
      <c r="A15954" s="17">
        <v>12395</v>
      </c>
      <c r="B15954" s="17"/>
      <c r="C15954" s="17"/>
      <c r="D15954" s="18" t="s">
        <v>7891</v>
      </c>
      <c r="E15954" s="18"/>
      <c r="F15954" s="18"/>
      <c r="G15954" s="18"/>
      <c r="H15954" s="18"/>
      <c r="I15954" s="18"/>
      <c r="J15954" s="18"/>
      <c r="K15954" s="18"/>
      <c r="L15954" s="18"/>
      <c r="M15954" s="18"/>
      <c r="N15954" s="18"/>
      <c r="O15954" s="18"/>
      <c r="P15954" s="19">
        <v>850</v>
      </c>
      <c r="Q15954" s="19"/>
      <c r="R15954" s="19"/>
      <c r="S15954" s="19"/>
      <c r="T15954" s="19">
        <v>570</v>
      </c>
      <c r="U15954" s="19"/>
      <c r="V15954" s="19"/>
      <c r="W15954" s="19"/>
      <c r="X15954" s="19">
        <v>8</v>
      </c>
      <c r="Y15954" s="19"/>
      <c r="Z15954" s="19"/>
      <c r="AA15954" s="19"/>
    </row>
    <row r="15955" spans="1:27" s="1" customFormat="1" ht="14.1" customHeight="1" outlineLevel="3" x14ac:dyDescent="0.2">
      <c r="A15955" s="17"/>
      <c r="B15955" s="17"/>
      <c r="C15955" s="17"/>
      <c r="D15955" s="18"/>
      <c r="E15955" s="18"/>
      <c r="F15955" s="18"/>
      <c r="G15955" s="18"/>
      <c r="H15955" s="18"/>
      <c r="I15955" s="18"/>
      <c r="J15955" s="18"/>
      <c r="K15955" s="18"/>
      <c r="L15955" s="18"/>
      <c r="M15955" s="18"/>
      <c r="N15955" s="18"/>
      <c r="O15955" s="18"/>
      <c r="P15955" s="19"/>
      <c r="Q15955" s="19"/>
      <c r="R15955" s="19"/>
      <c r="S15955" s="19"/>
      <c r="T15955" s="19"/>
      <c r="U15955" s="19"/>
      <c r="V15955" s="19"/>
      <c r="W15955" s="19"/>
      <c r="X15955" s="19"/>
      <c r="Y15955" s="19"/>
      <c r="Z15955" s="19"/>
      <c r="AA15955" s="19"/>
    </row>
    <row r="15956" spans="1:27" s="1" customFormat="1" ht="14.1" customHeight="1" outlineLevel="3" x14ac:dyDescent="0.2">
      <c r="A15956" s="17">
        <v>32</v>
      </c>
      <c r="B15956" s="17"/>
      <c r="C15956" s="17"/>
      <c r="D15956" s="18" t="s">
        <v>7892</v>
      </c>
      <c r="E15956" s="18"/>
      <c r="F15956" s="18"/>
      <c r="G15956" s="18"/>
      <c r="H15956" s="18"/>
      <c r="I15956" s="18"/>
      <c r="J15956" s="18"/>
      <c r="K15956" s="18"/>
      <c r="L15956" s="18"/>
      <c r="M15956" s="18"/>
      <c r="N15956" s="18"/>
      <c r="O15956" s="18"/>
      <c r="P15956" s="19">
        <v>850</v>
      </c>
      <c r="Q15956" s="19"/>
      <c r="R15956" s="19"/>
      <c r="S15956" s="19"/>
      <c r="T15956" s="19">
        <v>590</v>
      </c>
      <c r="U15956" s="19"/>
      <c r="V15956" s="19"/>
      <c r="W15956" s="19"/>
      <c r="X15956" s="19">
        <v>1</v>
      </c>
      <c r="Y15956" s="19"/>
      <c r="Z15956" s="19"/>
      <c r="AA15956" s="19"/>
    </row>
    <row r="15957" spans="1:27" s="1" customFormat="1" ht="14.1" customHeight="1" outlineLevel="3" x14ac:dyDescent="0.2">
      <c r="A15957" s="17"/>
      <c r="B15957" s="17"/>
      <c r="C15957" s="17"/>
      <c r="D15957" s="18"/>
      <c r="E15957" s="18"/>
      <c r="F15957" s="18"/>
      <c r="G15957" s="18"/>
      <c r="H15957" s="18"/>
      <c r="I15957" s="18"/>
      <c r="J15957" s="18"/>
      <c r="K15957" s="18"/>
      <c r="L15957" s="18"/>
      <c r="M15957" s="18"/>
      <c r="N15957" s="18"/>
      <c r="O15957" s="18"/>
      <c r="P15957" s="19"/>
      <c r="Q15957" s="19"/>
      <c r="R15957" s="19"/>
      <c r="S15957" s="19"/>
      <c r="T15957" s="19"/>
      <c r="U15957" s="19"/>
      <c r="V15957" s="19"/>
      <c r="W15957" s="19"/>
      <c r="X15957" s="19"/>
      <c r="Y15957" s="19"/>
      <c r="Z15957" s="19"/>
      <c r="AA15957" s="19"/>
    </row>
    <row r="15958" spans="1:27" s="1" customFormat="1" ht="14.1" customHeight="1" outlineLevel="3" x14ac:dyDescent="0.2">
      <c r="A15958" s="17">
        <v>10792</v>
      </c>
      <c r="B15958" s="17"/>
      <c r="C15958" s="17"/>
      <c r="D15958" s="18" t="s">
        <v>7893</v>
      </c>
      <c r="E15958" s="18"/>
      <c r="F15958" s="18"/>
      <c r="G15958" s="18"/>
      <c r="H15958" s="18"/>
      <c r="I15958" s="18"/>
      <c r="J15958" s="18"/>
      <c r="K15958" s="18"/>
      <c r="L15958" s="18"/>
      <c r="M15958" s="18"/>
      <c r="N15958" s="18"/>
      <c r="O15958" s="18"/>
      <c r="P15958" s="20">
        <v>2200</v>
      </c>
      <c r="Q15958" s="20"/>
      <c r="R15958" s="20"/>
      <c r="S15958" s="20"/>
      <c r="T15958" s="20">
        <v>1750</v>
      </c>
      <c r="U15958" s="20"/>
      <c r="V15958" s="20"/>
      <c r="W15958" s="20"/>
      <c r="X15958" s="19">
        <v>1</v>
      </c>
      <c r="Y15958" s="19"/>
      <c r="Z15958" s="19"/>
      <c r="AA15958" s="19"/>
    </row>
    <row r="15959" spans="1:27" s="1" customFormat="1" ht="14.1" customHeight="1" outlineLevel="3" x14ac:dyDescent="0.2">
      <c r="A15959" s="17"/>
      <c r="B15959" s="17"/>
      <c r="C15959" s="17"/>
      <c r="D15959" s="18"/>
      <c r="E15959" s="18"/>
      <c r="F15959" s="18"/>
      <c r="G15959" s="18"/>
      <c r="H15959" s="18"/>
      <c r="I15959" s="18"/>
      <c r="J15959" s="18"/>
      <c r="K15959" s="18"/>
      <c r="L15959" s="18"/>
      <c r="M15959" s="18"/>
      <c r="N15959" s="18"/>
      <c r="O15959" s="18"/>
      <c r="P15959" s="20"/>
      <c r="Q15959" s="20"/>
      <c r="R15959" s="20"/>
      <c r="S15959" s="20"/>
      <c r="T15959" s="20"/>
      <c r="U15959" s="20"/>
      <c r="V15959" s="20"/>
      <c r="W15959" s="20"/>
      <c r="X15959" s="19"/>
      <c r="Y15959" s="19"/>
      <c r="Z15959" s="19"/>
      <c r="AA15959" s="19"/>
    </row>
    <row r="15960" spans="1:27" s="1" customFormat="1" ht="14.1" customHeight="1" outlineLevel="3" x14ac:dyDescent="0.2">
      <c r="A15960" s="17">
        <v>10791</v>
      </c>
      <c r="B15960" s="17"/>
      <c r="C15960" s="17"/>
      <c r="D15960" s="18" t="s">
        <v>7894</v>
      </c>
      <c r="E15960" s="18"/>
      <c r="F15960" s="18"/>
      <c r="G15960" s="18"/>
      <c r="H15960" s="18"/>
      <c r="I15960" s="18"/>
      <c r="J15960" s="18"/>
      <c r="K15960" s="18"/>
      <c r="L15960" s="18"/>
      <c r="M15960" s="18"/>
      <c r="N15960" s="18"/>
      <c r="O15960" s="18"/>
      <c r="P15960" s="20">
        <v>3080</v>
      </c>
      <c r="Q15960" s="20"/>
      <c r="R15960" s="20"/>
      <c r="S15960" s="20"/>
      <c r="T15960" s="20">
        <v>2580</v>
      </c>
      <c r="U15960" s="20"/>
      <c r="V15960" s="20"/>
      <c r="W15960" s="20"/>
      <c r="X15960" s="19">
        <v>1</v>
      </c>
      <c r="Y15960" s="19"/>
      <c r="Z15960" s="19"/>
      <c r="AA15960" s="19"/>
    </row>
    <row r="15961" spans="1:27" s="1" customFormat="1" ht="14.1" customHeight="1" outlineLevel="3" x14ac:dyDescent="0.2">
      <c r="A15961" s="17"/>
      <c r="B15961" s="17"/>
      <c r="C15961" s="17"/>
      <c r="D15961" s="18"/>
      <c r="E15961" s="18"/>
      <c r="F15961" s="18"/>
      <c r="G15961" s="18"/>
      <c r="H15961" s="18"/>
      <c r="I15961" s="18"/>
      <c r="J15961" s="18"/>
      <c r="K15961" s="18"/>
      <c r="L15961" s="18"/>
      <c r="M15961" s="18"/>
      <c r="N15961" s="18"/>
      <c r="O15961" s="18"/>
      <c r="P15961" s="20"/>
      <c r="Q15961" s="20"/>
      <c r="R15961" s="20"/>
      <c r="S15961" s="20"/>
      <c r="T15961" s="20"/>
      <c r="U15961" s="20"/>
      <c r="V15961" s="20"/>
      <c r="W15961" s="20"/>
      <c r="X15961" s="19"/>
      <c r="Y15961" s="19"/>
      <c r="Z15961" s="19"/>
      <c r="AA15961" s="19"/>
    </row>
    <row r="15962" spans="1:27" s="1" customFormat="1" ht="14.1" customHeight="1" outlineLevel="3" x14ac:dyDescent="0.2">
      <c r="A15962" s="17">
        <v>10796</v>
      </c>
      <c r="B15962" s="17"/>
      <c r="C15962" s="17"/>
      <c r="D15962" s="18" t="s">
        <v>7895</v>
      </c>
      <c r="E15962" s="18"/>
      <c r="F15962" s="18"/>
      <c r="G15962" s="18"/>
      <c r="H15962" s="18"/>
      <c r="I15962" s="18"/>
      <c r="J15962" s="18"/>
      <c r="K15962" s="18"/>
      <c r="L15962" s="18"/>
      <c r="M15962" s="18"/>
      <c r="N15962" s="18"/>
      <c r="O15962" s="18"/>
      <c r="P15962" s="20">
        <v>2290</v>
      </c>
      <c r="Q15962" s="20"/>
      <c r="R15962" s="20"/>
      <c r="S15962" s="20"/>
      <c r="T15962" s="20">
        <v>1840</v>
      </c>
      <c r="U15962" s="20"/>
      <c r="V15962" s="20"/>
      <c r="W15962" s="20"/>
      <c r="X15962" s="19">
        <v>1</v>
      </c>
      <c r="Y15962" s="19"/>
      <c r="Z15962" s="19"/>
      <c r="AA15962" s="19"/>
    </row>
    <row r="15963" spans="1:27" s="1" customFormat="1" ht="14.1" customHeight="1" outlineLevel="3" x14ac:dyDescent="0.2">
      <c r="A15963" s="17"/>
      <c r="B15963" s="17"/>
      <c r="C15963" s="17"/>
      <c r="D15963" s="18"/>
      <c r="E15963" s="18"/>
      <c r="F15963" s="18"/>
      <c r="G15963" s="18"/>
      <c r="H15963" s="18"/>
      <c r="I15963" s="18"/>
      <c r="J15963" s="18"/>
      <c r="K15963" s="18"/>
      <c r="L15963" s="18"/>
      <c r="M15963" s="18"/>
      <c r="N15963" s="18"/>
      <c r="O15963" s="18"/>
      <c r="P15963" s="20"/>
      <c r="Q15963" s="20"/>
      <c r="R15963" s="20"/>
      <c r="S15963" s="20"/>
      <c r="T15963" s="20"/>
      <c r="U15963" s="20"/>
      <c r="V15963" s="20"/>
      <c r="W15963" s="20"/>
      <c r="X15963" s="19"/>
      <c r="Y15963" s="19"/>
      <c r="Z15963" s="19"/>
      <c r="AA15963" s="19"/>
    </row>
    <row r="15964" spans="1:27" s="1" customFormat="1" ht="14.1" customHeight="1" outlineLevel="3" x14ac:dyDescent="0.2">
      <c r="A15964" s="17">
        <v>10795</v>
      </c>
      <c r="B15964" s="17"/>
      <c r="C15964" s="17"/>
      <c r="D15964" s="18" t="s">
        <v>7896</v>
      </c>
      <c r="E15964" s="18"/>
      <c r="F15964" s="18"/>
      <c r="G15964" s="18"/>
      <c r="H15964" s="18"/>
      <c r="I15964" s="18"/>
      <c r="J15964" s="18"/>
      <c r="K15964" s="18"/>
      <c r="L15964" s="18"/>
      <c r="M15964" s="18"/>
      <c r="N15964" s="18"/>
      <c r="O15964" s="18"/>
      <c r="P15964" s="20">
        <v>3250</v>
      </c>
      <c r="Q15964" s="20"/>
      <c r="R15964" s="20"/>
      <c r="S15964" s="20"/>
      <c r="T15964" s="20">
        <v>2750</v>
      </c>
      <c r="U15964" s="20"/>
      <c r="V15964" s="20"/>
      <c r="W15964" s="20"/>
      <c r="X15964" s="19">
        <v>1</v>
      </c>
      <c r="Y15964" s="19"/>
      <c r="Z15964" s="19"/>
      <c r="AA15964" s="19"/>
    </row>
    <row r="15965" spans="1:27" s="1" customFormat="1" ht="14.1" customHeight="1" outlineLevel="3" x14ac:dyDescent="0.2">
      <c r="A15965" s="17"/>
      <c r="B15965" s="17"/>
      <c r="C15965" s="17"/>
      <c r="D15965" s="18"/>
      <c r="E15965" s="18"/>
      <c r="F15965" s="18"/>
      <c r="G15965" s="18"/>
      <c r="H15965" s="18"/>
      <c r="I15965" s="18"/>
      <c r="J15965" s="18"/>
      <c r="K15965" s="18"/>
      <c r="L15965" s="18"/>
      <c r="M15965" s="18"/>
      <c r="N15965" s="18"/>
      <c r="O15965" s="18"/>
      <c r="P15965" s="20"/>
      <c r="Q15965" s="20"/>
      <c r="R15965" s="20"/>
      <c r="S15965" s="20"/>
      <c r="T15965" s="20"/>
      <c r="U15965" s="20"/>
      <c r="V15965" s="20"/>
      <c r="W15965" s="20"/>
      <c r="X15965" s="19"/>
      <c r="Y15965" s="19"/>
      <c r="Z15965" s="19"/>
      <c r="AA15965" s="19"/>
    </row>
    <row r="15966" spans="1:27" s="1" customFormat="1" ht="14.1" customHeight="1" outlineLevel="3" x14ac:dyDescent="0.2">
      <c r="A15966" s="17">
        <v>10786</v>
      </c>
      <c r="B15966" s="17"/>
      <c r="C15966" s="17"/>
      <c r="D15966" s="18" t="s">
        <v>7897</v>
      </c>
      <c r="E15966" s="18"/>
      <c r="F15966" s="18"/>
      <c r="G15966" s="18"/>
      <c r="H15966" s="18"/>
      <c r="I15966" s="18"/>
      <c r="J15966" s="18"/>
      <c r="K15966" s="18"/>
      <c r="L15966" s="18"/>
      <c r="M15966" s="18"/>
      <c r="N15966" s="18"/>
      <c r="O15966" s="18"/>
      <c r="P15966" s="20">
        <v>1950</v>
      </c>
      <c r="Q15966" s="20"/>
      <c r="R15966" s="20"/>
      <c r="S15966" s="20"/>
      <c r="T15966" s="20">
        <v>1500</v>
      </c>
      <c r="U15966" s="20"/>
      <c r="V15966" s="20"/>
      <c r="W15966" s="20"/>
      <c r="X15966" s="19">
        <v>1</v>
      </c>
      <c r="Y15966" s="19"/>
      <c r="Z15966" s="19"/>
      <c r="AA15966" s="19"/>
    </row>
    <row r="15967" spans="1:27" s="1" customFormat="1" ht="14.1" customHeight="1" outlineLevel="3" x14ac:dyDescent="0.2">
      <c r="A15967" s="17"/>
      <c r="B15967" s="17"/>
      <c r="C15967" s="17"/>
      <c r="D15967" s="18"/>
      <c r="E15967" s="18"/>
      <c r="F15967" s="18"/>
      <c r="G15967" s="18"/>
      <c r="H15967" s="18"/>
      <c r="I15967" s="18"/>
      <c r="J15967" s="18"/>
      <c r="K15967" s="18"/>
      <c r="L15967" s="18"/>
      <c r="M15967" s="18"/>
      <c r="N15967" s="18"/>
      <c r="O15967" s="18"/>
      <c r="P15967" s="20"/>
      <c r="Q15967" s="20"/>
      <c r="R15967" s="20"/>
      <c r="S15967" s="20"/>
      <c r="T15967" s="20"/>
      <c r="U15967" s="20"/>
      <c r="V15967" s="20"/>
      <c r="W15967" s="20"/>
      <c r="X15967" s="19"/>
      <c r="Y15967" s="19"/>
      <c r="Z15967" s="19"/>
      <c r="AA15967" s="19"/>
    </row>
    <row r="15968" spans="1:27" s="1" customFormat="1" ht="14.1" customHeight="1" outlineLevel="3" x14ac:dyDescent="0.2">
      <c r="A15968" s="17">
        <v>10774</v>
      </c>
      <c r="B15968" s="17"/>
      <c r="C15968" s="17"/>
      <c r="D15968" s="18" t="s">
        <v>7898</v>
      </c>
      <c r="E15968" s="18"/>
      <c r="F15968" s="18"/>
      <c r="G15968" s="18"/>
      <c r="H15968" s="18"/>
      <c r="I15968" s="18"/>
      <c r="J15968" s="18"/>
      <c r="K15968" s="18"/>
      <c r="L15968" s="18"/>
      <c r="M15968" s="18"/>
      <c r="N15968" s="18"/>
      <c r="O15968" s="18"/>
      <c r="P15968" s="20">
        <v>2790</v>
      </c>
      <c r="Q15968" s="20"/>
      <c r="R15968" s="20"/>
      <c r="S15968" s="20"/>
      <c r="T15968" s="20">
        <v>2290</v>
      </c>
      <c r="U15968" s="20"/>
      <c r="V15968" s="20"/>
      <c r="W15968" s="20"/>
      <c r="X15968" s="19">
        <v>1</v>
      </c>
      <c r="Y15968" s="19"/>
      <c r="Z15968" s="19"/>
      <c r="AA15968" s="19"/>
    </row>
    <row r="15969" spans="1:27" s="1" customFormat="1" ht="14.1" customHeight="1" outlineLevel="3" x14ac:dyDescent="0.2">
      <c r="A15969" s="17"/>
      <c r="B15969" s="17"/>
      <c r="C15969" s="17"/>
      <c r="D15969" s="18"/>
      <c r="E15969" s="18"/>
      <c r="F15969" s="18"/>
      <c r="G15969" s="18"/>
      <c r="H15969" s="18"/>
      <c r="I15969" s="18"/>
      <c r="J15969" s="18"/>
      <c r="K15969" s="18"/>
      <c r="L15969" s="18"/>
      <c r="M15969" s="18"/>
      <c r="N15969" s="18"/>
      <c r="O15969" s="18"/>
      <c r="P15969" s="20"/>
      <c r="Q15969" s="20"/>
      <c r="R15969" s="20"/>
      <c r="S15969" s="20"/>
      <c r="T15969" s="20"/>
      <c r="U15969" s="20"/>
      <c r="V15969" s="20"/>
      <c r="W15969" s="20"/>
      <c r="X15969" s="19"/>
      <c r="Y15969" s="19"/>
      <c r="Z15969" s="19"/>
      <c r="AA15969" s="19"/>
    </row>
    <row r="15970" spans="1:27" s="1" customFormat="1" ht="14.1" customHeight="1" outlineLevel="3" x14ac:dyDescent="0.2">
      <c r="A15970" s="17">
        <v>10794</v>
      </c>
      <c r="B15970" s="17"/>
      <c r="C15970" s="17"/>
      <c r="D15970" s="18" t="s">
        <v>7899</v>
      </c>
      <c r="E15970" s="18"/>
      <c r="F15970" s="18"/>
      <c r="G15970" s="18"/>
      <c r="H15970" s="18"/>
      <c r="I15970" s="18"/>
      <c r="J15970" s="18"/>
      <c r="K15970" s="18"/>
      <c r="L15970" s="18"/>
      <c r="M15970" s="18"/>
      <c r="N15970" s="18"/>
      <c r="O15970" s="18"/>
      <c r="P15970" s="20">
        <v>2390</v>
      </c>
      <c r="Q15970" s="20"/>
      <c r="R15970" s="20"/>
      <c r="S15970" s="20"/>
      <c r="T15970" s="20">
        <v>1940</v>
      </c>
      <c r="U15970" s="20"/>
      <c r="V15970" s="20"/>
      <c r="W15970" s="20"/>
      <c r="X15970" s="19">
        <v>1</v>
      </c>
      <c r="Y15970" s="19"/>
      <c r="Z15970" s="19"/>
      <c r="AA15970" s="19"/>
    </row>
    <row r="15971" spans="1:27" s="1" customFormat="1" ht="14.1" customHeight="1" outlineLevel="3" x14ac:dyDescent="0.2">
      <c r="A15971" s="17"/>
      <c r="B15971" s="17"/>
      <c r="C15971" s="17"/>
      <c r="D15971" s="18"/>
      <c r="E15971" s="18"/>
      <c r="F15971" s="18"/>
      <c r="G15971" s="18"/>
      <c r="H15971" s="18"/>
      <c r="I15971" s="18"/>
      <c r="J15971" s="18"/>
      <c r="K15971" s="18"/>
      <c r="L15971" s="18"/>
      <c r="M15971" s="18"/>
      <c r="N15971" s="18"/>
      <c r="O15971" s="18"/>
      <c r="P15971" s="20"/>
      <c r="Q15971" s="20"/>
      <c r="R15971" s="20"/>
      <c r="S15971" s="20"/>
      <c r="T15971" s="20"/>
      <c r="U15971" s="20"/>
      <c r="V15971" s="20"/>
      <c r="W15971" s="20"/>
      <c r="X15971" s="19"/>
      <c r="Y15971" s="19"/>
      <c r="Z15971" s="19"/>
      <c r="AA15971" s="19"/>
    </row>
    <row r="15972" spans="1:27" s="1" customFormat="1" ht="14.1" customHeight="1" outlineLevel="3" x14ac:dyDescent="0.2">
      <c r="A15972" s="17">
        <v>10793</v>
      </c>
      <c r="B15972" s="17"/>
      <c r="C15972" s="17"/>
      <c r="D15972" s="18" t="s">
        <v>7900</v>
      </c>
      <c r="E15972" s="18"/>
      <c r="F15972" s="18"/>
      <c r="G15972" s="18"/>
      <c r="H15972" s="18"/>
      <c r="I15972" s="18"/>
      <c r="J15972" s="18"/>
      <c r="K15972" s="18"/>
      <c r="L15972" s="18"/>
      <c r="M15972" s="18"/>
      <c r="N15972" s="18"/>
      <c r="O15972" s="18"/>
      <c r="P15972" s="20">
        <v>3150</v>
      </c>
      <c r="Q15972" s="20"/>
      <c r="R15972" s="20"/>
      <c r="S15972" s="20"/>
      <c r="T15972" s="20">
        <v>2650</v>
      </c>
      <c r="U15972" s="20"/>
      <c r="V15972" s="20"/>
      <c r="W15972" s="20"/>
      <c r="X15972" s="19">
        <v>1</v>
      </c>
      <c r="Y15972" s="19"/>
      <c r="Z15972" s="19"/>
      <c r="AA15972" s="19"/>
    </row>
    <row r="15973" spans="1:27" s="1" customFormat="1" ht="14.1" customHeight="1" outlineLevel="3" x14ac:dyDescent="0.2">
      <c r="A15973" s="17"/>
      <c r="B15973" s="17"/>
      <c r="C15973" s="17"/>
      <c r="D15973" s="18"/>
      <c r="E15973" s="18"/>
      <c r="F15973" s="18"/>
      <c r="G15973" s="18"/>
      <c r="H15973" s="18"/>
      <c r="I15973" s="18"/>
      <c r="J15973" s="18"/>
      <c r="K15973" s="18"/>
      <c r="L15973" s="18"/>
      <c r="M15973" s="18"/>
      <c r="N15973" s="18"/>
      <c r="O15973" s="18"/>
      <c r="P15973" s="20"/>
      <c r="Q15973" s="20"/>
      <c r="R15973" s="20"/>
      <c r="S15973" s="20"/>
      <c r="T15973" s="20"/>
      <c r="U15973" s="20"/>
      <c r="V15973" s="20"/>
      <c r="W15973" s="20"/>
      <c r="X15973" s="19"/>
      <c r="Y15973" s="19"/>
      <c r="Z15973" s="19"/>
      <c r="AA15973" s="19"/>
    </row>
    <row r="15974" spans="1:27" s="1" customFormat="1" ht="11.1" customHeight="1" outlineLevel="2" x14ac:dyDescent="0.2">
      <c r="A15974" s="16" t="s">
        <v>7901</v>
      </c>
      <c r="B15974" s="16"/>
      <c r="C15974" s="16"/>
      <c r="D15974" s="16"/>
      <c r="E15974" s="16"/>
      <c r="F15974" s="16"/>
      <c r="G15974" s="16"/>
      <c r="H15974" s="16"/>
      <c r="I15974" s="16"/>
      <c r="J15974" s="16"/>
      <c r="K15974" s="16"/>
      <c r="L15974" s="16"/>
      <c r="M15974" s="16"/>
      <c r="N15974" s="16"/>
      <c r="O15974" s="16"/>
      <c r="P15974" s="16"/>
      <c r="Q15974" s="16"/>
      <c r="R15974" s="16"/>
      <c r="S15974" s="16"/>
      <c r="T15974" s="16"/>
      <c r="U15974" s="16"/>
      <c r="V15974" s="16"/>
      <c r="W15974" s="16"/>
      <c r="X15974" s="16"/>
      <c r="Y15974" s="16"/>
      <c r="Z15974" s="16"/>
      <c r="AA15974" s="16"/>
    </row>
    <row r="15975" spans="1:27" s="1" customFormat="1" ht="11.1" customHeight="1" outlineLevel="2" x14ac:dyDescent="0.2">
      <c r="A15975" s="16"/>
      <c r="B15975" s="16"/>
      <c r="C15975" s="16"/>
      <c r="D15975" s="16"/>
      <c r="E15975" s="16"/>
      <c r="F15975" s="16"/>
      <c r="G15975" s="16"/>
      <c r="H15975" s="16"/>
      <c r="I15975" s="16"/>
      <c r="J15975" s="16"/>
      <c r="K15975" s="16"/>
      <c r="L15975" s="16"/>
      <c r="M15975" s="16"/>
      <c r="N15975" s="16"/>
      <c r="O15975" s="16"/>
      <c r="P15975" s="16"/>
      <c r="Q15975" s="16"/>
      <c r="R15975" s="16"/>
      <c r="S15975" s="16"/>
      <c r="T15975" s="16"/>
      <c r="U15975" s="16"/>
      <c r="V15975" s="16"/>
      <c r="W15975" s="16"/>
      <c r="X15975" s="16"/>
      <c r="Y15975" s="16"/>
      <c r="Z15975" s="16"/>
      <c r="AA15975" s="16"/>
    </row>
    <row r="15976" spans="1:27" s="1" customFormat="1" ht="14.1" customHeight="1" outlineLevel="3" x14ac:dyDescent="0.2">
      <c r="A15976" s="17">
        <v>17999</v>
      </c>
      <c r="B15976" s="17"/>
      <c r="C15976" s="17"/>
      <c r="D15976" s="18" t="s">
        <v>7902</v>
      </c>
      <c r="E15976" s="18"/>
      <c r="F15976" s="18"/>
      <c r="G15976" s="18"/>
      <c r="H15976" s="18"/>
      <c r="I15976" s="18"/>
      <c r="J15976" s="18"/>
      <c r="K15976" s="18"/>
      <c r="L15976" s="18"/>
      <c r="M15976" s="18"/>
      <c r="N15976" s="18"/>
      <c r="O15976" s="18"/>
      <c r="P15976" s="20">
        <v>1600</v>
      </c>
      <c r="Q15976" s="20"/>
      <c r="R15976" s="20"/>
      <c r="S15976" s="20"/>
      <c r="T15976" s="20">
        <v>1200</v>
      </c>
      <c r="U15976" s="20"/>
      <c r="V15976" s="20"/>
      <c r="W15976" s="20"/>
      <c r="X15976" s="19">
        <v>1</v>
      </c>
      <c r="Y15976" s="19"/>
      <c r="Z15976" s="19"/>
      <c r="AA15976" s="19"/>
    </row>
    <row r="15977" spans="1:27" s="1" customFormat="1" ht="14.1" customHeight="1" outlineLevel="3" x14ac:dyDescent="0.2">
      <c r="A15977" s="17"/>
      <c r="B15977" s="17"/>
      <c r="C15977" s="17"/>
      <c r="D15977" s="18"/>
      <c r="E15977" s="18"/>
      <c r="F15977" s="18"/>
      <c r="G15977" s="18"/>
      <c r="H15977" s="18"/>
      <c r="I15977" s="18"/>
      <c r="J15977" s="18"/>
      <c r="K15977" s="18"/>
      <c r="L15977" s="18"/>
      <c r="M15977" s="18"/>
      <c r="N15977" s="18"/>
      <c r="O15977" s="18"/>
      <c r="P15977" s="20"/>
      <c r="Q15977" s="20"/>
      <c r="R15977" s="20"/>
      <c r="S15977" s="20"/>
      <c r="T15977" s="20"/>
      <c r="U15977" s="20"/>
      <c r="V15977" s="20"/>
      <c r="W15977" s="20"/>
      <c r="X15977" s="19"/>
      <c r="Y15977" s="19"/>
      <c r="Z15977" s="19"/>
      <c r="AA15977" s="19"/>
    </row>
    <row r="15978" spans="1:27" s="1" customFormat="1" ht="11.1" customHeight="1" outlineLevel="3" x14ac:dyDescent="0.2">
      <c r="A15978" s="17">
        <v>16064</v>
      </c>
      <c r="B15978" s="17"/>
      <c r="C15978" s="17"/>
      <c r="D15978" s="18" t="s">
        <v>7903</v>
      </c>
      <c r="E15978" s="18"/>
      <c r="F15978" s="18"/>
      <c r="G15978" s="18"/>
      <c r="H15978" s="18"/>
      <c r="I15978" s="18"/>
      <c r="J15978" s="18"/>
      <c r="K15978" s="18"/>
      <c r="L15978" s="18"/>
      <c r="M15978" s="18"/>
      <c r="N15978" s="18"/>
      <c r="O15978" s="18"/>
      <c r="P15978" s="20">
        <v>2850</v>
      </c>
      <c r="Q15978" s="20"/>
      <c r="R15978" s="20"/>
      <c r="S15978" s="20"/>
      <c r="T15978" s="20">
        <v>2250</v>
      </c>
      <c r="U15978" s="20"/>
      <c r="V15978" s="20"/>
      <c r="W15978" s="20"/>
      <c r="X15978" s="19">
        <v>1</v>
      </c>
      <c r="Y15978" s="19"/>
      <c r="Z15978" s="19"/>
      <c r="AA15978" s="19"/>
    </row>
    <row r="15979" spans="1:27" s="1" customFormat="1" ht="11.1" customHeight="1" outlineLevel="3" x14ac:dyDescent="0.2">
      <c r="A15979" s="17"/>
      <c r="B15979" s="17"/>
      <c r="C15979" s="17"/>
      <c r="D15979" s="18"/>
      <c r="E15979" s="18"/>
      <c r="F15979" s="18"/>
      <c r="G15979" s="18"/>
      <c r="H15979" s="18"/>
      <c r="I15979" s="18"/>
      <c r="J15979" s="18"/>
      <c r="K15979" s="18"/>
      <c r="L15979" s="18"/>
      <c r="M15979" s="18"/>
      <c r="N15979" s="18"/>
      <c r="O15979" s="18"/>
      <c r="P15979" s="20"/>
      <c r="Q15979" s="20"/>
      <c r="R15979" s="20"/>
      <c r="S15979" s="20"/>
      <c r="T15979" s="20"/>
      <c r="U15979" s="20"/>
      <c r="V15979" s="20"/>
      <c r="W15979" s="20"/>
      <c r="X15979" s="19"/>
      <c r="Y15979" s="19"/>
      <c r="Z15979" s="19"/>
      <c r="AA15979" s="19"/>
    </row>
    <row r="15980" spans="1:27" s="1" customFormat="1" ht="11.1" customHeight="1" outlineLevel="3" x14ac:dyDescent="0.2">
      <c r="A15980" s="17">
        <v>15864</v>
      </c>
      <c r="B15980" s="17"/>
      <c r="C15980" s="17"/>
      <c r="D15980" s="18" t="s">
        <v>7904</v>
      </c>
      <c r="E15980" s="18"/>
      <c r="F15980" s="18"/>
      <c r="G15980" s="18"/>
      <c r="H15980" s="18"/>
      <c r="I15980" s="18"/>
      <c r="J15980" s="18"/>
      <c r="K15980" s="18"/>
      <c r="L15980" s="18"/>
      <c r="M15980" s="18"/>
      <c r="N15980" s="18"/>
      <c r="O15980" s="18"/>
      <c r="P15980" s="20">
        <v>1650</v>
      </c>
      <c r="Q15980" s="20"/>
      <c r="R15980" s="20"/>
      <c r="S15980" s="20"/>
      <c r="T15980" s="20">
        <v>1100</v>
      </c>
      <c r="U15980" s="20"/>
      <c r="V15980" s="20"/>
      <c r="W15980" s="20"/>
      <c r="X15980" s="19">
        <v>1</v>
      </c>
      <c r="Y15980" s="19"/>
      <c r="Z15980" s="19"/>
      <c r="AA15980" s="19"/>
    </row>
    <row r="15981" spans="1:27" s="1" customFormat="1" ht="11.1" customHeight="1" outlineLevel="3" x14ac:dyDescent="0.2">
      <c r="A15981" s="17"/>
      <c r="B15981" s="17"/>
      <c r="C15981" s="17"/>
      <c r="D15981" s="18"/>
      <c r="E15981" s="18"/>
      <c r="F15981" s="18"/>
      <c r="G15981" s="18"/>
      <c r="H15981" s="18"/>
      <c r="I15981" s="18"/>
      <c r="J15981" s="18"/>
      <c r="K15981" s="18"/>
      <c r="L15981" s="18"/>
      <c r="M15981" s="18"/>
      <c r="N15981" s="18"/>
      <c r="O15981" s="18"/>
      <c r="P15981" s="20"/>
      <c r="Q15981" s="20"/>
      <c r="R15981" s="20"/>
      <c r="S15981" s="20"/>
      <c r="T15981" s="20"/>
      <c r="U15981" s="20"/>
      <c r="V15981" s="20"/>
      <c r="W15981" s="20"/>
      <c r="X15981" s="19"/>
      <c r="Y15981" s="19"/>
      <c r="Z15981" s="19"/>
      <c r="AA15981" s="19"/>
    </row>
    <row r="15982" spans="1:27" s="1" customFormat="1" ht="11.1" customHeight="1" outlineLevel="3" x14ac:dyDescent="0.2">
      <c r="A15982" s="17">
        <v>13276</v>
      </c>
      <c r="B15982" s="17"/>
      <c r="C15982" s="17"/>
      <c r="D15982" s="18" t="s">
        <v>7905</v>
      </c>
      <c r="E15982" s="18"/>
      <c r="F15982" s="18"/>
      <c r="G15982" s="18"/>
      <c r="H15982" s="18"/>
      <c r="I15982" s="18"/>
      <c r="J15982" s="18"/>
      <c r="K15982" s="18"/>
      <c r="L15982" s="18"/>
      <c r="M15982" s="18"/>
      <c r="N15982" s="18"/>
      <c r="O15982" s="18"/>
      <c r="P15982" s="19">
        <v>700</v>
      </c>
      <c r="Q15982" s="19"/>
      <c r="R15982" s="19"/>
      <c r="S15982" s="19"/>
      <c r="T15982" s="19">
        <v>544</v>
      </c>
      <c r="U15982" s="19"/>
      <c r="V15982" s="19"/>
      <c r="W15982" s="19"/>
      <c r="X15982" s="19">
        <v>2</v>
      </c>
      <c r="Y15982" s="19"/>
      <c r="Z15982" s="19"/>
      <c r="AA15982" s="19"/>
    </row>
    <row r="15983" spans="1:27" s="1" customFormat="1" ht="11.1" customHeight="1" outlineLevel="3" x14ac:dyDescent="0.2">
      <c r="A15983" s="17"/>
      <c r="B15983" s="17"/>
      <c r="C15983" s="17"/>
      <c r="D15983" s="18"/>
      <c r="E15983" s="18"/>
      <c r="F15983" s="18"/>
      <c r="G15983" s="18"/>
      <c r="H15983" s="18"/>
      <c r="I15983" s="18"/>
      <c r="J15983" s="18"/>
      <c r="K15983" s="18"/>
      <c r="L15983" s="18"/>
      <c r="M15983" s="18"/>
      <c r="N15983" s="18"/>
      <c r="O15983" s="18"/>
      <c r="P15983" s="19"/>
      <c r="Q15983" s="19"/>
      <c r="R15983" s="19"/>
      <c r="S15983" s="19"/>
      <c r="T15983" s="19"/>
      <c r="U15983" s="19"/>
      <c r="V15983" s="19"/>
      <c r="W15983" s="19"/>
      <c r="X15983" s="19"/>
      <c r="Y15983" s="19"/>
      <c r="Z15983" s="19"/>
      <c r="AA15983" s="19"/>
    </row>
    <row r="15984" spans="1:27" s="1" customFormat="1" ht="14.1" customHeight="1" outlineLevel="3" x14ac:dyDescent="0.2">
      <c r="A15984" s="17">
        <v>13277</v>
      </c>
      <c r="B15984" s="17"/>
      <c r="C15984" s="17"/>
      <c r="D15984" s="18" t="s">
        <v>7906</v>
      </c>
      <c r="E15984" s="18"/>
      <c r="F15984" s="18"/>
      <c r="G15984" s="18"/>
      <c r="H15984" s="18"/>
      <c r="I15984" s="18"/>
      <c r="J15984" s="18"/>
      <c r="K15984" s="18"/>
      <c r="L15984" s="18"/>
      <c r="M15984" s="18"/>
      <c r="N15984" s="18"/>
      <c r="O15984" s="18"/>
      <c r="P15984" s="20">
        <v>1500</v>
      </c>
      <c r="Q15984" s="20"/>
      <c r="R15984" s="20"/>
      <c r="S15984" s="20"/>
      <c r="T15984" s="20">
        <v>1280</v>
      </c>
      <c r="U15984" s="20"/>
      <c r="V15984" s="20"/>
      <c r="W15984" s="20"/>
      <c r="X15984" s="19">
        <v>1</v>
      </c>
      <c r="Y15984" s="19"/>
      <c r="Z15984" s="19"/>
      <c r="AA15984" s="19"/>
    </row>
    <row r="15985" spans="1:27" s="1" customFormat="1" ht="14.1" customHeight="1" outlineLevel="3" x14ac:dyDescent="0.2">
      <c r="A15985" s="17"/>
      <c r="B15985" s="17"/>
      <c r="C15985" s="17"/>
      <c r="D15985" s="18"/>
      <c r="E15985" s="18"/>
      <c r="F15985" s="18"/>
      <c r="G15985" s="18"/>
      <c r="H15985" s="18"/>
      <c r="I15985" s="18"/>
      <c r="J15985" s="18"/>
      <c r="K15985" s="18"/>
      <c r="L15985" s="18"/>
      <c r="M15985" s="18"/>
      <c r="N15985" s="18"/>
      <c r="O15985" s="18"/>
      <c r="P15985" s="20"/>
      <c r="Q15985" s="20"/>
      <c r="R15985" s="20"/>
      <c r="S15985" s="20"/>
      <c r="T15985" s="20"/>
      <c r="U15985" s="20"/>
      <c r="V15985" s="20"/>
      <c r="W15985" s="20"/>
      <c r="X15985" s="19"/>
      <c r="Y15985" s="19"/>
      <c r="Z15985" s="19"/>
      <c r="AA15985" s="19"/>
    </row>
    <row r="15986" spans="1:27" s="1" customFormat="1" ht="11.1" customHeight="1" outlineLevel="3" x14ac:dyDescent="0.2">
      <c r="A15986" s="17">
        <v>13036</v>
      </c>
      <c r="B15986" s="17"/>
      <c r="C15986" s="17"/>
      <c r="D15986" s="18" t="s">
        <v>7907</v>
      </c>
      <c r="E15986" s="18"/>
      <c r="F15986" s="18"/>
      <c r="G15986" s="18"/>
      <c r="H15986" s="18"/>
      <c r="I15986" s="18"/>
      <c r="J15986" s="18"/>
      <c r="K15986" s="18"/>
      <c r="L15986" s="18"/>
      <c r="M15986" s="18"/>
      <c r="N15986" s="18"/>
      <c r="O15986" s="18"/>
      <c r="P15986" s="19">
        <v>480</v>
      </c>
      <c r="Q15986" s="19"/>
      <c r="R15986" s="19"/>
      <c r="S15986" s="19"/>
      <c r="T15986" s="19">
        <v>320</v>
      </c>
      <c r="U15986" s="19"/>
      <c r="V15986" s="19"/>
      <c r="W15986" s="19"/>
      <c r="X15986" s="19">
        <v>1</v>
      </c>
      <c r="Y15986" s="19"/>
      <c r="Z15986" s="19"/>
      <c r="AA15986" s="19"/>
    </row>
    <row r="15987" spans="1:27" s="1" customFormat="1" ht="11.1" customHeight="1" outlineLevel="3" x14ac:dyDescent="0.2">
      <c r="A15987" s="17"/>
      <c r="B15987" s="17"/>
      <c r="C15987" s="17"/>
      <c r="D15987" s="18"/>
      <c r="E15987" s="18"/>
      <c r="F15987" s="18"/>
      <c r="G15987" s="18"/>
      <c r="H15987" s="18"/>
      <c r="I15987" s="18"/>
      <c r="J15987" s="18"/>
      <c r="K15987" s="18"/>
      <c r="L15987" s="18"/>
      <c r="M15987" s="18"/>
      <c r="N15987" s="18"/>
      <c r="O15987" s="18"/>
      <c r="P15987" s="19"/>
      <c r="Q15987" s="19"/>
      <c r="R15987" s="19"/>
      <c r="S15987" s="19"/>
      <c r="T15987" s="19"/>
      <c r="U15987" s="19"/>
      <c r="V15987" s="19"/>
      <c r="W15987" s="19"/>
      <c r="X15987" s="19"/>
      <c r="Y15987" s="19"/>
      <c r="Z15987" s="19"/>
      <c r="AA15987" s="19"/>
    </row>
    <row r="15988" spans="1:27" s="1" customFormat="1" ht="14.1" customHeight="1" outlineLevel="3" x14ac:dyDescent="0.2">
      <c r="A15988" s="17">
        <v>13026</v>
      </c>
      <c r="B15988" s="17"/>
      <c r="C15988" s="17"/>
      <c r="D15988" s="18" t="s">
        <v>7908</v>
      </c>
      <c r="E15988" s="18"/>
      <c r="F15988" s="18"/>
      <c r="G15988" s="18"/>
      <c r="H15988" s="18"/>
      <c r="I15988" s="18"/>
      <c r="J15988" s="18"/>
      <c r="K15988" s="18"/>
      <c r="L15988" s="18"/>
      <c r="M15988" s="18"/>
      <c r="N15988" s="18"/>
      <c r="O15988" s="18"/>
      <c r="P15988" s="19">
        <v>930</v>
      </c>
      <c r="Q15988" s="19"/>
      <c r="R15988" s="19"/>
      <c r="S15988" s="19"/>
      <c r="T15988" s="19">
        <v>630</v>
      </c>
      <c r="U15988" s="19"/>
      <c r="V15988" s="19"/>
      <c r="W15988" s="19"/>
      <c r="X15988" s="19">
        <v>6</v>
      </c>
      <c r="Y15988" s="19"/>
      <c r="Z15988" s="19"/>
      <c r="AA15988" s="19"/>
    </row>
    <row r="15989" spans="1:27" s="1" customFormat="1" ht="14.1" customHeight="1" outlineLevel="3" x14ac:dyDescent="0.2">
      <c r="A15989" s="17"/>
      <c r="B15989" s="17"/>
      <c r="C15989" s="17"/>
      <c r="D15989" s="18"/>
      <c r="E15989" s="18"/>
      <c r="F15989" s="18"/>
      <c r="G15989" s="18"/>
      <c r="H15989" s="18"/>
      <c r="I15989" s="18"/>
      <c r="J15989" s="18"/>
      <c r="K15989" s="18"/>
      <c r="L15989" s="18"/>
      <c r="M15989" s="18"/>
      <c r="N15989" s="18"/>
      <c r="O15989" s="18"/>
      <c r="P15989" s="19"/>
      <c r="Q15989" s="19"/>
      <c r="R15989" s="19"/>
      <c r="S15989" s="19"/>
      <c r="T15989" s="19"/>
      <c r="U15989" s="19"/>
      <c r="V15989" s="19"/>
      <c r="W15989" s="19"/>
      <c r="X15989" s="19"/>
      <c r="Y15989" s="19"/>
      <c r="Z15989" s="19"/>
      <c r="AA15989" s="19"/>
    </row>
    <row r="15990" spans="1:27" s="1" customFormat="1" ht="11.1" customHeight="1" outlineLevel="3" x14ac:dyDescent="0.2">
      <c r="A15990" s="17">
        <v>12369</v>
      </c>
      <c r="B15990" s="17"/>
      <c r="C15990" s="17"/>
      <c r="D15990" s="18" t="s">
        <v>7909</v>
      </c>
      <c r="E15990" s="18"/>
      <c r="F15990" s="18"/>
      <c r="G15990" s="18"/>
      <c r="H15990" s="18"/>
      <c r="I15990" s="18"/>
      <c r="J15990" s="18"/>
      <c r="K15990" s="18"/>
      <c r="L15990" s="18"/>
      <c r="M15990" s="18"/>
      <c r="N15990" s="18"/>
      <c r="O15990" s="18"/>
      <c r="P15990" s="19">
        <v>750</v>
      </c>
      <c r="Q15990" s="19"/>
      <c r="R15990" s="19"/>
      <c r="S15990" s="19"/>
      <c r="T15990" s="19">
        <v>490</v>
      </c>
      <c r="U15990" s="19"/>
      <c r="V15990" s="19"/>
      <c r="W15990" s="19"/>
      <c r="X15990" s="19">
        <v>2</v>
      </c>
      <c r="Y15990" s="19"/>
      <c r="Z15990" s="19"/>
      <c r="AA15990" s="19"/>
    </row>
    <row r="15991" spans="1:27" s="1" customFormat="1" ht="11.1" customHeight="1" outlineLevel="3" x14ac:dyDescent="0.2">
      <c r="A15991" s="17"/>
      <c r="B15991" s="17"/>
      <c r="C15991" s="17"/>
      <c r="D15991" s="18"/>
      <c r="E15991" s="18"/>
      <c r="F15991" s="18"/>
      <c r="G15991" s="18"/>
      <c r="H15991" s="18"/>
      <c r="I15991" s="18"/>
      <c r="J15991" s="18"/>
      <c r="K15991" s="18"/>
      <c r="L15991" s="18"/>
      <c r="M15991" s="18"/>
      <c r="N15991" s="18"/>
      <c r="O15991" s="18"/>
      <c r="P15991" s="19"/>
      <c r="Q15991" s="19"/>
      <c r="R15991" s="19"/>
      <c r="S15991" s="19"/>
      <c r="T15991" s="19"/>
      <c r="U15991" s="19"/>
      <c r="V15991" s="19"/>
      <c r="W15991" s="19"/>
      <c r="X15991" s="19"/>
      <c r="Y15991" s="19"/>
      <c r="Z15991" s="19"/>
      <c r="AA15991" s="19"/>
    </row>
    <row r="15992" spans="1:27" s="1" customFormat="1" ht="11.1" customHeight="1" outlineLevel="3" x14ac:dyDescent="0.2">
      <c r="A15992" s="17">
        <v>12370</v>
      </c>
      <c r="B15992" s="17"/>
      <c r="C15992" s="17"/>
      <c r="D15992" s="18" t="s">
        <v>7910</v>
      </c>
      <c r="E15992" s="18"/>
      <c r="F15992" s="18"/>
      <c r="G15992" s="18"/>
      <c r="H15992" s="18"/>
      <c r="I15992" s="18"/>
      <c r="J15992" s="18"/>
      <c r="K15992" s="18"/>
      <c r="L15992" s="18"/>
      <c r="M15992" s="18"/>
      <c r="N15992" s="18"/>
      <c r="O15992" s="18"/>
      <c r="P15992" s="19">
        <v>750</v>
      </c>
      <c r="Q15992" s="19"/>
      <c r="R15992" s="19"/>
      <c r="S15992" s="19"/>
      <c r="T15992" s="19">
        <v>490</v>
      </c>
      <c r="U15992" s="19"/>
      <c r="V15992" s="19"/>
      <c r="W15992" s="19"/>
      <c r="X15992" s="19">
        <v>1</v>
      </c>
      <c r="Y15992" s="19"/>
      <c r="Z15992" s="19"/>
      <c r="AA15992" s="19"/>
    </row>
    <row r="15993" spans="1:27" s="1" customFormat="1" ht="11.1" customHeight="1" outlineLevel="3" x14ac:dyDescent="0.2">
      <c r="A15993" s="17"/>
      <c r="B15993" s="17"/>
      <c r="C15993" s="17"/>
      <c r="D15993" s="18"/>
      <c r="E15993" s="18"/>
      <c r="F15993" s="18"/>
      <c r="G15993" s="18"/>
      <c r="H15993" s="18"/>
      <c r="I15993" s="18"/>
      <c r="J15993" s="18"/>
      <c r="K15993" s="18"/>
      <c r="L15993" s="18"/>
      <c r="M15993" s="18"/>
      <c r="N15993" s="18"/>
      <c r="O15993" s="18"/>
      <c r="P15993" s="19"/>
      <c r="Q15993" s="19"/>
      <c r="R15993" s="19"/>
      <c r="S15993" s="19"/>
      <c r="T15993" s="19"/>
      <c r="U15993" s="19"/>
      <c r="V15993" s="19"/>
      <c r="W15993" s="19"/>
      <c r="X15993" s="19"/>
      <c r="Y15993" s="19"/>
      <c r="Z15993" s="19"/>
      <c r="AA15993" s="19"/>
    </row>
    <row r="15994" spans="1:27" s="1" customFormat="1" ht="14.1" customHeight="1" outlineLevel="3" x14ac:dyDescent="0.2">
      <c r="A15994" s="17">
        <v>15862</v>
      </c>
      <c r="B15994" s="17"/>
      <c r="C15994" s="17"/>
      <c r="D15994" s="18" t="s">
        <v>7911</v>
      </c>
      <c r="E15994" s="18"/>
      <c r="F15994" s="18"/>
      <c r="G15994" s="18"/>
      <c r="H15994" s="18"/>
      <c r="I15994" s="18"/>
      <c r="J15994" s="18"/>
      <c r="K15994" s="18"/>
      <c r="L15994" s="18"/>
      <c r="M15994" s="18"/>
      <c r="N15994" s="18"/>
      <c r="O15994" s="18"/>
      <c r="P15994" s="20">
        <v>3600</v>
      </c>
      <c r="Q15994" s="20"/>
      <c r="R15994" s="20"/>
      <c r="S15994" s="20"/>
      <c r="T15994" s="20">
        <v>2700</v>
      </c>
      <c r="U15994" s="20"/>
      <c r="V15994" s="20"/>
      <c r="W15994" s="20"/>
      <c r="X15994" s="19">
        <v>1</v>
      </c>
      <c r="Y15994" s="19"/>
      <c r="Z15994" s="19"/>
      <c r="AA15994" s="19"/>
    </row>
    <row r="15995" spans="1:27" s="1" customFormat="1" ht="14.1" customHeight="1" outlineLevel="3" x14ac:dyDescent="0.2">
      <c r="A15995" s="17"/>
      <c r="B15995" s="17"/>
      <c r="C15995" s="17"/>
      <c r="D15995" s="18"/>
      <c r="E15995" s="18"/>
      <c r="F15995" s="18"/>
      <c r="G15995" s="18"/>
      <c r="H15995" s="18"/>
      <c r="I15995" s="18"/>
      <c r="J15995" s="18"/>
      <c r="K15995" s="18"/>
      <c r="L15995" s="18"/>
      <c r="M15995" s="18"/>
      <c r="N15995" s="18"/>
      <c r="O15995" s="18"/>
      <c r="P15995" s="20"/>
      <c r="Q15995" s="20"/>
      <c r="R15995" s="20"/>
      <c r="S15995" s="20"/>
      <c r="T15995" s="20"/>
      <c r="U15995" s="20"/>
      <c r="V15995" s="20"/>
      <c r="W15995" s="20"/>
      <c r="X15995" s="19"/>
      <c r="Y15995" s="19"/>
      <c r="Z15995" s="19"/>
      <c r="AA15995" s="19"/>
    </row>
    <row r="15996" spans="1:27" s="1" customFormat="1" ht="14.1" customHeight="1" outlineLevel="3" x14ac:dyDescent="0.2">
      <c r="A15996" s="17">
        <v>14701</v>
      </c>
      <c r="B15996" s="17"/>
      <c r="C15996" s="17"/>
      <c r="D15996" s="18" t="s">
        <v>7912</v>
      </c>
      <c r="E15996" s="18"/>
      <c r="F15996" s="18"/>
      <c r="G15996" s="18"/>
      <c r="H15996" s="18"/>
      <c r="I15996" s="18"/>
      <c r="J15996" s="18"/>
      <c r="K15996" s="18"/>
      <c r="L15996" s="18"/>
      <c r="M15996" s="18"/>
      <c r="N15996" s="18"/>
      <c r="O15996" s="18"/>
      <c r="P15996" s="20">
        <v>2400</v>
      </c>
      <c r="Q15996" s="20"/>
      <c r="R15996" s="20"/>
      <c r="S15996" s="20"/>
      <c r="T15996" s="20">
        <v>1880</v>
      </c>
      <c r="U15996" s="20"/>
      <c r="V15996" s="20"/>
      <c r="W15996" s="20"/>
      <c r="X15996" s="19">
        <v>1</v>
      </c>
      <c r="Y15996" s="19"/>
      <c r="Z15996" s="19"/>
      <c r="AA15996" s="19"/>
    </row>
    <row r="15997" spans="1:27" s="1" customFormat="1" ht="14.1" customHeight="1" outlineLevel="3" x14ac:dyDescent="0.2">
      <c r="A15997" s="17"/>
      <c r="B15997" s="17"/>
      <c r="C15997" s="17"/>
      <c r="D15997" s="18"/>
      <c r="E15997" s="18"/>
      <c r="F15997" s="18"/>
      <c r="G15997" s="18"/>
      <c r="H15997" s="18"/>
      <c r="I15997" s="18"/>
      <c r="J15997" s="18"/>
      <c r="K15997" s="18"/>
      <c r="L15997" s="18"/>
      <c r="M15997" s="18"/>
      <c r="N15997" s="18"/>
      <c r="O15997" s="18"/>
      <c r="P15997" s="20"/>
      <c r="Q15997" s="20"/>
      <c r="R15997" s="20"/>
      <c r="S15997" s="20"/>
      <c r="T15997" s="20"/>
      <c r="U15997" s="20"/>
      <c r="V15997" s="20"/>
      <c r="W15997" s="20"/>
      <c r="X15997" s="19"/>
      <c r="Y15997" s="19"/>
      <c r="Z15997" s="19"/>
      <c r="AA15997" s="19"/>
    </row>
    <row r="15998" spans="1:27" s="1" customFormat="1" ht="11.1" customHeight="1" outlineLevel="3" x14ac:dyDescent="0.2">
      <c r="A15998" s="17">
        <v>16065</v>
      </c>
      <c r="B15998" s="17"/>
      <c r="C15998" s="17"/>
      <c r="D15998" s="18" t="s">
        <v>7913</v>
      </c>
      <c r="E15998" s="18"/>
      <c r="F15998" s="18"/>
      <c r="G15998" s="18"/>
      <c r="H15998" s="18"/>
      <c r="I15998" s="18"/>
      <c r="J15998" s="18"/>
      <c r="K15998" s="18"/>
      <c r="L15998" s="18"/>
      <c r="M15998" s="18"/>
      <c r="N15998" s="18"/>
      <c r="O15998" s="18"/>
      <c r="P15998" s="20">
        <v>1150</v>
      </c>
      <c r="Q15998" s="20"/>
      <c r="R15998" s="20"/>
      <c r="S15998" s="20"/>
      <c r="T15998" s="19">
        <v>750</v>
      </c>
      <c r="U15998" s="19"/>
      <c r="V15998" s="19"/>
      <c r="W15998" s="19"/>
      <c r="X15998" s="19">
        <v>1</v>
      </c>
      <c r="Y15998" s="19"/>
      <c r="Z15998" s="19"/>
      <c r="AA15998" s="19"/>
    </row>
    <row r="15999" spans="1:27" s="1" customFormat="1" ht="11.1" customHeight="1" outlineLevel="3" x14ac:dyDescent="0.2">
      <c r="A15999" s="17"/>
      <c r="B15999" s="17"/>
      <c r="C15999" s="17"/>
      <c r="D15999" s="18"/>
      <c r="E15999" s="18"/>
      <c r="F15999" s="18"/>
      <c r="G15999" s="18"/>
      <c r="H15999" s="18"/>
      <c r="I15999" s="18"/>
      <c r="J15999" s="18"/>
      <c r="K15999" s="18"/>
      <c r="L15999" s="18"/>
      <c r="M15999" s="18"/>
      <c r="N15999" s="18"/>
      <c r="O15999" s="18"/>
      <c r="P15999" s="20"/>
      <c r="Q15999" s="20"/>
      <c r="R15999" s="20"/>
      <c r="S15999" s="20"/>
      <c r="T15999" s="19"/>
      <c r="U15999" s="19"/>
      <c r="V15999" s="19"/>
      <c r="W15999" s="19"/>
      <c r="X15999" s="19"/>
      <c r="Y15999" s="19"/>
      <c r="Z15999" s="19"/>
      <c r="AA15999" s="19"/>
    </row>
    <row r="16000" spans="1:27" s="1" customFormat="1" ht="14.1" customHeight="1" outlineLevel="3" x14ac:dyDescent="0.2">
      <c r="A16000" s="17">
        <v>12477</v>
      </c>
      <c r="B16000" s="17"/>
      <c r="C16000" s="17"/>
      <c r="D16000" s="18" t="s">
        <v>7914</v>
      </c>
      <c r="E16000" s="18"/>
      <c r="F16000" s="18"/>
      <c r="G16000" s="18"/>
      <c r="H16000" s="18"/>
      <c r="I16000" s="18"/>
      <c r="J16000" s="18"/>
      <c r="K16000" s="18"/>
      <c r="L16000" s="18"/>
      <c r="M16000" s="18"/>
      <c r="N16000" s="18"/>
      <c r="O16000" s="18"/>
      <c r="P16000" s="20">
        <v>1600</v>
      </c>
      <c r="Q16000" s="20"/>
      <c r="R16000" s="20"/>
      <c r="S16000" s="20"/>
      <c r="T16000" s="20">
        <v>1350</v>
      </c>
      <c r="U16000" s="20"/>
      <c r="V16000" s="20"/>
      <c r="W16000" s="20"/>
      <c r="X16000" s="19">
        <v>14</v>
      </c>
      <c r="Y16000" s="19"/>
      <c r="Z16000" s="19"/>
      <c r="AA16000" s="19"/>
    </row>
    <row r="16001" spans="1:27" s="1" customFormat="1" ht="14.1" customHeight="1" outlineLevel="3" x14ac:dyDescent="0.2">
      <c r="A16001" s="17"/>
      <c r="B16001" s="17"/>
      <c r="C16001" s="17"/>
      <c r="D16001" s="18"/>
      <c r="E16001" s="18"/>
      <c r="F16001" s="18"/>
      <c r="G16001" s="18"/>
      <c r="H16001" s="18"/>
      <c r="I16001" s="18"/>
      <c r="J16001" s="18"/>
      <c r="K16001" s="18"/>
      <c r="L16001" s="18"/>
      <c r="M16001" s="18"/>
      <c r="N16001" s="18"/>
      <c r="O16001" s="18"/>
      <c r="P16001" s="20"/>
      <c r="Q16001" s="20"/>
      <c r="R16001" s="20"/>
      <c r="S16001" s="20"/>
      <c r="T16001" s="20"/>
      <c r="U16001" s="20"/>
      <c r="V16001" s="20"/>
      <c r="W16001" s="20"/>
      <c r="X16001" s="19"/>
      <c r="Y16001" s="19"/>
      <c r="Z16001" s="19"/>
      <c r="AA16001" s="19"/>
    </row>
    <row r="16002" spans="1:27" s="1" customFormat="1" ht="14.1" customHeight="1" outlineLevel="3" x14ac:dyDescent="0.2">
      <c r="A16002" s="17">
        <v>15226</v>
      </c>
      <c r="B16002" s="17"/>
      <c r="C16002" s="17"/>
      <c r="D16002" s="18" t="s">
        <v>7915</v>
      </c>
      <c r="E16002" s="18"/>
      <c r="F16002" s="18"/>
      <c r="G16002" s="18"/>
      <c r="H16002" s="18"/>
      <c r="I16002" s="18"/>
      <c r="J16002" s="18"/>
      <c r="K16002" s="18"/>
      <c r="L16002" s="18"/>
      <c r="M16002" s="18"/>
      <c r="N16002" s="18"/>
      <c r="O16002" s="18"/>
      <c r="P16002" s="19">
        <v>940</v>
      </c>
      <c r="Q16002" s="19"/>
      <c r="R16002" s="19"/>
      <c r="S16002" s="19"/>
      <c r="T16002" s="19">
        <v>670</v>
      </c>
      <c r="U16002" s="19"/>
      <c r="V16002" s="19"/>
      <c r="W16002" s="19"/>
      <c r="X16002" s="19">
        <v>1</v>
      </c>
      <c r="Y16002" s="19"/>
      <c r="Z16002" s="19"/>
      <c r="AA16002" s="19"/>
    </row>
    <row r="16003" spans="1:27" s="1" customFormat="1" ht="14.1" customHeight="1" outlineLevel="3" x14ac:dyDescent="0.2">
      <c r="A16003" s="17"/>
      <c r="B16003" s="17"/>
      <c r="C16003" s="17"/>
      <c r="D16003" s="18"/>
      <c r="E16003" s="18"/>
      <c r="F16003" s="18"/>
      <c r="G16003" s="18"/>
      <c r="H16003" s="18"/>
      <c r="I16003" s="18"/>
      <c r="J16003" s="18"/>
      <c r="K16003" s="18"/>
      <c r="L16003" s="18"/>
      <c r="M16003" s="18"/>
      <c r="N16003" s="18"/>
      <c r="O16003" s="18"/>
      <c r="P16003" s="19"/>
      <c r="Q16003" s="19"/>
      <c r="R16003" s="19"/>
      <c r="S16003" s="19"/>
      <c r="T16003" s="19"/>
      <c r="U16003" s="19"/>
      <c r="V16003" s="19"/>
      <c r="W16003" s="19"/>
      <c r="X16003" s="19"/>
      <c r="Y16003" s="19"/>
      <c r="Z16003" s="19"/>
      <c r="AA16003" s="19"/>
    </row>
    <row r="16004" spans="1:27" s="1" customFormat="1" ht="14.1" customHeight="1" outlineLevel="3" x14ac:dyDescent="0.2">
      <c r="A16004" s="17">
        <v>13278</v>
      </c>
      <c r="B16004" s="17"/>
      <c r="C16004" s="17"/>
      <c r="D16004" s="18" t="s">
        <v>7916</v>
      </c>
      <c r="E16004" s="18"/>
      <c r="F16004" s="18"/>
      <c r="G16004" s="18"/>
      <c r="H16004" s="18"/>
      <c r="I16004" s="18"/>
      <c r="J16004" s="18"/>
      <c r="K16004" s="18"/>
      <c r="L16004" s="18"/>
      <c r="M16004" s="18"/>
      <c r="N16004" s="18"/>
      <c r="O16004" s="18"/>
      <c r="P16004" s="19">
        <v>920</v>
      </c>
      <c r="Q16004" s="19"/>
      <c r="R16004" s="19"/>
      <c r="S16004" s="19"/>
      <c r="T16004" s="19">
        <v>690</v>
      </c>
      <c r="U16004" s="19"/>
      <c r="V16004" s="19"/>
      <c r="W16004" s="19"/>
      <c r="X16004" s="19">
        <v>2</v>
      </c>
      <c r="Y16004" s="19"/>
      <c r="Z16004" s="19"/>
      <c r="AA16004" s="19"/>
    </row>
    <row r="16005" spans="1:27" s="1" customFormat="1" ht="14.1" customHeight="1" outlineLevel="3" x14ac:dyDescent="0.2">
      <c r="A16005" s="17"/>
      <c r="B16005" s="17"/>
      <c r="C16005" s="17"/>
      <c r="D16005" s="18"/>
      <c r="E16005" s="18"/>
      <c r="F16005" s="18"/>
      <c r="G16005" s="18"/>
      <c r="H16005" s="18"/>
      <c r="I16005" s="18"/>
      <c r="J16005" s="18"/>
      <c r="K16005" s="18"/>
      <c r="L16005" s="18"/>
      <c r="M16005" s="18"/>
      <c r="N16005" s="18"/>
      <c r="O16005" s="18"/>
      <c r="P16005" s="19"/>
      <c r="Q16005" s="19"/>
      <c r="R16005" s="19"/>
      <c r="S16005" s="19"/>
      <c r="T16005" s="19"/>
      <c r="U16005" s="19"/>
      <c r="V16005" s="19"/>
      <c r="W16005" s="19"/>
      <c r="X16005" s="19"/>
      <c r="Y16005" s="19"/>
      <c r="Z16005" s="19"/>
      <c r="AA16005" s="19"/>
    </row>
    <row r="16006" spans="1:27" s="1" customFormat="1" ht="11.1" customHeight="1" outlineLevel="2" x14ac:dyDescent="0.2">
      <c r="A16006" s="16" t="s">
        <v>7917</v>
      </c>
      <c r="B16006" s="16"/>
      <c r="C16006" s="16"/>
      <c r="D16006" s="16"/>
      <c r="E16006" s="16"/>
      <c r="F16006" s="16"/>
      <c r="G16006" s="16"/>
      <c r="H16006" s="16"/>
      <c r="I16006" s="16"/>
      <c r="J16006" s="16"/>
      <c r="K16006" s="16"/>
      <c r="L16006" s="16"/>
      <c r="M16006" s="16"/>
      <c r="N16006" s="16"/>
      <c r="O16006" s="16"/>
      <c r="P16006" s="16"/>
      <c r="Q16006" s="16"/>
      <c r="R16006" s="16"/>
      <c r="S16006" s="16"/>
      <c r="T16006" s="16"/>
      <c r="U16006" s="16"/>
      <c r="V16006" s="16"/>
      <c r="W16006" s="16"/>
      <c r="X16006" s="16"/>
      <c r="Y16006" s="16"/>
      <c r="Z16006" s="16"/>
      <c r="AA16006" s="16"/>
    </row>
    <row r="16007" spans="1:27" s="1" customFormat="1" ht="11.1" customHeight="1" outlineLevel="2" x14ac:dyDescent="0.2">
      <c r="A16007" s="16"/>
      <c r="B16007" s="16"/>
      <c r="C16007" s="16"/>
      <c r="D16007" s="16"/>
      <c r="E16007" s="16"/>
      <c r="F16007" s="16"/>
      <c r="G16007" s="16"/>
      <c r="H16007" s="16"/>
      <c r="I16007" s="16"/>
      <c r="J16007" s="16"/>
      <c r="K16007" s="16"/>
      <c r="L16007" s="16"/>
      <c r="M16007" s="16"/>
      <c r="N16007" s="16"/>
      <c r="O16007" s="16"/>
      <c r="P16007" s="16"/>
      <c r="Q16007" s="16"/>
      <c r="R16007" s="16"/>
      <c r="S16007" s="16"/>
      <c r="T16007" s="16"/>
      <c r="U16007" s="16"/>
      <c r="V16007" s="16"/>
      <c r="W16007" s="16"/>
      <c r="X16007" s="16"/>
      <c r="Y16007" s="16"/>
      <c r="Z16007" s="16"/>
      <c r="AA16007" s="16"/>
    </row>
    <row r="16008" spans="1:27" s="1" customFormat="1" ht="11.1" customHeight="1" outlineLevel="3" x14ac:dyDescent="0.2">
      <c r="A16008" s="17">
        <v>6509</v>
      </c>
      <c r="B16008" s="17"/>
      <c r="C16008" s="17"/>
      <c r="D16008" s="18" t="s">
        <v>7918</v>
      </c>
      <c r="E16008" s="18"/>
      <c r="F16008" s="18"/>
      <c r="G16008" s="18"/>
      <c r="H16008" s="18"/>
      <c r="I16008" s="18"/>
      <c r="J16008" s="18"/>
      <c r="K16008" s="18"/>
      <c r="L16008" s="18"/>
      <c r="M16008" s="18"/>
      <c r="N16008" s="18"/>
      <c r="O16008" s="18"/>
      <c r="P16008" s="19">
        <v>310</v>
      </c>
      <c r="Q16008" s="19"/>
      <c r="R16008" s="19"/>
      <c r="S16008" s="19"/>
      <c r="T16008" s="19">
        <v>190</v>
      </c>
      <c r="U16008" s="19"/>
      <c r="V16008" s="19"/>
      <c r="W16008" s="19"/>
      <c r="X16008" s="19">
        <v>1</v>
      </c>
      <c r="Y16008" s="19"/>
      <c r="Z16008" s="19"/>
      <c r="AA16008" s="19"/>
    </row>
    <row r="16009" spans="1:27" s="1" customFormat="1" ht="11.1" customHeight="1" outlineLevel="3" x14ac:dyDescent="0.2">
      <c r="A16009" s="17"/>
      <c r="B16009" s="17"/>
      <c r="C16009" s="17"/>
      <c r="D16009" s="18"/>
      <c r="E16009" s="18"/>
      <c r="F16009" s="18"/>
      <c r="G16009" s="18"/>
      <c r="H16009" s="18"/>
      <c r="I16009" s="18"/>
      <c r="J16009" s="18"/>
      <c r="K16009" s="18"/>
      <c r="L16009" s="18"/>
      <c r="M16009" s="18"/>
      <c r="N16009" s="18"/>
      <c r="O16009" s="18"/>
      <c r="P16009" s="19"/>
      <c r="Q16009" s="19"/>
      <c r="R16009" s="19"/>
      <c r="S16009" s="19"/>
      <c r="T16009" s="19"/>
      <c r="U16009" s="19"/>
      <c r="V16009" s="19"/>
      <c r="W16009" s="19"/>
      <c r="X16009" s="19"/>
      <c r="Y16009" s="19"/>
      <c r="Z16009" s="19"/>
      <c r="AA16009" s="19"/>
    </row>
    <row r="16010" spans="1:27" s="1" customFormat="1" ht="11.1" customHeight="1" outlineLevel="3" x14ac:dyDescent="0.2">
      <c r="A16010" s="17">
        <v>77</v>
      </c>
      <c r="B16010" s="17"/>
      <c r="C16010" s="17"/>
      <c r="D16010" s="18" t="s">
        <v>7919</v>
      </c>
      <c r="E16010" s="18"/>
      <c r="F16010" s="18"/>
      <c r="G16010" s="18"/>
      <c r="H16010" s="18"/>
      <c r="I16010" s="18"/>
      <c r="J16010" s="18"/>
      <c r="K16010" s="18"/>
      <c r="L16010" s="18"/>
      <c r="M16010" s="18"/>
      <c r="N16010" s="18"/>
      <c r="O16010" s="18"/>
      <c r="P16010" s="19">
        <v>250</v>
      </c>
      <c r="Q16010" s="19"/>
      <c r="R16010" s="19"/>
      <c r="S16010" s="19"/>
      <c r="T16010" s="19">
        <v>150</v>
      </c>
      <c r="U16010" s="19"/>
      <c r="V16010" s="19"/>
      <c r="W16010" s="19"/>
      <c r="X16010" s="19">
        <v>1</v>
      </c>
      <c r="Y16010" s="19"/>
      <c r="Z16010" s="19"/>
      <c r="AA16010" s="19"/>
    </row>
    <row r="16011" spans="1:27" s="1" customFormat="1" ht="11.1" customHeight="1" outlineLevel="3" x14ac:dyDescent="0.2">
      <c r="A16011" s="17"/>
      <c r="B16011" s="17"/>
      <c r="C16011" s="17"/>
      <c r="D16011" s="18"/>
      <c r="E16011" s="18"/>
      <c r="F16011" s="18"/>
      <c r="G16011" s="18"/>
      <c r="H16011" s="18"/>
      <c r="I16011" s="18"/>
      <c r="J16011" s="18"/>
      <c r="K16011" s="18"/>
      <c r="L16011" s="18"/>
      <c r="M16011" s="18"/>
      <c r="N16011" s="18"/>
      <c r="O16011" s="18"/>
      <c r="P16011" s="19"/>
      <c r="Q16011" s="19"/>
      <c r="R16011" s="19"/>
      <c r="S16011" s="19"/>
      <c r="T16011" s="19"/>
      <c r="U16011" s="19"/>
      <c r="V16011" s="19"/>
      <c r="W16011" s="19"/>
      <c r="X16011" s="19"/>
      <c r="Y16011" s="19"/>
      <c r="Z16011" s="19"/>
      <c r="AA16011" s="19"/>
    </row>
    <row r="16012" spans="1:27" s="1" customFormat="1" ht="14.1" customHeight="1" outlineLevel="3" x14ac:dyDescent="0.2">
      <c r="A16012" s="17">
        <v>13766</v>
      </c>
      <c r="B16012" s="17"/>
      <c r="C16012" s="17"/>
      <c r="D16012" s="18" t="s">
        <v>7920</v>
      </c>
      <c r="E16012" s="18"/>
      <c r="F16012" s="18"/>
      <c r="G16012" s="18"/>
      <c r="H16012" s="18"/>
      <c r="I16012" s="18"/>
      <c r="J16012" s="18"/>
      <c r="K16012" s="18"/>
      <c r="L16012" s="18"/>
      <c r="M16012" s="18"/>
      <c r="N16012" s="18"/>
      <c r="O16012" s="18"/>
      <c r="P16012" s="19">
        <v>650</v>
      </c>
      <c r="Q16012" s="19"/>
      <c r="R16012" s="19"/>
      <c r="S16012" s="19"/>
      <c r="T16012" s="19">
        <v>390</v>
      </c>
      <c r="U16012" s="19"/>
      <c r="V16012" s="19"/>
      <c r="W16012" s="19"/>
      <c r="X16012" s="19">
        <v>3</v>
      </c>
      <c r="Y16012" s="19"/>
      <c r="Z16012" s="19"/>
      <c r="AA16012" s="19"/>
    </row>
    <row r="16013" spans="1:27" s="1" customFormat="1" ht="14.1" customHeight="1" outlineLevel="3" x14ac:dyDescent="0.2">
      <c r="A16013" s="17"/>
      <c r="B16013" s="17"/>
      <c r="C16013" s="17"/>
      <c r="D16013" s="18"/>
      <c r="E16013" s="18"/>
      <c r="F16013" s="18"/>
      <c r="G16013" s="18"/>
      <c r="H16013" s="18"/>
      <c r="I16013" s="18"/>
      <c r="J16013" s="18"/>
      <c r="K16013" s="18"/>
      <c r="L16013" s="18"/>
      <c r="M16013" s="18"/>
      <c r="N16013" s="18"/>
      <c r="O16013" s="18"/>
      <c r="P16013" s="19"/>
      <c r="Q16013" s="19"/>
      <c r="R16013" s="19"/>
      <c r="S16013" s="19"/>
      <c r="T16013" s="19"/>
      <c r="U16013" s="19"/>
      <c r="V16013" s="19"/>
      <c r="W16013" s="19"/>
      <c r="X16013" s="19"/>
      <c r="Y16013" s="19"/>
      <c r="Z16013" s="19"/>
      <c r="AA16013" s="19"/>
    </row>
    <row r="16014" spans="1:27" s="1" customFormat="1" ht="11.1" customHeight="1" outlineLevel="3" x14ac:dyDescent="0.2">
      <c r="A16014" s="17">
        <v>10487</v>
      </c>
      <c r="B16014" s="17"/>
      <c r="C16014" s="17"/>
      <c r="D16014" s="18" t="s">
        <v>7921</v>
      </c>
      <c r="E16014" s="18"/>
      <c r="F16014" s="18"/>
      <c r="G16014" s="18"/>
      <c r="H16014" s="18"/>
      <c r="I16014" s="18"/>
      <c r="J16014" s="18"/>
      <c r="K16014" s="18"/>
      <c r="L16014" s="18"/>
      <c r="M16014" s="18"/>
      <c r="N16014" s="18"/>
      <c r="O16014" s="18"/>
      <c r="P16014" s="19">
        <v>490</v>
      </c>
      <c r="Q16014" s="19"/>
      <c r="R16014" s="19"/>
      <c r="S16014" s="19"/>
      <c r="T16014" s="19">
        <v>290</v>
      </c>
      <c r="U16014" s="19"/>
      <c r="V16014" s="19"/>
      <c r="W16014" s="19"/>
      <c r="X16014" s="19">
        <v>2</v>
      </c>
      <c r="Y16014" s="19"/>
      <c r="Z16014" s="19"/>
      <c r="AA16014" s="19"/>
    </row>
    <row r="16015" spans="1:27" s="1" customFormat="1" ht="11.1" customHeight="1" outlineLevel="3" x14ac:dyDescent="0.2">
      <c r="A16015" s="17"/>
      <c r="B16015" s="17"/>
      <c r="C16015" s="17"/>
      <c r="D16015" s="18"/>
      <c r="E16015" s="18"/>
      <c r="F16015" s="18"/>
      <c r="G16015" s="18"/>
      <c r="H16015" s="18"/>
      <c r="I16015" s="18"/>
      <c r="J16015" s="18"/>
      <c r="K16015" s="18"/>
      <c r="L16015" s="18"/>
      <c r="M16015" s="18"/>
      <c r="N16015" s="18"/>
      <c r="O16015" s="18"/>
      <c r="P16015" s="19"/>
      <c r="Q16015" s="19"/>
      <c r="R16015" s="19"/>
      <c r="S16015" s="19"/>
      <c r="T16015" s="19"/>
      <c r="U16015" s="19"/>
      <c r="V16015" s="19"/>
      <c r="W16015" s="19"/>
      <c r="X16015" s="19"/>
      <c r="Y16015" s="19"/>
      <c r="Z16015" s="19"/>
      <c r="AA16015" s="19"/>
    </row>
    <row r="16016" spans="1:27" s="1" customFormat="1" ht="14.1" customHeight="1" outlineLevel="3" x14ac:dyDescent="0.2">
      <c r="A16016" s="17">
        <v>8882</v>
      </c>
      <c r="B16016" s="17"/>
      <c r="C16016" s="17"/>
      <c r="D16016" s="18" t="s">
        <v>7922</v>
      </c>
      <c r="E16016" s="18"/>
      <c r="F16016" s="18"/>
      <c r="G16016" s="18"/>
      <c r="H16016" s="18"/>
      <c r="I16016" s="18"/>
      <c r="J16016" s="18"/>
      <c r="K16016" s="18"/>
      <c r="L16016" s="18"/>
      <c r="M16016" s="18"/>
      <c r="N16016" s="18"/>
      <c r="O16016" s="18"/>
      <c r="P16016" s="19">
        <v>250</v>
      </c>
      <c r="Q16016" s="19"/>
      <c r="R16016" s="19"/>
      <c r="S16016" s="19"/>
      <c r="T16016" s="19">
        <v>105</v>
      </c>
      <c r="U16016" s="19"/>
      <c r="V16016" s="19"/>
      <c r="W16016" s="19"/>
      <c r="X16016" s="19">
        <v>1</v>
      </c>
      <c r="Y16016" s="19"/>
      <c r="Z16016" s="19"/>
      <c r="AA16016" s="19"/>
    </row>
    <row r="16017" spans="1:27" s="1" customFormat="1" ht="14.1" customHeight="1" outlineLevel="3" x14ac:dyDescent="0.2">
      <c r="A16017" s="17"/>
      <c r="B16017" s="17"/>
      <c r="C16017" s="17"/>
      <c r="D16017" s="18"/>
      <c r="E16017" s="18"/>
      <c r="F16017" s="18"/>
      <c r="G16017" s="18"/>
      <c r="H16017" s="18"/>
      <c r="I16017" s="18"/>
      <c r="J16017" s="18"/>
      <c r="K16017" s="18"/>
      <c r="L16017" s="18"/>
      <c r="M16017" s="18"/>
      <c r="N16017" s="18"/>
      <c r="O16017" s="18"/>
      <c r="P16017" s="19"/>
      <c r="Q16017" s="19"/>
      <c r="R16017" s="19"/>
      <c r="S16017" s="19"/>
      <c r="T16017" s="19"/>
      <c r="U16017" s="19"/>
      <c r="V16017" s="19"/>
      <c r="W16017" s="19"/>
      <c r="X16017" s="19"/>
      <c r="Y16017" s="19"/>
      <c r="Z16017" s="19"/>
      <c r="AA16017" s="19"/>
    </row>
    <row r="16018" spans="1:27" s="1" customFormat="1" ht="14.1" customHeight="1" outlineLevel="3" x14ac:dyDescent="0.2">
      <c r="A16018" s="17">
        <v>18035</v>
      </c>
      <c r="B16018" s="17"/>
      <c r="C16018" s="17"/>
      <c r="D16018" s="18" t="s">
        <v>7923</v>
      </c>
      <c r="E16018" s="18"/>
      <c r="F16018" s="18"/>
      <c r="G16018" s="18"/>
      <c r="H16018" s="18"/>
      <c r="I16018" s="18"/>
      <c r="J16018" s="18"/>
      <c r="K16018" s="18"/>
      <c r="L16018" s="18"/>
      <c r="M16018" s="18"/>
      <c r="N16018" s="18"/>
      <c r="O16018" s="18"/>
      <c r="P16018" s="19">
        <v>650</v>
      </c>
      <c r="Q16018" s="19"/>
      <c r="R16018" s="19"/>
      <c r="S16018" s="19"/>
      <c r="T16018" s="19">
        <v>390</v>
      </c>
      <c r="U16018" s="19"/>
      <c r="V16018" s="19"/>
      <c r="W16018" s="19"/>
      <c r="X16018" s="19">
        <v>1</v>
      </c>
      <c r="Y16018" s="19"/>
      <c r="Z16018" s="19"/>
      <c r="AA16018" s="19"/>
    </row>
    <row r="16019" spans="1:27" s="1" customFormat="1" ht="14.1" customHeight="1" outlineLevel="3" x14ac:dyDescent="0.2">
      <c r="A16019" s="17"/>
      <c r="B16019" s="17"/>
      <c r="C16019" s="17"/>
      <c r="D16019" s="18"/>
      <c r="E16019" s="18"/>
      <c r="F16019" s="18"/>
      <c r="G16019" s="18"/>
      <c r="H16019" s="18"/>
      <c r="I16019" s="18"/>
      <c r="J16019" s="18"/>
      <c r="K16019" s="18"/>
      <c r="L16019" s="18"/>
      <c r="M16019" s="18"/>
      <c r="N16019" s="18"/>
      <c r="O16019" s="18"/>
      <c r="P16019" s="19"/>
      <c r="Q16019" s="19"/>
      <c r="R16019" s="19"/>
      <c r="S16019" s="19"/>
      <c r="T16019" s="19"/>
      <c r="U16019" s="19"/>
      <c r="V16019" s="19"/>
      <c r="W16019" s="19"/>
      <c r="X16019" s="19"/>
      <c r="Y16019" s="19"/>
      <c r="Z16019" s="19"/>
      <c r="AA16019" s="19"/>
    </row>
    <row r="16020" spans="1:27" s="1" customFormat="1" ht="11.1" customHeight="1" outlineLevel="3" x14ac:dyDescent="0.2">
      <c r="A16020" s="17">
        <v>7761</v>
      </c>
      <c r="B16020" s="17"/>
      <c r="C16020" s="17"/>
      <c r="D16020" s="18" t="s">
        <v>7924</v>
      </c>
      <c r="E16020" s="18"/>
      <c r="F16020" s="18"/>
      <c r="G16020" s="18"/>
      <c r="H16020" s="18"/>
      <c r="I16020" s="18"/>
      <c r="J16020" s="18"/>
      <c r="K16020" s="18"/>
      <c r="L16020" s="18"/>
      <c r="M16020" s="18"/>
      <c r="N16020" s="18"/>
      <c r="O16020" s="18"/>
      <c r="P16020" s="19">
        <v>280</v>
      </c>
      <c r="Q16020" s="19"/>
      <c r="R16020" s="19"/>
      <c r="S16020" s="19"/>
      <c r="T16020" s="19">
        <v>180</v>
      </c>
      <c r="U16020" s="19"/>
      <c r="V16020" s="19"/>
      <c r="W16020" s="19"/>
      <c r="X16020" s="19">
        <v>16</v>
      </c>
      <c r="Y16020" s="19"/>
      <c r="Z16020" s="19"/>
      <c r="AA16020" s="19"/>
    </row>
    <row r="16021" spans="1:27" s="1" customFormat="1" ht="11.1" customHeight="1" outlineLevel="3" x14ac:dyDescent="0.2">
      <c r="A16021" s="17"/>
      <c r="B16021" s="17"/>
      <c r="C16021" s="17"/>
      <c r="D16021" s="18"/>
      <c r="E16021" s="18"/>
      <c r="F16021" s="18"/>
      <c r="G16021" s="18"/>
      <c r="H16021" s="18"/>
      <c r="I16021" s="18"/>
      <c r="J16021" s="18"/>
      <c r="K16021" s="18"/>
      <c r="L16021" s="18"/>
      <c r="M16021" s="18"/>
      <c r="N16021" s="18"/>
      <c r="O16021" s="18"/>
      <c r="P16021" s="19"/>
      <c r="Q16021" s="19"/>
      <c r="R16021" s="19"/>
      <c r="S16021" s="19"/>
      <c r="T16021" s="19"/>
      <c r="U16021" s="19"/>
      <c r="V16021" s="19"/>
      <c r="W16021" s="19"/>
      <c r="X16021" s="19"/>
      <c r="Y16021" s="19"/>
      <c r="Z16021" s="19"/>
      <c r="AA16021" s="19"/>
    </row>
    <row r="16022" spans="1:27" s="1" customFormat="1" ht="11.1" customHeight="1" outlineLevel="3" x14ac:dyDescent="0.2">
      <c r="A16022" s="17">
        <v>17667</v>
      </c>
      <c r="B16022" s="17"/>
      <c r="C16022" s="17"/>
      <c r="D16022" s="18" t="s">
        <v>7925</v>
      </c>
      <c r="E16022" s="18"/>
      <c r="F16022" s="18"/>
      <c r="G16022" s="18"/>
      <c r="H16022" s="18"/>
      <c r="I16022" s="18"/>
      <c r="J16022" s="18"/>
      <c r="K16022" s="18"/>
      <c r="L16022" s="18"/>
      <c r="M16022" s="18"/>
      <c r="N16022" s="18"/>
      <c r="O16022" s="18"/>
      <c r="P16022" s="19">
        <v>490</v>
      </c>
      <c r="Q16022" s="19"/>
      <c r="R16022" s="19"/>
      <c r="S16022" s="19"/>
      <c r="T16022" s="19">
        <v>280</v>
      </c>
      <c r="U16022" s="19"/>
      <c r="V16022" s="19"/>
      <c r="W16022" s="19"/>
      <c r="X16022" s="19">
        <v>7</v>
      </c>
      <c r="Y16022" s="19"/>
      <c r="Z16022" s="19"/>
      <c r="AA16022" s="19"/>
    </row>
    <row r="16023" spans="1:27" s="1" customFormat="1" ht="11.1" customHeight="1" outlineLevel="3" x14ac:dyDescent="0.2">
      <c r="A16023" s="17"/>
      <c r="B16023" s="17"/>
      <c r="C16023" s="17"/>
      <c r="D16023" s="18"/>
      <c r="E16023" s="18"/>
      <c r="F16023" s="18"/>
      <c r="G16023" s="18"/>
      <c r="H16023" s="18"/>
      <c r="I16023" s="18"/>
      <c r="J16023" s="18"/>
      <c r="K16023" s="18"/>
      <c r="L16023" s="18"/>
      <c r="M16023" s="18"/>
      <c r="N16023" s="18"/>
      <c r="O16023" s="18"/>
      <c r="P16023" s="19"/>
      <c r="Q16023" s="19"/>
      <c r="R16023" s="19"/>
      <c r="S16023" s="19"/>
      <c r="T16023" s="19"/>
      <c r="U16023" s="19"/>
      <c r="V16023" s="19"/>
      <c r="W16023" s="19"/>
      <c r="X16023" s="19"/>
      <c r="Y16023" s="19"/>
      <c r="Z16023" s="19"/>
      <c r="AA16023" s="19"/>
    </row>
    <row r="16024" spans="1:27" s="1" customFormat="1" ht="11.1" customHeight="1" outlineLevel="3" x14ac:dyDescent="0.2">
      <c r="A16024" s="17">
        <v>7665</v>
      </c>
      <c r="B16024" s="17"/>
      <c r="C16024" s="17"/>
      <c r="D16024" s="18" t="s">
        <v>7926</v>
      </c>
      <c r="E16024" s="18"/>
      <c r="F16024" s="18"/>
      <c r="G16024" s="18"/>
      <c r="H16024" s="18"/>
      <c r="I16024" s="18"/>
      <c r="J16024" s="18"/>
      <c r="K16024" s="18"/>
      <c r="L16024" s="18"/>
      <c r="M16024" s="18"/>
      <c r="N16024" s="18"/>
      <c r="O16024" s="18"/>
      <c r="P16024" s="19">
        <v>170</v>
      </c>
      <c r="Q16024" s="19"/>
      <c r="R16024" s="19"/>
      <c r="S16024" s="19"/>
      <c r="T16024" s="19">
        <v>70</v>
      </c>
      <c r="U16024" s="19"/>
      <c r="V16024" s="19"/>
      <c r="W16024" s="19"/>
      <c r="X16024" s="19">
        <v>4</v>
      </c>
      <c r="Y16024" s="19"/>
      <c r="Z16024" s="19"/>
      <c r="AA16024" s="19"/>
    </row>
    <row r="16025" spans="1:27" s="1" customFormat="1" ht="11.1" customHeight="1" outlineLevel="3" x14ac:dyDescent="0.2">
      <c r="A16025" s="17"/>
      <c r="B16025" s="17"/>
      <c r="C16025" s="17"/>
      <c r="D16025" s="18"/>
      <c r="E16025" s="18"/>
      <c r="F16025" s="18"/>
      <c r="G16025" s="18"/>
      <c r="H16025" s="18"/>
      <c r="I16025" s="18"/>
      <c r="J16025" s="18"/>
      <c r="K16025" s="18"/>
      <c r="L16025" s="18"/>
      <c r="M16025" s="18"/>
      <c r="N16025" s="18"/>
      <c r="O16025" s="18"/>
      <c r="P16025" s="19"/>
      <c r="Q16025" s="19"/>
      <c r="R16025" s="19"/>
      <c r="S16025" s="19"/>
      <c r="T16025" s="19"/>
      <c r="U16025" s="19"/>
      <c r="V16025" s="19"/>
      <c r="W16025" s="19"/>
      <c r="X16025" s="19"/>
      <c r="Y16025" s="19"/>
      <c r="Z16025" s="19"/>
      <c r="AA16025" s="19"/>
    </row>
    <row r="16026" spans="1:27" s="1" customFormat="1" ht="11.1" customHeight="1" outlineLevel="3" x14ac:dyDescent="0.2">
      <c r="A16026" s="17">
        <v>17302</v>
      </c>
      <c r="B16026" s="17"/>
      <c r="C16026" s="17"/>
      <c r="D16026" s="18" t="s">
        <v>7927</v>
      </c>
      <c r="E16026" s="18"/>
      <c r="F16026" s="18"/>
      <c r="G16026" s="18"/>
      <c r="H16026" s="18"/>
      <c r="I16026" s="18"/>
      <c r="J16026" s="18"/>
      <c r="K16026" s="18"/>
      <c r="L16026" s="18"/>
      <c r="M16026" s="18"/>
      <c r="N16026" s="18"/>
      <c r="O16026" s="18"/>
      <c r="P16026" s="19">
        <v>550</v>
      </c>
      <c r="Q16026" s="19"/>
      <c r="R16026" s="19"/>
      <c r="S16026" s="19"/>
      <c r="T16026" s="19">
        <v>320</v>
      </c>
      <c r="U16026" s="19"/>
      <c r="V16026" s="19"/>
      <c r="W16026" s="19"/>
      <c r="X16026" s="19">
        <v>2</v>
      </c>
      <c r="Y16026" s="19"/>
      <c r="Z16026" s="19"/>
      <c r="AA16026" s="19"/>
    </row>
    <row r="16027" spans="1:27" s="1" customFormat="1" ht="11.1" customHeight="1" outlineLevel="3" x14ac:dyDescent="0.2">
      <c r="A16027" s="17"/>
      <c r="B16027" s="17"/>
      <c r="C16027" s="17"/>
      <c r="D16027" s="18"/>
      <c r="E16027" s="18"/>
      <c r="F16027" s="18"/>
      <c r="G16027" s="18"/>
      <c r="H16027" s="18"/>
      <c r="I16027" s="18"/>
      <c r="J16027" s="18"/>
      <c r="K16027" s="18"/>
      <c r="L16027" s="18"/>
      <c r="M16027" s="18"/>
      <c r="N16027" s="18"/>
      <c r="O16027" s="18"/>
      <c r="P16027" s="19"/>
      <c r="Q16027" s="19"/>
      <c r="R16027" s="19"/>
      <c r="S16027" s="19"/>
      <c r="T16027" s="19"/>
      <c r="U16027" s="19"/>
      <c r="V16027" s="19"/>
      <c r="W16027" s="19"/>
      <c r="X16027" s="19"/>
      <c r="Y16027" s="19"/>
      <c r="Z16027" s="19"/>
      <c r="AA16027" s="19"/>
    </row>
    <row r="16028" spans="1:27" s="1" customFormat="1" ht="11.1" customHeight="1" outlineLevel="3" x14ac:dyDescent="0.2">
      <c r="A16028" s="17">
        <v>53</v>
      </c>
      <c r="B16028" s="17"/>
      <c r="C16028" s="17"/>
      <c r="D16028" s="18" t="s">
        <v>7928</v>
      </c>
      <c r="E16028" s="18"/>
      <c r="F16028" s="18"/>
      <c r="G16028" s="18"/>
      <c r="H16028" s="18"/>
      <c r="I16028" s="18"/>
      <c r="J16028" s="18"/>
      <c r="K16028" s="18"/>
      <c r="L16028" s="18"/>
      <c r="M16028" s="18"/>
      <c r="N16028" s="18"/>
      <c r="O16028" s="18"/>
      <c r="P16028" s="19">
        <v>150</v>
      </c>
      <c r="Q16028" s="19"/>
      <c r="R16028" s="19"/>
      <c r="S16028" s="19"/>
      <c r="T16028" s="19">
        <v>80</v>
      </c>
      <c r="U16028" s="19"/>
      <c r="V16028" s="19"/>
      <c r="W16028" s="19"/>
      <c r="X16028" s="19">
        <v>1</v>
      </c>
      <c r="Y16028" s="19"/>
      <c r="Z16028" s="19"/>
      <c r="AA16028" s="19"/>
    </row>
    <row r="16029" spans="1:27" s="1" customFormat="1" ht="11.1" customHeight="1" outlineLevel="3" x14ac:dyDescent="0.2">
      <c r="A16029" s="17"/>
      <c r="B16029" s="17"/>
      <c r="C16029" s="17"/>
      <c r="D16029" s="18"/>
      <c r="E16029" s="18"/>
      <c r="F16029" s="18"/>
      <c r="G16029" s="18"/>
      <c r="H16029" s="18"/>
      <c r="I16029" s="18"/>
      <c r="J16029" s="18"/>
      <c r="K16029" s="18"/>
      <c r="L16029" s="18"/>
      <c r="M16029" s="18"/>
      <c r="N16029" s="18"/>
      <c r="O16029" s="18"/>
      <c r="P16029" s="19"/>
      <c r="Q16029" s="19"/>
      <c r="R16029" s="19"/>
      <c r="S16029" s="19"/>
      <c r="T16029" s="19"/>
      <c r="U16029" s="19"/>
      <c r="V16029" s="19"/>
      <c r="W16029" s="19"/>
      <c r="X16029" s="19"/>
      <c r="Y16029" s="19"/>
      <c r="Z16029" s="19"/>
      <c r="AA16029" s="19"/>
    </row>
    <row r="16030" spans="1:27" s="1" customFormat="1" ht="11.1" customHeight="1" outlineLevel="3" x14ac:dyDescent="0.2">
      <c r="A16030" s="17">
        <v>55</v>
      </c>
      <c r="B16030" s="17"/>
      <c r="C16030" s="17"/>
      <c r="D16030" s="18" t="s">
        <v>7929</v>
      </c>
      <c r="E16030" s="18"/>
      <c r="F16030" s="18"/>
      <c r="G16030" s="18"/>
      <c r="H16030" s="18"/>
      <c r="I16030" s="18"/>
      <c r="J16030" s="18"/>
      <c r="K16030" s="18"/>
      <c r="L16030" s="18"/>
      <c r="M16030" s="18"/>
      <c r="N16030" s="18"/>
      <c r="O16030" s="18"/>
      <c r="P16030" s="19">
        <v>150</v>
      </c>
      <c r="Q16030" s="19"/>
      <c r="R16030" s="19"/>
      <c r="S16030" s="19"/>
      <c r="T16030" s="19">
        <v>37</v>
      </c>
      <c r="U16030" s="19"/>
      <c r="V16030" s="19"/>
      <c r="W16030" s="19"/>
      <c r="X16030" s="19">
        <v>132</v>
      </c>
      <c r="Y16030" s="19"/>
      <c r="Z16030" s="19"/>
      <c r="AA16030" s="19"/>
    </row>
    <row r="16031" spans="1:27" s="1" customFormat="1" ht="11.1" customHeight="1" outlineLevel="3" x14ac:dyDescent="0.2">
      <c r="A16031" s="17"/>
      <c r="B16031" s="17"/>
      <c r="C16031" s="17"/>
      <c r="D16031" s="18"/>
      <c r="E16031" s="18"/>
      <c r="F16031" s="18"/>
      <c r="G16031" s="18"/>
      <c r="H16031" s="18"/>
      <c r="I16031" s="18"/>
      <c r="J16031" s="18"/>
      <c r="K16031" s="18"/>
      <c r="L16031" s="18"/>
      <c r="M16031" s="18"/>
      <c r="N16031" s="18"/>
      <c r="O16031" s="18"/>
      <c r="P16031" s="19"/>
      <c r="Q16031" s="19"/>
      <c r="R16031" s="19"/>
      <c r="S16031" s="19"/>
      <c r="T16031" s="19"/>
      <c r="U16031" s="19"/>
      <c r="V16031" s="19"/>
      <c r="W16031" s="19"/>
      <c r="X16031" s="19"/>
      <c r="Y16031" s="19"/>
      <c r="Z16031" s="19"/>
      <c r="AA16031" s="19"/>
    </row>
    <row r="16032" spans="1:27" s="1" customFormat="1" ht="11.1" customHeight="1" outlineLevel="3" x14ac:dyDescent="0.2">
      <c r="A16032" s="17">
        <v>17993</v>
      </c>
      <c r="B16032" s="17"/>
      <c r="C16032" s="17"/>
      <c r="D16032" s="18" t="s">
        <v>7930</v>
      </c>
      <c r="E16032" s="18"/>
      <c r="F16032" s="18"/>
      <c r="G16032" s="18"/>
      <c r="H16032" s="18"/>
      <c r="I16032" s="18"/>
      <c r="J16032" s="18"/>
      <c r="K16032" s="18"/>
      <c r="L16032" s="18"/>
      <c r="M16032" s="18"/>
      <c r="N16032" s="18"/>
      <c r="O16032" s="18"/>
      <c r="P16032" s="19">
        <v>390</v>
      </c>
      <c r="Q16032" s="19"/>
      <c r="R16032" s="19"/>
      <c r="S16032" s="19"/>
      <c r="T16032" s="19">
        <v>210</v>
      </c>
      <c r="U16032" s="19"/>
      <c r="V16032" s="19"/>
      <c r="W16032" s="19"/>
      <c r="X16032" s="19">
        <v>4</v>
      </c>
      <c r="Y16032" s="19"/>
      <c r="Z16032" s="19"/>
      <c r="AA16032" s="19"/>
    </row>
    <row r="16033" spans="1:27" s="1" customFormat="1" ht="11.1" customHeight="1" outlineLevel="3" x14ac:dyDescent="0.2">
      <c r="A16033" s="17"/>
      <c r="B16033" s="17"/>
      <c r="C16033" s="17"/>
      <c r="D16033" s="18"/>
      <c r="E16033" s="18"/>
      <c r="F16033" s="18"/>
      <c r="G16033" s="18"/>
      <c r="H16033" s="18"/>
      <c r="I16033" s="18"/>
      <c r="J16033" s="18"/>
      <c r="K16033" s="18"/>
      <c r="L16033" s="18"/>
      <c r="M16033" s="18"/>
      <c r="N16033" s="18"/>
      <c r="O16033" s="18"/>
      <c r="P16033" s="19"/>
      <c r="Q16033" s="19"/>
      <c r="R16033" s="19"/>
      <c r="S16033" s="19"/>
      <c r="T16033" s="19"/>
      <c r="U16033" s="19"/>
      <c r="V16033" s="19"/>
      <c r="W16033" s="19"/>
      <c r="X16033" s="19"/>
      <c r="Y16033" s="19"/>
      <c r="Z16033" s="19"/>
      <c r="AA16033" s="19"/>
    </row>
    <row r="16034" spans="1:27" s="1" customFormat="1" ht="14.1" customHeight="1" outlineLevel="3" x14ac:dyDescent="0.2">
      <c r="A16034" s="17">
        <v>9273</v>
      </c>
      <c r="B16034" s="17"/>
      <c r="C16034" s="17"/>
      <c r="D16034" s="18" t="s">
        <v>7931</v>
      </c>
      <c r="E16034" s="18"/>
      <c r="F16034" s="18"/>
      <c r="G16034" s="18"/>
      <c r="H16034" s="18"/>
      <c r="I16034" s="18"/>
      <c r="J16034" s="18"/>
      <c r="K16034" s="18"/>
      <c r="L16034" s="18"/>
      <c r="M16034" s="18"/>
      <c r="N16034" s="18"/>
      <c r="O16034" s="18"/>
      <c r="P16034" s="19">
        <v>230</v>
      </c>
      <c r="Q16034" s="19"/>
      <c r="R16034" s="19"/>
      <c r="S16034" s="19"/>
      <c r="T16034" s="19">
        <v>90</v>
      </c>
      <c r="U16034" s="19"/>
      <c r="V16034" s="19"/>
      <c r="W16034" s="19"/>
      <c r="X16034" s="19">
        <v>6</v>
      </c>
      <c r="Y16034" s="19"/>
      <c r="Z16034" s="19"/>
      <c r="AA16034" s="19"/>
    </row>
    <row r="16035" spans="1:27" s="1" customFormat="1" ht="14.1" customHeight="1" outlineLevel="3" x14ac:dyDescent="0.2">
      <c r="A16035" s="17"/>
      <c r="B16035" s="17"/>
      <c r="C16035" s="17"/>
      <c r="D16035" s="18"/>
      <c r="E16035" s="18"/>
      <c r="F16035" s="18"/>
      <c r="G16035" s="18"/>
      <c r="H16035" s="18"/>
      <c r="I16035" s="18"/>
      <c r="J16035" s="18"/>
      <c r="K16035" s="18"/>
      <c r="L16035" s="18"/>
      <c r="M16035" s="18"/>
      <c r="N16035" s="18"/>
      <c r="O16035" s="18"/>
      <c r="P16035" s="19"/>
      <c r="Q16035" s="19"/>
      <c r="R16035" s="19"/>
      <c r="S16035" s="19"/>
      <c r="T16035" s="19"/>
      <c r="U16035" s="19"/>
      <c r="V16035" s="19"/>
      <c r="W16035" s="19"/>
      <c r="X16035" s="19"/>
      <c r="Y16035" s="19"/>
      <c r="Z16035" s="19"/>
      <c r="AA16035" s="19"/>
    </row>
    <row r="16036" spans="1:27" s="1" customFormat="1" ht="14.1" customHeight="1" outlineLevel="3" x14ac:dyDescent="0.2">
      <c r="A16036" s="17">
        <v>13775</v>
      </c>
      <c r="B16036" s="17"/>
      <c r="C16036" s="17"/>
      <c r="D16036" s="18" t="s">
        <v>7932</v>
      </c>
      <c r="E16036" s="18"/>
      <c r="F16036" s="18"/>
      <c r="G16036" s="18"/>
      <c r="H16036" s="18"/>
      <c r="I16036" s="18"/>
      <c r="J16036" s="18"/>
      <c r="K16036" s="18"/>
      <c r="L16036" s="18"/>
      <c r="M16036" s="18"/>
      <c r="N16036" s="18"/>
      <c r="O16036" s="18"/>
      <c r="P16036" s="19">
        <v>290</v>
      </c>
      <c r="Q16036" s="19"/>
      <c r="R16036" s="19"/>
      <c r="S16036" s="19"/>
      <c r="T16036" s="19">
        <v>140</v>
      </c>
      <c r="U16036" s="19"/>
      <c r="V16036" s="19"/>
      <c r="W16036" s="19"/>
      <c r="X16036" s="19">
        <v>2</v>
      </c>
      <c r="Y16036" s="19"/>
      <c r="Z16036" s="19"/>
      <c r="AA16036" s="19"/>
    </row>
    <row r="16037" spans="1:27" s="1" customFormat="1" ht="14.1" customHeight="1" outlineLevel="3" x14ac:dyDescent="0.2">
      <c r="A16037" s="17"/>
      <c r="B16037" s="17"/>
      <c r="C16037" s="17"/>
      <c r="D16037" s="18"/>
      <c r="E16037" s="18"/>
      <c r="F16037" s="18"/>
      <c r="G16037" s="18"/>
      <c r="H16037" s="18"/>
      <c r="I16037" s="18"/>
      <c r="J16037" s="18"/>
      <c r="K16037" s="18"/>
      <c r="L16037" s="18"/>
      <c r="M16037" s="18"/>
      <c r="N16037" s="18"/>
      <c r="O16037" s="18"/>
      <c r="P16037" s="19"/>
      <c r="Q16037" s="19"/>
      <c r="R16037" s="19"/>
      <c r="S16037" s="19"/>
      <c r="T16037" s="19"/>
      <c r="U16037" s="19"/>
      <c r="V16037" s="19"/>
      <c r="W16037" s="19"/>
      <c r="X16037" s="19"/>
      <c r="Y16037" s="19"/>
      <c r="Z16037" s="19"/>
      <c r="AA16037" s="19"/>
    </row>
    <row r="16038" spans="1:27" s="1" customFormat="1" ht="11.1" customHeight="1" outlineLevel="3" x14ac:dyDescent="0.2">
      <c r="A16038" s="17">
        <v>58</v>
      </c>
      <c r="B16038" s="17"/>
      <c r="C16038" s="17"/>
      <c r="D16038" s="18" t="s">
        <v>7933</v>
      </c>
      <c r="E16038" s="18"/>
      <c r="F16038" s="18"/>
      <c r="G16038" s="18"/>
      <c r="H16038" s="18"/>
      <c r="I16038" s="18"/>
      <c r="J16038" s="18"/>
      <c r="K16038" s="18"/>
      <c r="L16038" s="18"/>
      <c r="M16038" s="18"/>
      <c r="N16038" s="18"/>
      <c r="O16038" s="18"/>
      <c r="P16038" s="19">
        <v>150</v>
      </c>
      <c r="Q16038" s="19"/>
      <c r="R16038" s="19"/>
      <c r="S16038" s="19"/>
      <c r="T16038" s="19">
        <v>90</v>
      </c>
      <c r="U16038" s="19"/>
      <c r="V16038" s="19"/>
      <c r="W16038" s="19"/>
      <c r="X16038" s="19">
        <v>8</v>
      </c>
      <c r="Y16038" s="19"/>
      <c r="Z16038" s="19"/>
      <c r="AA16038" s="19"/>
    </row>
    <row r="16039" spans="1:27" s="1" customFormat="1" ht="11.1" customHeight="1" outlineLevel="3" x14ac:dyDescent="0.2">
      <c r="A16039" s="17"/>
      <c r="B16039" s="17"/>
      <c r="C16039" s="17"/>
      <c r="D16039" s="18"/>
      <c r="E16039" s="18"/>
      <c r="F16039" s="18"/>
      <c r="G16039" s="18"/>
      <c r="H16039" s="18"/>
      <c r="I16039" s="18"/>
      <c r="J16039" s="18"/>
      <c r="K16039" s="18"/>
      <c r="L16039" s="18"/>
      <c r="M16039" s="18"/>
      <c r="N16039" s="18"/>
      <c r="O16039" s="18"/>
      <c r="P16039" s="19"/>
      <c r="Q16039" s="19"/>
      <c r="R16039" s="19"/>
      <c r="S16039" s="19"/>
      <c r="T16039" s="19"/>
      <c r="U16039" s="19"/>
      <c r="V16039" s="19"/>
      <c r="W16039" s="19"/>
      <c r="X16039" s="19"/>
      <c r="Y16039" s="19"/>
      <c r="Z16039" s="19"/>
      <c r="AA16039" s="19"/>
    </row>
    <row r="16040" spans="1:27" s="1" customFormat="1" ht="11.1" customHeight="1" outlineLevel="3" x14ac:dyDescent="0.2">
      <c r="A16040" s="17">
        <v>7245</v>
      </c>
      <c r="B16040" s="17"/>
      <c r="C16040" s="17"/>
      <c r="D16040" s="18" t="s">
        <v>7934</v>
      </c>
      <c r="E16040" s="18"/>
      <c r="F16040" s="18"/>
      <c r="G16040" s="18"/>
      <c r="H16040" s="18"/>
      <c r="I16040" s="18"/>
      <c r="J16040" s="18"/>
      <c r="K16040" s="18"/>
      <c r="L16040" s="18"/>
      <c r="M16040" s="18"/>
      <c r="N16040" s="18"/>
      <c r="O16040" s="18"/>
      <c r="P16040" s="19">
        <v>165</v>
      </c>
      <c r="Q16040" s="19"/>
      <c r="R16040" s="19"/>
      <c r="S16040" s="19"/>
      <c r="T16040" s="19">
        <v>65</v>
      </c>
      <c r="U16040" s="19"/>
      <c r="V16040" s="19"/>
      <c r="W16040" s="19"/>
      <c r="X16040" s="19">
        <v>16</v>
      </c>
      <c r="Y16040" s="19"/>
      <c r="Z16040" s="19"/>
      <c r="AA16040" s="19"/>
    </row>
    <row r="16041" spans="1:27" s="1" customFormat="1" ht="11.1" customHeight="1" outlineLevel="3" x14ac:dyDescent="0.2">
      <c r="A16041" s="17"/>
      <c r="B16041" s="17"/>
      <c r="C16041" s="17"/>
      <c r="D16041" s="18"/>
      <c r="E16041" s="18"/>
      <c r="F16041" s="18"/>
      <c r="G16041" s="18"/>
      <c r="H16041" s="18"/>
      <c r="I16041" s="18"/>
      <c r="J16041" s="18"/>
      <c r="K16041" s="18"/>
      <c r="L16041" s="18"/>
      <c r="M16041" s="18"/>
      <c r="N16041" s="18"/>
      <c r="O16041" s="18"/>
      <c r="P16041" s="19"/>
      <c r="Q16041" s="19"/>
      <c r="R16041" s="19"/>
      <c r="S16041" s="19"/>
      <c r="T16041" s="19"/>
      <c r="U16041" s="19"/>
      <c r="V16041" s="19"/>
      <c r="W16041" s="19"/>
      <c r="X16041" s="19"/>
      <c r="Y16041" s="19"/>
      <c r="Z16041" s="19"/>
      <c r="AA16041" s="19"/>
    </row>
    <row r="16042" spans="1:27" s="1" customFormat="1" ht="11.1" customHeight="1" outlineLevel="3" x14ac:dyDescent="0.2">
      <c r="A16042" s="17">
        <v>13765</v>
      </c>
      <c r="B16042" s="17"/>
      <c r="C16042" s="17"/>
      <c r="D16042" s="18" t="s">
        <v>7935</v>
      </c>
      <c r="E16042" s="18"/>
      <c r="F16042" s="18"/>
      <c r="G16042" s="18"/>
      <c r="H16042" s="18"/>
      <c r="I16042" s="18"/>
      <c r="J16042" s="18"/>
      <c r="K16042" s="18"/>
      <c r="L16042" s="18"/>
      <c r="M16042" s="18"/>
      <c r="N16042" s="18"/>
      <c r="O16042" s="18"/>
      <c r="P16042" s="19">
        <v>890</v>
      </c>
      <c r="Q16042" s="19"/>
      <c r="R16042" s="19"/>
      <c r="S16042" s="19"/>
      <c r="T16042" s="19">
        <v>730</v>
      </c>
      <c r="U16042" s="19"/>
      <c r="V16042" s="19"/>
      <c r="W16042" s="19"/>
      <c r="X16042" s="19">
        <v>1</v>
      </c>
      <c r="Y16042" s="19"/>
      <c r="Z16042" s="19"/>
      <c r="AA16042" s="19"/>
    </row>
    <row r="16043" spans="1:27" s="1" customFormat="1" ht="11.1" customHeight="1" outlineLevel="3" x14ac:dyDescent="0.2">
      <c r="A16043" s="17"/>
      <c r="B16043" s="17"/>
      <c r="C16043" s="17"/>
      <c r="D16043" s="18"/>
      <c r="E16043" s="18"/>
      <c r="F16043" s="18"/>
      <c r="G16043" s="18"/>
      <c r="H16043" s="18"/>
      <c r="I16043" s="18"/>
      <c r="J16043" s="18"/>
      <c r="K16043" s="18"/>
      <c r="L16043" s="18"/>
      <c r="M16043" s="18"/>
      <c r="N16043" s="18"/>
      <c r="O16043" s="18"/>
      <c r="P16043" s="19"/>
      <c r="Q16043" s="19"/>
      <c r="R16043" s="19"/>
      <c r="S16043" s="19"/>
      <c r="T16043" s="19"/>
      <c r="U16043" s="19"/>
      <c r="V16043" s="19"/>
      <c r="W16043" s="19"/>
      <c r="X16043" s="19"/>
      <c r="Y16043" s="19"/>
      <c r="Z16043" s="19"/>
      <c r="AA16043" s="19"/>
    </row>
    <row r="16044" spans="1:27" s="1" customFormat="1" ht="11.1" customHeight="1" outlineLevel="3" x14ac:dyDescent="0.2">
      <c r="A16044" s="17">
        <v>6468</v>
      </c>
      <c r="B16044" s="17"/>
      <c r="C16044" s="17"/>
      <c r="D16044" s="18" t="s">
        <v>7936</v>
      </c>
      <c r="E16044" s="18"/>
      <c r="F16044" s="18"/>
      <c r="G16044" s="18"/>
      <c r="H16044" s="18"/>
      <c r="I16044" s="18"/>
      <c r="J16044" s="18"/>
      <c r="K16044" s="18"/>
      <c r="L16044" s="18"/>
      <c r="M16044" s="18"/>
      <c r="N16044" s="18"/>
      <c r="O16044" s="18"/>
      <c r="P16044" s="19">
        <v>250</v>
      </c>
      <c r="Q16044" s="19"/>
      <c r="R16044" s="19"/>
      <c r="S16044" s="19"/>
      <c r="T16044" s="19">
        <v>100</v>
      </c>
      <c r="U16044" s="19"/>
      <c r="V16044" s="19"/>
      <c r="W16044" s="19"/>
      <c r="X16044" s="19">
        <v>11</v>
      </c>
      <c r="Y16044" s="19"/>
      <c r="Z16044" s="19"/>
      <c r="AA16044" s="19"/>
    </row>
    <row r="16045" spans="1:27" s="1" customFormat="1" ht="11.1" customHeight="1" outlineLevel="3" x14ac:dyDescent="0.2">
      <c r="A16045" s="17"/>
      <c r="B16045" s="17"/>
      <c r="C16045" s="17"/>
      <c r="D16045" s="18"/>
      <c r="E16045" s="18"/>
      <c r="F16045" s="18"/>
      <c r="G16045" s="18"/>
      <c r="H16045" s="18"/>
      <c r="I16045" s="18"/>
      <c r="J16045" s="18"/>
      <c r="K16045" s="18"/>
      <c r="L16045" s="18"/>
      <c r="M16045" s="18"/>
      <c r="N16045" s="18"/>
      <c r="O16045" s="18"/>
      <c r="P16045" s="19"/>
      <c r="Q16045" s="19"/>
      <c r="R16045" s="19"/>
      <c r="S16045" s="19"/>
      <c r="T16045" s="19"/>
      <c r="U16045" s="19"/>
      <c r="V16045" s="19"/>
      <c r="W16045" s="19"/>
      <c r="X16045" s="19"/>
      <c r="Y16045" s="19"/>
      <c r="Z16045" s="19"/>
      <c r="AA16045" s="19"/>
    </row>
    <row r="16046" spans="1:27" s="1" customFormat="1" ht="11.1" customHeight="1" outlineLevel="3" x14ac:dyDescent="0.2">
      <c r="A16046" s="17">
        <v>17979</v>
      </c>
      <c r="B16046" s="17"/>
      <c r="C16046" s="17"/>
      <c r="D16046" s="18" t="s">
        <v>7937</v>
      </c>
      <c r="E16046" s="18"/>
      <c r="F16046" s="18"/>
      <c r="G16046" s="18"/>
      <c r="H16046" s="18"/>
      <c r="I16046" s="18"/>
      <c r="J16046" s="18"/>
      <c r="K16046" s="18"/>
      <c r="L16046" s="18"/>
      <c r="M16046" s="18"/>
      <c r="N16046" s="18"/>
      <c r="O16046" s="18"/>
      <c r="P16046" s="19">
        <v>690</v>
      </c>
      <c r="Q16046" s="19"/>
      <c r="R16046" s="19"/>
      <c r="S16046" s="19"/>
      <c r="T16046" s="19">
        <v>400</v>
      </c>
      <c r="U16046" s="19"/>
      <c r="V16046" s="19"/>
      <c r="W16046" s="19"/>
      <c r="X16046" s="19">
        <v>2</v>
      </c>
      <c r="Y16046" s="19"/>
      <c r="Z16046" s="19"/>
      <c r="AA16046" s="19"/>
    </row>
    <row r="16047" spans="1:27" s="1" customFormat="1" ht="11.1" customHeight="1" outlineLevel="3" x14ac:dyDescent="0.2">
      <c r="A16047" s="17"/>
      <c r="B16047" s="17"/>
      <c r="C16047" s="17"/>
      <c r="D16047" s="18"/>
      <c r="E16047" s="18"/>
      <c r="F16047" s="18"/>
      <c r="G16047" s="18"/>
      <c r="H16047" s="18"/>
      <c r="I16047" s="18"/>
      <c r="J16047" s="18"/>
      <c r="K16047" s="18"/>
      <c r="L16047" s="18"/>
      <c r="M16047" s="18"/>
      <c r="N16047" s="18"/>
      <c r="O16047" s="18"/>
      <c r="P16047" s="19"/>
      <c r="Q16047" s="19"/>
      <c r="R16047" s="19"/>
      <c r="S16047" s="19"/>
      <c r="T16047" s="19"/>
      <c r="U16047" s="19"/>
      <c r="V16047" s="19"/>
      <c r="W16047" s="19"/>
      <c r="X16047" s="19"/>
      <c r="Y16047" s="19"/>
      <c r="Z16047" s="19"/>
      <c r="AA16047" s="19"/>
    </row>
    <row r="16048" spans="1:27" s="1" customFormat="1" ht="11.1" customHeight="1" outlineLevel="3" x14ac:dyDescent="0.2">
      <c r="A16048" s="17">
        <v>17303</v>
      </c>
      <c r="B16048" s="17"/>
      <c r="C16048" s="17"/>
      <c r="D16048" s="18" t="s">
        <v>7938</v>
      </c>
      <c r="E16048" s="18"/>
      <c r="F16048" s="18"/>
      <c r="G16048" s="18"/>
      <c r="H16048" s="18"/>
      <c r="I16048" s="18"/>
      <c r="J16048" s="18"/>
      <c r="K16048" s="18"/>
      <c r="L16048" s="18"/>
      <c r="M16048" s="18"/>
      <c r="N16048" s="18"/>
      <c r="O16048" s="18"/>
      <c r="P16048" s="19">
        <v>520</v>
      </c>
      <c r="Q16048" s="19"/>
      <c r="R16048" s="19"/>
      <c r="S16048" s="19"/>
      <c r="T16048" s="19">
        <v>340</v>
      </c>
      <c r="U16048" s="19"/>
      <c r="V16048" s="19"/>
      <c r="W16048" s="19"/>
      <c r="X16048" s="19">
        <v>9</v>
      </c>
      <c r="Y16048" s="19"/>
      <c r="Z16048" s="19"/>
      <c r="AA16048" s="19"/>
    </row>
    <row r="16049" spans="1:27" s="1" customFormat="1" ht="11.1" customHeight="1" outlineLevel="3" x14ac:dyDescent="0.2">
      <c r="A16049" s="17"/>
      <c r="B16049" s="17"/>
      <c r="C16049" s="17"/>
      <c r="D16049" s="18"/>
      <c r="E16049" s="18"/>
      <c r="F16049" s="18"/>
      <c r="G16049" s="18"/>
      <c r="H16049" s="18"/>
      <c r="I16049" s="18"/>
      <c r="J16049" s="18"/>
      <c r="K16049" s="18"/>
      <c r="L16049" s="18"/>
      <c r="M16049" s="18"/>
      <c r="N16049" s="18"/>
      <c r="O16049" s="18"/>
      <c r="P16049" s="19"/>
      <c r="Q16049" s="19"/>
      <c r="R16049" s="19"/>
      <c r="S16049" s="19"/>
      <c r="T16049" s="19"/>
      <c r="U16049" s="19"/>
      <c r="V16049" s="19"/>
      <c r="W16049" s="19"/>
      <c r="X16049" s="19"/>
      <c r="Y16049" s="19"/>
      <c r="Z16049" s="19"/>
      <c r="AA16049" s="19"/>
    </row>
    <row r="16050" spans="1:27" s="1" customFormat="1" ht="14.1" customHeight="1" outlineLevel="3" x14ac:dyDescent="0.2">
      <c r="A16050" s="17">
        <v>12771</v>
      </c>
      <c r="B16050" s="17"/>
      <c r="C16050" s="17"/>
      <c r="D16050" s="18" t="s">
        <v>7939</v>
      </c>
      <c r="E16050" s="18"/>
      <c r="F16050" s="18"/>
      <c r="G16050" s="18"/>
      <c r="H16050" s="18"/>
      <c r="I16050" s="18"/>
      <c r="J16050" s="18"/>
      <c r="K16050" s="18"/>
      <c r="L16050" s="18"/>
      <c r="M16050" s="18"/>
      <c r="N16050" s="18"/>
      <c r="O16050" s="18"/>
      <c r="P16050" s="19">
        <v>400</v>
      </c>
      <c r="Q16050" s="19"/>
      <c r="R16050" s="19"/>
      <c r="S16050" s="19"/>
      <c r="T16050" s="19">
        <v>180</v>
      </c>
      <c r="U16050" s="19"/>
      <c r="V16050" s="19"/>
      <c r="W16050" s="19"/>
      <c r="X16050" s="19">
        <v>1</v>
      </c>
      <c r="Y16050" s="19"/>
      <c r="Z16050" s="19"/>
      <c r="AA16050" s="19"/>
    </row>
    <row r="16051" spans="1:27" s="1" customFormat="1" ht="14.1" customHeight="1" outlineLevel="3" x14ac:dyDescent="0.2">
      <c r="A16051" s="17"/>
      <c r="B16051" s="17"/>
      <c r="C16051" s="17"/>
      <c r="D16051" s="18"/>
      <c r="E16051" s="18"/>
      <c r="F16051" s="18"/>
      <c r="G16051" s="18"/>
      <c r="H16051" s="18"/>
      <c r="I16051" s="18"/>
      <c r="J16051" s="18"/>
      <c r="K16051" s="18"/>
      <c r="L16051" s="18"/>
      <c r="M16051" s="18"/>
      <c r="N16051" s="18"/>
      <c r="O16051" s="18"/>
      <c r="P16051" s="19"/>
      <c r="Q16051" s="19"/>
      <c r="R16051" s="19"/>
      <c r="S16051" s="19"/>
      <c r="T16051" s="19"/>
      <c r="U16051" s="19"/>
      <c r="V16051" s="19"/>
      <c r="W16051" s="19"/>
      <c r="X16051" s="19"/>
      <c r="Y16051" s="19"/>
      <c r="Z16051" s="19"/>
      <c r="AA16051" s="19"/>
    </row>
    <row r="16052" spans="1:27" s="1" customFormat="1" ht="11.1" customHeight="1" outlineLevel="3" x14ac:dyDescent="0.2">
      <c r="A16052" s="17">
        <v>6964</v>
      </c>
      <c r="B16052" s="17"/>
      <c r="C16052" s="17"/>
      <c r="D16052" s="18" t="s">
        <v>7940</v>
      </c>
      <c r="E16052" s="18"/>
      <c r="F16052" s="18"/>
      <c r="G16052" s="18"/>
      <c r="H16052" s="18"/>
      <c r="I16052" s="18"/>
      <c r="J16052" s="18"/>
      <c r="K16052" s="18"/>
      <c r="L16052" s="18"/>
      <c r="M16052" s="18"/>
      <c r="N16052" s="18"/>
      <c r="O16052" s="18"/>
      <c r="P16052" s="19">
        <v>350</v>
      </c>
      <c r="Q16052" s="19"/>
      <c r="R16052" s="19"/>
      <c r="S16052" s="19"/>
      <c r="T16052" s="19">
        <v>230</v>
      </c>
      <c r="U16052" s="19"/>
      <c r="V16052" s="19"/>
      <c r="W16052" s="19"/>
      <c r="X16052" s="19">
        <v>4</v>
      </c>
      <c r="Y16052" s="19"/>
      <c r="Z16052" s="19"/>
      <c r="AA16052" s="19"/>
    </row>
    <row r="16053" spans="1:27" s="1" customFormat="1" ht="11.1" customHeight="1" outlineLevel="3" x14ac:dyDescent="0.2">
      <c r="A16053" s="17"/>
      <c r="B16053" s="17"/>
      <c r="C16053" s="17"/>
      <c r="D16053" s="18"/>
      <c r="E16053" s="18"/>
      <c r="F16053" s="18"/>
      <c r="G16053" s="18"/>
      <c r="H16053" s="18"/>
      <c r="I16053" s="18"/>
      <c r="J16053" s="18"/>
      <c r="K16053" s="18"/>
      <c r="L16053" s="18"/>
      <c r="M16053" s="18"/>
      <c r="N16053" s="18"/>
      <c r="O16053" s="18"/>
      <c r="P16053" s="19"/>
      <c r="Q16053" s="19"/>
      <c r="R16053" s="19"/>
      <c r="S16053" s="19"/>
      <c r="T16053" s="19"/>
      <c r="U16053" s="19"/>
      <c r="V16053" s="19"/>
      <c r="W16053" s="19"/>
      <c r="X16053" s="19"/>
      <c r="Y16053" s="19"/>
      <c r="Z16053" s="19"/>
      <c r="AA16053" s="19"/>
    </row>
    <row r="16054" spans="1:27" s="1" customFormat="1" ht="11.1" customHeight="1" outlineLevel="3" x14ac:dyDescent="0.2">
      <c r="A16054" s="17">
        <v>6965</v>
      </c>
      <c r="B16054" s="17"/>
      <c r="C16054" s="17"/>
      <c r="D16054" s="18" t="s">
        <v>7941</v>
      </c>
      <c r="E16054" s="18"/>
      <c r="F16054" s="18"/>
      <c r="G16054" s="18"/>
      <c r="H16054" s="18"/>
      <c r="I16054" s="18"/>
      <c r="J16054" s="18"/>
      <c r="K16054" s="18"/>
      <c r="L16054" s="18"/>
      <c r="M16054" s="18"/>
      <c r="N16054" s="18"/>
      <c r="O16054" s="18"/>
      <c r="P16054" s="19">
        <v>450</v>
      </c>
      <c r="Q16054" s="19"/>
      <c r="R16054" s="19"/>
      <c r="S16054" s="19"/>
      <c r="T16054" s="19">
        <v>240</v>
      </c>
      <c r="U16054" s="19"/>
      <c r="V16054" s="19"/>
      <c r="W16054" s="19"/>
      <c r="X16054" s="19">
        <v>2</v>
      </c>
      <c r="Y16054" s="19"/>
      <c r="Z16054" s="19"/>
      <c r="AA16054" s="19"/>
    </row>
    <row r="16055" spans="1:27" s="1" customFormat="1" ht="11.1" customHeight="1" outlineLevel="3" x14ac:dyDescent="0.2">
      <c r="A16055" s="17"/>
      <c r="B16055" s="17"/>
      <c r="C16055" s="17"/>
      <c r="D16055" s="18"/>
      <c r="E16055" s="18"/>
      <c r="F16055" s="18"/>
      <c r="G16055" s="18"/>
      <c r="H16055" s="18"/>
      <c r="I16055" s="18"/>
      <c r="J16055" s="18"/>
      <c r="K16055" s="18"/>
      <c r="L16055" s="18"/>
      <c r="M16055" s="18"/>
      <c r="N16055" s="18"/>
      <c r="O16055" s="18"/>
      <c r="P16055" s="19"/>
      <c r="Q16055" s="19"/>
      <c r="R16055" s="19"/>
      <c r="S16055" s="19"/>
      <c r="T16055" s="19"/>
      <c r="U16055" s="19"/>
      <c r="V16055" s="19"/>
      <c r="W16055" s="19"/>
      <c r="X16055" s="19"/>
      <c r="Y16055" s="19"/>
      <c r="Z16055" s="19"/>
      <c r="AA16055" s="19"/>
    </row>
    <row r="16056" spans="1:27" s="1" customFormat="1" ht="11.1" customHeight="1" outlineLevel="3" x14ac:dyDescent="0.2">
      <c r="A16056" s="17">
        <v>14970</v>
      </c>
      <c r="B16056" s="17"/>
      <c r="C16056" s="17"/>
      <c r="D16056" s="18" t="s">
        <v>7942</v>
      </c>
      <c r="E16056" s="18"/>
      <c r="F16056" s="18"/>
      <c r="G16056" s="18"/>
      <c r="H16056" s="18"/>
      <c r="I16056" s="18"/>
      <c r="J16056" s="18"/>
      <c r="K16056" s="18"/>
      <c r="L16056" s="18"/>
      <c r="M16056" s="18"/>
      <c r="N16056" s="18"/>
      <c r="O16056" s="18"/>
      <c r="P16056" s="19">
        <v>350</v>
      </c>
      <c r="Q16056" s="19"/>
      <c r="R16056" s="19"/>
      <c r="S16056" s="19"/>
      <c r="T16056" s="19">
        <v>200</v>
      </c>
      <c r="U16056" s="19"/>
      <c r="V16056" s="19"/>
      <c r="W16056" s="19"/>
      <c r="X16056" s="19">
        <v>7</v>
      </c>
      <c r="Y16056" s="19"/>
      <c r="Z16056" s="19"/>
      <c r="AA16056" s="19"/>
    </row>
    <row r="16057" spans="1:27" s="1" customFormat="1" ht="11.1" customHeight="1" outlineLevel="3" x14ac:dyDescent="0.2">
      <c r="A16057" s="17"/>
      <c r="B16057" s="17"/>
      <c r="C16057" s="17"/>
      <c r="D16057" s="18"/>
      <c r="E16057" s="18"/>
      <c r="F16057" s="18"/>
      <c r="G16057" s="18"/>
      <c r="H16057" s="18"/>
      <c r="I16057" s="18"/>
      <c r="J16057" s="18"/>
      <c r="K16057" s="18"/>
      <c r="L16057" s="18"/>
      <c r="M16057" s="18"/>
      <c r="N16057" s="18"/>
      <c r="O16057" s="18"/>
      <c r="P16057" s="19"/>
      <c r="Q16057" s="19"/>
      <c r="R16057" s="19"/>
      <c r="S16057" s="19"/>
      <c r="T16057" s="19"/>
      <c r="U16057" s="19"/>
      <c r="V16057" s="19"/>
      <c r="W16057" s="19"/>
      <c r="X16057" s="19"/>
      <c r="Y16057" s="19"/>
      <c r="Z16057" s="19"/>
      <c r="AA16057" s="19"/>
    </row>
    <row r="16058" spans="1:27" s="1" customFormat="1" ht="11.1" customHeight="1" outlineLevel="3" x14ac:dyDescent="0.2">
      <c r="A16058" s="17">
        <v>16281</v>
      </c>
      <c r="B16058" s="17"/>
      <c r="C16058" s="17"/>
      <c r="D16058" s="18" t="s">
        <v>7943</v>
      </c>
      <c r="E16058" s="18"/>
      <c r="F16058" s="18"/>
      <c r="G16058" s="18"/>
      <c r="H16058" s="18"/>
      <c r="I16058" s="18"/>
      <c r="J16058" s="18"/>
      <c r="K16058" s="18"/>
      <c r="L16058" s="18"/>
      <c r="M16058" s="18"/>
      <c r="N16058" s="18"/>
      <c r="O16058" s="18"/>
      <c r="P16058" s="19">
        <v>650</v>
      </c>
      <c r="Q16058" s="19"/>
      <c r="R16058" s="19"/>
      <c r="S16058" s="19"/>
      <c r="T16058" s="19">
        <v>350</v>
      </c>
      <c r="U16058" s="19"/>
      <c r="V16058" s="19"/>
      <c r="W16058" s="19"/>
      <c r="X16058" s="19">
        <v>1</v>
      </c>
      <c r="Y16058" s="19"/>
      <c r="Z16058" s="19"/>
      <c r="AA16058" s="19"/>
    </row>
    <row r="16059" spans="1:27" s="1" customFormat="1" ht="11.1" customHeight="1" outlineLevel="3" x14ac:dyDescent="0.2">
      <c r="A16059" s="17"/>
      <c r="B16059" s="17"/>
      <c r="C16059" s="17"/>
      <c r="D16059" s="18"/>
      <c r="E16059" s="18"/>
      <c r="F16059" s="18"/>
      <c r="G16059" s="18"/>
      <c r="H16059" s="18"/>
      <c r="I16059" s="18"/>
      <c r="J16059" s="18"/>
      <c r="K16059" s="18"/>
      <c r="L16059" s="18"/>
      <c r="M16059" s="18"/>
      <c r="N16059" s="18"/>
      <c r="O16059" s="18"/>
      <c r="P16059" s="19"/>
      <c r="Q16059" s="19"/>
      <c r="R16059" s="19"/>
      <c r="S16059" s="19"/>
      <c r="T16059" s="19"/>
      <c r="U16059" s="19"/>
      <c r="V16059" s="19"/>
      <c r="W16059" s="19"/>
      <c r="X16059" s="19"/>
      <c r="Y16059" s="19"/>
      <c r="Z16059" s="19"/>
      <c r="AA16059" s="19"/>
    </row>
    <row r="16060" spans="1:27" s="1" customFormat="1" ht="11.1" customHeight="1" outlineLevel="3" x14ac:dyDescent="0.2">
      <c r="A16060" s="17">
        <v>15725</v>
      </c>
      <c r="B16060" s="17"/>
      <c r="C16060" s="17"/>
      <c r="D16060" s="18" t="s">
        <v>7944</v>
      </c>
      <c r="E16060" s="18"/>
      <c r="F16060" s="18"/>
      <c r="G16060" s="18"/>
      <c r="H16060" s="18"/>
      <c r="I16060" s="18"/>
      <c r="J16060" s="18"/>
      <c r="K16060" s="18"/>
      <c r="L16060" s="18"/>
      <c r="M16060" s="18"/>
      <c r="N16060" s="18"/>
      <c r="O16060" s="18"/>
      <c r="P16060" s="19">
        <v>650</v>
      </c>
      <c r="Q16060" s="19"/>
      <c r="R16060" s="19"/>
      <c r="S16060" s="19"/>
      <c r="T16060" s="19">
        <v>350</v>
      </c>
      <c r="U16060" s="19"/>
      <c r="V16060" s="19"/>
      <c r="W16060" s="19"/>
      <c r="X16060" s="19">
        <v>1</v>
      </c>
      <c r="Y16060" s="19"/>
      <c r="Z16060" s="19"/>
      <c r="AA16060" s="19"/>
    </row>
    <row r="16061" spans="1:27" s="1" customFormat="1" ht="11.1" customHeight="1" outlineLevel="3" x14ac:dyDescent="0.2">
      <c r="A16061" s="17"/>
      <c r="B16061" s="17"/>
      <c r="C16061" s="17"/>
      <c r="D16061" s="18"/>
      <c r="E16061" s="18"/>
      <c r="F16061" s="18"/>
      <c r="G16061" s="18"/>
      <c r="H16061" s="18"/>
      <c r="I16061" s="18"/>
      <c r="J16061" s="18"/>
      <c r="K16061" s="18"/>
      <c r="L16061" s="18"/>
      <c r="M16061" s="18"/>
      <c r="N16061" s="18"/>
      <c r="O16061" s="18"/>
      <c r="P16061" s="19"/>
      <c r="Q16061" s="19"/>
      <c r="R16061" s="19"/>
      <c r="S16061" s="19"/>
      <c r="T16061" s="19"/>
      <c r="U16061" s="19"/>
      <c r="V16061" s="19"/>
      <c r="W16061" s="19"/>
      <c r="X16061" s="19"/>
      <c r="Y16061" s="19"/>
      <c r="Z16061" s="19"/>
      <c r="AA16061" s="19"/>
    </row>
    <row r="16062" spans="1:27" s="1" customFormat="1" ht="11.1" customHeight="1" outlineLevel="3" x14ac:dyDescent="0.2">
      <c r="A16062" s="17">
        <v>14398</v>
      </c>
      <c r="B16062" s="17"/>
      <c r="C16062" s="17"/>
      <c r="D16062" s="18" t="s">
        <v>7945</v>
      </c>
      <c r="E16062" s="18"/>
      <c r="F16062" s="18"/>
      <c r="G16062" s="18"/>
      <c r="H16062" s="18"/>
      <c r="I16062" s="18"/>
      <c r="J16062" s="18"/>
      <c r="K16062" s="18"/>
      <c r="L16062" s="18"/>
      <c r="M16062" s="18"/>
      <c r="N16062" s="18"/>
      <c r="O16062" s="18"/>
      <c r="P16062" s="19">
        <v>280</v>
      </c>
      <c r="Q16062" s="19"/>
      <c r="R16062" s="19"/>
      <c r="S16062" s="19"/>
      <c r="T16062" s="19">
        <v>165</v>
      </c>
      <c r="U16062" s="19"/>
      <c r="V16062" s="19"/>
      <c r="W16062" s="19"/>
      <c r="X16062" s="19">
        <v>1</v>
      </c>
      <c r="Y16062" s="19"/>
      <c r="Z16062" s="19"/>
      <c r="AA16062" s="19"/>
    </row>
    <row r="16063" spans="1:27" s="1" customFormat="1" ht="11.1" customHeight="1" outlineLevel="3" x14ac:dyDescent="0.2">
      <c r="A16063" s="17"/>
      <c r="B16063" s="17"/>
      <c r="C16063" s="17"/>
      <c r="D16063" s="18"/>
      <c r="E16063" s="18"/>
      <c r="F16063" s="18"/>
      <c r="G16063" s="18"/>
      <c r="H16063" s="18"/>
      <c r="I16063" s="18"/>
      <c r="J16063" s="18"/>
      <c r="K16063" s="18"/>
      <c r="L16063" s="18"/>
      <c r="M16063" s="18"/>
      <c r="N16063" s="18"/>
      <c r="O16063" s="18"/>
      <c r="P16063" s="19"/>
      <c r="Q16063" s="19"/>
      <c r="R16063" s="19"/>
      <c r="S16063" s="19"/>
      <c r="T16063" s="19"/>
      <c r="U16063" s="19"/>
      <c r="V16063" s="19"/>
      <c r="W16063" s="19"/>
      <c r="X16063" s="19"/>
      <c r="Y16063" s="19"/>
      <c r="Z16063" s="19"/>
      <c r="AA16063" s="19"/>
    </row>
    <row r="16064" spans="1:27" s="1" customFormat="1" ht="14.1" customHeight="1" outlineLevel="3" x14ac:dyDescent="0.2">
      <c r="A16064" s="17">
        <v>14531</v>
      </c>
      <c r="B16064" s="17"/>
      <c r="C16064" s="17"/>
      <c r="D16064" s="18" t="s">
        <v>7946</v>
      </c>
      <c r="E16064" s="18"/>
      <c r="F16064" s="18"/>
      <c r="G16064" s="18"/>
      <c r="H16064" s="18"/>
      <c r="I16064" s="18"/>
      <c r="J16064" s="18"/>
      <c r="K16064" s="18"/>
      <c r="L16064" s="18"/>
      <c r="M16064" s="18"/>
      <c r="N16064" s="18"/>
      <c r="O16064" s="18"/>
      <c r="P16064" s="19">
        <v>300</v>
      </c>
      <c r="Q16064" s="19"/>
      <c r="R16064" s="19"/>
      <c r="S16064" s="19"/>
      <c r="T16064" s="19">
        <v>140</v>
      </c>
      <c r="U16064" s="19"/>
      <c r="V16064" s="19"/>
      <c r="W16064" s="19"/>
      <c r="X16064" s="19">
        <v>1</v>
      </c>
      <c r="Y16064" s="19"/>
      <c r="Z16064" s="19"/>
      <c r="AA16064" s="19"/>
    </row>
    <row r="16065" spans="1:27" s="1" customFormat="1" ht="14.1" customHeight="1" outlineLevel="3" x14ac:dyDescent="0.2">
      <c r="A16065" s="17"/>
      <c r="B16065" s="17"/>
      <c r="C16065" s="17"/>
      <c r="D16065" s="18"/>
      <c r="E16065" s="18"/>
      <c r="F16065" s="18"/>
      <c r="G16065" s="18"/>
      <c r="H16065" s="18"/>
      <c r="I16065" s="18"/>
      <c r="J16065" s="18"/>
      <c r="K16065" s="18"/>
      <c r="L16065" s="18"/>
      <c r="M16065" s="18"/>
      <c r="N16065" s="18"/>
      <c r="O16065" s="18"/>
      <c r="P16065" s="19"/>
      <c r="Q16065" s="19"/>
      <c r="R16065" s="19"/>
      <c r="S16065" s="19"/>
      <c r="T16065" s="19"/>
      <c r="U16065" s="19"/>
      <c r="V16065" s="19"/>
      <c r="W16065" s="19"/>
      <c r="X16065" s="19"/>
      <c r="Y16065" s="19"/>
      <c r="Z16065" s="19"/>
      <c r="AA16065" s="19"/>
    </row>
    <row r="16066" spans="1:27" s="1" customFormat="1" ht="11.1" customHeight="1" outlineLevel="3" x14ac:dyDescent="0.2">
      <c r="A16066" s="17">
        <v>13777</v>
      </c>
      <c r="B16066" s="17"/>
      <c r="C16066" s="17"/>
      <c r="D16066" s="18" t="s">
        <v>7947</v>
      </c>
      <c r="E16066" s="18"/>
      <c r="F16066" s="18"/>
      <c r="G16066" s="18"/>
      <c r="H16066" s="18"/>
      <c r="I16066" s="18"/>
      <c r="J16066" s="18"/>
      <c r="K16066" s="18"/>
      <c r="L16066" s="18"/>
      <c r="M16066" s="18"/>
      <c r="N16066" s="18"/>
      <c r="O16066" s="18"/>
      <c r="P16066" s="19">
        <v>350</v>
      </c>
      <c r="Q16066" s="19"/>
      <c r="R16066" s="19"/>
      <c r="S16066" s="19"/>
      <c r="T16066" s="19">
        <v>160</v>
      </c>
      <c r="U16066" s="19"/>
      <c r="V16066" s="19"/>
      <c r="W16066" s="19"/>
      <c r="X16066" s="19">
        <v>3</v>
      </c>
      <c r="Y16066" s="19"/>
      <c r="Z16066" s="19"/>
      <c r="AA16066" s="19"/>
    </row>
    <row r="16067" spans="1:27" s="1" customFormat="1" ht="11.1" customHeight="1" outlineLevel="3" x14ac:dyDescent="0.2">
      <c r="A16067" s="17"/>
      <c r="B16067" s="17"/>
      <c r="C16067" s="17"/>
      <c r="D16067" s="18"/>
      <c r="E16067" s="18"/>
      <c r="F16067" s="18"/>
      <c r="G16067" s="18"/>
      <c r="H16067" s="18"/>
      <c r="I16067" s="18"/>
      <c r="J16067" s="18"/>
      <c r="K16067" s="18"/>
      <c r="L16067" s="18"/>
      <c r="M16067" s="18"/>
      <c r="N16067" s="18"/>
      <c r="O16067" s="18"/>
      <c r="P16067" s="19"/>
      <c r="Q16067" s="19"/>
      <c r="R16067" s="19"/>
      <c r="S16067" s="19"/>
      <c r="T16067" s="19"/>
      <c r="U16067" s="19"/>
      <c r="V16067" s="19"/>
      <c r="W16067" s="19"/>
      <c r="X16067" s="19"/>
      <c r="Y16067" s="19"/>
      <c r="Z16067" s="19"/>
      <c r="AA16067" s="19"/>
    </row>
    <row r="16068" spans="1:27" s="1" customFormat="1" ht="11.1" customHeight="1" outlineLevel="3" x14ac:dyDescent="0.2">
      <c r="A16068" s="17">
        <v>15723</v>
      </c>
      <c r="B16068" s="17"/>
      <c r="C16068" s="17"/>
      <c r="D16068" s="18" t="s">
        <v>7948</v>
      </c>
      <c r="E16068" s="18"/>
      <c r="F16068" s="18"/>
      <c r="G16068" s="18"/>
      <c r="H16068" s="18"/>
      <c r="I16068" s="18"/>
      <c r="J16068" s="18"/>
      <c r="K16068" s="18"/>
      <c r="L16068" s="18"/>
      <c r="M16068" s="18"/>
      <c r="N16068" s="18"/>
      <c r="O16068" s="18"/>
      <c r="P16068" s="19">
        <v>300</v>
      </c>
      <c r="Q16068" s="19"/>
      <c r="R16068" s="19"/>
      <c r="S16068" s="19"/>
      <c r="T16068" s="19">
        <v>160</v>
      </c>
      <c r="U16068" s="19"/>
      <c r="V16068" s="19"/>
      <c r="W16068" s="19"/>
      <c r="X16068" s="19">
        <v>20</v>
      </c>
      <c r="Y16068" s="19"/>
      <c r="Z16068" s="19"/>
      <c r="AA16068" s="19"/>
    </row>
    <row r="16069" spans="1:27" s="1" customFormat="1" ht="11.1" customHeight="1" outlineLevel="3" x14ac:dyDescent="0.2">
      <c r="A16069" s="17"/>
      <c r="B16069" s="17"/>
      <c r="C16069" s="17"/>
      <c r="D16069" s="18"/>
      <c r="E16069" s="18"/>
      <c r="F16069" s="18"/>
      <c r="G16069" s="18"/>
      <c r="H16069" s="18"/>
      <c r="I16069" s="18"/>
      <c r="J16069" s="18"/>
      <c r="K16069" s="18"/>
      <c r="L16069" s="18"/>
      <c r="M16069" s="18"/>
      <c r="N16069" s="18"/>
      <c r="O16069" s="18"/>
      <c r="P16069" s="19"/>
      <c r="Q16069" s="19"/>
      <c r="R16069" s="19"/>
      <c r="S16069" s="19"/>
      <c r="T16069" s="19"/>
      <c r="U16069" s="19"/>
      <c r="V16069" s="19"/>
      <c r="W16069" s="19"/>
      <c r="X16069" s="19"/>
      <c r="Y16069" s="19"/>
      <c r="Z16069" s="19"/>
      <c r="AA16069" s="19"/>
    </row>
    <row r="16070" spans="1:27" s="1" customFormat="1" ht="11.1" customHeight="1" outlineLevel="3" x14ac:dyDescent="0.2">
      <c r="A16070" s="17">
        <v>16486</v>
      </c>
      <c r="B16070" s="17"/>
      <c r="C16070" s="17"/>
      <c r="D16070" s="18" t="s">
        <v>7949</v>
      </c>
      <c r="E16070" s="18"/>
      <c r="F16070" s="18"/>
      <c r="G16070" s="18"/>
      <c r="H16070" s="18"/>
      <c r="I16070" s="18"/>
      <c r="J16070" s="18"/>
      <c r="K16070" s="18"/>
      <c r="L16070" s="18"/>
      <c r="M16070" s="18"/>
      <c r="N16070" s="18"/>
      <c r="O16070" s="18"/>
      <c r="P16070" s="19">
        <v>300</v>
      </c>
      <c r="Q16070" s="19"/>
      <c r="R16070" s="19"/>
      <c r="S16070" s="19"/>
      <c r="T16070" s="19">
        <v>220</v>
      </c>
      <c r="U16070" s="19"/>
      <c r="V16070" s="19"/>
      <c r="W16070" s="19"/>
      <c r="X16070" s="19">
        <v>1</v>
      </c>
      <c r="Y16070" s="19"/>
      <c r="Z16070" s="19"/>
      <c r="AA16070" s="19"/>
    </row>
    <row r="16071" spans="1:27" s="1" customFormat="1" ht="11.1" customHeight="1" outlineLevel="3" x14ac:dyDescent="0.2">
      <c r="A16071" s="17"/>
      <c r="B16071" s="17"/>
      <c r="C16071" s="17"/>
      <c r="D16071" s="18"/>
      <c r="E16071" s="18"/>
      <c r="F16071" s="18"/>
      <c r="G16071" s="18"/>
      <c r="H16071" s="18"/>
      <c r="I16071" s="18"/>
      <c r="J16071" s="18"/>
      <c r="K16071" s="18"/>
      <c r="L16071" s="18"/>
      <c r="M16071" s="18"/>
      <c r="N16071" s="18"/>
      <c r="O16071" s="18"/>
      <c r="P16071" s="19"/>
      <c r="Q16071" s="19"/>
      <c r="R16071" s="19"/>
      <c r="S16071" s="19"/>
      <c r="T16071" s="19"/>
      <c r="U16071" s="19"/>
      <c r="V16071" s="19"/>
      <c r="W16071" s="19"/>
      <c r="X16071" s="19"/>
      <c r="Y16071" s="19"/>
      <c r="Z16071" s="19"/>
      <c r="AA16071" s="19"/>
    </row>
    <row r="16072" spans="1:27" s="1" customFormat="1" ht="11.1" customHeight="1" outlineLevel="3" x14ac:dyDescent="0.2">
      <c r="A16072" s="17">
        <v>14971</v>
      </c>
      <c r="B16072" s="17"/>
      <c r="C16072" s="17"/>
      <c r="D16072" s="18" t="s">
        <v>7950</v>
      </c>
      <c r="E16072" s="18"/>
      <c r="F16072" s="18"/>
      <c r="G16072" s="18"/>
      <c r="H16072" s="18"/>
      <c r="I16072" s="18"/>
      <c r="J16072" s="18"/>
      <c r="K16072" s="18"/>
      <c r="L16072" s="18"/>
      <c r="M16072" s="18"/>
      <c r="N16072" s="18"/>
      <c r="O16072" s="18"/>
      <c r="P16072" s="19">
        <v>390</v>
      </c>
      <c r="Q16072" s="19"/>
      <c r="R16072" s="19"/>
      <c r="S16072" s="19"/>
      <c r="T16072" s="19">
        <v>250</v>
      </c>
      <c r="U16072" s="19"/>
      <c r="V16072" s="19"/>
      <c r="W16072" s="19"/>
      <c r="X16072" s="19">
        <v>11</v>
      </c>
      <c r="Y16072" s="19"/>
      <c r="Z16072" s="19"/>
      <c r="AA16072" s="19"/>
    </row>
    <row r="16073" spans="1:27" s="1" customFormat="1" ht="11.1" customHeight="1" outlineLevel="3" x14ac:dyDescent="0.2">
      <c r="A16073" s="17"/>
      <c r="B16073" s="17"/>
      <c r="C16073" s="17"/>
      <c r="D16073" s="18"/>
      <c r="E16073" s="18"/>
      <c r="F16073" s="18"/>
      <c r="G16073" s="18"/>
      <c r="H16073" s="18"/>
      <c r="I16073" s="18"/>
      <c r="J16073" s="18"/>
      <c r="K16073" s="18"/>
      <c r="L16073" s="18"/>
      <c r="M16073" s="18"/>
      <c r="N16073" s="18"/>
      <c r="O16073" s="18"/>
      <c r="P16073" s="19"/>
      <c r="Q16073" s="19"/>
      <c r="R16073" s="19"/>
      <c r="S16073" s="19"/>
      <c r="T16073" s="19"/>
      <c r="U16073" s="19"/>
      <c r="V16073" s="19"/>
      <c r="W16073" s="19"/>
      <c r="X16073" s="19"/>
      <c r="Y16073" s="19"/>
      <c r="Z16073" s="19"/>
      <c r="AA16073" s="19"/>
    </row>
    <row r="16074" spans="1:27" s="1" customFormat="1" ht="14.1" customHeight="1" outlineLevel="3" x14ac:dyDescent="0.2">
      <c r="A16074" s="17">
        <v>16330</v>
      </c>
      <c r="B16074" s="17"/>
      <c r="C16074" s="17"/>
      <c r="D16074" s="18" t="s">
        <v>7951</v>
      </c>
      <c r="E16074" s="18"/>
      <c r="F16074" s="18"/>
      <c r="G16074" s="18"/>
      <c r="H16074" s="18"/>
      <c r="I16074" s="18"/>
      <c r="J16074" s="18"/>
      <c r="K16074" s="18"/>
      <c r="L16074" s="18"/>
      <c r="M16074" s="18"/>
      <c r="N16074" s="18"/>
      <c r="O16074" s="18"/>
      <c r="P16074" s="19">
        <v>490</v>
      </c>
      <c r="Q16074" s="19"/>
      <c r="R16074" s="19"/>
      <c r="S16074" s="19"/>
      <c r="T16074" s="19">
        <v>270</v>
      </c>
      <c r="U16074" s="19"/>
      <c r="V16074" s="19"/>
      <c r="W16074" s="19"/>
      <c r="X16074" s="19">
        <v>6</v>
      </c>
      <c r="Y16074" s="19"/>
      <c r="Z16074" s="19"/>
      <c r="AA16074" s="19"/>
    </row>
    <row r="16075" spans="1:27" s="1" customFormat="1" ht="14.1" customHeight="1" outlineLevel="3" x14ac:dyDescent="0.2">
      <c r="A16075" s="17"/>
      <c r="B16075" s="17"/>
      <c r="C16075" s="17"/>
      <c r="D16075" s="18"/>
      <c r="E16075" s="18"/>
      <c r="F16075" s="18"/>
      <c r="G16075" s="18"/>
      <c r="H16075" s="18"/>
      <c r="I16075" s="18"/>
      <c r="J16075" s="18"/>
      <c r="K16075" s="18"/>
      <c r="L16075" s="18"/>
      <c r="M16075" s="18"/>
      <c r="N16075" s="18"/>
      <c r="O16075" s="18"/>
      <c r="P16075" s="19"/>
      <c r="Q16075" s="19"/>
      <c r="R16075" s="19"/>
      <c r="S16075" s="19"/>
      <c r="T16075" s="19"/>
      <c r="U16075" s="19"/>
      <c r="V16075" s="19"/>
      <c r="W16075" s="19"/>
      <c r="X16075" s="19"/>
      <c r="Y16075" s="19"/>
      <c r="Z16075" s="19"/>
      <c r="AA16075" s="19"/>
    </row>
    <row r="16076" spans="1:27" s="1" customFormat="1" ht="14.1" customHeight="1" outlineLevel="3" x14ac:dyDescent="0.2">
      <c r="A16076" s="17">
        <v>15181</v>
      </c>
      <c r="B16076" s="17"/>
      <c r="C16076" s="17"/>
      <c r="D16076" s="18" t="s">
        <v>7952</v>
      </c>
      <c r="E16076" s="18"/>
      <c r="F16076" s="18"/>
      <c r="G16076" s="18"/>
      <c r="H16076" s="18"/>
      <c r="I16076" s="18"/>
      <c r="J16076" s="18"/>
      <c r="K16076" s="18"/>
      <c r="L16076" s="18"/>
      <c r="M16076" s="18"/>
      <c r="N16076" s="18"/>
      <c r="O16076" s="18"/>
      <c r="P16076" s="19">
        <v>550</v>
      </c>
      <c r="Q16076" s="19"/>
      <c r="R16076" s="19"/>
      <c r="S16076" s="19"/>
      <c r="T16076" s="19">
        <v>290</v>
      </c>
      <c r="U16076" s="19"/>
      <c r="V16076" s="19"/>
      <c r="W16076" s="19"/>
      <c r="X16076" s="19">
        <v>30</v>
      </c>
      <c r="Y16076" s="19"/>
      <c r="Z16076" s="19"/>
      <c r="AA16076" s="19"/>
    </row>
    <row r="16077" spans="1:27" s="1" customFormat="1" ht="14.1" customHeight="1" outlineLevel="3" x14ac:dyDescent="0.2">
      <c r="A16077" s="17"/>
      <c r="B16077" s="17"/>
      <c r="C16077" s="17"/>
      <c r="D16077" s="18"/>
      <c r="E16077" s="18"/>
      <c r="F16077" s="18"/>
      <c r="G16077" s="18"/>
      <c r="H16077" s="18"/>
      <c r="I16077" s="18"/>
      <c r="J16077" s="18"/>
      <c r="K16077" s="18"/>
      <c r="L16077" s="18"/>
      <c r="M16077" s="18"/>
      <c r="N16077" s="18"/>
      <c r="O16077" s="18"/>
      <c r="P16077" s="19"/>
      <c r="Q16077" s="19"/>
      <c r="R16077" s="19"/>
      <c r="S16077" s="19"/>
      <c r="T16077" s="19"/>
      <c r="U16077" s="19"/>
      <c r="V16077" s="19"/>
      <c r="W16077" s="19"/>
      <c r="X16077" s="19"/>
      <c r="Y16077" s="19"/>
      <c r="Z16077" s="19"/>
      <c r="AA16077" s="19"/>
    </row>
    <row r="16078" spans="1:27" s="1" customFormat="1" ht="11.1" customHeight="1" outlineLevel="3" x14ac:dyDescent="0.2">
      <c r="A16078" s="17">
        <v>14972</v>
      </c>
      <c r="B16078" s="17"/>
      <c r="C16078" s="17"/>
      <c r="D16078" s="18" t="s">
        <v>7953</v>
      </c>
      <c r="E16078" s="18"/>
      <c r="F16078" s="18"/>
      <c r="G16078" s="18"/>
      <c r="H16078" s="18"/>
      <c r="I16078" s="18"/>
      <c r="J16078" s="18"/>
      <c r="K16078" s="18"/>
      <c r="L16078" s="18"/>
      <c r="M16078" s="18"/>
      <c r="N16078" s="18"/>
      <c r="O16078" s="18"/>
      <c r="P16078" s="19">
        <v>370</v>
      </c>
      <c r="Q16078" s="19"/>
      <c r="R16078" s="19"/>
      <c r="S16078" s="19"/>
      <c r="T16078" s="19">
        <v>260</v>
      </c>
      <c r="U16078" s="19"/>
      <c r="V16078" s="19"/>
      <c r="W16078" s="19"/>
      <c r="X16078" s="19">
        <v>1</v>
      </c>
      <c r="Y16078" s="19"/>
      <c r="Z16078" s="19"/>
      <c r="AA16078" s="19"/>
    </row>
    <row r="16079" spans="1:27" s="1" customFormat="1" ht="11.1" customHeight="1" outlineLevel="3" x14ac:dyDescent="0.2">
      <c r="A16079" s="17"/>
      <c r="B16079" s="17"/>
      <c r="C16079" s="17"/>
      <c r="D16079" s="18"/>
      <c r="E16079" s="18"/>
      <c r="F16079" s="18"/>
      <c r="G16079" s="18"/>
      <c r="H16079" s="18"/>
      <c r="I16079" s="18"/>
      <c r="J16079" s="18"/>
      <c r="K16079" s="18"/>
      <c r="L16079" s="18"/>
      <c r="M16079" s="18"/>
      <c r="N16079" s="18"/>
      <c r="O16079" s="18"/>
      <c r="P16079" s="19"/>
      <c r="Q16079" s="19"/>
      <c r="R16079" s="19"/>
      <c r="S16079" s="19"/>
      <c r="T16079" s="19"/>
      <c r="U16079" s="19"/>
      <c r="V16079" s="19"/>
      <c r="W16079" s="19"/>
      <c r="X16079" s="19"/>
      <c r="Y16079" s="19"/>
      <c r="Z16079" s="19"/>
      <c r="AA16079" s="19"/>
    </row>
    <row r="16080" spans="1:27" s="1" customFormat="1" ht="11.1" customHeight="1" outlineLevel="3" x14ac:dyDescent="0.2">
      <c r="A16080" s="17">
        <v>14399</v>
      </c>
      <c r="B16080" s="17"/>
      <c r="C16080" s="17"/>
      <c r="D16080" s="18" t="s">
        <v>7954</v>
      </c>
      <c r="E16080" s="18"/>
      <c r="F16080" s="18"/>
      <c r="G16080" s="18"/>
      <c r="H16080" s="18"/>
      <c r="I16080" s="18"/>
      <c r="J16080" s="18"/>
      <c r="K16080" s="18"/>
      <c r="L16080" s="18"/>
      <c r="M16080" s="18"/>
      <c r="N16080" s="18"/>
      <c r="O16080" s="18"/>
      <c r="P16080" s="19">
        <v>470</v>
      </c>
      <c r="Q16080" s="19"/>
      <c r="R16080" s="19"/>
      <c r="S16080" s="19"/>
      <c r="T16080" s="19">
        <v>300</v>
      </c>
      <c r="U16080" s="19"/>
      <c r="V16080" s="19"/>
      <c r="W16080" s="19"/>
      <c r="X16080" s="19">
        <v>6</v>
      </c>
      <c r="Y16080" s="19"/>
      <c r="Z16080" s="19"/>
      <c r="AA16080" s="19"/>
    </row>
    <row r="16081" spans="1:27" s="1" customFormat="1" ht="11.1" customHeight="1" outlineLevel="3" x14ac:dyDescent="0.2">
      <c r="A16081" s="17"/>
      <c r="B16081" s="17"/>
      <c r="C16081" s="17"/>
      <c r="D16081" s="18"/>
      <c r="E16081" s="18"/>
      <c r="F16081" s="18"/>
      <c r="G16081" s="18"/>
      <c r="H16081" s="18"/>
      <c r="I16081" s="18"/>
      <c r="J16081" s="18"/>
      <c r="K16081" s="18"/>
      <c r="L16081" s="18"/>
      <c r="M16081" s="18"/>
      <c r="N16081" s="18"/>
      <c r="O16081" s="18"/>
      <c r="P16081" s="19"/>
      <c r="Q16081" s="19"/>
      <c r="R16081" s="19"/>
      <c r="S16081" s="19"/>
      <c r="T16081" s="19"/>
      <c r="U16081" s="19"/>
      <c r="V16081" s="19"/>
      <c r="W16081" s="19"/>
      <c r="X16081" s="19"/>
      <c r="Y16081" s="19"/>
      <c r="Z16081" s="19"/>
      <c r="AA16081" s="19"/>
    </row>
    <row r="16082" spans="1:27" s="1" customFormat="1" ht="11.1" customHeight="1" outlineLevel="3" x14ac:dyDescent="0.2">
      <c r="A16082" s="17">
        <v>16162</v>
      </c>
      <c r="B16082" s="17"/>
      <c r="C16082" s="17"/>
      <c r="D16082" s="18" t="s">
        <v>7955</v>
      </c>
      <c r="E16082" s="18"/>
      <c r="F16082" s="18"/>
      <c r="G16082" s="18"/>
      <c r="H16082" s="18"/>
      <c r="I16082" s="18"/>
      <c r="J16082" s="18"/>
      <c r="K16082" s="18"/>
      <c r="L16082" s="18"/>
      <c r="M16082" s="18"/>
      <c r="N16082" s="18"/>
      <c r="O16082" s="18"/>
      <c r="P16082" s="19">
        <v>550</v>
      </c>
      <c r="Q16082" s="19"/>
      <c r="R16082" s="19"/>
      <c r="S16082" s="19"/>
      <c r="T16082" s="19">
        <v>320</v>
      </c>
      <c r="U16082" s="19"/>
      <c r="V16082" s="19"/>
      <c r="W16082" s="19"/>
      <c r="X16082" s="19">
        <v>3</v>
      </c>
      <c r="Y16082" s="19"/>
      <c r="Z16082" s="19"/>
      <c r="AA16082" s="19"/>
    </row>
    <row r="16083" spans="1:27" s="1" customFormat="1" ht="11.1" customHeight="1" outlineLevel="3" x14ac:dyDescent="0.2">
      <c r="A16083" s="17"/>
      <c r="B16083" s="17"/>
      <c r="C16083" s="17"/>
      <c r="D16083" s="18"/>
      <c r="E16083" s="18"/>
      <c r="F16083" s="18"/>
      <c r="G16083" s="18"/>
      <c r="H16083" s="18"/>
      <c r="I16083" s="18"/>
      <c r="J16083" s="18"/>
      <c r="K16083" s="18"/>
      <c r="L16083" s="18"/>
      <c r="M16083" s="18"/>
      <c r="N16083" s="18"/>
      <c r="O16083" s="18"/>
      <c r="P16083" s="19"/>
      <c r="Q16083" s="19"/>
      <c r="R16083" s="19"/>
      <c r="S16083" s="19"/>
      <c r="T16083" s="19"/>
      <c r="U16083" s="19"/>
      <c r="V16083" s="19"/>
      <c r="W16083" s="19"/>
      <c r="X16083" s="19"/>
      <c r="Y16083" s="19"/>
      <c r="Z16083" s="19"/>
      <c r="AA16083" s="19"/>
    </row>
    <row r="16084" spans="1:27" s="1" customFormat="1" ht="11.1" customHeight="1" outlineLevel="3" x14ac:dyDescent="0.2">
      <c r="A16084" s="17">
        <v>16306</v>
      </c>
      <c r="B16084" s="17"/>
      <c r="C16084" s="17"/>
      <c r="D16084" s="18" t="s">
        <v>7956</v>
      </c>
      <c r="E16084" s="18"/>
      <c r="F16084" s="18"/>
      <c r="G16084" s="18"/>
      <c r="H16084" s="18"/>
      <c r="I16084" s="18"/>
      <c r="J16084" s="18"/>
      <c r="K16084" s="18"/>
      <c r="L16084" s="18"/>
      <c r="M16084" s="18"/>
      <c r="N16084" s="18"/>
      <c r="O16084" s="18"/>
      <c r="P16084" s="19">
        <v>350</v>
      </c>
      <c r="Q16084" s="19"/>
      <c r="R16084" s="19"/>
      <c r="S16084" s="19"/>
      <c r="T16084" s="19">
        <v>170</v>
      </c>
      <c r="U16084" s="19"/>
      <c r="V16084" s="19"/>
      <c r="W16084" s="19"/>
      <c r="X16084" s="19">
        <v>1</v>
      </c>
      <c r="Y16084" s="19"/>
      <c r="Z16084" s="19"/>
      <c r="AA16084" s="19"/>
    </row>
    <row r="16085" spans="1:27" s="1" customFormat="1" ht="11.1" customHeight="1" outlineLevel="3" x14ac:dyDescent="0.2">
      <c r="A16085" s="17"/>
      <c r="B16085" s="17"/>
      <c r="C16085" s="17"/>
      <c r="D16085" s="18"/>
      <c r="E16085" s="18"/>
      <c r="F16085" s="18"/>
      <c r="G16085" s="18"/>
      <c r="H16085" s="18"/>
      <c r="I16085" s="18"/>
      <c r="J16085" s="18"/>
      <c r="K16085" s="18"/>
      <c r="L16085" s="18"/>
      <c r="M16085" s="18"/>
      <c r="N16085" s="18"/>
      <c r="O16085" s="18"/>
      <c r="P16085" s="19"/>
      <c r="Q16085" s="19"/>
      <c r="R16085" s="19"/>
      <c r="S16085" s="19"/>
      <c r="T16085" s="19"/>
      <c r="U16085" s="19"/>
      <c r="V16085" s="19"/>
      <c r="W16085" s="19"/>
      <c r="X16085" s="19"/>
      <c r="Y16085" s="19"/>
      <c r="Z16085" s="19"/>
      <c r="AA16085" s="19"/>
    </row>
    <row r="16086" spans="1:27" s="1" customFormat="1" ht="14.1" customHeight="1" outlineLevel="3" x14ac:dyDescent="0.2">
      <c r="A16086" s="17">
        <v>9274</v>
      </c>
      <c r="B16086" s="17"/>
      <c r="C16086" s="17"/>
      <c r="D16086" s="18" t="s">
        <v>7957</v>
      </c>
      <c r="E16086" s="18"/>
      <c r="F16086" s="18"/>
      <c r="G16086" s="18"/>
      <c r="H16086" s="18"/>
      <c r="I16086" s="18"/>
      <c r="J16086" s="18"/>
      <c r="K16086" s="18"/>
      <c r="L16086" s="18"/>
      <c r="M16086" s="18"/>
      <c r="N16086" s="18"/>
      <c r="O16086" s="18"/>
      <c r="P16086" s="19">
        <v>230</v>
      </c>
      <c r="Q16086" s="19"/>
      <c r="R16086" s="19"/>
      <c r="S16086" s="19"/>
      <c r="T16086" s="19">
        <v>68</v>
      </c>
      <c r="U16086" s="19"/>
      <c r="V16086" s="19"/>
      <c r="W16086" s="19"/>
      <c r="X16086" s="19">
        <v>1</v>
      </c>
      <c r="Y16086" s="19"/>
      <c r="Z16086" s="19"/>
      <c r="AA16086" s="19"/>
    </row>
    <row r="16087" spans="1:27" s="1" customFormat="1" ht="14.1" customHeight="1" outlineLevel="3" x14ac:dyDescent="0.2">
      <c r="A16087" s="17"/>
      <c r="B16087" s="17"/>
      <c r="C16087" s="17"/>
      <c r="D16087" s="18"/>
      <c r="E16087" s="18"/>
      <c r="F16087" s="18"/>
      <c r="G16087" s="18"/>
      <c r="H16087" s="18"/>
      <c r="I16087" s="18"/>
      <c r="J16087" s="18"/>
      <c r="K16087" s="18"/>
      <c r="L16087" s="18"/>
      <c r="M16087" s="18"/>
      <c r="N16087" s="18"/>
      <c r="O16087" s="18"/>
      <c r="P16087" s="19"/>
      <c r="Q16087" s="19"/>
      <c r="R16087" s="19"/>
      <c r="S16087" s="19"/>
      <c r="T16087" s="19"/>
      <c r="U16087" s="19"/>
      <c r="V16087" s="19"/>
      <c r="W16087" s="19"/>
      <c r="X16087" s="19"/>
      <c r="Y16087" s="19"/>
      <c r="Z16087" s="19"/>
      <c r="AA16087" s="19"/>
    </row>
    <row r="16088" spans="1:27" s="1" customFormat="1" ht="14.1" customHeight="1" outlineLevel="3" x14ac:dyDescent="0.2">
      <c r="A16088" s="17">
        <v>16307</v>
      </c>
      <c r="B16088" s="17"/>
      <c r="C16088" s="17"/>
      <c r="D16088" s="18" t="s">
        <v>7958</v>
      </c>
      <c r="E16088" s="18"/>
      <c r="F16088" s="18"/>
      <c r="G16088" s="18"/>
      <c r="H16088" s="18"/>
      <c r="I16088" s="18"/>
      <c r="J16088" s="18"/>
      <c r="K16088" s="18"/>
      <c r="L16088" s="18"/>
      <c r="M16088" s="18"/>
      <c r="N16088" s="18"/>
      <c r="O16088" s="18"/>
      <c r="P16088" s="19">
        <v>890</v>
      </c>
      <c r="Q16088" s="19"/>
      <c r="R16088" s="19"/>
      <c r="S16088" s="19"/>
      <c r="T16088" s="19">
        <v>590</v>
      </c>
      <c r="U16088" s="19"/>
      <c r="V16088" s="19"/>
      <c r="W16088" s="19"/>
      <c r="X16088" s="19">
        <v>2</v>
      </c>
      <c r="Y16088" s="19"/>
      <c r="Z16088" s="19"/>
      <c r="AA16088" s="19"/>
    </row>
    <row r="16089" spans="1:27" s="1" customFormat="1" ht="14.1" customHeight="1" outlineLevel="3" x14ac:dyDescent="0.2">
      <c r="A16089" s="17"/>
      <c r="B16089" s="17"/>
      <c r="C16089" s="17"/>
      <c r="D16089" s="18"/>
      <c r="E16089" s="18"/>
      <c r="F16089" s="18"/>
      <c r="G16089" s="18"/>
      <c r="H16089" s="18"/>
      <c r="I16089" s="18"/>
      <c r="J16089" s="18"/>
      <c r="K16089" s="18"/>
      <c r="L16089" s="18"/>
      <c r="M16089" s="18"/>
      <c r="N16089" s="18"/>
      <c r="O16089" s="18"/>
      <c r="P16089" s="19"/>
      <c r="Q16089" s="19"/>
      <c r="R16089" s="19"/>
      <c r="S16089" s="19"/>
      <c r="T16089" s="19"/>
      <c r="U16089" s="19"/>
      <c r="V16089" s="19"/>
      <c r="W16089" s="19"/>
      <c r="X16089" s="19"/>
      <c r="Y16089" s="19"/>
      <c r="Z16089" s="19"/>
      <c r="AA16089" s="19"/>
    </row>
    <row r="16090" spans="1:27" s="1" customFormat="1" ht="11.1" customHeight="1" outlineLevel="3" x14ac:dyDescent="0.2">
      <c r="A16090" s="17">
        <v>8883</v>
      </c>
      <c r="B16090" s="17"/>
      <c r="C16090" s="17"/>
      <c r="D16090" s="18" t="s">
        <v>7959</v>
      </c>
      <c r="E16090" s="18"/>
      <c r="F16090" s="18"/>
      <c r="G16090" s="18"/>
      <c r="H16090" s="18"/>
      <c r="I16090" s="18"/>
      <c r="J16090" s="18"/>
      <c r="K16090" s="18"/>
      <c r="L16090" s="18"/>
      <c r="M16090" s="18"/>
      <c r="N16090" s="18"/>
      <c r="O16090" s="18"/>
      <c r="P16090" s="19">
        <v>290</v>
      </c>
      <c r="Q16090" s="19"/>
      <c r="R16090" s="19"/>
      <c r="S16090" s="19"/>
      <c r="T16090" s="19">
        <v>130</v>
      </c>
      <c r="U16090" s="19"/>
      <c r="V16090" s="19"/>
      <c r="W16090" s="19"/>
      <c r="X16090" s="19">
        <v>1</v>
      </c>
      <c r="Y16090" s="19"/>
      <c r="Z16090" s="19"/>
      <c r="AA16090" s="19"/>
    </row>
    <row r="16091" spans="1:27" s="1" customFormat="1" ht="11.1" customHeight="1" outlineLevel="3" x14ac:dyDescent="0.2">
      <c r="A16091" s="17"/>
      <c r="B16091" s="17"/>
      <c r="C16091" s="17"/>
      <c r="D16091" s="18"/>
      <c r="E16091" s="18"/>
      <c r="F16091" s="18"/>
      <c r="G16091" s="18"/>
      <c r="H16091" s="18"/>
      <c r="I16091" s="18"/>
      <c r="J16091" s="18"/>
      <c r="K16091" s="18"/>
      <c r="L16091" s="18"/>
      <c r="M16091" s="18"/>
      <c r="N16091" s="18"/>
      <c r="O16091" s="18"/>
      <c r="P16091" s="19"/>
      <c r="Q16091" s="19"/>
      <c r="R16091" s="19"/>
      <c r="S16091" s="19"/>
      <c r="T16091" s="19"/>
      <c r="U16091" s="19"/>
      <c r="V16091" s="19"/>
      <c r="W16091" s="19"/>
      <c r="X16091" s="19"/>
      <c r="Y16091" s="19"/>
      <c r="Z16091" s="19"/>
      <c r="AA16091" s="19"/>
    </row>
    <row r="16092" spans="1:27" s="1" customFormat="1" ht="11.1" customHeight="1" outlineLevel="3" x14ac:dyDescent="0.2">
      <c r="A16092" s="17">
        <v>17297</v>
      </c>
      <c r="B16092" s="17"/>
      <c r="C16092" s="17"/>
      <c r="D16092" s="18" t="s">
        <v>7960</v>
      </c>
      <c r="E16092" s="18"/>
      <c r="F16092" s="18"/>
      <c r="G16092" s="18"/>
      <c r="H16092" s="18"/>
      <c r="I16092" s="18"/>
      <c r="J16092" s="18"/>
      <c r="K16092" s="18"/>
      <c r="L16092" s="18"/>
      <c r="M16092" s="18"/>
      <c r="N16092" s="18"/>
      <c r="O16092" s="18"/>
      <c r="P16092" s="19">
        <v>590</v>
      </c>
      <c r="Q16092" s="19"/>
      <c r="R16092" s="19"/>
      <c r="S16092" s="19"/>
      <c r="T16092" s="19">
        <v>350</v>
      </c>
      <c r="U16092" s="19"/>
      <c r="V16092" s="19"/>
      <c r="W16092" s="19"/>
      <c r="X16092" s="19">
        <v>2</v>
      </c>
      <c r="Y16092" s="19"/>
      <c r="Z16092" s="19"/>
      <c r="AA16092" s="19"/>
    </row>
    <row r="16093" spans="1:27" s="1" customFormat="1" ht="11.1" customHeight="1" outlineLevel="3" x14ac:dyDescent="0.2">
      <c r="A16093" s="17"/>
      <c r="B16093" s="17"/>
      <c r="C16093" s="17"/>
      <c r="D16093" s="18"/>
      <c r="E16093" s="18"/>
      <c r="F16093" s="18"/>
      <c r="G16093" s="18"/>
      <c r="H16093" s="18"/>
      <c r="I16093" s="18"/>
      <c r="J16093" s="18"/>
      <c r="K16093" s="18"/>
      <c r="L16093" s="18"/>
      <c r="M16093" s="18"/>
      <c r="N16093" s="18"/>
      <c r="O16093" s="18"/>
      <c r="P16093" s="19"/>
      <c r="Q16093" s="19"/>
      <c r="R16093" s="19"/>
      <c r="S16093" s="19"/>
      <c r="T16093" s="19"/>
      <c r="U16093" s="19"/>
      <c r="V16093" s="19"/>
      <c r="W16093" s="19"/>
      <c r="X16093" s="19"/>
      <c r="Y16093" s="19"/>
      <c r="Z16093" s="19"/>
      <c r="AA16093" s="19"/>
    </row>
    <row r="16094" spans="1:27" s="1" customFormat="1" ht="11.1" customHeight="1" outlineLevel="3" x14ac:dyDescent="0.2">
      <c r="A16094" s="17">
        <v>17976</v>
      </c>
      <c r="B16094" s="17"/>
      <c r="C16094" s="17"/>
      <c r="D16094" s="18" t="s">
        <v>7961</v>
      </c>
      <c r="E16094" s="18"/>
      <c r="F16094" s="18"/>
      <c r="G16094" s="18"/>
      <c r="H16094" s="18"/>
      <c r="I16094" s="18"/>
      <c r="J16094" s="18"/>
      <c r="K16094" s="18"/>
      <c r="L16094" s="18"/>
      <c r="M16094" s="18"/>
      <c r="N16094" s="18"/>
      <c r="O16094" s="18"/>
      <c r="P16094" s="19">
        <v>550</v>
      </c>
      <c r="Q16094" s="19"/>
      <c r="R16094" s="19"/>
      <c r="S16094" s="19"/>
      <c r="T16094" s="19">
        <v>330</v>
      </c>
      <c r="U16094" s="19"/>
      <c r="V16094" s="19"/>
      <c r="W16094" s="19"/>
      <c r="X16094" s="19">
        <v>2</v>
      </c>
      <c r="Y16094" s="19"/>
      <c r="Z16094" s="19"/>
      <c r="AA16094" s="19"/>
    </row>
    <row r="16095" spans="1:27" s="1" customFormat="1" ht="11.1" customHeight="1" outlineLevel="3" x14ac:dyDescent="0.2">
      <c r="A16095" s="17"/>
      <c r="B16095" s="17"/>
      <c r="C16095" s="17"/>
      <c r="D16095" s="18"/>
      <c r="E16095" s="18"/>
      <c r="F16095" s="18"/>
      <c r="G16095" s="18"/>
      <c r="H16095" s="18"/>
      <c r="I16095" s="18"/>
      <c r="J16095" s="18"/>
      <c r="K16095" s="18"/>
      <c r="L16095" s="18"/>
      <c r="M16095" s="18"/>
      <c r="N16095" s="18"/>
      <c r="O16095" s="18"/>
      <c r="P16095" s="19"/>
      <c r="Q16095" s="19"/>
      <c r="R16095" s="19"/>
      <c r="S16095" s="19"/>
      <c r="T16095" s="19"/>
      <c r="U16095" s="19"/>
      <c r="V16095" s="19"/>
      <c r="W16095" s="19"/>
      <c r="X16095" s="19"/>
      <c r="Y16095" s="19"/>
      <c r="Z16095" s="19"/>
      <c r="AA16095" s="19"/>
    </row>
    <row r="16096" spans="1:27" s="1" customFormat="1" ht="11.1" customHeight="1" outlineLevel="3" x14ac:dyDescent="0.2">
      <c r="A16096" s="17">
        <v>17980</v>
      </c>
      <c r="B16096" s="17"/>
      <c r="C16096" s="17"/>
      <c r="D16096" s="18" t="s">
        <v>7962</v>
      </c>
      <c r="E16096" s="18"/>
      <c r="F16096" s="18"/>
      <c r="G16096" s="18"/>
      <c r="H16096" s="18"/>
      <c r="I16096" s="18"/>
      <c r="J16096" s="18"/>
      <c r="K16096" s="18"/>
      <c r="L16096" s="18"/>
      <c r="M16096" s="18"/>
      <c r="N16096" s="18"/>
      <c r="O16096" s="18"/>
      <c r="P16096" s="19">
        <v>590</v>
      </c>
      <c r="Q16096" s="19"/>
      <c r="R16096" s="19"/>
      <c r="S16096" s="19"/>
      <c r="T16096" s="19">
        <v>350</v>
      </c>
      <c r="U16096" s="19"/>
      <c r="V16096" s="19"/>
      <c r="W16096" s="19"/>
      <c r="X16096" s="19">
        <v>1</v>
      </c>
      <c r="Y16096" s="19"/>
      <c r="Z16096" s="19"/>
      <c r="AA16096" s="19"/>
    </row>
    <row r="16097" spans="1:27" s="1" customFormat="1" ht="11.1" customHeight="1" outlineLevel="3" x14ac:dyDescent="0.2">
      <c r="A16097" s="17"/>
      <c r="B16097" s="17"/>
      <c r="C16097" s="17"/>
      <c r="D16097" s="18"/>
      <c r="E16097" s="18"/>
      <c r="F16097" s="18"/>
      <c r="G16097" s="18"/>
      <c r="H16097" s="18"/>
      <c r="I16097" s="18"/>
      <c r="J16097" s="18"/>
      <c r="K16097" s="18"/>
      <c r="L16097" s="18"/>
      <c r="M16097" s="18"/>
      <c r="N16097" s="18"/>
      <c r="O16097" s="18"/>
      <c r="P16097" s="19"/>
      <c r="Q16097" s="19"/>
      <c r="R16097" s="19"/>
      <c r="S16097" s="19"/>
      <c r="T16097" s="19"/>
      <c r="U16097" s="19"/>
      <c r="V16097" s="19"/>
      <c r="W16097" s="19"/>
      <c r="X16097" s="19"/>
      <c r="Y16097" s="19"/>
      <c r="Z16097" s="19"/>
      <c r="AA16097" s="19"/>
    </row>
    <row r="16098" spans="1:27" s="1" customFormat="1" ht="11.1" customHeight="1" outlineLevel="3" x14ac:dyDescent="0.2">
      <c r="A16098" s="17">
        <v>14968</v>
      </c>
      <c r="B16098" s="17"/>
      <c r="C16098" s="17"/>
      <c r="D16098" s="18" t="s">
        <v>7963</v>
      </c>
      <c r="E16098" s="18"/>
      <c r="F16098" s="18"/>
      <c r="G16098" s="18"/>
      <c r="H16098" s="18"/>
      <c r="I16098" s="18"/>
      <c r="J16098" s="18"/>
      <c r="K16098" s="18"/>
      <c r="L16098" s="18"/>
      <c r="M16098" s="18"/>
      <c r="N16098" s="18"/>
      <c r="O16098" s="18"/>
      <c r="P16098" s="19">
        <v>590</v>
      </c>
      <c r="Q16098" s="19"/>
      <c r="R16098" s="19"/>
      <c r="S16098" s="19"/>
      <c r="T16098" s="19">
        <v>390</v>
      </c>
      <c r="U16098" s="19"/>
      <c r="V16098" s="19"/>
      <c r="W16098" s="19"/>
      <c r="X16098" s="19">
        <v>1</v>
      </c>
      <c r="Y16098" s="19"/>
      <c r="Z16098" s="19"/>
      <c r="AA16098" s="19"/>
    </row>
    <row r="16099" spans="1:27" s="1" customFormat="1" ht="11.1" customHeight="1" outlineLevel="3" x14ac:dyDescent="0.2">
      <c r="A16099" s="17"/>
      <c r="B16099" s="17"/>
      <c r="C16099" s="17"/>
      <c r="D16099" s="18"/>
      <c r="E16099" s="18"/>
      <c r="F16099" s="18"/>
      <c r="G16099" s="18"/>
      <c r="H16099" s="18"/>
      <c r="I16099" s="18"/>
      <c r="J16099" s="18"/>
      <c r="K16099" s="18"/>
      <c r="L16099" s="18"/>
      <c r="M16099" s="18"/>
      <c r="N16099" s="18"/>
      <c r="O16099" s="18"/>
      <c r="P16099" s="19"/>
      <c r="Q16099" s="19"/>
      <c r="R16099" s="19"/>
      <c r="S16099" s="19"/>
      <c r="T16099" s="19"/>
      <c r="U16099" s="19"/>
      <c r="V16099" s="19"/>
      <c r="W16099" s="19"/>
      <c r="X16099" s="19"/>
      <c r="Y16099" s="19"/>
      <c r="Z16099" s="19"/>
      <c r="AA16099" s="19"/>
    </row>
    <row r="16100" spans="1:27" s="1" customFormat="1" ht="11.1" customHeight="1" outlineLevel="3" x14ac:dyDescent="0.2">
      <c r="A16100" s="17">
        <v>16310</v>
      </c>
      <c r="B16100" s="17"/>
      <c r="C16100" s="17"/>
      <c r="D16100" s="18" t="s">
        <v>7964</v>
      </c>
      <c r="E16100" s="18"/>
      <c r="F16100" s="18"/>
      <c r="G16100" s="18"/>
      <c r="H16100" s="18"/>
      <c r="I16100" s="18"/>
      <c r="J16100" s="18"/>
      <c r="K16100" s="18"/>
      <c r="L16100" s="18"/>
      <c r="M16100" s="18"/>
      <c r="N16100" s="18"/>
      <c r="O16100" s="18"/>
      <c r="P16100" s="19">
        <v>850</v>
      </c>
      <c r="Q16100" s="19"/>
      <c r="R16100" s="19"/>
      <c r="S16100" s="19"/>
      <c r="T16100" s="19">
        <v>500</v>
      </c>
      <c r="U16100" s="19"/>
      <c r="V16100" s="19"/>
      <c r="W16100" s="19"/>
      <c r="X16100" s="19">
        <v>4</v>
      </c>
      <c r="Y16100" s="19"/>
      <c r="Z16100" s="19"/>
      <c r="AA16100" s="19"/>
    </row>
    <row r="16101" spans="1:27" s="1" customFormat="1" ht="11.1" customHeight="1" outlineLevel="3" x14ac:dyDescent="0.2">
      <c r="A16101" s="17"/>
      <c r="B16101" s="17"/>
      <c r="C16101" s="17"/>
      <c r="D16101" s="18"/>
      <c r="E16101" s="18"/>
      <c r="F16101" s="18"/>
      <c r="G16101" s="18"/>
      <c r="H16101" s="18"/>
      <c r="I16101" s="18"/>
      <c r="J16101" s="18"/>
      <c r="K16101" s="18"/>
      <c r="L16101" s="18"/>
      <c r="M16101" s="18"/>
      <c r="N16101" s="18"/>
      <c r="O16101" s="18"/>
      <c r="P16101" s="19"/>
      <c r="Q16101" s="19"/>
      <c r="R16101" s="19"/>
      <c r="S16101" s="19"/>
      <c r="T16101" s="19"/>
      <c r="U16101" s="19"/>
      <c r="V16101" s="19"/>
      <c r="W16101" s="19"/>
      <c r="X16101" s="19"/>
      <c r="Y16101" s="19"/>
      <c r="Z16101" s="19"/>
      <c r="AA16101" s="19"/>
    </row>
    <row r="16102" spans="1:27" s="1" customFormat="1" ht="14.1" customHeight="1" outlineLevel="3" x14ac:dyDescent="0.2">
      <c r="A16102" s="17">
        <v>16289</v>
      </c>
      <c r="B16102" s="17"/>
      <c r="C16102" s="17"/>
      <c r="D16102" s="18" t="s">
        <v>7965</v>
      </c>
      <c r="E16102" s="18"/>
      <c r="F16102" s="18"/>
      <c r="G16102" s="18"/>
      <c r="H16102" s="18"/>
      <c r="I16102" s="18"/>
      <c r="J16102" s="18"/>
      <c r="K16102" s="18"/>
      <c r="L16102" s="18"/>
      <c r="M16102" s="18"/>
      <c r="N16102" s="18"/>
      <c r="O16102" s="18"/>
      <c r="P16102" s="19">
        <v>790</v>
      </c>
      <c r="Q16102" s="19"/>
      <c r="R16102" s="19"/>
      <c r="S16102" s="19"/>
      <c r="T16102" s="19">
        <v>500</v>
      </c>
      <c r="U16102" s="19"/>
      <c r="V16102" s="19"/>
      <c r="W16102" s="19"/>
      <c r="X16102" s="19">
        <v>3</v>
      </c>
      <c r="Y16102" s="19"/>
      <c r="Z16102" s="19"/>
      <c r="AA16102" s="19"/>
    </row>
    <row r="16103" spans="1:27" s="1" customFormat="1" ht="14.1" customHeight="1" outlineLevel="3" x14ac:dyDescent="0.2">
      <c r="A16103" s="17"/>
      <c r="B16103" s="17"/>
      <c r="C16103" s="17"/>
      <c r="D16103" s="18"/>
      <c r="E16103" s="18"/>
      <c r="F16103" s="18"/>
      <c r="G16103" s="18"/>
      <c r="H16103" s="18"/>
      <c r="I16103" s="18"/>
      <c r="J16103" s="18"/>
      <c r="K16103" s="18"/>
      <c r="L16103" s="18"/>
      <c r="M16103" s="18"/>
      <c r="N16103" s="18"/>
      <c r="O16103" s="18"/>
      <c r="P16103" s="19"/>
      <c r="Q16103" s="19"/>
      <c r="R16103" s="19"/>
      <c r="S16103" s="19"/>
      <c r="T16103" s="19"/>
      <c r="U16103" s="19"/>
      <c r="V16103" s="19"/>
      <c r="W16103" s="19"/>
      <c r="X16103" s="19"/>
      <c r="Y16103" s="19"/>
      <c r="Z16103" s="19"/>
      <c r="AA16103" s="19"/>
    </row>
    <row r="16104" spans="1:27" s="1" customFormat="1" ht="11.1" customHeight="1" outlineLevel="3" x14ac:dyDescent="0.2">
      <c r="A16104" s="17">
        <v>11938</v>
      </c>
      <c r="B16104" s="17"/>
      <c r="C16104" s="17"/>
      <c r="D16104" s="18" t="s">
        <v>7966</v>
      </c>
      <c r="E16104" s="18"/>
      <c r="F16104" s="18"/>
      <c r="G16104" s="18"/>
      <c r="H16104" s="18"/>
      <c r="I16104" s="18"/>
      <c r="J16104" s="18"/>
      <c r="K16104" s="18"/>
      <c r="L16104" s="18"/>
      <c r="M16104" s="18"/>
      <c r="N16104" s="18"/>
      <c r="O16104" s="18"/>
      <c r="P16104" s="19">
        <v>790</v>
      </c>
      <c r="Q16104" s="19"/>
      <c r="R16104" s="19"/>
      <c r="S16104" s="19"/>
      <c r="T16104" s="19">
        <v>540</v>
      </c>
      <c r="U16104" s="19"/>
      <c r="V16104" s="19"/>
      <c r="W16104" s="19"/>
      <c r="X16104" s="19">
        <v>3</v>
      </c>
      <c r="Y16104" s="19"/>
      <c r="Z16104" s="19"/>
      <c r="AA16104" s="19"/>
    </row>
    <row r="16105" spans="1:27" s="1" customFormat="1" ht="11.1" customHeight="1" outlineLevel="3" x14ac:dyDescent="0.2">
      <c r="A16105" s="17"/>
      <c r="B16105" s="17"/>
      <c r="C16105" s="17"/>
      <c r="D16105" s="18"/>
      <c r="E16105" s="18"/>
      <c r="F16105" s="18"/>
      <c r="G16105" s="18"/>
      <c r="H16105" s="18"/>
      <c r="I16105" s="18"/>
      <c r="J16105" s="18"/>
      <c r="K16105" s="18"/>
      <c r="L16105" s="18"/>
      <c r="M16105" s="18"/>
      <c r="N16105" s="18"/>
      <c r="O16105" s="18"/>
      <c r="P16105" s="19"/>
      <c r="Q16105" s="19"/>
      <c r="R16105" s="19"/>
      <c r="S16105" s="19"/>
      <c r="T16105" s="19"/>
      <c r="U16105" s="19"/>
      <c r="V16105" s="19"/>
      <c r="W16105" s="19"/>
      <c r="X16105" s="19"/>
      <c r="Y16105" s="19"/>
      <c r="Z16105" s="19"/>
      <c r="AA16105" s="19"/>
    </row>
    <row r="16106" spans="1:27" s="1" customFormat="1" ht="11.1" customHeight="1" outlineLevel="3" x14ac:dyDescent="0.2">
      <c r="A16106" s="17">
        <v>18102</v>
      </c>
      <c r="B16106" s="17"/>
      <c r="C16106" s="17"/>
      <c r="D16106" s="18" t="s">
        <v>7967</v>
      </c>
      <c r="E16106" s="18"/>
      <c r="F16106" s="18"/>
      <c r="G16106" s="18"/>
      <c r="H16106" s="18"/>
      <c r="I16106" s="18"/>
      <c r="J16106" s="18"/>
      <c r="K16106" s="18"/>
      <c r="L16106" s="18"/>
      <c r="M16106" s="18"/>
      <c r="N16106" s="18"/>
      <c r="O16106" s="18"/>
      <c r="P16106" s="20">
        <v>1300</v>
      </c>
      <c r="Q16106" s="20"/>
      <c r="R16106" s="20"/>
      <c r="S16106" s="20"/>
      <c r="T16106" s="20">
        <v>1000</v>
      </c>
      <c r="U16106" s="20"/>
      <c r="V16106" s="20"/>
      <c r="W16106" s="20"/>
      <c r="X16106" s="19">
        <v>1</v>
      </c>
      <c r="Y16106" s="19"/>
      <c r="Z16106" s="19"/>
      <c r="AA16106" s="19"/>
    </row>
    <row r="16107" spans="1:27" s="1" customFormat="1" ht="11.1" customHeight="1" outlineLevel="3" x14ac:dyDescent="0.2">
      <c r="A16107" s="17"/>
      <c r="B16107" s="17"/>
      <c r="C16107" s="17"/>
      <c r="D16107" s="18"/>
      <c r="E16107" s="18"/>
      <c r="F16107" s="18"/>
      <c r="G16107" s="18"/>
      <c r="H16107" s="18"/>
      <c r="I16107" s="18"/>
      <c r="J16107" s="18"/>
      <c r="K16107" s="18"/>
      <c r="L16107" s="18"/>
      <c r="M16107" s="18"/>
      <c r="N16107" s="18"/>
      <c r="O16107" s="18"/>
      <c r="P16107" s="20"/>
      <c r="Q16107" s="20"/>
      <c r="R16107" s="20"/>
      <c r="S16107" s="20"/>
      <c r="T16107" s="20"/>
      <c r="U16107" s="20"/>
      <c r="V16107" s="20"/>
      <c r="W16107" s="20"/>
      <c r="X16107" s="19"/>
      <c r="Y16107" s="19"/>
      <c r="Z16107" s="19"/>
      <c r="AA16107" s="19"/>
    </row>
    <row r="16108" spans="1:27" s="1" customFormat="1" ht="11.1" customHeight="1" outlineLevel="3" x14ac:dyDescent="0.2">
      <c r="A16108" s="17">
        <v>16185</v>
      </c>
      <c r="B16108" s="17"/>
      <c r="C16108" s="17"/>
      <c r="D16108" s="18" t="s">
        <v>7968</v>
      </c>
      <c r="E16108" s="18"/>
      <c r="F16108" s="18"/>
      <c r="G16108" s="18"/>
      <c r="H16108" s="18"/>
      <c r="I16108" s="18"/>
      <c r="J16108" s="18"/>
      <c r="K16108" s="18"/>
      <c r="L16108" s="18"/>
      <c r="M16108" s="18"/>
      <c r="N16108" s="18"/>
      <c r="O16108" s="18"/>
      <c r="P16108" s="19">
        <v>400</v>
      </c>
      <c r="Q16108" s="19"/>
      <c r="R16108" s="19"/>
      <c r="S16108" s="19"/>
      <c r="T16108" s="19">
        <v>250</v>
      </c>
      <c r="U16108" s="19"/>
      <c r="V16108" s="19"/>
      <c r="W16108" s="19"/>
      <c r="X16108" s="19">
        <v>8</v>
      </c>
      <c r="Y16108" s="19"/>
      <c r="Z16108" s="19"/>
      <c r="AA16108" s="19"/>
    </row>
    <row r="16109" spans="1:27" s="1" customFormat="1" ht="11.1" customHeight="1" outlineLevel="3" x14ac:dyDescent="0.2">
      <c r="A16109" s="17"/>
      <c r="B16109" s="17"/>
      <c r="C16109" s="17"/>
      <c r="D16109" s="18"/>
      <c r="E16109" s="18"/>
      <c r="F16109" s="18"/>
      <c r="G16109" s="18"/>
      <c r="H16109" s="18"/>
      <c r="I16109" s="18"/>
      <c r="J16109" s="18"/>
      <c r="K16109" s="18"/>
      <c r="L16109" s="18"/>
      <c r="M16109" s="18"/>
      <c r="N16109" s="18"/>
      <c r="O16109" s="18"/>
      <c r="P16109" s="19"/>
      <c r="Q16109" s="19"/>
      <c r="R16109" s="19"/>
      <c r="S16109" s="19"/>
      <c r="T16109" s="19"/>
      <c r="U16109" s="19"/>
      <c r="V16109" s="19"/>
      <c r="W16109" s="19"/>
      <c r="X16109" s="19"/>
      <c r="Y16109" s="19"/>
      <c r="Z16109" s="19"/>
      <c r="AA16109" s="19"/>
    </row>
    <row r="16110" spans="1:27" s="1" customFormat="1" ht="11.1" customHeight="1" outlineLevel="3" x14ac:dyDescent="0.2">
      <c r="A16110" s="17">
        <v>7099</v>
      </c>
      <c r="B16110" s="17"/>
      <c r="C16110" s="17"/>
      <c r="D16110" s="18" t="s">
        <v>7969</v>
      </c>
      <c r="E16110" s="18"/>
      <c r="F16110" s="18"/>
      <c r="G16110" s="18"/>
      <c r="H16110" s="18"/>
      <c r="I16110" s="18"/>
      <c r="J16110" s="18"/>
      <c r="K16110" s="18"/>
      <c r="L16110" s="18"/>
      <c r="M16110" s="18"/>
      <c r="N16110" s="18"/>
      <c r="O16110" s="18"/>
      <c r="P16110" s="19">
        <v>300</v>
      </c>
      <c r="Q16110" s="19"/>
      <c r="R16110" s="19"/>
      <c r="S16110" s="19"/>
      <c r="T16110" s="19">
        <v>220</v>
      </c>
      <c r="U16110" s="19"/>
      <c r="V16110" s="19"/>
      <c r="W16110" s="19"/>
      <c r="X16110" s="19">
        <v>2</v>
      </c>
      <c r="Y16110" s="19"/>
      <c r="Z16110" s="19"/>
      <c r="AA16110" s="19"/>
    </row>
    <row r="16111" spans="1:27" s="1" customFormat="1" ht="11.1" customHeight="1" outlineLevel="3" x14ac:dyDescent="0.2">
      <c r="A16111" s="17"/>
      <c r="B16111" s="17"/>
      <c r="C16111" s="17"/>
      <c r="D16111" s="18"/>
      <c r="E16111" s="18"/>
      <c r="F16111" s="18"/>
      <c r="G16111" s="18"/>
      <c r="H16111" s="18"/>
      <c r="I16111" s="18"/>
      <c r="J16111" s="18"/>
      <c r="K16111" s="18"/>
      <c r="L16111" s="18"/>
      <c r="M16111" s="18"/>
      <c r="N16111" s="18"/>
      <c r="O16111" s="18"/>
      <c r="P16111" s="19"/>
      <c r="Q16111" s="19"/>
      <c r="R16111" s="19"/>
      <c r="S16111" s="19"/>
      <c r="T16111" s="19"/>
      <c r="U16111" s="19"/>
      <c r="V16111" s="19"/>
      <c r="W16111" s="19"/>
      <c r="X16111" s="19"/>
      <c r="Y16111" s="19"/>
      <c r="Z16111" s="19"/>
      <c r="AA16111" s="19"/>
    </row>
    <row r="16112" spans="1:27" s="1" customFormat="1" ht="11.1" customHeight="1" outlineLevel="2" x14ac:dyDescent="0.2">
      <c r="A16112" s="16" t="s">
        <v>7970</v>
      </c>
      <c r="B16112" s="16"/>
      <c r="C16112" s="16"/>
      <c r="D16112" s="16"/>
      <c r="E16112" s="16"/>
      <c r="F16112" s="16"/>
      <c r="G16112" s="16"/>
      <c r="H16112" s="16"/>
      <c r="I16112" s="16"/>
      <c r="J16112" s="16"/>
      <c r="K16112" s="16"/>
      <c r="L16112" s="16"/>
      <c r="M16112" s="16"/>
      <c r="N16112" s="16"/>
      <c r="O16112" s="16"/>
      <c r="P16112" s="16"/>
      <c r="Q16112" s="16"/>
      <c r="R16112" s="16"/>
      <c r="S16112" s="16"/>
      <c r="T16112" s="16"/>
      <c r="U16112" s="16"/>
      <c r="V16112" s="16"/>
      <c r="W16112" s="16"/>
      <c r="X16112" s="16"/>
      <c r="Y16112" s="16"/>
      <c r="Z16112" s="16"/>
      <c r="AA16112" s="16"/>
    </row>
    <row r="16113" spans="1:27" s="1" customFormat="1" ht="11.1" customHeight="1" outlineLevel="2" x14ac:dyDescent="0.2">
      <c r="A16113" s="16"/>
      <c r="B16113" s="16"/>
      <c r="C16113" s="16"/>
      <c r="D16113" s="16"/>
      <c r="E16113" s="16"/>
      <c r="F16113" s="16"/>
      <c r="G16113" s="16"/>
      <c r="H16113" s="16"/>
      <c r="I16113" s="16"/>
      <c r="J16113" s="16"/>
      <c r="K16113" s="16"/>
      <c r="L16113" s="16"/>
      <c r="M16113" s="16"/>
      <c r="N16113" s="16"/>
      <c r="O16113" s="16"/>
      <c r="P16113" s="16"/>
      <c r="Q16113" s="16"/>
      <c r="R16113" s="16"/>
      <c r="S16113" s="16"/>
      <c r="T16113" s="16"/>
      <c r="U16113" s="16"/>
      <c r="V16113" s="16"/>
      <c r="W16113" s="16"/>
      <c r="X16113" s="16"/>
      <c r="Y16113" s="16"/>
      <c r="Z16113" s="16"/>
      <c r="AA16113" s="16"/>
    </row>
    <row r="16114" spans="1:27" s="1" customFormat="1" ht="11.1" customHeight="1" outlineLevel="3" x14ac:dyDescent="0.2">
      <c r="A16114" s="17">
        <v>10776</v>
      </c>
      <c r="B16114" s="17"/>
      <c r="C16114" s="17"/>
      <c r="D16114" s="18" t="s">
        <v>7971</v>
      </c>
      <c r="E16114" s="18"/>
      <c r="F16114" s="18"/>
      <c r="G16114" s="18"/>
      <c r="H16114" s="18"/>
      <c r="I16114" s="18"/>
      <c r="J16114" s="18"/>
      <c r="K16114" s="18"/>
      <c r="L16114" s="18"/>
      <c r="M16114" s="18"/>
      <c r="N16114" s="18"/>
      <c r="O16114" s="18"/>
      <c r="P16114" s="19">
        <v>320</v>
      </c>
      <c r="Q16114" s="19"/>
      <c r="R16114" s="19"/>
      <c r="S16114" s="19"/>
      <c r="T16114" s="19">
        <v>260</v>
      </c>
      <c r="U16114" s="19"/>
      <c r="V16114" s="19"/>
      <c r="W16114" s="19"/>
      <c r="X16114" s="19">
        <v>1</v>
      </c>
      <c r="Y16114" s="19"/>
      <c r="Z16114" s="19"/>
      <c r="AA16114" s="19"/>
    </row>
    <row r="16115" spans="1:27" s="1" customFormat="1" ht="11.1" customHeight="1" outlineLevel="3" x14ac:dyDescent="0.2">
      <c r="A16115" s="17"/>
      <c r="B16115" s="17"/>
      <c r="C16115" s="17"/>
      <c r="D16115" s="18"/>
      <c r="E16115" s="18"/>
      <c r="F16115" s="18"/>
      <c r="G16115" s="18"/>
      <c r="H16115" s="18"/>
      <c r="I16115" s="18"/>
      <c r="J16115" s="18"/>
      <c r="K16115" s="18"/>
      <c r="L16115" s="18"/>
      <c r="M16115" s="18"/>
      <c r="N16115" s="18"/>
      <c r="O16115" s="18"/>
      <c r="P16115" s="19"/>
      <c r="Q16115" s="19"/>
      <c r="R16115" s="19"/>
      <c r="S16115" s="19"/>
      <c r="T16115" s="19"/>
      <c r="U16115" s="19"/>
      <c r="V16115" s="19"/>
      <c r="W16115" s="19"/>
      <c r="X16115" s="19"/>
      <c r="Y16115" s="19"/>
      <c r="Z16115" s="19"/>
      <c r="AA16115" s="19"/>
    </row>
    <row r="16116" spans="1:27" s="1" customFormat="1" ht="11.1" customHeight="1" outlineLevel="3" x14ac:dyDescent="0.2">
      <c r="A16116" s="17">
        <v>10779</v>
      </c>
      <c r="B16116" s="17"/>
      <c r="C16116" s="17"/>
      <c r="D16116" s="18" t="s">
        <v>7972</v>
      </c>
      <c r="E16116" s="18"/>
      <c r="F16116" s="18"/>
      <c r="G16116" s="18"/>
      <c r="H16116" s="18"/>
      <c r="I16116" s="18"/>
      <c r="J16116" s="18"/>
      <c r="K16116" s="18"/>
      <c r="L16116" s="18"/>
      <c r="M16116" s="18"/>
      <c r="N16116" s="18"/>
      <c r="O16116" s="18"/>
      <c r="P16116" s="19">
        <v>520</v>
      </c>
      <c r="Q16116" s="19"/>
      <c r="R16116" s="19"/>
      <c r="S16116" s="19"/>
      <c r="T16116" s="19">
        <v>360</v>
      </c>
      <c r="U16116" s="19"/>
      <c r="V16116" s="19"/>
      <c r="W16116" s="19"/>
      <c r="X16116" s="19">
        <v>1</v>
      </c>
      <c r="Y16116" s="19"/>
      <c r="Z16116" s="19"/>
      <c r="AA16116" s="19"/>
    </row>
    <row r="16117" spans="1:27" s="1" customFormat="1" ht="11.1" customHeight="1" outlineLevel="3" x14ac:dyDescent="0.2">
      <c r="A16117" s="17"/>
      <c r="B16117" s="17"/>
      <c r="C16117" s="17"/>
      <c r="D16117" s="18"/>
      <c r="E16117" s="18"/>
      <c r="F16117" s="18"/>
      <c r="G16117" s="18"/>
      <c r="H16117" s="18"/>
      <c r="I16117" s="18"/>
      <c r="J16117" s="18"/>
      <c r="K16117" s="18"/>
      <c r="L16117" s="18"/>
      <c r="M16117" s="18"/>
      <c r="N16117" s="18"/>
      <c r="O16117" s="18"/>
      <c r="P16117" s="19"/>
      <c r="Q16117" s="19"/>
      <c r="R16117" s="19"/>
      <c r="S16117" s="19"/>
      <c r="T16117" s="19"/>
      <c r="U16117" s="19"/>
      <c r="V16117" s="19"/>
      <c r="W16117" s="19"/>
      <c r="X16117" s="19"/>
      <c r="Y16117" s="19"/>
      <c r="Z16117" s="19"/>
      <c r="AA16117" s="19"/>
    </row>
    <row r="16118" spans="1:27" s="1" customFormat="1" ht="14.1" customHeight="1" outlineLevel="3" x14ac:dyDescent="0.2">
      <c r="A16118" s="17">
        <v>13763</v>
      </c>
      <c r="B16118" s="17"/>
      <c r="C16118" s="17"/>
      <c r="D16118" s="18" t="s">
        <v>7973</v>
      </c>
      <c r="E16118" s="18"/>
      <c r="F16118" s="18"/>
      <c r="G16118" s="18"/>
      <c r="H16118" s="18"/>
      <c r="I16118" s="18"/>
      <c r="J16118" s="18"/>
      <c r="K16118" s="18"/>
      <c r="L16118" s="18"/>
      <c r="M16118" s="18"/>
      <c r="N16118" s="18"/>
      <c r="O16118" s="18"/>
      <c r="P16118" s="19">
        <v>720</v>
      </c>
      <c r="Q16118" s="19"/>
      <c r="R16118" s="19"/>
      <c r="S16118" s="19"/>
      <c r="T16118" s="19">
        <v>550</v>
      </c>
      <c r="U16118" s="19"/>
      <c r="V16118" s="19"/>
      <c r="W16118" s="19"/>
      <c r="X16118" s="19">
        <v>4</v>
      </c>
      <c r="Y16118" s="19"/>
      <c r="Z16118" s="19"/>
      <c r="AA16118" s="19"/>
    </row>
    <row r="16119" spans="1:27" s="1" customFormat="1" ht="14.1" customHeight="1" outlineLevel="3" x14ac:dyDescent="0.2">
      <c r="A16119" s="17"/>
      <c r="B16119" s="17"/>
      <c r="C16119" s="17"/>
      <c r="D16119" s="18"/>
      <c r="E16119" s="18"/>
      <c r="F16119" s="18"/>
      <c r="G16119" s="18"/>
      <c r="H16119" s="18"/>
      <c r="I16119" s="18"/>
      <c r="J16119" s="18"/>
      <c r="K16119" s="18"/>
      <c r="L16119" s="18"/>
      <c r="M16119" s="18"/>
      <c r="N16119" s="18"/>
      <c r="O16119" s="18"/>
      <c r="P16119" s="19"/>
      <c r="Q16119" s="19"/>
      <c r="R16119" s="19"/>
      <c r="S16119" s="19"/>
      <c r="T16119" s="19"/>
      <c r="U16119" s="19"/>
      <c r="V16119" s="19"/>
      <c r="W16119" s="19"/>
      <c r="X16119" s="19"/>
      <c r="Y16119" s="19"/>
      <c r="Z16119" s="19"/>
      <c r="AA16119" s="19"/>
    </row>
    <row r="16120" spans="1:27" s="1" customFormat="1" ht="21" customHeight="1" outlineLevel="3" x14ac:dyDescent="0.2">
      <c r="A16120" s="17">
        <v>13761</v>
      </c>
      <c r="B16120" s="17"/>
      <c r="C16120" s="17"/>
      <c r="D16120" s="18" t="s">
        <v>7974</v>
      </c>
      <c r="E16120" s="18"/>
      <c r="F16120" s="18"/>
      <c r="G16120" s="18"/>
      <c r="H16120" s="18"/>
      <c r="I16120" s="18"/>
      <c r="J16120" s="18"/>
      <c r="K16120" s="18"/>
      <c r="L16120" s="18"/>
      <c r="M16120" s="18"/>
      <c r="N16120" s="18"/>
      <c r="O16120" s="18"/>
      <c r="P16120" s="19">
        <v>820</v>
      </c>
      <c r="Q16120" s="19"/>
      <c r="R16120" s="19"/>
      <c r="S16120" s="19"/>
      <c r="T16120" s="19">
        <v>660</v>
      </c>
      <c r="U16120" s="19"/>
      <c r="V16120" s="19"/>
      <c r="W16120" s="19"/>
      <c r="X16120" s="19">
        <v>5</v>
      </c>
      <c r="Y16120" s="19"/>
      <c r="Z16120" s="19"/>
      <c r="AA16120" s="19"/>
    </row>
    <row r="16121" spans="1:27" s="1" customFormat="1" ht="21" customHeight="1" outlineLevel="3" x14ac:dyDescent="0.2">
      <c r="A16121" s="17"/>
      <c r="B16121" s="17"/>
      <c r="C16121" s="17"/>
      <c r="D16121" s="18"/>
      <c r="E16121" s="18"/>
      <c r="F16121" s="18"/>
      <c r="G16121" s="18"/>
      <c r="H16121" s="18"/>
      <c r="I16121" s="18"/>
      <c r="J16121" s="18"/>
      <c r="K16121" s="18"/>
      <c r="L16121" s="18"/>
      <c r="M16121" s="18"/>
      <c r="N16121" s="18"/>
      <c r="O16121" s="18"/>
      <c r="P16121" s="19"/>
      <c r="Q16121" s="19"/>
      <c r="R16121" s="19"/>
      <c r="S16121" s="19"/>
      <c r="T16121" s="19"/>
      <c r="U16121" s="19"/>
      <c r="V16121" s="19"/>
      <c r="W16121" s="19"/>
      <c r="X16121" s="19"/>
      <c r="Y16121" s="19"/>
      <c r="Z16121" s="19"/>
      <c r="AA16121" s="19"/>
    </row>
    <row r="16122" spans="1:27" s="1" customFormat="1" ht="14.1" customHeight="1" outlineLevel="3" x14ac:dyDescent="0.2">
      <c r="A16122" s="17">
        <v>13762</v>
      </c>
      <c r="B16122" s="17"/>
      <c r="C16122" s="17"/>
      <c r="D16122" s="18" t="s">
        <v>7975</v>
      </c>
      <c r="E16122" s="18"/>
      <c r="F16122" s="18"/>
      <c r="G16122" s="18"/>
      <c r="H16122" s="18"/>
      <c r="I16122" s="18"/>
      <c r="J16122" s="18"/>
      <c r="K16122" s="18"/>
      <c r="L16122" s="18"/>
      <c r="M16122" s="18"/>
      <c r="N16122" s="18"/>
      <c r="O16122" s="18"/>
      <c r="P16122" s="19">
        <v>730</v>
      </c>
      <c r="Q16122" s="19"/>
      <c r="R16122" s="19"/>
      <c r="S16122" s="19"/>
      <c r="T16122" s="19">
        <v>560</v>
      </c>
      <c r="U16122" s="19"/>
      <c r="V16122" s="19"/>
      <c r="W16122" s="19"/>
      <c r="X16122" s="19">
        <v>10</v>
      </c>
      <c r="Y16122" s="19"/>
      <c r="Z16122" s="19"/>
      <c r="AA16122" s="19"/>
    </row>
    <row r="16123" spans="1:27" s="1" customFormat="1" ht="14.1" customHeight="1" outlineLevel="3" x14ac:dyDescent="0.2">
      <c r="A16123" s="17"/>
      <c r="B16123" s="17"/>
      <c r="C16123" s="17"/>
      <c r="D16123" s="18"/>
      <c r="E16123" s="18"/>
      <c r="F16123" s="18"/>
      <c r="G16123" s="18"/>
      <c r="H16123" s="18"/>
      <c r="I16123" s="18"/>
      <c r="J16123" s="18"/>
      <c r="K16123" s="18"/>
      <c r="L16123" s="18"/>
      <c r="M16123" s="18"/>
      <c r="N16123" s="18"/>
      <c r="O16123" s="18"/>
      <c r="P16123" s="19"/>
      <c r="Q16123" s="19"/>
      <c r="R16123" s="19"/>
      <c r="S16123" s="19"/>
      <c r="T16123" s="19"/>
      <c r="U16123" s="19"/>
      <c r="V16123" s="19"/>
      <c r="W16123" s="19"/>
      <c r="X16123" s="19"/>
      <c r="Y16123" s="19"/>
      <c r="Z16123" s="19"/>
      <c r="AA16123" s="19"/>
    </row>
  </sheetData>
  <mergeCells count="38892">
    <mergeCell ref="A16118:C16119"/>
    <mergeCell ref="D16118:O16119"/>
    <mergeCell ref="P16118:S16119"/>
    <mergeCell ref="T16118:W16119"/>
    <mergeCell ref="X16118:AA16119"/>
    <mergeCell ref="A16120:C16121"/>
    <mergeCell ref="D16120:O16121"/>
    <mergeCell ref="P16120:S16121"/>
    <mergeCell ref="T16120:W16121"/>
    <mergeCell ref="X16120:AA16121"/>
    <mergeCell ref="A16122:C16123"/>
    <mergeCell ref="D16122:O16123"/>
    <mergeCell ref="P16122:S16123"/>
    <mergeCell ref="T16122:W16123"/>
    <mergeCell ref="X16122:AA16123"/>
    <mergeCell ref="A16102:C16103"/>
    <mergeCell ref="D16102:O16103"/>
    <mergeCell ref="P16102:S16103"/>
    <mergeCell ref="T16102:W16103"/>
    <mergeCell ref="X16102:AA16103"/>
    <mergeCell ref="A16104:C16105"/>
    <mergeCell ref="D16104:O16105"/>
    <mergeCell ref="P16104:S16105"/>
    <mergeCell ref="T16104:W16105"/>
    <mergeCell ref="X16104:AA16105"/>
    <mergeCell ref="A16106:C16107"/>
    <mergeCell ref="D16106:O16107"/>
    <mergeCell ref="P16106:S16107"/>
    <mergeCell ref="T16106:W16107"/>
    <mergeCell ref="X16106:AA16107"/>
    <mergeCell ref="A16108:C16109"/>
    <mergeCell ref="D16108:O16109"/>
    <mergeCell ref="P16108:S16109"/>
    <mergeCell ref="T16108:W16109"/>
    <mergeCell ref="X16108:AA16109"/>
    <mergeCell ref="A16110:C16111"/>
    <mergeCell ref="D16110:O16111"/>
    <mergeCell ref="P16110:S16111"/>
    <mergeCell ref="T16110:W16111"/>
    <mergeCell ref="X16110:AA16111"/>
    <mergeCell ref="A16112:AA16113"/>
    <mergeCell ref="A16114:C16115"/>
    <mergeCell ref="D16114:O16115"/>
    <mergeCell ref="P16114:S16115"/>
    <mergeCell ref="T16114:W16115"/>
    <mergeCell ref="X16114:AA16115"/>
    <mergeCell ref="A16116:C16117"/>
    <mergeCell ref="D16116:O16117"/>
    <mergeCell ref="P16116:S16117"/>
    <mergeCell ref="T16116:W16117"/>
    <mergeCell ref="X16116:AA16117"/>
    <mergeCell ref="A16088:C16089"/>
    <mergeCell ref="D16088:O16089"/>
    <mergeCell ref="P16088:S16089"/>
    <mergeCell ref="T16088:W16089"/>
    <mergeCell ref="X16088:AA16089"/>
    <mergeCell ref="A16090:C16091"/>
    <mergeCell ref="D16090:O16091"/>
    <mergeCell ref="P16090:S16091"/>
    <mergeCell ref="T16090:W16091"/>
    <mergeCell ref="X16090:AA16091"/>
    <mergeCell ref="A16092:C16093"/>
    <mergeCell ref="D16092:O16093"/>
    <mergeCell ref="P16092:S16093"/>
    <mergeCell ref="T16092:W16093"/>
    <mergeCell ref="X16092:AA16093"/>
    <mergeCell ref="A16094:C16095"/>
    <mergeCell ref="D16094:O16095"/>
    <mergeCell ref="P16094:S16095"/>
    <mergeCell ref="T16094:W16095"/>
    <mergeCell ref="X16094:AA16095"/>
    <mergeCell ref="A16096:C16097"/>
    <mergeCell ref="D16096:O16097"/>
    <mergeCell ref="P16096:S16097"/>
    <mergeCell ref="T16096:W16097"/>
    <mergeCell ref="X16096:AA16097"/>
    <mergeCell ref="A16098:C16099"/>
    <mergeCell ref="D16098:O16099"/>
    <mergeCell ref="P16098:S16099"/>
    <mergeCell ref="T16098:W16099"/>
    <mergeCell ref="X16098:AA16099"/>
    <mergeCell ref="A16100:C16101"/>
    <mergeCell ref="D16100:O16101"/>
    <mergeCell ref="P16100:S16101"/>
    <mergeCell ref="T16100:W16101"/>
    <mergeCell ref="X16100:AA16101"/>
    <mergeCell ref="A16074:C16075"/>
    <mergeCell ref="D16074:O16075"/>
    <mergeCell ref="P16074:S16075"/>
    <mergeCell ref="T16074:W16075"/>
    <mergeCell ref="X16074:AA16075"/>
    <mergeCell ref="A16076:C16077"/>
    <mergeCell ref="D16076:O16077"/>
    <mergeCell ref="P16076:S16077"/>
    <mergeCell ref="T16076:W16077"/>
    <mergeCell ref="X16076:AA16077"/>
    <mergeCell ref="A16078:C16079"/>
    <mergeCell ref="D16078:O16079"/>
    <mergeCell ref="P16078:S16079"/>
    <mergeCell ref="T16078:W16079"/>
    <mergeCell ref="X16078:AA16079"/>
    <mergeCell ref="A16080:C16081"/>
    <mergeCell ref="D16080:O16081"/>
    <mergeCell ref="P16080:S16081"/>
    <mergeCell ref="T16080:W16081"/>
    <mergeCell ref="X16080:AA16081"/>
    <mergeCell ref="A16082:C16083"/>
    <mergeCell ref="D16082:O16083"/>
    <mergeCell ref="P16082:S16083"/>
    <mergeCell ref="T16082:W16083"/>
    <mergeCell ref="X16082:AA16083"/>
    <mergeCell ref="A16084:C16085"/>
    <mergeCell ref="D16084:O16085"/>
    <mergeCell ref="P16084:S16085"/>
    <mergeCell ref="T16084:W16085"/>
    <mergeCell ref="X16084:AA16085"/>
    <mergeCell ref="A16086:C16087"/>
    <mergeCell ref="D16086:O16087"/>
    <mergeCell ref="P16086:S16087"/>
    <mergeCell ref="T16086:W16087"/>
    <mergeCell ref="X16086:AA16087"/>
    <mergeCell ref="A16060:C16061"/>
    <mergeCell ref="D16060:O16061"/>
    <mergeCell ref="P16060:S16061"/>
    <mergeCell ref="T16060:W16061"/>
    <mergeCell ref="X16060:AA16061"/>
    <mergeCell ref="A16062:C16063"/>
    <mergeCell ref="D16062:O16063"/>
    <mergeCell ref="P16062:S16063"/>
    <mergeCell ref="T16062:W16063"/>
    <mergeCell ref="X16062:AA16063"/>
    <mergeCell ref="A16064:C16065"/>
    <mergeCell ref="D16064:O16065"/>
    <mergeCell ref="P16064:S16065"/>
    <mergeCell ref="T16064:W16065"/>
    <mergeCell ref="X16064:AA16065"/>
    <mergeCell ref="A16066:C16067"/>
    <mergeCell ref="D16066:O16067"/>
    <mergeCell ref="P16066:S16067"/>
    <mergeCell ref="T16066:W16067"/>
    <mergeCell ref="X16066:AA16067"/>
    <mergeCell ref="A16068:C16069"/>
    <mergeCell ref="D16068:O16069"/>
    <mergeCell ref="P16068:S16069"/>
    <mergeCell ref="T16068:W16069"/>
    <mergeCell ref="X16068:AA16069"/>
    <mergeCell ref="A16070:C16071"/>
    <mergeCell ref="D16070:O16071"/>
    <mergeCell ref="P16070:S16071"/>
    <mergeCell ref="T16070:W16071"/>
    <mergeCell ref="X16070:AA16071"/>
    <mergeCell ref="A16072:C16073"/>
    <mergeCell ref="D16072:O16073"/>
    <mergeCell ref="P16072:S16073"/>
    <mergeCell ref="T16072:W16073"/>
    <mergeCell ref="X16072:AA16073"/>
    <mergeCell ref="A16046:C16047"/>
    <mergeCell ref="D16046:O16047"/>
    <mergeCell ref="P16046:S16047"/>
    <mergeCell ref="T16046:W16047"/>
    <mergeCell ref="X16046:AA16047"/>
    <mergeCell ref="A16048:C16049"/>
    <mergeCell ref="D16048:O16049"/>
    <mergeCell ref="P16048:S16049"/>
    <mergeCell ref="T16048:W16049"/>
    <mergeCell ref="X16048:AA16049"/>
    <mergeCell ref="A16050:C16051"/>
    <mergeCell ref="D16050:O16051"/>
    <mergeCell ref="P16050:S16051"/>
    <mergeCell ref="T16050:W16051"/>
    <mergeCell ref="X16050:AA16051"/>
    <mergeCell ref="A16052:C16053"/>
    <mergeCell ref="D16052:O16053"/>
    <mergeCell ref="P16052:S16053"/>
    <mergeCell ref="T16052:W16053"/>
    <mergeCell ref="X16052:AA16053"/>
    <mergeCell ref="A16054:C16055"/>
    <mergeCell ref="D16054:O16055"/>
    <mergeCell ref="P16054:S16055"/>
    <mergeCell ref="T16054:W16055"/>
    <mergeCell ref="X16054:AA16055"/>
    <mergeCell ref="A16056:C16057"/>
    <mergeCell ref="D16056:O16057"/>
    <mergeCell ref="P16056:S16057"/>
    <mergeCell ref="T16056:W16057"/>
    <mergeCell ref="X16056:AA16057"/>
    <mergeCell ref="A16058:C16059"/>
    <mergeCell ref="D16058:O16059"/>
    <mergeCell ref="P16058:S16059"/>
    <mergeCell ref="T16058:W16059"/>
    <mergeCell ref="X16058:AA16059"/>
    <mergeCell ref="A16032:C16033"/>
    <mergeCell ref="D16032:O16033"/>
    <mergeCell ref="P16032:S16033"/>
    <mergeCell ref="T16032:W16033"/>
    <mergeCell ref="X16032:AA16033"/>
    <mergeCell ref="A16034:C16035"/>
    <mergeCell ref="D16034:O16035"/>
    <mergeCell ref="P16034:S16035"/>
    <mergeCell ref="T16034:W16035"/>
    <mergeCell ref="X16034:AA16035"/>
    <mergeCell ref="A16036:C16037"/>
    <mergeCell ref="D16036:O16037"/>
    <mergeCell ref="P16036:S16037"/>
    <mergeCell ref="T16036:W16037"/>
    <mergeCell ref="X16036:AA16037"/>
    <mergeCell ref="A16038:C16039"/>
    <mergeCell ref="D16038:O16039"/>
    <mergeCell ref="P16038:S16039"/>
    <mergeCell ref="T16038:W16039"/>
    <mergeCell ref="X16038:AA16039"/>
    <mergeCell ref="A16040:C16041"/>
    <mergeCell ref="D16040:O16041"/>
    <mergeCell ref="P16040:S16041"/>
    <mergeCell ref="T16040:W16041"/>
    <mergeCell ref="X16040:AA16041"/>
    <mergeCell ref="A16042:C16043"/>
    <mergeCell ref="D16042:O16043"/>
    <mergeCell ref="P16042:S16043"/>
    <mergeCell ref="T16042:W16043"/>
    <mergeCell ref="X16042:AA16043"/>
    <mergeCell ref="A16044:C16045"/>
    <mergeCell ref="D16044:O16045"/>
    <mergeCell ref="P16044:S16045"/>
    <mergeCell ref="T16044:W16045"/>
    <mergeCell ref="X16044:AA16045"/>
    <mergeCell ref="A16018:C16019"/>
    <mergeCell ref="D16018:O16019"/>
    <mergeCell ref="P16018:S16019"/>
    <mergeCell ref="T16018:W16019"/>
    <mergeCell ref="X16018:AA16019"/>
    <mergeCell ref="A16020:C16021"/>
    <mergeCell ref="D16020:O16021"/>
    <mergeCell ref="P16020:S16021"/>
    <mergeCell ref="T16020:W16021"/>
    <mergeCell ref="X16020:AA16021"/>
    <mergeCell ref="A16022:C16023"/>
    <mergeCell ref="D16022:O16023"/>
    <mergeCell ref="P16022:S16023"/>
    <mergeCell ref="T16022:W16023"/>
    <mergeCell ref="X16022:AA16023"/>
    <mergeCell ref="A16024:C16025"/>
    <mergeCell ref="D16024:O16025"/>
    <mergeCell ref="P16024:S16025"/>
    <mergeCell ref="T16024:W16025"/>
    <mergeCell ref="X16024:AA16025"/>
    <mergeCell ref="A16026:C16027"/>
    <mergeCell ref="D16026:O16027"/>
    <mergeCell ref="P16026:S16027"/>
    <mergeCell ref="T16026:W16027"/>
    <mergeCell ref="X16026:AA16027"/>
    <mergeCell ref="A16028:C16029"/>
    <mergeCell ref="D16028:O16029"/>
    <mergeCell ref="P16028:S16029"/>
    <mergeCell ref="T16028:W16029"/>
    <mergeCell ref="X16028:AA16029"/>
    <mergeCell ref="A16030:C16031"/>
    <mergeCell ref="D16030:O16031"/>
    <mergeCell ref="P16030:S16031"/>
    <mergeCell ref="T16030:W16031"/>
    <mergeCell ref="X16030:AA16031"/>
    <mergeCell ref="A16002:C16003"/>
    <mergeCell ref="D16002:O16003"/>
    <mergeCell ref="P16002:S16003"/>
    <mergeCell ref="T16002:W16003"/>
    <mergeCell ref="X16002:AA16003"/>
    <mergeCell ref="A16004:C16005"/>
    <mergeCell ref="D16004:O16005"/>
    <mergeCell ref="P16004:S16005"/>
    <mergeCell ref="T16004:W16005"/>
    <mergeCell ref="X16004:AA16005"/>
    <mergeCell ref="A16006:AA16007"/>
    <mergeCell ref="A16008:C16009"/>
    <mergeCell ref="D16008:O16009"/>
    <mergeCell ref="P16008:S16009"/>
    <mergeCell ref="T16008:W16009"/>
    <mergeCell ref="X16008:AA16009"/>
    <mergeCell ref="A16010:C16011"/>
    <mergeCell ref="D16010:O16011"/>
    <mergeCell ref="P16010:S16011"/>
    <mergeCell ref="T16010:W16011"/>
    <mergeCell ref="X16010:AA16011"/>
    <mergeCell ref="A16012:C16013"/>
    <mergeCell ref="D16012:O16013"/>
    <mergeCell ref="P16012:S16013"/>
    <mergeCell ref="T16012:W16013"/>
    <mergeCell ref="X16012:AA16013"/>
    <mergeCell ref="A16014:C16015"/>
    <mergeCell ref="D16014:O16015"/>
    <mergeCell ref="P16014:S16015"/>
    <mergeCell ref="T16014:W16015"/>
    <mergeCell ref="X16014:AA16015"/>
    <mergeCell ref="A16016:C16017"/>
    <mergeCell ref="D16016:O16017"/>
    <mergeCell ref="P16016:S16017"/>
    <mergeCell ref="T16016:W16017"/>
    <mergeCell ref="X16016:AA16017"/>
    <mergeCell ref="A15988:C15989"/>
    <mergeCell ref="D15988:O15989"/>
    <mergeCell ref="P15988:S15989"/>
    <mergeCell ref="T15988:W15989"/>
    <mergeCell ref="X15988:AA15989"/>
    <mergeCell ref="A15990:C15991"/>
    <mergeCell ref="D15990:O15991"/>
    <mergeCell ref="P15990:S15991"/>
    <mergeCell ref="T15990:W15991"/>
    <mergeCell ref="X15990:AA15991"/>
    <mergeCell ref="A15992:C15993"/>
    <mergeCell ref="D15992:O15993"/>
    <mergeCell ref="P15992:S15993"/>
    <mergeCell ref="T15992:W15993"/>
    <mergeCell ref="X15992:AA15993"/>
    <mergeCell ref="A15994:C15995"/>
    <mergeCell ref="D15994:O15995"/>
    <mergeCell ref="P15994:S15995"/>
    <mergeCell ref="T15994:W15995"/>
    <mergeCell ref="X15994:AA15995"/>
    <mergeCell ref="A15996:C15997"/>
    <mergeCell ref="D15996:O15997"/>
    <mergeCell ref="P15996:S15997"/>
    <mergeCell ref="T15996:W15997"/>
    <mergeCell ref="X15996:AA15997"/>
    <mergeCell ref="A15998:C15999"/>
    <mergeCell ref="D15998:O15999"/>
    <mergeCell ref="P15998:S15999"/>
    <mergeCell ref="T15998:W15999"/>
    <mergeCell ref="X15998:AA15999"/>
    <mergeCell ref="A16000:C16001"/>
    <mergeCell ref="D16000:O16001"/>
    <mergeCell ref="P16000:S16001"/>
    <mergeCell ref="T16000:W16001"/>
    <mergeCell ref="X16000:AA16001"/>
    <mergeCell ref="A15972:C15973"/>
    <mergeCell ref="D15972:O15973"/>
    <mergeCell ref="P15972:S15973"/>
    <mergeCell ref="T15972:W15973"/>
    <mergeCell ref="X15972:AA15973"/>
    <mergeCell ref="A15974:AA15975"/>
    <mergeCell ref="A15976:C15977"/>
    <mergeCell ref="D15976:O15977"/>
    <mergeCell ref="P15976:S15977"/>
    <mergeCell ref="T15976:W15977"/>
    <mergeCell ref="X15976:AA15977"/>
    <mergeCell ref="A15978:C15979"/>
    <mergeCell ref="D15978:O15979"/>
    <mergeCell ref="P15978:S15979"/>
    <mergeCell ref="T15978:W15979"/>
    <mergeCell ref="X15978:AA15979"/>
    <mergeCell ref="A15980:C15981"/>
    <mergeCell ref="D15980:O15981"/>
    <mergeCell ref="P15980:S15981"/>
    <mergeCell ref="T15980:W15981"/>
    <mergeCell ref="X15980:AA15981"/>
    <mergeCell ref="A15982:C15983"/>
    <mergeCell ref="D15982:O15983"/>
    <mergeCell ref="P15982:S15983"/>
    <mergeCell ref="T15982:W15983"/>
    <mergeCell ref="X15982:AA15983"/>
    <mergeCell ref="A15984:C15985"/>
    <mergeCell ref="D15984:O15985"/>
    <mergeCell ref="P15984:S15985"/>
    <mergeCell ref="T15984:W15985"/>
    <mergeCell ref="X15984:AA15985"/>
    <mergeCell ref="A15986:C15987"/>
    <mergeCell ref="D15986:O15987"/>
    <mergeCell ref="P15986:S15987"/>
    <mergeCell ref="T15986:W15987"/>
    <mergeCell ref="X15986:AA15987"/>
    <mergeCell ref="A15958:C15959"/>
    <mergeCell ref="D15958:O15959"/>
    <mergeCell ref="P15958:S15959"/>
    <mergeCell ref="T15958:W15959"/>
    <mergeCell ref="X15958:AA15959"/>
    <mergeCell ref="A15960:C15961"/>
    <mergeCell ref="D15960:O15961"/>
    <mergeCell ref="P15960:S15961"/>
    <mergeCell ref="T15960:W15961"/>
    <mergeCell ref="X15960:AA15961"/>
    <mergeCell ref="A15962:C15963"/>
    <mergeCell ref="D15962:O15963"/>
    <mergeCell ref="P15962:S15963"/>
    <mergeCell ref="T15962:W15963"/>
    <mergeCell ref="X15962:AA15963"/>
    <mergeCell ref="A15964:C15965"/>
    <mergeCell ref="D15964:O15965"/>
    <mergeCell ref="P15964:S15965"/>
    <mergeCell ref="T15964:W15965"/>
    <mergeCell ref="X15964:AA15965"/>
    <mergeCell ref="A15966:C15967"/>
    <mergeCell ref="D15966:O15967"/>
    <mergeCell ref="P15966:S15967"/>
    <mergeCell ref="T15966:W15967"/>
    <mergeCell ref="X15966:AA15967"/>
    <mergeCell ref="A15968:C15969"/>
    <mergeCell ref="D15968:O15969"/>
    <mergeCell ref="P15968:S15969"/>
    <mergeCell ref="T15968:W15969"/>
    <mergeCell ref="X15968:AA15969"/>
    <mergeCell ref="A15970:C15971"/>
    <mergeCell ref="D15970:O15971"/>
    <mergeCell ref="P15970:S15971"/>
    <mergeCell ref="T15970:W15971"/>
    <mergeCell ref="X15970:AA15971"/>
    <mergeCell ref="A15944:C15945"/>
    <mergeCell ref="D15944:O15945"/>
    <mergeCell ref="P15944:S15945"/>
    <mergeCell ref="T15944:W15945"/>
    <mergeCell ref="X15944:AA15945"/>
    <mergeCell ref="A15946:C15947"/>
    <mergeCell ref="D15946:O15947"/>
    <mergeCell ref="P15946:S15947"/>
    <mergeCell ref="T15946:W15947"/>
    <mergeCell ref="X15946:AA15947"/>
    <mergeCell ref="A15948:C15949"/>
    <mergeCell ref="D15948:O15949"/>
    <mergeCell ref="P15948:S15949"/>
    <mergeCell ref="T15948:W15949"/>
    <mergeCell ref="X15948:AA15949"/>
    <mergeCell ref="A15950:C15951"/>
    <mergeCell ref="D15950:O15951"/>
    <mergeCell ref="P15950:S15951"/>
    <mergeCell ref="T15950:W15951"/>
    <mergeCell ref="X15950:AA15951"/>
    <mergeCell ref="A15952:C15953"/>
    <mergeCell ref="D15952:O15953"/>
    <mergeCell ref="P15952:S15953"/>
    <mergeCell ref="T15952:W15953"/>
    <mergeCell ref="X15952:AA15953"/>
    <mergeCell ref="A15954:C15955"/>
    <mergeCell ref="D15954:O15955"/>
    <mergeCell ref="P15954:S15955"/>
    <mergeCell ref="T15954:W15955"/>
    <mergeCell ref="X15954:AA15955"/>
    <mergeCell ref="A15956:C15957"/>
    <mergeCell ref="D15956:O15957"/>
    <mergeCell ref="P15956:S15957"/>
    <mergeCell ref="T15956:W15957"/>
    <mergeCell ref="X15956:AA15957"/>
    <mergeCell ref="A15930:C15931"/>
    <mergeCell ref="D15930:O15931"/>
    <mergeCell ref="P15930:S15931"/>
    <mergeCell ref="T15930:W15931"/>
    <mergeCell ref="X15930:AA15931"/>
    <mergeCell ref="A15932:C15933"/>
    <mergeCell ref="D15932:O15933"/>
    <mergeCell ref="P15932:S15933"/>
    <mergeCell ref="T15932:W15933"/>
    <mergeCell ref="X15932:AA15933"/>
    <mergeCell ref="A15934:C15935"/>
    <mergeCell ref="D15934:O15935"/>
    <mergeCell ref="P15934:S15935"/>
    <mergeCell ref="T15934:W15935"/>
    <mergeCell ref="X15934:AA15935"/>
    <mergeCell ref="A15936:C15937"/>
    <mergeCell ref="D15936:O15937"/>
    <mergeCell ref="P15936:S15937"/>
    <mergeCell ref="T15936:W15937"/>
    <mergeCell ref="X15936:AA15937"/>
    <mergeCell ref="A15938:C15939"/>
    <mergeCell ref="D15938:O15939"/>
    <mergeCell ref="P15938:S15939"/>
    <mergeCell ref="T15938:W15939"/>
    <mergeCell ref="X15938:AA15939"/>
    <mergeCell ref="A15940:C15941"/>
    <mergeCell ref="D15940:O15941"/>
    <mergeCell ref="P15940:S15941"/>
    <mergeCell ref="T15940:W15941"/>
    <mergeCell ref="X15940:AA15941"/>
    <mergeCell ref="A15942:C15943"/>
    <mergeCell ref="D15942:O15943"/>
    <mergeCell ref="P15942:S15943"/>
    <mergeCell ref="T15942:W15943"/>
    <mergeCell ref="X15942:AA15943"/>
    <mergeCell ref="A15916:C15917"/>
    <mergeCell ref="D15916:O15917"/>
    <mergeCell ref="P15916:S15917"/>
    <mergeCell ref="T15916:W15917"/>
    <mergeCell ref="X15916:AA15917"/>
    <mergeCell ref="A15918:C15919"/>
    <mergeCell ref="D15918:O15919"/>
    <mergeCell ref="P15918:S15919"/>
    <mergeCell ref="T15918:W15919"/>
    <mergeCell ref="X15918:AA15919"/>
    <mergeCell ref="A15920:C15921"/>
    <mergeCell ref="D15920:O15921"/>
    <mergeCell ref="P15920:S15921"/>
    <mergeCell ref="T15920:W15921"/>
    <mergeCell ref="X15920:AA15921"/>
    <mergeCell ref="A15922:C15923"/>
    <mergeCell ref="D15922:O15923"/>
    <mergeCell ref="P15922:S15923"/>
    <mergeCell ref="T15922:W15923"/>
    <mergeCell ref="X15922:AA15923"/>
    <mergeCell ref="A15924:C15925"/>
    <mergeCell ref="D15924:O15925"/>
    <mergeCell ref="P15924:S15925"/>
    <mergeCell ref="T15924:W15925"/>
    <mergeCell ref="X15924:AA15925"/>
    <mergeCell ref="A15926:C15927"/>
    <mergeCell ref="D15926:O15927"/>
    <mergeCell ref="P15926:S15927"/>
    <mergeCell ref="T15926:W15927"/>
    <mergeCell ref="X15926:AA15927"/>
    <mergeCell ref="A15928:C15929"/>
    <mergeCell ref="D15928:O15929"/>
    <mergeCell ref="P15928:S15929"/>
    <mergeCell ref="T15928:W15929"/>
    <mergeCell ref="X15928:AA15929"/>
    <mergeCell ref="A15898:C15899"/>
    <mergeCell ref="D15898:O15899"/>
    <mergeCell ref="P15898:S15899"/>
    <mergeCell ref="T15898:W15899"/>
    <mergeCell ref="X15898:AA15899"/>
    <mergeCell ref="A15900:AA15901"/>
    <mergeCell ref="A15902:C15903"/>
    <mergeCell ref="D15902:O15903"/>
    <mergeCell ref="P15902:S15903"/>
    <mergeCell ref="T15902:W15903"/>
    <mergeCell ref="X15902:AA15903"/>
    <mergeCell ref="A15904:C15905"/>
    <mergeCell ref="D15904:O15905"/>
    <mergeCell ref="P15904:S15905"/>
    <mergeCell ref="T15904:W15905"/>
    <mergeCell ref="X15904:AA15905"/>
    <mergeCell ref="A15906:C15907"/>
    <mergeCell ref="D15906:O15907"/>
    <mergeCell ref="P15906:S15907"/>
    <mergeCell ref="T15906:W15907"/>
    <mergeCell ref="X15906:AA15907"/>
    <mergeCell ref="A15908:C15909"/>
    <mergeCell ref="D15908:O15909"/>
    <mergeCell ref="P15908:S15909"/>
    <mergeCell ref="T15908:W15909"/>
    <mergeCell ref="X15908:AA15909"/>
    <mergeCell ref="A15910:C15911"/>
    <mergeCell ref="D15910:O15911"/>
    <mergeCell ref="P15910:S15911"/>
    <mergeCell ref="T15910:W15911"/>
    <mergeCell ref="X15910:AA15911"/>
    <mergeCell ref="A15912:AA15913"/>
    <mergeCell ref="A15914:C15915"/>
    <mergeCell ref="D15914:O15915"/>
    <mergeCell ref="P15914:S15915"/>
    <mergeCell ref="T15914:W15915"/>
    <mergeCell ref="X15914:AA15915"/>
    <mergeCell ref="A15884:C15885"/>
    <mergeCell ref="D15884:O15885"/>
    <mergeCell ref="P15884:S15885"/>
    <mergeCell ref="T15884:W15885"/>
    <mergeCell ref="X15884:AA15885"/>
    <mergeCell ref="A15886:C15887"/>
    <mergeCell ref="D15886:O15887"/>
    <mergeCell ref="P15886:S15887"/>
    <mergeCell ref="T15886:W15887"/>
    <mergeCell ref="X15886:AA15887"/>
    <mergeCell ref="A15888:C15889"/>
    <mergeCell ref="D15888:O15889"/>
    <mergeCell ref="P15888:S15889"/>
    <mergeCell ref="T15888:W15889"/>
    <mergeCell ref="X15888:AA15889"/>
    <mergeCell ref="A15890:C15891"/>
    <mergeCell ref="D15890:O15891"/>
    <mergeCell ref="P15890:S15891"/>
    <mergeCell ref="T15890:W15891"/>
    <mergeCell ref="X15890:AA15891"/>
    <mergeCell ref="A15892:C15893"/>
    <mergeCell ref="D15892:O15893"/>
    <mergeCell ref="P15892:S15893"/>
    <mergeCell ref="T15892:W15893"/>
    <mergeCell ref="X15892:AA15893"/>
    <mergeCell ref="A15894:C15895"/>
    <mergeCell ref="D15894:O15895"/>
    <mergeCell ref="P15894:S15895"/>
    <mergeCell ref="T15894:W15895"/>
    <mergeCell ref="X15894:AA15895"/>
    <mergeCell ref="A15896:C15897"/>
    <mergeCell ref="D15896:O15897"/>
    <mergeCell ref="P15896:S15897"/>
    <mergeCell ref="T15896:W15897"/>
    <mergeCell ref="X15896:AA15897"/>
    <mergeCell ref="A15870:C15871"/>
    <mergeCell ref="D15870:O15871"/>
    <mergeCell ref="P15870:S15871"/>
    <mergeCell ref="T15870:W15871"/>
    <mergeCell ref="X15870:AA15871"/>
    <mergeCell ref="A15872:C15873"/>
    <mergeCell ref="D15872:O15873"/>
    <mergeCell ref="P15872:S15873"/>
    <mergeCell ref="T15872:W15873"/>
    <mergeCell ref="X15872:AA15873"/>
    <mergeCell ref="A15874:C15875"/>
    <mergeCell ref="D15874:O15875"/>
    <mergeCell ref="P15874:S15875"/>
    <mergeCell ref="T15874:W15875"/>
    <mergeCell ref="X15874:AA15875"/>
    <mergeCell ref="A15876:C15877"/>
    <mergeCell ref="D15876:O15877"/>
    <mergeCell ref="P15876:S15877"/>
    <mergeCell ref="T15876:W15877"/>
    <mergeCell ref="X15876:AA15877"/>
    <mergeCell ref="A15878:C15879"/>
    <mergeCell ref="D15878:O15879"/>
    <mergeCell ref="P15878:S15879"/>
    <mergeCell ref="T15878:W15879"/>
    <mergeCell ref="X15878:AA15879"/>
    <mergeCell ref="A15880:C15881"/>
    <mergeCell ref="D15880:O15881"/>
    <mergeCell ref="P15880:S15881"/>
    <mergeCell ref="T15880:W15881"/>
    <mergeCell ref="X15880:AA15881"/>
    <mergeCell ref="A15882:C15883"/>
    <mergeCell ref="D15882:O15883"/>
    <mergeCell ref="P15882:S15883"/>
    <mergeCell ref="T15882:W15883"/>
    <mergeCell ref="X15882:AA15883"/>
    <mergeCell ref="A15856:C15857"/>
    <mergeCell ref="D15856:O15857"/>
    <mergeCell ref="P15856:S15857"/>
    <mergeCell ref="T15856:W15857"/>
    <mergeCell ref="X15856:AA15857"/>
    <mergeCell ref="A15858:C15859"/>
    <mergeCell ref="D15858:O15859"/>
    <mergeCell ref="P15858:S15859"/>
    <mergeCell ref="T15858:W15859"/>
    <mergeCell ref="X15858:AA15859"/>
    <mergeCell ref="A15860:C15861"/>
    <mergeCell ref="D15860:O15861"/>
    <mergeCell ref="P15860:S15861"/>
    <mergeCell ref="T15860:W15861"/>
    <mergeCell ref="X15860:AA15861"/>
    <mergeCell ref="A15862:C15863"/>
    <mergeCell ref="D15862:O15863"/>
    <mergeCell ref="P15862:S15863"/>
    <mergeCell ref="T15862:W15863"/>
    <mergeCell ref="X15862:AA15863"/>
    <mergeCell ref="A15864:C15865"/>
    <mergeCell ref="D15864:O15865"/>
    <mergeCell ref="P15864:S15865"/>
    <mergeCell ref="T15864:W15865"/>
    <mergeCell ref="X15864:AA15865"/>
    <mergeCell ref="A15866:C15867"/>
    <mergeCell ref="D15866:O15867"/>
    <mergeCell ref="P15866:S15867"/>
    <mergeCell ref="T15866:W15867"/>
    <mergeCell ref="X15866:AA15867"/>
    <mergeCell ref="A15868:C15869"/>
    <mergeCell ref="D15868:O15869"/>
    <mergeCell ref="P15868:S15869"/>
    <mergeCell ref="T15868:W15869"/>
    <mergeCell ref="X15868:AA15869"/>
    <mergeCell ref="A15842:C15843"/>
    <mergeCell ref="D15842:O15843"/>
    <mergeCell ref="P15842:S15843"/>
    <mergeCell ref="T15842:W15843"/>
    <mergeCell ref="X15842:AA15843"/>
    <mergeCell ref="A15844:C15845"/>
    <mergeCell ref="D15844:O15845"/>
    <mergeCell ref="P15844:S15845"/>
    <mergeCell ref="T15844:W15845"/>
    <mergeCell ref="X15844:AA15845"/>
    <mergeCell ref="A15846:C15847"/>
    <mergeCell ref="D15846:O15847"/>
    <mergeCell ref="P15846:S15847"/>
    <mergeCell ref="T15846:W15847"/>
    <mergeCell ref="X15846:AA15847"/>
    <mergeCell ref="A15848:C15849"/>
    <mergeCell ref="D15848:O15849"/>
    <mergeCell ref="P15848:S15849"/>
    <mergeCell ref="T15848:W15849"/>
    <mergeCell ref="X15848:AA15849"/>
    <mergeCell ref="A15850:C15851"/>
    <mergeCell ref="D15850:O15851"/>
    <mergeCell ref="P15850:S15851"/>
    <mergeCell ref="T15850:W15851"/>
    <mergeCell ref="X15850:AA15851"/>
    <mergeCell ref="A15852:C15853"/>
    <mergeCell ref="D15852:O15853"/>
    <mergeCell ref="P15852:S15853"/>
    <mergeCell ref="T15852:W15853"/>
    <mergeCell ref="X15852:AA15853"/>
    <mergeCell ref="A15854:C15855"/>
    <mergeCell ref="D15854:O15855"/>
    <mergeCell ref="P15854:S15855"/>
    <mergeCell ref="T15854:W15855"/>
    <mergeCell ref="X15854:AA15855"/>
    <mergeCell ref="A15828:C15829"/>
    <mergeCell ref="D15828:O15829"/>
    <mergeCell ref="P15828:S15829"/>
    <mergeCell ref="T15828:W15829"/>
    <mergeCell ref="X15828:AA15829"/>
    <mergeCell ref="A15830:C15831"/>
    <mergeCell ref="D15830:O15831"/>
    <mergeCell ref="P15830:S15831"/>
    <mergeCell ref="T15830:W15831"/>
    <mergeCell ref="X15830:AA15831"/>
    <mergeCell ref="A15832:C15833"/>
    <mergeCell ref="D15832:O15833"/>
    <mergeCell ref="P15832:S15833"/>
    <mergeCell ref="T15832:W15833"/>
    <mergeCell ref="X15832:AA15833"/>
    <mergeCell ref="A15834:C15835"/>
    <mergeCell ref="D15834:O15835"/>
    <mergeCell ref="P15834:S15835"/>
    <mergeCell ref="T15834:W15835"/>
    <mergeCell ref="X15834:AA15835"/>
    <mergeCell ref="A15836:C15837"/>
    <mergeCell ref="D15836:O15837"/>
    <mergeCell ref="P15836:S15837"/>
    <mergeCell ref="T15836:W15837"/>
    <mergeCell ref="X15836:AA15837"/>
    <mergeCell ref="A15838:C15839"/>
    <mergeCell ref="D15838:O15839"/>
    <mergeCell ref="P15838:S15839"/>
    <mergeCell ref="T15838:W15839"/>
    <mergeCell ref="X15838:AA15839"/>
    <mergeCell ref="A15840:C15841"/>
    <mergeCell ref="D15840:O15841"/>
    <mergeCell ref="P15840:S15841"/>
    <mergeCell ref="T15840:W15841"/>
    <mergeCell ref="X15840:AA15841"/>
    <mergeCell ref="A15814:C15815"/>
    <mergeCell ref="D15814:O15815"/>
    <mergeCell ref="P15814:S15815"/>
    <mergeCell ref="T15814:W15815"/>
    <mergeCell ref="X15814:AA15815"/>
    <mergeCell ref="A15816:C15817"/>
    <mergeCell ref="D15816:O15817"/>
    <mergeCell ref="P15816:S15817"/>
    <mergeCell ref="T15816:W15817"/>
    <mergeCell ref="X15816:AA15817"/>
    <mergeCell ref="A15818:C15819"/>
    <mergeCell ref="D15818:O15819"/>
    <mergeCell ref="P15818:S15819"/>
    <mergeCell ref="T15818:W15819"/>
    <mergeCell ref="X15818:AA15819"/>
    <mergeCell ref="A15820:C15821"/>
    <mergeCell ref="D15820:O15821"/>
    <mergeCell ref="P15820:S15821"/>
    <mergeCell ref="T15820:W15821"/>
    <mergeCell ref="X15820:AA15821"/>
    <mergeCell ref="A15822:C15823"/>
    <mergeCell ref="D15822:O15823"/>
    <mergeCell ref="P15822:S15823"/>
    <mergeCell ref="T15822:W15823"/>
    <mergeCell ref="X15822:AA15823"/>
    <mergeCell ref="A15824:C15825"/>
    <mergeCell ref="D15824:O15825"/>
    <mergeCell ref="P15824:S15825"/>
    <mergeCell ref="T15824:W15825"/>
    <mergeCell ref="X15824:AA15825"/>
    <mergeCell ref="A15826:C15827"/>
    <mergeCell ref="D15826:O15827"/>
    <mergeCell ref="P15826:S15827"/>
    <mergeCell ref="T15826:W15827"/>
    <mergeCell ref="X15826:AA15827"/>
    <mergeCell ref="A15798:C15799"/>
    <mergeCell ref="D15798:O15799"/>
    <mergeCell ref="P15798:S15799"/>
    <mergeCell ref="T15798:W15799"/>
    <mergeCell ref="X15798:AA15799"/>
    <mergeCell ref="A15800:C15801"/>
    <mergeCell ref="D15800:O15801"/>
    <mergeCell ref="P15800:S15801"/>
    <mergeCell ref="T15800:W15801"/>
    <mergeCell ref="X15800:AA15801"/>
    <mergeCell ref="A15802:C15803"/>
    <mergeCell ref="D15802:O15803"/>
    <mergeCell ref="P15802:S15803"/>
    <mergeCell ref="T15802:W15803"/>
    <mergeCell ref="X15802:AA15803"/>
    <mergeCell ref="A15804:C15805"/>
    <mergeCell ref="D15804:O15805"/>
    <mergeCell ref="P15804:S15805"/>
    <mergeCell ref="T15804:W15805"/>
    <mergeCell ref="X15804:AA15805"/>
    <mergeCell ref="A15806:C15807"/>
    <mergeCell ref="D15806:O15807"/>
    <mergeCell ref="P15806:S15807"/>
    <mergeCell ref="T15806:W15807"/>
    <mergeCell ref="X15806:AA15807"/>
    <mergeCell ref="A15808:C15809"/>
    <mergeCell ref="D15808:O15809"/>
    <mergeCell ref="P15808:S15809"/>
    <mergeCell ref="T15808:W15809"/>
    <mergeCell ref="X15808:AA15809"/>
    <mergeCell ref="A15810:AA15811"/>
    <mergeCell ref="A15812:C15813"/>
    <mergeCell ref="D15812:O15813"/>
    <mergeCell ref="P15812:S15813"/>
    <mergeCell ref="T15812:W15813"/>
    <mergeCell ref="X15812:AA15813"/>
    <mergeCell ref="A15782:C15783"/>
    <mergeCell ref="D15782:O15783"/>
    <mergeCell ref="P15782:S15783"/>
    <mergeCell ref="T15782:W15783"/>
    <mergeCell ref="X15782:AA15783"/>
    <mergeCell ref="A15784:C15785"/>
    <mergeCell ref="D15784:O15785"/>
    <mergeCell ref="P15784:S15785"/>
    <mergeCell ref="T15784:W15785"/>
    <mergeCell ref="X15784:AA15785"/>
    <mergeCell ref="A15786:C15787"/>
    <mergeCell ref="D15786:O15787"/>
    <mergeCell ref="P15786:S15787"/>
    <mergeCell ref="T15786:W15787"/>
    <mergeCell ref="X15786:AA15787"/>
    <mergeCell ref="A15788:C15789"/>
    <mergeCell ref="D15788:O15789"/>
    <mergeCell ref="P15788:S15789"/>
    <mergeCell ref="T15788:W15789"/>
    <mergeCell ref="X15788:AA15789"/>
    <mergeCell ref="A15790:AA15791"/>
    <mergeCell ref="A15792:C15793"/>
    <mergeCell ref="D15792:O15793"/>
    <mergeCell ref="P15792:S15793"/>
    <mergeCell ref="T15792:W15793"/>
    <mergeCell ref="X15792:AA15793"/>
    <mergeCell ref="A15794:C15795"/>
    <mergeCell ref="D15794:O15795"/>
    <mergeCell ref="P15794:S15795"/>
    <mergeCell ref="T15794:W15795"/>
    <mergeCell ref="X15794:AA15795"/>
    <mergeCell ref="A15796:C15797"/>
    <mergeCell ref="D15796:O15797"/>
    <mergeCell ref="P15796:S15797"/>
    <mergeCell ref="T15796:W15797"/>
    <mergeCell ref="X15796:AA15797"/>
    <mergeCell ref="A15768:C15769"/>
    <mergeCell ref="D15768:O15769"/>
    <mergeCell ref="P15768:S15769"/>
    <mergeCell ref="T15768:W15769"/>
    <mergeCell ref="X15768:AA15769"/>
    <mergeCell ref="A15770:C15771"/>
    <mergeCell ref="D15770:O15771"/>
    <mergeCell ref="P15770:S15771"/>
    <mergeCell ref="T15770:W15771"/>
    <mergeCell ref="X15770:AA15771"/>
    <mergeCell ref="A15772:C15773"/>
    <mergeCell ref="D15772:O15773"/>
    <mergeCell ref="P15772:S15773"/>
    <mergeCell ref="T15772:W15773"/>
    <mergeCell ref="X15772:AA15773"/>
    <mergeCell ref="A15774:C15775"/>
    <mergeCell ref="D15774:O15775"/>
    <mergeCell ref="P15774:S15775"/>
    <mergeCell ref="T15774:W15775"/>
    <mergeCell ref="X15774:AA15775"/>
    <mergeCell ref="A15776:C15777"/>
    <mergeCell ref="D15776:O15777"/>
    <mergeCell ref="P15776:S15777"/>
    <mergeCell ref="T15776:W15777"/>
    <mergeCell ref="X15776:AA15777"/>
    <mergeCell ref="A15778:C15779"/>
    <mergeCell ref="D15778:O15779"/>
    <mergeCell ref="P15778:S15779"/>
    <mergeCell ref="T15778:W15779"/>
    <mergeCell ref="X15778:AA15779"/>
    <mergeCell ref="A15780:C15781"/>
    <mergeCell ref="D15780:O15781"/>
    <mergeCell ref="P15780:S15781"/>
    <mergeCell ref="T15780:W15781"/>
    <mergeCell ref="X15780:AA15781"/>
    <mergeCell ref="A15754:C15755"/>
    <mergeCell ref="D15754:O15755"/>
    <mergeCell ref="P15754:S15755"/>
    <mergeCell ref="T15754:W15755"/>
    <mergeCell ref="X15754:AA15755"/>
    <mergeCell ref="A15756:C15757"/>
    <mergeCell ref="D15756:O15757"/>
    <mergeCell ref="P15756:S15757"/>
    <mergeCell ref="T15756:W15757"/>
    <mergeCell ref="X15756:AA15757"/>
    <mergeCell ref="A15758:C15759"/>
    <mergeCell ref="D15758:O15759"/>
    <mergeCell ref="P15758:S15759"/>
    <mergeCell ref="T15758:W15759"/>
    <mergeCell ref="X15758:AA15759"/>
    <mergeCell ref="A15760:C15761"/>
    <mergeCell ref="D15760:O15761"/>
    <mergeCell ref="P15760:S15761"/>
    <mergeCell ref="T15760:W15761"/>
    <mergeCell ref="X15760:AA15761"/>
    <mergeCell ref="A15762:C15763"/>
    <mergeCell ref="D15762:O15763"/>
    <mergeCell ref="P15762:S15763"/>
    <mergeCell ref="T15762:W15763"/>
    <mergeCell ref="X15762:AA15763"/>
    <mergeCell ref="A15764:C15765"/>
    <mergeCell ref="D15764:O15765"/>
    <mergeCell ref="P15764:S15765"/>
    <mergeCell ref="T15764:W15765"/>
    <mergeCell ref="X15764:AA15765"/>
    <mergeCell ref="A15766:C15767"/>
    <mergeCell ref="D15766:O15767"/>
    <mergeCell ref="P15766:S15767"/>
    <mergeCell ref="T15766:W15767"/>
    <mergeCell ref="X15766:AA15767"/>
    <mergeCell ref="A15740:C15741"/>
    <mergeCell ref="D15740:O15741"/>
    <mergeCell ref="P15740:S15741"/>
    <mergeCell ref="T15740:W15741"/>
    <mergeCell ref="X15740:AA15741"/>
    <mergeCell ref="A15742:C15743"/>
    <mergeCell ref="D15742:O15743"/>
    <mergeCell ref="P15742:S15743"/>
    <mergeCell ref="T15742:W15743"/>
    <mergeCell ref="X15742:AA15743"/>
    <mergeCell ref="A15744:C15745"/>
    <mergeCell ref="D15744:O15745"/>
    <mergeCell ref="P15744:S15745"/>
    <mergeCell ref="T15744:W15745"/>
    <mergeCell ref="X15744:AA15745"/>
    <mergeCell ref="A15746:C15747"/>
    <mergeCell ref="D15746:O15747"/>
    <mergeCell ref="P15746:S15747"/>
    <mergeCell ref="T15746:W15747"/>
    <mergeCell ref="X15746:AA15747"/>
    <mergeCell ref="A15748:C15749"/>
    <mergeCell ref="D15748:O15749"/>
    <mergeCell ref="P15748:S15749"/>
    <mergeCell ref="T15748:W15749"/>
    <mergeCell ref="X15748:AA15749"/>
    <mergeCell ref="A15750:C15751"/>
    <mergeCell ref="D15750:O15751"/>
    <mergeCell ref="P15750:S15751"/>
    <mergeCell ref="T15750:W15751"/>
    <mergeCell ref="X15750:AA15751"/>
    <mergeCell ref="A15752:C15753"/>
    <mergeCell ref="D15752:O15753"/>
    <mergeCell ref="P15752:S15753"/>
    <mergeCell ref="T15752:W15753"/>
    <mergeCell ref="X15752:AA15753"/>
    <mergeCell ref="A15726:C15727"/>
    <mergeCell ref="D15726:O15727"/>
    <mergeCell ref="P15726:S15727"/>
    <mergeCell ref="T15726:W15727"/>
    <mergeCell ref="X15726:AA15727"/>
    <mergeCell ref="A15728:C15729"/>
    <mergeCell ref="D15728:O15729"/>
    <mergeCell ref="P15728:S15729"/>
    <mergeCell ref="T15728:W15729"/>
    <mergeCell ref="X15728:AA15729"/>
    <mergeCell ref="A15730:C15731"/>
    <mergeCell ref="D15730:O15731"/>
    <mergeCell ref="P15730:S15731"/>
    <mergeCell ref="T15730:W15731"/>
    <mergeCell ref="X15730:AA15731"/>
    <mergeCell ref="A15732:C15733"/>
    <mergeCell ref="D15732:O15733"/>
    <mergeCell ref="P15732:S15733"/>
    <mergeCell ref="T15732:W15733"/>
    <mergeCell ref="X15732:AA15733"/>
    <mergeCell ref="A15734:C15735"/>
    <mergeCell ref="D15734:O15735"/>
    <mergeCell ref="P15734:S15735"/>
    <mergeCell ref="T15734:W15735"/>
    <mergeCell ref="X15734:AA15735"/>
    <mergeCell ref="A15736:C15737"/>
    <mergeCell ref="D15736:O15737"/>
    <mergeCell ref="P15736:S15737"/>
    <mergeCell ref="T15736:W15737"/>
    <mergeCell ref="X15736:AA15737"/>
    <mergeCell ref="A15738:C15739"/>
    <mergeCell ref="D15738:O15739"/>
    <mergeCell ref="P15738:S15739"/>
    <mergeCell ref="T15738:W15739"/>
    <mergeCell ref="X15738:AA15739"/>
    <mergeCell ref="A15712:C15713"/>
    <mergeCell ref="D15712:O15713"/>
    <mergeCell ref="P15712:S15713"/>
    <mergeCell ref="T15712:W15713"/>
    <mergeCell ref="X15712:AA15713"/>
    <mergeCell ref="A15714:C15715"/>
    <mergeCell ref="D15714:O15715"/>
    <mergeCell ref="P15714:S15715"/>
    <mergeCell ref="T15714:W15715"/>
    <mergeCell ref="X15714:AA15715"/>
    <mergeCell ref="A15716:C15717"/>
    <mergeCell ref="D15716:O15717"/>
    <mergeCell ref="P15716:S15717"/>
    <mergeCell ref="T15716:W15717"/>
    <mergeCell ref="X15716:AA15717"/>
    <mergeCell ref="A15718:C15719"/>
    <mergeCell ref="D15718:O15719"/>
    <mergeCell ref="P15718:S15719"/>
    <mergeCell ref="T15718:W15719"/>
    <mergeCell ref="X15718:AA15719"/>
    <mergeCell ref="A15720:C15721"/>
    <mergeCell ref="D15720:O15721"/>
    <mergeCell ref="P15720:S15721"/>
    <mergeCell ref="T15720:W15721"/>
    <mergeCell ref="X15720:AA15721"/>
    <mergeCell ref="A15722:C15723"/>
    <mergeCell ref="D15722:O15723"/>
    <mergeCell ref="P15722:S15723"/>
    <mergeCell ref="T15722:W15723"/>
    <mergeCell ref="X15722:AA15723"/>
    <mergeCell ref="A15724:C15725"/>
    <mergeCell ref="D15724:O15725"/>
    <mergeCell ref="P15724:S15725"/>
    <mergeCell ref="T15724:W15725"/>
    <mergeCell ref="X15724:AA15725"/>
    <mergeCell ref="A15694:C15695"/>
    <mergeCell ref="D15694:O15695"/>
    <mergeCell ref="P15694:S15695"/>
    <mergeCell ref="T15694:W15695"/>
    <mergeCell ref="X15694:AA15695"/>
    <mergeCell ref="A15696:AA15697"/>
    <mergeCell ref="A15698:C15699"/>
    <mergeCell ref="D15698:O15699"/>
    <mergeCell ref="P15698:S15699"/>
    <mergeCell ref="T15698:W15699"/>
    <mergeCell ref="X15698:AA15699"/>
    <mergeCell ref="A15700:C15701"/>
    <mergeCell ref="D15700:O15701"/>
    <mergeCell ref="P15700:S15701"/>
    <mergeCell ref="T15700:W15701"/>
    <mergeCell ref="X15700:AA15701"/>
    <mergeCell ref="A15702:C15703"/>
    <mergeCell ref="D15702:O15703"/>
    <mergeCell ref="P15702:S15703"/>
    <mergeCell ref="T15702:W15703"/>
    <mergeCell ref="X15702:AA15703"/>
    <mergeCell ref="A15704:C15705"/>
    <mergeCell ref="D15704:O15705"/>
    <mergeCell ref="P15704:S15705"/>
    <mergeCell ref="T15704:W15705"/>
    <mergeCell ref="X15704:AA15705"/>
    <mergeCell ref="A15706:C15707"/>
    <mergeCell ref="D15706:O15707"/>
    <mergeCell ref="P15706:S15707"/>
    <mergeCell ref="T15706:W15707"/>
    <mergeCell ref="X15706:AA15707"/>
    <mergeCell ref="A15708:AA15709"/>
    <mergeCell ref="A15710:C15711"/>
    <mergeCell ref="D15710:O15711"/>
    <mergeCell ref="P15710:S15711"/>
    <mergeCell ref="T15710:W15711"/>
    <mergeCell ref="X15710:AA15711"/>
    <mergeCell ref="A15678:C15679"/>
    <mergeCell ref="D15678:O15679"/>
    <mergeCell ref="P15678:S15679"/>
    <mergeCell ref="T15678:W15679"/>
    <mergeCell ref="X15678:AA15679"/>
    <mergeCell ref="A15680:C15681"/>
    <mergeCell ref="D15680:O15681"/>
    <mergeCell ref="P15680:S15681"/>
    <mergeCell ref="T15680:W15681"/>
    <mergeCell ref="X15680:AA15681"/>
    <mergeCell ref="A15682:C15683"/>
    <mergeCell ref="D15682:O15683"/>
    <mergeCell ref="P15682:S15683"/>
    <mergeCell ref="T15682:W15683"/>
    <mergeCell ref="X15682:AA15683"/>
    <mergeCell ref="A15684:C15685"/>
    <mergeCell ref="D15684:O15685"/>
    <mergeCell ref="P15684:S15685"/>
    <mergeCell ref="T15684:W15685"/>
    <mergeCell ref="X15684:AA15685"/>
    <mergeCell ref="A15686:C15687"/>
    <mergeCell ref="D15686:O15687"/>
    <mergeCell ref="P15686:S15687"/>
    <mergeCell ref="T15686:W15687"/>
    <mergeCell ref="X15686:AA15687"/>
    <mergeCell ref="A15688:C15689"/>
    <mergeCell ref="D15688:O15689"/>
    <mergeCell ref="P15688:S15689"/>
    <mergeCell ref="T15688:W15689"/>
    <mergeCell ref="X15688:AA15689"/>
    <mergeCell ref="A15690:AA15691"/>
    <mergeCell ref="A15692:C15693"/>
    <mergeCell ref="D15692:O15693"/>
    <mergeCell ref="P15692:S15693"/>
    <mergeCell ref="T15692:W15693"/>
    <mergeCell ref="X15692:AA15693"/>
    <mergeCell ref="A15662:C15663"/>
    <mergeCell ref="D15662:O15663"/>
    <mergeCell ref="P15662:S15663"/>
    <mergeCell ref="T15662:W15663"/>
    <mergeCell ref="X15662:AA15663"/>
    <mergeCell ref="A15664:C15665"/>
    <mergeCell ref="D15664:O15665"/>
    <mergeCell ref="P15664:S15665"/>
    <mergeCell ref="T15664:W15665"/>
    <mergeCell ref="X15664:AA15665"/>
    <mergeCell ref="A15666:C15667"/>
    <mergeCell ref="D15666:O15667"/>
    <mergeCell ref="P15666:S15667"/>
    <mergeCell ref="T15666:W15667"/>
    <mergeCell ref="X15666:AA15667"/>
    <mergeCell ref="A15668:C15669"/>
    <mergeCell ref="D15668:O15669"/>
    <mergeCell ref="P15668:S15669"/>
    <mergeCell ref="T15668:W15669"/>
    <mergeCell ref="X15668:AA15669"/>
    <mergeCell ref="A15670:C15671"/>
    <mergeCell ref="D15670:O15671"/>
    <mergeCell ref="P15670:S15671"/>
    <mergeCell ref="T15670:W15671"/>
    <mergeCell ref="X15670:AA15671"/>
    <mergeCell ref="A15672:C15673"/>
    <mergeCell ref="D15672:O15673"/>
    <mergeCell ref="P15672:S15673"/>
    <mergeCell ref="T15672:W15673"/>
    <mergeCell ref="X15672:AA15673"/>
    <mergeCell ref="A15674:AA15675"/>
    <mergeCell ref="A15676:C15677"/>
    <mergeCell ref="D15676:O15677"/>
    <mergeCell ref="P15676:S15677"/>
    <mergeCell ref="T15676:W15677"/>
    <mergeCell ref="X15676:AA15677"/>
    <mergeCell ref="A15648:C15649"/>
    <mergeCell ref="D15648:O15649"/>
    <mergeCell ref="P15648:S15649"/>
    <mergeCell ref="T15648:W15649"/>
    <mergeCell ref="X15648:AA15649"/>
    <mergeCell ref="A15650:C15651"/>
    <mergeCell ref="D15650:O15651"/>
    <mergeCell ref="P15650:S15651"/>
    <mergeCell ref="T15650:W15651"/>
    <mergeCell ref="X15650:AA15651"/>
    <mergeCell ref="A15652:C15653"/>
    <mergeCell ref="D15652:O15653"/>
    <mergeCell ref="P15652:S15653"/>
    <mergeCell ref="T15652:W15653"/>
    <mergeCell ref="X15652:AA15653"/>
    <mergeCell ref="A15654:C15655"/>
    <mergeCell ref="D15654:O15655"/>
    <mergeCell ref="P15654:S15655"/>
    <mergeCell ref="T15654:W15655"/>
    <mergeCell ref="X15654:AA15655"/>
    <mergeCell ref="A15656:C15657"/>
    <mergeCell ref="D15656:O15657"/>
    <mergeCell ref="P15656:S15657"/>
    <mergeCell ref="T15656:W15657"/>
    <mergeCell ref="X15656:AA15657"/>
    <mergeCell ref="A15658:C15659"/>
    <mergeCell ref="D15658:O15659"/>
    <mergeCell ref="P15658:S15659"/>
    <mergeCell ref="T15658:W15659"/>
    <mergeCell ref="X15658:AA15659"/>
    <mergeCell ref="A15660:C15661"/>
    <mergeCell ref="D15660:O15661"/>
    <mergeCell ref="P15660:S15661"/>
    <mergeCell ref="T15660:W15661"/>
    <mergeCell ref="X15660:AA15661"/>
    <mergeCell ref="A15634:C15635"/>
    <mergeCell ref="D15634:O15635"/>
    <mergeCell ref="P15634:S15635"/>
    <mergeCell ref="T15634:W15635"/>
    <mergeCell ref="X15634:AA15635"/>
    <mergeCell ref="A15636:C15637"/>
    <mergeCell ref="D15636:O15637"/>
    <mergeCell ref="P15636:S15637"/>
    <mergeCell ref="T15636:W15637"/>
    <mergeCell ref="X15636:AA15637"/>
    <mergeCell ref="A15638:C15639"/>
    <mergeCell ref="D15638:O15639"/>
    <mergeCell ref="P15638:S15639"/>
    <mergeCell ref="T15638:W15639"/>
    <mergeCell ref="X15638:AA15639"/>
    <mergeCell ref="A15640:C15641"/>
    <mergeCell ref="D15640:O15641"/>
    <mergeCell ref="P15640:S15641"/>
    <mergeCell ref="T15640:W15641"/>
    <mergeCell ref="X15640:AA15641"/>
    <mergeCell ref="A15642:C15643"/>
    <mergeCell ref="D15642:O15643"/>
    <mergeCell ref="P15642:S15643"/>
    <mergeCell ref="T15642:W15643"/>
    <mergeCell ref="X15642:AA15643"/>
    <mergeCell ref="A15644:C15645"/>
    <mergeCell ref="D15644:O15645"/>
    <mergeCell ref="P15644:S15645"/>
    <mergeCell ref="T15644:W15645"/>
    <mergeCell ref="X15644:AA15645"/>
    <mergeCell ref="A15646:C15647"/>
    <mergeCell ref="D15646:O15647"/>
    <mergeCell ref="P15646:S15647"/>
    <mergeCell ref="T15646:W15647"/>
    <mergeCell ref="X15646:AA15647"/>
    <mergeCell ref="A15620:C15621"/>
    <mergeCell ref="D15620:O15621"/>
    <mergeCell ref="P15620:S15621"/>
    <mergeCell ref="T15620:W15621"/>
    <mergeCell ref="X15620:AA15621"/>
    <mergeCell ref="A15622:C15623"/>
    <mergeCell ref="D15622:O15623"/>
    <mergeCell ref="P15622:S15623"/>
    <mergeCell ref="T15622:W15623"/>
    <mergeCell ref="X15622:AA15623"/>
    <mergeCell ref="A15624:C15625"/>
    <mergeCell ref="D15624:O15625"/>
    <mergeCell ref="P15624:S15625"/>
    <mergeCell ref="T15624:W15625"/>
    <mergeCell ref="X15624:AA15625"/>
    <mergeCell ref="A15626:C15627"/>
    <mergeCell ref="D15626:O15627"/>
    <mergeCell ref="P15626:S15627"/>
    <mergeCell ref="T15626:W15627"/>
    <mergeCell ref="X15626:AA15627"/>
    <mergeCell ref="A15628:C15629"/>
    <mergeCell ref="D15628:O15629"/>
    <mergeCell ref="P15628:S15629"/>
    <mergeCell ref="T15628:W15629"/>
    <mergeCell ref="X15628:AA15629"/>
    <mergeCell ref="A15630:C15631"/>
    <mergeCell ref="D15630:O15631"/>
    <mergeCell ref="P15630:S15631"/>
    <mergeCell ref="T15630:W15631"/>
    <mergeCell ref="X15630:AA15631"/>
    <mergeCell ref="A15632:C15633"/>
    <mergeCell ref="D15632:O15633"/>
    <mergeCell ref="P15632:S15633"/>
    <mergeCell ref="T15632:W15633"/>
    <mergeCell ref="X15632:AA15633"/>
    <mergeCell ref="A15606:C15607"/>
    <mergeCell ref="D15606:O15607"/>
    <mergeCell ref="P15606:S15607"/>
    <mergeCell ref="T15606:W15607"/>
    <mergeCell ref="X15606:AA15607"/>
    <mergeCell ref="A15608:C15609"/>
    <mergeCell ref="D15608:O15609"/>
    <mergeCell ref="P15608:S15609"/>
    <mergeCell ref="T15608:W15609"/>
    <mergeCell ref="X15608:AA15609"/>
    <mergeCell ref="A15610:C15611"/>
    <mergeCell ref="D15610:O15611"/>
    <mergeCell ref="P15610:S15611"/>
    <mergeCell ref="T15610:W15611"/>
    <mergeCell ref="X15610:AA15611"/>
    <mergeCell ref="A15612:C15613"/>
    <mergeCell ref="D15612:O15613"/>
    <mergeCell ref="P15612:S15613"/>
    <mergeCell ref="T15612:W15613"/>
    <mergeCell ref="X15612:AA15613"/>
    <mergeCell ref="A15614:C15615"/>
    <mergeCell ref="D15614:O15615"/>
    <mergeCell ref="P15614:S15615"/>
    <mergeCell ref="T15614:W15615"/>
    <mergeCell ref="X15614:AA15615"/>
    <mergeCell ref="A15616:C15617"/>
    <mergeCell ref="D15616:O15617"/>
    <mergeCell ref="P15616:S15617"/>
    <mergeCell ref="T15616:W15617"/>
    <mergeCell ref="X15616:AA15617"/>
    <mergeCell ref="A15618:C15619"/>
    <mergeCell ref="D15618:O15619"/>
    <mergeCell ref="P15618:S15619"/>
    <mergeCell ref="T15618:W15619"/>
    <mergeCell ref="X15618:AA15619"/>
    <mergeCell ref="A15592:C15593"/>
    <mergeCell ref="D15592:O15593"/>
    <mergeCell ref="P15592:S15593"/>
    <mergeCell ref="T15592:W15593"/>
    <mergeCell ref="X15592:AA15593"/>
    <mergeCell ref="A15594:C15595"/>
    <mergeCell ref="D15594:O15595"/>
    <mergeCell ref="P15594:S15595"/>
    <mergeCell ref="T15594:W15595"/>
    <mergeCell ref="X15594:AA15595"/>
    <mergeCell ref="A15596:C15597"/>
    <mergeCell ref="D15596:O15597"/>
    <mergeCell ref="P15596:S15597"/>
    <mergeCell ref="T15596:W15597"/>
    <mergeCell ref="X15596:AA15597"/>
    <mergeCell ref="A15598:C15599"/>
    <mergeCell ref="D15598:O15599"/>
    <mergeCell ref="P15598:S15599"/>
    <mergeCell ref="T15598:W15599"/>
    <mergeCell ref="X15598:AA15599"/>
    <mergeCell ref="A15600:C15601"/>
    <mergeCell ref="D15600:O15601"/>
    <mergeCell ref="P15600:S15601"/>
    <mergeCell ref="T15600:W15601"/>
    <mergeCell ref="X15600:AA15601"/>
    <mergeCell ref="A15602:C15603"/>
    <mergeCell ref="D15602:O15603"/>
    <mergeCell ref="P15602:S15603"/>
    <mergeCell ref="T15602:W15603"/>
    <mergeCell ref="X15602:AA15603"/>
    <mergeCell ref="A15604:C15605"/>
    <mergeCell ref="D15604:O15605"/>
    <mergeCell ref="P15604:S15605"/>
    <mergeCell ref="T15604:W15605"/>
    <mergeCell ref="X15604:AA15605"/>
    <mergeCell ref="A15578:C15579"/>
    <mergeCell ref="D15578:O15579"/>
    <mergeCell ref="P15578:S15579"/>
    <mergeCell ref="T15578:W15579"/>
    <mergeCell ref="X15578:AA15579"/>
    <mergeCell ref="A15580:C15581"/>
    <mergeCell ref="D15580:O15581"/>
    <mergeCell ref="P15580:S15581"/>
    <mergeCell ref="T15580:W15581"/>
    <mergeCell ref="X15580:AA15581"/>
    <mergeCell ref="A15582:C15583"/>
    <mergeCell ref="D15582:O15583"/>
    <mergeCell ref="P15582:S15583"/>
    <mergeCell ref="T15582:W15583"/>
    <mergeCell ref="X15582:AA15583"/>
    <mergeCell ref="A15584:C15585"/>
    <mergeCell ref="D15584:O15585"/>
    <mergeCell ref="P15584:S15585"/>
    <mergeCell ref="T15584:W15585"/>
    <mergeCell ref="X15584:AA15585"/>
    <mergeCell ref="A15586:C15587"/>
    <mergeCell ref="D15586:O15587"/>
    <mergeCell ref="P15586:S15587"/>
    <mergeCell ref="T15586:W15587"/>
    <mergeCell ref="X15586:AA15587"/>
    <mergeCell ref="A15588:C15589"/>
    <mergeCell ref="D15588:O15589"/>
    <mergeCell ref="P15588:S15589"/>
    <mergeCell ref="T15588:W15589"/>
    <mergeCell ref="X15588:AA15589"/>
    <mergeCell ref="A15590:C15591"/>
    <mergeCell ref="D15590:O15591"/>
    <mergeCell ref="P15590:S15591"/>
    <mergeCell ref="T15590:W15591"/>
    <mergeCell ref="X15590:AA15591"/>
    <mergeCell ref="A15562:C15563"/>
    <mergeCell ref="D15562:O15563"/>
    <mergeCell ref="P15562:S15563"/>
    <mergeCell ref="T15562:W15563"/>
    <mergeCell ref="X15562:AA15563"/>
    <mergeCell ref="A15564:C15565"/>
    <mergeCell ref="D15564:O15565"/>
    <mergeCell ref="P15564:S15565"/>
    <mergeCell ref="T15564:W15565"/>
    <mergeCell ref="X15564:AA15565"/>
    <mergeCell ref="A15566:AA15567"/>
    <mergeCell ref="A15568:C15569"/>
    <mergeCell ref="D15568:O15569"/>
    <mergeCell ref="P15568:S15569"/>
    <mergeCell ref="T15568:W15569"/>
    <mergeCell ref="X15568:AA15569"/>
    <mergeCell ref="A15570:C15571"/>
    <mergeCell ref="D15570:O15571"/>
    <mergeCell ref="P15570:S15571"/>
    <mergeCell ref="T15570:W15571"/>
    <mergeCell ref="X15570:AA15571"/>
    <mergeCell ref="A15572:C15573"/>
    <mergeCell ref="D15572:O15573"/>
    <mergeCell ref="P15572:S15573"/>
    <mergeCell ref="T15572:W15573"/>
    <mergeCell ref="X15572:AA15573"/>
    <mergeCell ref="A15574:C15575"/>
    <mergeCell ref="D15574:O15575"/>
    <mergeCell ref="P15574:S15575"/>
    <mergeCell ref="T15574:W15575"/>
    <mergeCell ref="X15574:AA15575"/>
    <mergeCell ref="A15576:C15577"/>
    <mergeCell ref="D15576:O15577"/>
    <mergeCell ref="P15576:S15577"/>
    <mergeCell ref="T15576:W15577"/>
    <mergeCell ref="X15576:AA15577"/>
    <mergeCell ref="A15544:AA15545"/>
    <mergeCell ref="A15546:C15547"/>
    <mergeCell ref="D15546:O15547"/>
    <mergeCell ref="P15546:S15547"/>
    <mergeCell ref="T15546:W15547"/>
    <mergeCell ref="X15546:AA15547"/>
    <mergeCell ref="A15548:C15549"/>
    <mergeCell ref="D15548:O15549"/>
    <mergeCell ref="P15548:S15549"/>
    <mergeCell ref="T15548:W15549"/>
    <mergeCell ref="X15548:AA15549"/>
    <mergeCell ref="A15550:C15551"/>
    <mergeCell ref="D15550:O15551"/>
    <mergeCell ref="P15550:S15551"/>
    <mergeCell ref="T15550:W15551"/>
    <mergeCell ref="X15550:AA15551"/>
    <mergeCell ref="A15552:C15553"/>
    <mergeCell ref="D15552:O15553"/>
    <mergeCell ref="P15552:S15553"/>
    <mergeCell ref="T15552:W15553"/>
    <mergeCell ref="X15552:AA15553"/>
    <mergeCell ref="A15554:C15555"/>
    <mergeCell ref="D15554:O15555"/>
    <mergeCell ref="P15554:S15555"/>
    <mergeCell ref="T15554:W15555"/>
    <mergeCell ref="X15554:AA15555"/>
    <mergeCell ref="A15556:C15557"/>
    <mergeCell ref="D15556:O15557"/>
    <mergeCell ref="P15556:S15557"/>
    <mergeCell ref="T15556:W15557"/>
    <mergeCell ref="X15556:AA15557"/>
    <mergeCell ref="A15558:AA15559"/>
    <mergeCell ref="A15560:C15561"/>
    <mergeCell ref="D15560:O15561"/>
    <mergeCell ref="P15560:S15561"/>
    <mergeCell ref="T15560:W15561"/>
    <mergeCell ref="X15560:AA15561"/>
    <mergeCell ref="A15530:C15531"/>
    <mergeCell ref="D15530:O15531"/>
    <mergeCell ref="P15530:S15531"/>
    <mergeCell ref="T15530:W15531"/>
    <mergeCell ref="X15530:AA15531"/>
    <mergeCell ref="A15532:C15533"/>
    <mergeCell ref="D15532:O15533"/>
    <mergeCell ref="P15532:S15533"/>
    <mergeCell ref="T15532:W15533"/>
    <mergeCell ref="X15532:AA15533"/>
    <mergeCell ref="A15534:C15535"/>
    <mergeCell ref="D15534:O15535"/>
    <mergeCell ref="P15534:S15535"/>
    <mergeCell ref="T15534:W15535"/>
    <mergeCell ref="X15534:AA15535"/>
    <mergeCell ref="A15536:C15537"/>
    <mergeCell ref="D15536:O15537"/>
    <mergeCell ref="P15536:S15537"/>
    <mergeCell ref="T15536:W15537"/>
    <mergeCell ref="X15536:AA15537"/>
    <mergeCell ref="A15538:C15539"/>
    <mergeCell ref="D15538:O15539"/>
    <mergeCell ref="P15538:S15539"/>
    <mergeCell ref="T15538:W15539"/>
    <mergeCell ref="X15538:AA15539"/>
    <mergeCell ref="A15540:C15541"/>
    <mergeCell ref="D15540:O15541"/>
    <mergeCell ref="P15540:S15541"/>
    <mergeCell ref="T15540:W15541"/>
    <mergeCell ref="X15540:AA15541"/>
    <mergeCell ref="A15542:C15543"/>
    <mergeCell ref="D15542:O15543"/>
    <mergeCell ref="P15542:S15543"/>
    <mergeCell ref="T15542:W15543"/>
    <mergeCell ref="X15542:AA15543"/>
    <mergeCell ref="A15512:C15513"/>
    <mergeCell ref="D15512:O15513"/>
    <mergeCell ref="P15512:S15513"/>
    <mergeCell ref="T15512:W15513"/>
    <mergeCell ref="X15512:AA15513"/>
    <mergeCell ref="A15514:AA15515"/>
    <mergeCell ref="A15516:C15517"/>
    <mergeCell ref="D15516:O15517"/>
    <mergeCell ref="P15516:S15517"/>
    <mergeCell ref="T15516:W15517"/>
    <mergeCell ref="X15516:AA15517"/>
    <mergeCell ref="A15518:AA15519"/>
    <mergeCell ref="A15520:C15521"/>
    <mergeCell ref="D15520:O15521"/>
    <mergeCell ref="P15520:S15521"/>
    <mergeCell ref="T15520:W15521"/>
    <mergeCell ref="X15520:AA15521"/>
    <mergeCell ref="A15522:C15523"/>
    <mergeCell ref="D15522:O15523"/>
    <mergeCell ref="P15522:S15523"/>
    <mergeCell ref="T15522:W15523"/>
    <mergeCell ref="X15522:AA15523"/>
    <mergeCell ref="A15524:C15525"/>
    <mergeCell ref="D15524:O15525"/>
    <mergeCell ref="P15524:S15525"/>
    <mergeCell ref="T15524:W15525"/>
    <mergeCell ref="X15524:AA15525"/>
    <mergeCell ref="A15526:C15527"/>
    <mergeCell ref="D15526:O15527"/>
    <mergeCell ref="P15526:S15527"/>
    <mergeCell ref="T15526:W15527"/>
    <mergeCell ref="X15526:AA15527"/>
    <mergeCell ref="A15528:C15529"/>
    <mergeCell ref="D15528:O15529"/>
    <mergeCell ref="P15528:S15529"/>
    <mergeCell ref="T15528:W15529"/>
    <mergeCell ref="X15528:AA15529"/>
    <mergeCell ref="A15494:AA15495"/>
    <mergeCell ref="A15496:C15497"/>
    <mergeCell ref="D15496:O15497"/>
    <mergeCell ref="P15496:S15497"/>
    <mergeCell ref="T15496:W15497"/>
    <mergeCell ref="X15496:AA15497"/>
    <mergeCell ref="A15498:AA15499"/>
    <mergeCell ref="A15500:C15501"/>
    <mergeCell ref="D15500:O15501"/>
    <mergeCell ref="P15500:S15501"/>
    <mergeCell ref="T15500:W15501"/>
    <mergeCell ref="X15500:AA15501"/>
    <mergeCell ref="A15502:C15503"/>
    <mergeCell ref="D15502:O15503"/>
    <mergeCell ref="P15502:S15503"/>
    <mergeCell ref="T15502:W15503"/>
    <mergeCell ref="X15502:AA15503"/>
    <mergeCell ref="A15504:C15505"/>
    <mergeCell ref="D15504:O15505"/>
    <mergeCell ref="P15504:S15505"/>
    <mergeCell ref="T15504:W15505"/>
    <mergeCell ref="X15504:AA15505"/>
    <mergeCell ref="A15506:C15507"/>
    <mergeCell ref="D15506:O15507"/>
    <mergeCell ref="P15506:S15507"/>
    <mergeCell ref="T15506:W15507"/>
    <mergeCell ref="X15506:AA15507"/>
    <mergeCell ref="A15508:C15509"/>
    <mergeCell ref="D15508:O15509"/>
    <mergeCell ref="P15508:S15509"/>
    <mergeCell ref="T15508:W15509"/>
    <mergeCell ref="X15508:AA15509"/>
    <mergeCell ref="A15510:C15511"/>
    <mergeCell ref="D15510:O15511"/>
    <mergeCell ref="P15510:S15511"/>
    <mergeCell ref="T15510:W15511"/>
    <mergeCell ref="X15510:AA15511"/>
    <mergeCell ref="A15478:C15479"/>
    <mergeCell ref="D15478:O15479"/>
    <mergeCell ref="P15478:S15479"/>
    <mergeCell ref="T15478:W15479"/>
    <mergeCell ref="X15478:AA15479"/>
    <mergeCell ref="A15480:AA15481"/>
    <mergeCell ref="A15482:C15483"/>
    <mergeCell ref="D15482:O15483"/>
    <mergeCell ref="P15482:S15483"/>
    <mergeCell ref="T15482:W15483"/>
    <mergeCell ref="X15482:AA15483"/>
    <mergeCell ref="A15484:C15485"/>
    <mergeCell ref="D15484:O15485"/>
    <mergeCell ref="P15484:S15485"/>
    <mergeCell ref="T15484:W15485"/>
    <mergeCell ref="X15484:AA15485"/>
    <mergeCell ref="A15486:C15487"/>
    <mergeCell ref="D15486:O15487"/>
    <mergeCell ref="P15486:S15487"/>
    <mergeCell ref="T15486:W15487"/>
    <mergeCell ref="X15486:AA15487"/>
    <mergeCell ref="A15488:C15489"/>
    <mergeCell ref="D15488:O15489"/>
    <mergeCell ref="P15488:S15489"/>
    <mergeCell ref="T15488:W15489"/>
    <mergeCell ref="X15488:AA15489"/>
    <mergeCell ref="A15490:C15491"/>
    <mergeCell ref="D15490:O15491"/>
    <mergeCell ref="P15490:S15491"/>
    <mergeCell ref="T15490:W15491"/>
    <mergeCell ref="X15490:AA15491"/>
    <mergeCell ref="A15492:C15493"/>
    <mergeCell ref="D15492:O15493"/>
    <mergeCell ref="P15492:S15493"/>
    <mergeCell ref="T15492:W15493"/>
    <mergeCell ref="X15492:AA15493"/>
    <mergeCell ref="A15460:C15461"/>
    <mergeCell ref="D15460:O15461"/>
    <mergeCell ref="P15460:S15461"/>
    <mergeCell ref="T15460:W15461"/>
    <mergeCell ref="X15460:AA15461"/>
    <mergeCell ref="A15462:C15463"/>
    <mergeCell ref="D15462:O15463"/>
    <mergeCell ref="P15462:S15463"/>
    <mergeCell ref="T15462:W15463"/>
    <mergeCell ref="X15462:AA15463"/>
    <mergeCell ref="A15464:C15465"/>
    <mergeCell ref="D15464:O15465"/>
    <mergeCell ref="P15464:S15465"/>
    <mergeCell ref="T15464:W15465"/>
    <mergeCell ref="X15464:AA15465"/>
    <mergeCell ref="A15466:C15467"/>
    <mergeCell ref="D15466:O15467"/>
    <mergeCell ref="P15466:S15467"/>
    <mergeCell ref="T15466:W15467"/>
    <mergeCell ref="X15466:AA15467"/>
    <mergeCell ref="A15468:AA15469"/>
    <mergeCell ref="A15470:C15471"/>
    <mergeCell ref="D15470:O15471"/>
    <mergeCell ref="P15470:S15471"/>
    <mergeCell ref="T15470:W15471"/>
    <mergeCell ref="X15470:AA15471"/>
    <mergeCell ref="A15472:AA15473"/>
    <mergeCell ref="A15474:C15475"/>
    <mergeCell ref="D15474:O15475"/>
    <mergeCell ref="P15474:S15475"/>
    <mergeCell ref="T15474:W15475"/>
    <mergeCell ref="X15474:AA15475"/>
    <mergeCell ref="A15476:C15477"/>
    <mergeCell ref="D15476:O15477"/>
    <mergeCell ref="P15476:S15477"/>
    <mergeCell ref="T15476:W15477"/>
    <mergeCell ref="X15476:AA15477"/>
    <mergeCell ref="A15446:C15447"/>
    <mergeCell ref="D15446:O15447"/>
    <mergeCell ref="P15446:S15447"/>
    <mergeCell ref="T15446:W15447"/>
    <mergeCell ref="X15446:AA15447"/>
    <mergeCell ref="A15448:C15449"/>
    <mergeCell ref="D15448:O15449"/>
    <mergeCell ref="P15448:S15449"/>
    <mergeCell ref="T15448:W15449"/>
    <mergeCell ref="X15448:AA15449"/>
    <mergeCell ref="A15450:C15451"/>
    <mergeCell ref="D15450:O15451"/>
    <mergeCell ref="P15450:S15451"/>
    <mergeCell ref="T15450:W15451"/>
    <mergeCell ref="X15450:AA15451"/>
    <mergeCell ref="A15452:C15453"/>
    <mergeCell ref="D15452:O15453"/>
    <mergeCell ref="P15452:S15453"/>
    <mergeCell ref="T15452:W15453"/>
    <mergeCell ref="X15452:AA15453"/>
    <mergeCell ref="A15454:C15455"/>
    <mergeCell ref="D15454:O15455"/>
    <mergeCell ref="P15454:S15455"/>
    <mergeCell ref="T15454:W15455"/>
    <mergeCell ref="X15454:AA15455"/>
    <mergeCell ref="A15456:C15457"/>
    <mergeCell ref="D15456:O15457"/>
    <mergeCell ref="P15456:S15457"/>
    <mergeCell ref="T15456:W15457"/>
    <mergeCell ref="X15456:AA15457"/>
    <mergeCell ref="A15458:C15459"/>
    <mergeCell ref="D15458:O15459"/>
    <mergeCell ref="P15458:S15459"/>
    <mergeCell ref="T15458:W15459"/>
    <mergeCell ref="X15458:AA15459"/>
    <mergeCell ref="A15432:C15433"/>
    <mergeCell ref="D15432:O15433"/>
    <mergeCell ref="P15432:S15433"/>
    <mergeCell ref="T15432:W15433"/>
    <mergeCell ref="X15432:AA15433"/>
    <mergeCell ref="A15434:C15435"/>
    <mergeCell ref="D15434:O15435"/>
    <mergeCell ref="P15434:S15435"/>
    <mergeCell ref="T15434:W15435"/>
    <mergeCell ref="X15434:AA15435"/>
    <mergeCell ref="A15436:C15437"/>
    <mergeCell ref="D15436:O15437"/>
    <mergeCell ref="P15436:S15437"/>
    <mergeCell ref="T15436:W15437"/>
    <mergeCell ref="X15436:AA15437"/>
    <mergeCell ref="A15438:C15439"/>
    <mergeCell ref="D15438:O15439"/>
    <mergeCell ref="P15438:S15439"/>
    <mergeCell ref="T15438:W15439"/>
    <mergeCell ref="X15438:AA15439"/>
    <mergeCell ref="A15440:C15441"/>
    <mergeCell ref="D15440:O15441"/>
    <mergeCell ref="P15440:S15441"/>
    <mergeCell ref="T15440:W15441"/>
    <mergeCell ref="X15440:AA15441"/>
    <mergeCell ref="A15442:C15443"/>
    <mergeCell ref="D15442:O15443"/>
    <mergeCell ref="P15442:S15443"/>
    <mergeCell ref="T15442:W15443"/>
    <mergeCell ref="X15442:AA15443"/>
    <mergeCell ref="A15444:C15445"/>
    <mergeCell ref="D15444:O15445"/>
    <mergeCell ref="P15444:S15445"/>
    <mergeCell ref="T15444:W15445"/>
    <mergeCell ref="X15444:AA15445"/>
    <mergeCell ref="A15418:C15419"/>
    <mergeCell ref="D15418:O15419"/>
    <mergeCell ref="P15418:S15419"/>
    <mergeCell ref="T15418:W15419"/>
    <mergeCell ref="X15418:AA15419"/>
    <mergeCell ref="A15420:C15421"/>
    <mergeCell ref="D15420:O15421"/>
    <mergeCell ref="P15420:S15421"/>
    <mergeCell ref="T15420:W15421"/>
    <mergeCell ref="X15420:AA15421"/>
    <mergeCell ref="A15422:C15423"/>
    <mergeCell ref="D15422:O15423"/>
    <mergeCell ref="P15422:S15423"/>
    <mergeCell ref="T15422:W15423"/>
    <mergeCell ref="X15422:AA15423"/>
    <mergeCell ref="A15424:C15425"/>
    <mergeCell ref="D15424:O15425"/>
    <mergeCell ref="P15424:S15425"/>
    <mergeCell ref="T15424:W15425"/>
    <mergeCell ref="X15424:AA15425"/>
    <mergeCell ref="A15426:C15427"/>
    <mergeCell ref="D15426:O15427"/>
    <mergeCell ref="P15426:S15427"/>
    <mergeCell ref="T15426:W15427"/>
    <mergeCell ref="X15426:AA15427"/>
    <mergeCell ref="A15428:C15429"/>
    <mergeCell ref="D15428:O15429"/>
    <mergeCell ref="P15428:S15429"/>
    <mergeCell ref="T15428:W15429"/>
    <mergeCell ref="X15428:AA15429"/>
    <mergeCell ref="A15430:C15431"/>
    <mergeCell ref="D15430:O15431"/>
    <mergeCell ref="P15430:S15431"/>
    <mergeCell ref="T15430:W15431"/>
    <mergeCell ref="X15430:AA15431"/>
    <mergeCell ref="A15400:C15401"/>
    <mergeCell ref="D15400:O15401"/>
    <mergeCell ref="P15400:S15401"/>
    <mergeCell ref="T15400:W15401"/>
    <mergeCell ref="X15400:AA15401"/>
    <mergeCell ref="A15402:C15403"/>
    <mergeCell ref="D15402:O15403"/>
    <mergeCell ref="P15402:S15403"/>
    <mergeCell ref="T15402:W15403"/>
    <mergeCell ref="X15402:AA15403"/>
    <mergeCell ref="A15404:AA15405"/>
    <mergeCell ref="A15406:C15407"/>
    <mergeCell ref="D15406:O15407"/>
    <mergeCell ref="P15406:S15407"/>
    <mergeCell ref="T15406:W15407"/>
    <mergeCell ref="X15406:AA15407"/>
    <mergeCell ref="A15408:AA15409"/>
    <mergeCell ref="A15410:C15411"/>
    <mergeCell ref="D15410:O15411"/>
    <mergeCell ref="P15410:S15411"/>
    <mergeCell ref="T15410:W15411"/>
    <mergeCell ref="X15410:AA15411"/>
    <mergeCell ref="A15412:C15413"/>
    <mergeCell ref="D15412:O15413"/>
    <mergeCell ref="P15412:S15413"/>
    <mergeCell ref="T15412:W15413"/>
    <mergeCell ref="X15412:AA15413"/>
    <mergeCell ref="A15414:C15415"/>
    <mergeCell ref="D15414:O15415"/>
    <mergeCell ref="P15414:S15415"/>
    <mergeCell ref="T15414:W15415"/>
    <mergeCell ref="X15414:AA15415"/>
    <mergeCell ref="A15416:AA15417"/>
    <mergeCell ref="A15382:C15383"/>
    <mergeCell ref="D15382:O15383"/>
    <mergeCell ref="P15382:S15383"/>
    <mergeCell ref="T15382:W15383"/>
    <mergeCell ref="X15382:AA15383"/>
    <mergeCell ref="A15384:C15385"/>
    <mergeCell ref="D15384:O15385"/>
    <mergeCell ref="P15384:S15385"/>
    <mergeCell ref="T15384:W15385"/>
    <mergeCell ref="X15384:AA15385"/>
    <mergeCell ref="A15386:AA15387"/>
    <mergeCell ref="A15388:C15389"/>
    <mergeCell ref="D15388:O15389"/>
    <mergeCell ref="P15388:S15389"/>
    <mergeCell ref="T15388:W15389"/>
    <mergeCell ref="X15388:AA15389"/>
    <mergeCell ref="A15390:C15391"/>
    <mergeCell ref="D15390:O15391"/>
    <mergeCell ref="P15390:S15391"/>
    <mergeCell ref="T15390:W15391"/>
    <mergeCell ref="X15390:AA15391"/>
    <mergeCell ref="A15392:C15393"/>
    <mergeCell ref="D15392:O15393"/>
    <mergeCell ref="P15392:S15393"/>
    <mergeCell ref="T15392:W15393"/>
    <mergeCell ref="X15392:AA15393"/>
    <mergeCell ref="A15394:C15395"/>
    <mergeCell ref="D15394:O15395"/>
    <mergeCell ref="P15394:S15395"/>
    <mergeCell ref="T15394:W15395"/>
    <mergeCell ref="X15394:AA15395"/>
    <mergeCell ref="A15396:AA15397"/>
    <mergeCell ref="A15398:C15399"/>
    <mergeCell ref="D15398:O15399"/>
    <mergeCell ref="P15398:S15399"/>
    <mergeCell ref="T15398:W15399"/>
    <mergeCell ref="X15398:AA15399"/>
    <mergeCell ref="A15368:C15369"/>
    <mergeCell ref="D15368:O15369"/>
    <mergeCell ref="P15368:S15369"/>
    <mergeCell ref="T15368:W15369"/>
    <mergeCell ref="X15368:AA15369"/>
    <mergeCell ref="A15370:C15371"/>
    <mergeCell ref="D15370:O15371"/>
    <mergeCell ref="P15370:S15371"/>
    <mergeCell ref="T15370:W15371"/>
    <mergeCell ref="X15370:AA15371"/>
    <mergeCell ref="A15372:C15373"/>
    <mergeCell ref="D15372:O15373"/>
    <mergeCell ref="P15372:S15373"/>
    <mergeCell ref="T15372:W15373"/>
    <mergeCell ref="X15372:AA15373"/>
    <mergeCell ref="A15374:C15375"/>
    <mergeCell ref="D15374:O15375"/>
    <mergeCell ref="P15374:S15375"/>
    <mergeCell ref="T15374:W15375"/>
    <mergeCell ref="X15374:AA15375"/>
    <mergeCell ref="A15376:C15377"/>
    <mergeCell ref="D15376:O15377"/>
    <mergeCell ref="P15376:S15377"/>
    <mergeCell ref="T15376:W15377"/>
    <mergeCell ref="X15376:AA15377"/>
    <mergeCell ref="A15378:C15379"/>
    <mergeCell ref="D15378:O15379"/>
    <mergeCell ref="P15378:S15379"/>
    <mergeCell ref="T15378:W15379"/>
    <mergeCell ref="X15378:AA15379"/>
    <mergeCell ref="A15380:C15381"/>
    <mergeCell ref="D15380:O15381"/>
    <mergeCell ref="P15380:S15381"/>
    <mergeCell ref="T15380:W15381"/>
    <mergeCell ref="X15380:AA15381"/>
    <mergeCell ref="A15350:AA15351"/>
    <mergeCell ref="A15352:C15353"/>
    <mergeCell ref="D15352:O15353"/>
    <mergeCell ref="P15352:S15353"/>
    <mergeCell ref="T15352:W15353"/>
    <mergeCell ref="X15352:AA15353"/>
    <mergeCell ref="A15354:C15355"/>
    <mergeCell ref="D15354:O15355"/>
    <mergeCell ref="P15354:S15355"/>
    <mergeCell ref="T15354:W15355"/>
    <mergeCell ref="X15354:AA15355"/>
    <mergeCell ref="A15356:C15357"/>
    <mergeCell ref="D15356:O15357"/>
    <mergeCell ref="P15356:S15357"/>
    <mergeCell ref="T15356:W15357"/>
    <mergeCell ref="X15356:AA15357"/>
    <mergeCell ref="A15358:C15359"/>
    <mergeCell ref="D15358:O15359"/>
    <mergeCell ref="P15358:S15359"/>
    <mergeCell ref="T15358:W15359"/>
    <mergeCell ref="X15358:AA15359"/>
    <mergeCell ref="A15360:C15361"/>
    <mergeCell ref="D15360:O15361"/>
    <mergeCell ref="P15360:S15361"/>
    <mergeCell ref="T15360:W15361"/>
    <mergeCell ref="X15360:AA15361"/>
    <mergeCell ref="A15362:AA15363"/>
    <mergeCell ref="A15364:C15365"/>
    <mergeCell ref="D15364:O15365"/>
    <mergeCell ref="P15364:S15365"/>
    <mergeCell ref="T15364:W15365"/>
    <mergeCell ref="X15364:AA15365"/>
    <mergeCell ref="A15366:C15367"/>
    <mergeCell ref="D15366:O15367"/>
    <mergeCell ref="P15366:S15367"/>
    <mergeCell ref="T15366:W15367"/>
    <mergeCell ref="X15366:AA15367"/>
    <mergeCell ref="A15332:C15333"/>
    <mergeCell ref="D15332:O15333"/>
    <mergeCell ref="P15332:S15333"/>
    <mergeCell ref="T15332:W15333"/>
    <mergeCell ref="X15332:AA15333"/>
    <mergeCell ref="A15334:C15335"/>
    <mergeCell ref="D15334:O15335"/>
    <mergeCell ref="P15334:S15335"/>
    <mergeCell ref="T15334:W15335"/>
    <mergeCell ref="X15334:AA15335"/>
    <mergeCell ref="A15336:C15337"/>
    <mergeCell ref="D15336:O15337"/>
    <mergeCell ref="P15336:S15337"/>
    <mergeCell ref="T15336:W15337"/>
    <mergeCell ref="X15336:AA15337"/>
    <mergeCell ref="A15338:C15339"/>
    <mergeCell ref="D15338:O15339"/>
    <mergeCell ref="P15338:S15339"/>
    <mergeCell ref="T15338:W15339"/>
    <mergeCell ref="X15338:AA15339"/>
    <mergeCell ref="A15340:AA15341"/>
    <mergeCell ref="A15342:AA15343"/>
    <mergeCell ref="A15344:AA15345"/>
    <mergeCell ref="A15346:C15347"/>
    <mergeCell ref="D15346:O15347"/>
    <mergeCell ref="P15346:S15347"/>
    <mergeCell ref="T15346:W15347"/>
    <mergeCell ref="X15346:AA15347"/>
    <mergeCell ref="A15348:C15349"/>
    <mergeCell ref="D15348:O15349"/>
    <mergeCell ref="P15348:S15349"/>
    <mergeCell ref="T15348:W15349"/>
    <mergeCell ref="X15348:AA15349"/>
    <mergeCell ref="A15318:C15319"/>
    <mergeCell ref="D15318:O15319"/>
    <mergeCell ref="P15318:S15319"/>
    <mergeCell ref="T15318:W15319"/>
    <mergeCell ref="X15318:AA15319"/>
    <mergeCell ref="A15320:C15321"/>
    <mergeCell ref="D15320:O15321"/>
    <mergeCell ref="P15320:S15321"/>
    <mergeCell ref="T15320:W15321"/>
    <mergeCell ref="X15320:AA15321"/>
    <mergeCell ref="A15322:C15323"/>
    <mergeCell ref="D15322:O15323"/>
    <mergeCell ref="P15322:S15323"/>
    <mergeCell ref="T15322:W15323"/>
    <mergeCell ref="X15322:AA15323"/>
    <mergeCell ref="A15324:C15325"/>
    <mergeCell ref="D15324:O15325"/>
    <mergeCell ref="P15324:S15325"/>
    <mergeCell ref="T15324:W15325"/>
    <mergeCell ref="X15324:AA15325"/>
    <mergeCell ref="A15326:C15327"/>
    <mergeCell ref="D15326:O15327"/>
    <mergeCell ref="P15326:S15327"/>
    <mergeCell ref="T15326:W15327"/>
    <mergeCell ref="X15326:AA15327"/>
    <mergeCell ref="A15328:C15329"/>
    <mergeCell ref="D15328:O15329"/>
    <mergeCell ref="P15328:S15329"/>
    <mergeCell ref="T15328:W15329"/>
    <mergeCell ref="X15328:AA15329"/>
    <mergeCell ref="A15330:C15331"/>
    <mergeCell ref="D15330:O15331"/>
    <mergeCell ref="P15330:S15331"/>
    <mergeCell ref="T15330:W15331"/>
    <mergeCell ref="X15330:AA15331"/>
    <mergeCell ref="A15302:C15303"/>
    <mergeCell ref="D15302:O15303"/>
    <mergeCell ref="P15302:S15303"/>
    <mergeCell ref="T15302:W15303"/>
    <mergeCell ref="X15302:AA15303"/>
    <mergeCell ref="A15304:C15305"/>
    <mergeCell ref="D15304:O15305"/>
    <mergeCell ref="P15304:S15305"/>
    <mergeCell ref="T15304:W15305"/>
    <mergeCell ref="X15304:AA15305"/>
    <mergeCell ref="A15306:C15307"/>
    <mergeCell ref="D15306:O15307"/>
    <mergeCell ref="P15306:S15307"/>
    <mergeCell ref="T15306:W15307"/>
    <mergeCell ref="X15306:AA15307"/>
    <mergeCell ref="A15308:AA15309"/>
    <mergeCell ref="A15310:C15311"/>
    <mergeCell ref="D15310:O15311"/>
    <mergeCell ref="P15310:S15311"/>
    <mergeCell ref="T15310:W15311"/>
    <mergeCell ref="X15310:AA15311"/>
    <mergeCell ref="A15312:C15313"/>
    <mergeCell ref="D15312:O15313"/>
    <mergeCell ref="P15312:S15313"/>
    <mergeCell ref="T15312:W15313"/>
    <mergeCell ref="X15312:AA15313"/>
    <mergeCell ref="A15314:C15315"/>
    <mergeCell ref="D15314:O15315"/>
    <mergeCell ref="P15314:S15315"/>
    <mergeCell ref="T15314:W15315"/>
    <mergeCell ref="X15314:AA15315"/>
    <mergeCell ref="A15316:C15317"/>
    <mergeCell ref="D15316:O15317"/>
    <mergeCell ref="P15316:S15317"/>
    <mergeCell ref="T15316:W15317"/>
    <mergeCell ref="X15316:AA15317"/>
    <mergeCell ref="A15288:C15289"/>
    <mergeCell ref="D15288:O15289"/>
    <mergeCell ref="P15288:S15289"/>
    <mergeCell ref="T15288:W15289"/>
    <mergeCell ref="X15288:AA15289"/>
    <mergeCell ref="A15290:C15291"/>
    <mergeCell ref="D15290:O15291"/>
    <mergeCell ref="P15290:S15291"/>
    <mergeCell ref="T15290:W15291"/>
    <mergeCell ref="X15290:AA15291"/>
    <mergeCell ref="A15292:C15293"/>
    <mergeCell ref="D15292:O15293"/>
    <mergeCell ref="P15292:S15293"/>
    <mergeCell ref="T15292:W15293"/>
    <mergeCell ref="X15292:AA15293"/>
    <mergeCell ref="A15294:C15295"/>
    <mergeCell ref="D15294:O15295"/>
    <mergeCell ref="P15294:S15295"/>
    <mergeCell ref="T15294:W15295"/>
    <mergeCell ref="X15294:AA15295"/>
    <mergeCell ref="A15296:C15297"/>
    <mergeCell ref="D15296:O15297"/>
    <mergeCell ref="P15296:S15297"/>
    <mergeCell ref="T15296:W15297"/>
    <mergeCell ref="X15296:AA15297"/>
    <mergeCell ref="A15298:C15299"/>
    <mergeCell ref="D15298:O15299"/>
    <mergeCell ref="P15298:S15299"/>
    <mergeCell ref="T15298:W15299"/>
    <mergeCell ref="X15298:AA15299"/>
    <mergeCell ref="A15300:C15301"/>
    <mergeCell ref="D15300:O15301"/>
    <mergeCell ref="P15300:S15301"/>
    <mergeCell ref="T15300:W15301"/>
    <mergeCell ref="X15300:AA15301"/>
    <mergeCell ref="A15270:AA15271"/>
    <mergeCell ref="A15272:C15273"/>
    <mergeCell ref="D15272:O15273"/>
    <mergeCell ref="P15272:S15273"/>
    <mergeCell ref="T15272:W15273"/>
    <mergeCell ref="X15272:AA15273"/>
    <mergeCell ref="A15274:AA15275"/>
    <mergeCell ref="A15276:C15277"/>
    <mergeCell ref="D15276:O15277"/>
    <mergeCell ref="P15276:S15277"/>
    <mergeCell ref="T15276:W15277"/>
    <mergeCell ref="X15276:AA15277"/>
    <mergeCell ref="A15278:AA15279"/>
    <mergeCell ref="A15280:C15281"/>
    <mergeCell ref="D15280:O15281"/>
    <mergeCell ref="P15280:S15281"/>
    <mergeCell ref="T15280:W15281"/>
    <mergeCell ref="X15280:AA15281"/>
    <mergeCell ref="A15282:C15283"/>
    <mergeCell ref="D15282:O15283"/>
    <mergeCell ref="P15282:S15283"/>
    <mergeCell ref="T15282:W15283"/>
    <mergeCell ref="X15282:AA15283"/>
    <mergeCell ref="A15284:C15285"/>
    <mergeCell ref="D15284:O15285"/>
    <mergeCell ref="P15284:S15285"/>
    <mergeCell ref="T15284:W15285"/>
    <mergeCell ref="X15284:AA15285"/>
    <mergeCell ref="A15286:C15287"/>
    <mergeCell ref="D15286:O15287"/>
    <mergeCell ref="P15286:S15287"/>
    <mergeCell ref="T15286:W15287"/>
    <mergeCell ref="X15286:AA15287"/>
    <mergeCell ref="A15252:C15253"/>
    <mergeCell ref="D15252:O15253"/>
    <mergeCell ref="P15252:S15253"/>
    <mergeCell ref="T15252:W15253"/>
    <mergeCell ref="X15252:AA15253"/>
    <mergeCell ref="A15254:C15255"/>
    <mergeCell ref="D15254:O15255"/>
    <mergeCell ref="P15254:S15255"/>
    <mergeCell ref="T15254:W15255"/>
    <mergeCell ref="X15254:AA15255"/>
    <mergeCell ref="A15256:C15257"/>
    <mergeCell ref="D15256:O15257"/>
    <mergeCell ref="P15256:S15257"/>
    <mergeCell ref="T15256:W15257"/>
    <mergeCell ref="X15256:AA15257"/>
    <mergeCell ref="A15258:AA15259"/>
    <mergeCell ref="A15260:C15261"/>
    <mergeCell ref="D15260:O15261"/>
    <mergeCell ref="P15260:S15261"/>
    <mergeCell ref="T15260:W15261"/>
    <mergeCell ref="X15260:AA15261"/>
    <mergeCell ref="A15262:AA15263"/>
    <mergeCell ref="A15264:C15265"/>
    <mergeCell ref="D15264:O15265"/>
    <mergeCell ref="P15264:S15265"/>
    <mergeCell ref="T15264:W15265"/>
    <mergeCell ref="X15264:AA15265"/>
    <mergeCell ref="A15266:C15267"/>
    <mergeCell ref="D15266:O15267"/>
    <mergeCell ref="P15266:S15267"/>
    <mergeCell ref="T15266:W15267"/>
    <mergeCell ref="X15266:AA15267"/>
    <mergeCell ref="A15268:C15269"/>
    <mergeCell ref="D15268:O15269"/>
    <mergeCell ref="P15268:S15269"/>
    <mergeCell ref="T15268:W15269"/>
    <mergeCell ref="X15268:AA15269"/>
    <mergeCell ref="A15236:C15237"/>
    <mergeCell ref="D15236:O15237"/>
    <mergeCell ref="P15236:S15237"/>
    <mergeCell ref="T15236:W15237"/>
    <mergeCell ref="X15236:AA15237"/>
    <mergeCell ref="A15238:AA15239"/>
    <mergeCell ref="A15240:C15241"/>
    <mergeCell ref="D15240:O15241"/>
    <mergeCell ref="P15240:S15241"/>
    <mergeCell ref="T15240:W15241"/>
    <mergeCell ref="X15240:AA15241"/>
    <mergeCell ref="A15242:C15243"/>
    <mergeCell ref="D15242:O15243"/>
    <mergeCell ref="P15242:S15243"/>
    <mergeCell ref="T15242:W15243"/>
    <mergeCell ref="X15242:AA15243"/>
    <mergeCell ref="A15244:C15245"/>
    <mergeCell ref="D15244:O15245"/>
    <mergeCell ref="P15244:S15245"/>
    <mergeCell ref="T15244:W15245"/>
    <mergeCell ref="X15244:AA15245"/>
    <mergeCell ref="A15246:C15247"/>
    <mergeCell ref="D15246:O15247"/>
    <mergeCell ref="P15246:S15247"/>
    <mergeCell ref="T15246:W15247"/>
    <mergeCell ref="X15246:AA15247"/>
    <mergeCell ref="A15248:C15249"/>
    <mergeCell ref="D15248:O15249"/>
    <mergeCell ref="P15248:S15249"/>
    <mergeCell ref="T15248:W15249"/>
    <mergeCell ref="X15248:AA15249"/>
    <mergeCell ref="A15250:C15251"/>
    <mergeCell ref="D15250:O15251"/>
    <mergeCell ref="P15250:S15251"/>
    <mergeCell ref="T15250:W15251"/>
    <mergeCell ref="X15250:AA15251"/>
    <mergeCell ref="A15218:C15219"/>
    <mergeCell ref="D15218:O15219"/>
    <mergeCell ref="P15218:S15219"/>
    <mergeCell ref="T15218:W15219"/>
    <mergeCell ref="X15218:AA15219"/>
    <mergeCell ref="A15220:C15221"/>
    <mergeCell ref="D15220:O15221"/>
    <mergeCell ref="P15220:S15221"/>
    <mergeCell ref="T15220:W15221"/>
    <mergeCell ref="X15220:AA15221"/>
    <mergeCell ref="A15222:AA15223"/>
    <mergeCell ref="A15224:C15225"/>
    <mergeCell ref="D15224:O15225"/>
    <mergeCell ref="P15224:S15225"/>
    <mergeCell ref="T15224:W15225"/>
    <mergeCell ref="X15224:AA15225"/>
    <mergeCell ref="A15226:C15227"/>
    <mergeCell ref="D15226:O15227"/>
    <mergeCell ref="P15226:S15227"/>
    <mergeCell ref="T15226:W15227"/>
    <mergeCell ref="X15226:AA15227"/>
    <mergeCell ref="A15228:AA15229"/>
    <mergeCell ref="A15230:C15231"/>
    <mergeCell ref="D15230:O15231"/>
    <mergeCell ref="P15230:S15231"/>
    <mergeCell ref="T15230:W15231"/>
    <mergeCell ref="X15230:AA15231"/>
    <mergeCell ref="A15232:C15233"/>
    <mergeCell ref="D15232:O15233"/>
    <mergeCell ref="P15232:S15233"/>
    <mergeCell ref="T15232:W15233"/>
    <mergeCell ref="X15232:AA15233"/>
    <mergeCell ref="A15234:C15235"/>
    <mergeCell ref="D15234:O15235"/>
    <mergeCell ref="P15234:S15235"/>
    <mergeCell ref="T15234:W15235"/>
    <mergeCell ref="X15234:AA15235"/>
    <mergeCell ref="A15202:C15203"/>
    <mergeCell ref="D15202:O15203"/>
    <mergeCell ref="P15202:S15203"/>
    <mergeCell ref="T15202:W15203"/>
    <mergeCell ref="X15202:AA15203"/>
    <mergeCell ref="A15204:AA15205"/>
    <mergeCell ref="A15206:C15207"/>
    <mergeCell ref="D15206:O15207"/>
    <mergeCell ref="P15206:S15207"/>
    <mergeCell ref="T15206:W15207"/>
    <mergeCell ref="X15206:AA15207"/>
    <mergeCell ref="A15208:C15209"/>
    <mergeCell ref="D15208:O15209"/>
    <mergeCell ref="P15208:S15209"/>
    <mergeCell ref="T15208:W15209"/>
    <mergeCell ref="X15208:AA15209"/>
    <mergeCell ref="A15210:C15211"/>
    <mergeCell ref="D15210:O15211"/>
    <mergeCell ref="P15210:S15211"/>
    <mergeCell ref="T15210:W15211"/>
    <mergeCell ref="X15210:AA15211"/>
    <mergeCell ref="A15212:C15213"/>
    <mergeCell ref="D15212:O15213"/>
    <mergeCell ref="P15212:S15213"/>
    <mergeCell ref="T15212:W15213"/>
    <mergeCell ref="X15212:AA15213"/>
    <mergeCell ref="A15214:C15215"/>
    <mergeCell ref="D15214:O15215"/>
    <mergeCell ref="P15214:S15215"/>
    <mergeCell ref="T15214:W15215"/>
    <mergeCell ref="X15214:AA15215"/>
    <mergeCell ref="A15216:C15217"/>
    <mergeCell ref="D15216:O15217"/>
    <mergeCell ref="P15216:S15217"/>
    <mergeCell ref="T15216:W15217"/>
    <mergeCell ref="X15216:AA15217"/>
    <mergeCell ref="A15186:C15187"/>
    <mergeCell ref="D15186:O15187"/>
    <mergeCell ref="P15186:S15187"/>
    <mergeCell ref="T15186:W15187"/>
    <mergeCell ref="X15186:AA15187"/>
    <mergeCell ref="A15188:C15189"/>
    <mergeCell ref="D15188:O15189"/>
    <mergeCell ref="P15188:S15189"/>
    <mergeCell ref="T15188:W15189"/>
    <mergeCell ref="X15188:AA15189"/>
    <mergeCell ref="A15190:C15191"/>
    <mergeCell ref="D15190:O15191"/>
    <mergeCell ref="P15190:S15191"/>
    <mergeCell ref="T15190:W15191"/>
    <mergeCell ref="X15190:AA15191"/>
    <mergeCell ref="A15192:C15193"/>
    <mergeCell ref="D15192:O15193"/>
    <mergeCell ref="P15192:S15193"/>
    <mergeCell ref="T15192:W15193"/>
    <mergeCell ref="X15192:AA15193"/>
    <mergeCell ref="A15194:C15195"/>
    <mergeCell ref="D15194:O15195"/>
    <mergeCell ref="P15194:S15195"/>
    <mergeCell ref="T15194:W15195"/>
    <mergeCell ref="X15194:AA15195"/>
    <mergeCell ref="A15196:AA15197"/>
    <mergeCell ref="A15198:C15199"/>
    <mergeCell ref="D15198:O15199"/>
    <mergeCell ref="P15198:S15199"/>
    <mergeCell ref="T15198:W15199"/>
    <mergeCell ref="X15198:AA15199"/>
    <mergeCell ref="A15200:C15201"/>
    <mergeCell ref="D15200:O15201"/>
    <mergeCell ref="P15200:S15201"/>
    <mergeCell ref="T15200:W15201"/>
    <mergeCell ref="X15200:AA15201"/>
    <mergeCell ref="A15170:C15171"/>
    <mergeCell ref="D15170:O15171"/>
    <mergeCell ref="P15170:S15171"/>
    <mergeCell ref="T15170:W15171"/>
    <mergeCell ref="X15170:AA15171"/>
    <mergeCell ref="A15172:C15173"/>
    <mergeCell ref="D15172:O15173"/>
    <mergeCell ref="P15172:S15173"/>
    <mergeCell ref="T15172:W15173"/>
    <mergeCell ref="X15172:AA15173"/>
    <mergeCell ref="A15174:C15175"/>
    <mergeCell ref="D15174:O15175"/>
    <mergeCell ref="P15174:S15175"/>
    <mergeCell ref="T15174:W15175"/>
    <mergeCell ref="X15174:AA15175"/>
    <mergeCell ref="A15176:C15177"/>
    <mergeCell ref="D15176:O15177"/>
    <mergeCell ref="P15176:S15177"/>
    <mergeCell ref="T15176:W15177"/>
    <mergeCell ref="X15176:AA15177"/>
    <mergeCell ref="A15178:C15179"/>
    <mergeCell ref="D15178:O15179"/>
    <mergeCell ref="P15178:S15179"/>
    <mergeCell ref="T15178:W15179"/>
    <mergeCell ref="X15178:AA15179"/>
    <mergeCell ref="A15180:AA15181"/>
    <mergeCell ref="A15182:C15183"/>
    <mergeCell ref="D15182:O15183"/>
    <mergeCell ref="P15182:S15183"/>
    <mergeCell ref="T15182:W15183"/>
    <mergeCell ref="X15182:AA15183"/>
    <mergeCell ref="A15184:C15185"/>
    <mergeCell ref="D15184:O15185"/>
    <mergeCell ref="P15184:S15185"/>
    <mergeCell ref="T15184:W15185"/>
    <mergeCell ref="X15184:AA15185"/>
    <mergeCell ref="A15152:AA15153"/>
    <mergeCell ref="A15154:C15155"/>
    <mergeCell ref="D15154:O15155"/>
    <mergeCell ref="P15154:S15155"/>
    <mergeCell ref="T15154:W15155"/>
    <mergeCell ref="X15154:AA15155"/>
    <mergeCell ref="A15156:C15157"/>
    <mergeCell ref="D15156:O15157"/>
    <mergeCell ref="P15156:S15157"/>
    <mergeCell ref="T15156:W15157"/>
    <mergeCell ref="X15156:AA15157"/>
    <mergeCell ref="A15158:AA15159"/>
    <mergeCell ref="A15160:C15161"/>
    <mergeCell ref="D15160:O15161"/>
    <mergeCell ref="P15160:S15161"/>
    <mergeCell ref="T15160:W15161"/>
    <mergeCell ref="X15160:AA15161"/>
    <mergeCell ref="A15162:C15163"/>
    <mergeCell ref="D15162:O15163"/>
    <mergeCell ref="P15162:S15163"/>
    <mergeCell ref="T15162:W15163"/>
    <mergeCell ref="X15162:AA15163"/>
    <mergeCell ref="A15164:C15165"/>
    <mergeCell ref="D15164:O15165"/>
    <mergeCell ref="P15164:S15165"/>
    <mergeCell ref="T15164:W15165"/>
    <mergeCell ref="X15164:AA15165"/>
    <mergeCell ref="A15166:C15167"/>
    <mergeCell ref="D15166:O15167"/>
    <mergeCell ref="P15166:S15167"/>
    <mergeCell ref="T15166:W15167"/>
    <mergeCell ref="X15166:AA15167"/>
    <mergeCell ref="A15168:C15169"/>
    <mergeCell ref="D15168:O15169"/>
    <mergeCell ref="P15168:S15169"/>
    <mergeCell ref="T15168:W15169"/>
    <mergeCell ref="X15168:AA15169"/>
    <mergeCell ref="A15136:AA15137"/>
    <mergeCell ref="A15138:C15139"/>
    <mergeCell ref="D15138:O15139"/>
    <mergeCell ref="P15138:S15139"/>
    <mergeCell ref="T15138:W15139"/>
    <mergeCell ref="X15138:AA15139"/>
    <mergeCell ref="A15140:C15141"/>
    <mergeCell ref="D15140:O15141"/>
    <mergeCell ref="P15140:S15141"/>
    <mergeCell ref="T15140:W15141"/>
    <mergeCell ref="X15140:AA15141"/>
    <mergeCell ref="A15142:C15143"/>
    <mergeCell ref="D15142:O15143"/>
    <mergeCell ref="P15142:S15143"/>
    <mergeCell ref="T15142:W15143"/>
    <mergeCell ref="X15142:AA15143"/>
    <mergeCell ref="A15144:C15145"/>
    <mergeCell ref="D15144:O15145"/>
    <mergeCell ref="P15144:S15145"/>
    <mergeCell ref="T15144:W15145"/>
    <mergeCell ref="X15144:AA15145"/>
    <mergeCell ref="A15146:C15147"/>
    <mergeCell ref="D15146:O15147"/>
    <mergeCell ref="P15146:S15147"/>
    <mergeCell ref="T15146:W15147"/>
    <mergeCell ref="X15146:AA15147"/>
    <mergeCell ref="A15148:C15149"/>
    <mergeCell ref="D15148:O15149"/>
    <mergeCell ref="P15148:S15149"/>
    <mergeCell ref="T15148:W15149"/>
    <mergeCell ref="X15148:AA15149"/>
    <mergeCell ref="A15150:C15151"/>
    <mergeCell ref="D15150:O15151"/>
    <mergeCell ref="P15150:S15151"/>
    <mergeCell ref="T15150:W15151"/>
    <mergeCell ref="X15150:AA15151"/>
    <mergeCell ref="A15122:C15123"/>
    <mergeCell ref="D15122:O15123"/>
    <mergeCell ref="P15122:S15123"/>
    <mergeCell ref="T15122:W15123"/>
    <mergeCell ref="X15122:AA15123"/>
    <mergeCell ref="A15124:C15125"/>
    <mergeCell ref="D15124:O15125"/>
    <mergeCell ref="P15124:S15125"/>
    <mergeCell ref="T15124:W15125"/>
    <mergeCell ref="X15124:AA15125"/>
    <mergeCell ref="A15126:C15127"/>
    <mergeCell ref="D15126:O15127"/>
    <mergeCell ref="P15126:S15127"/>
    <mergeCell ref="T15126:W15127"/>
    <mergeCell ref="X15126:AA15127"/>
    <mergeCell ref="A15128:C15129"/>
    <mergeCell ref="D15128:O15129"/>
    <mergeCell ref="P15128:S15129"/>
    <mergeCell ref="T15128:W15129"/>
    <mergeCell ref="X15128:AA15129"/>
    <mergeCell ref="A15130:C15131"/>
    <mergeCell ref="D15130:O15131"/>
    <mergeCell ref="P15130:S15131"/>
    <mergeCell ref="T15130:W15131"/>
    <mergeCell ref="X15130:AA15131"/>
    <mergeCell ref="A15132:C15133"/>
    <mergeCell ref="D15132:O15133"/>
    <mergeCell ref="P15132:S15133"/>
    <mergeCell ref="T15132:W15133"/>
    <mergeCell ref="X15132:AA15133"/>
    <mergeCell ref="A15134:C15135"/>
    <mergeCell ref="D15134:O15135"/>
    <mergeCell ref="P15134:S15135"/>
    <mergeCell ref="T15134:W15135"/>
    <mergeCell ref="X15134:AA15135"/>
    <mergeCell ref="A15108:C15109"/>
    <mergeCell ref="D15108:O15109"/>
    <mergeCell ref="P15108:S15109"/>
    <mergeCell ref="T15108:W15109"/>
    <mergeCell ref="X15108:AA15109"/>
    <mergeCell ref="A15110:C15111"/>
    <mergeCell ref="D15110:O15111"/>
    <mergeCell ref="P15110:S15111"/>
    <mergeCell ref="T15110:W15111"/>
    <mergeCell ref="X15110:AA15111"/>
    <mergeCell ref="A15112:C15113"/>
    <mergeCell ref="D15112:O15113"/>
    <mergeCell ref="P15112:S15113"/>
    <mergeCell ref="T15112:W15113"/>
    <mergeCell ref="X15112:AA15113"/>
    <mergeCell ref="A15114:C15115"/>
    <mergeCell ref="D15114:O15115"/>
    <mergeCell ref="P15114:S15115"/>
    <mergeCell ref="T15114:W15115"/>
    <mergeCell ref="X15114:AA15115"/>
    <mergeCell ref="A15116:C15117"/>
    <mergeCell ref="D15116:O15117"/>
    <mergeCell ref="P15116:S15117"/>
    <mergeCell ref="T15116:W15117"/>
    <mergeCell ref="X15116:AA15117"/>
    <mergeCell ref="A15118:C15119"/>
    <mergeCell ref="D15118:O15119"/>
    <mergeCell ref="P15118:S15119"/>
    <mergeCell ref="T15118:W15119"/>
    <mergeCell ref="X15118:AA15119"/>
    <mergeCell ref="A15120:C15121"/>
    <mergeCell ref="D15120:O15121"/>
    <mergeCell ref="P15120:S15121"/>
    <mergeCell ref="T15120:W15121"/>
    <mergeCell ref="X15120:AA15121"/>
    <mergeCell ref="A15092:C15093"/>
    <mergeCell ref="D15092:O15093"/>
    <mergeCell ref="P15092:S15093"/>
    <mergeCell ref="T15092:W15093"/>
    <mergeCell ref="X15092:AA15093"/>
    <mergeCell ref="A15094:AA15095"/>
    <mergeCell ref="A15096:C15097"/>
    <mergeCell ref="D15096:O15097"/>
    <mergeCell ref="P15096:S15097"/>
    <mergeCell ref="T15096:W15097"/>
    <mergeCell ref="X15096:AA15097"/>
    <mergeCell ref="A15098:C15099"/>
    <mergeCell ref="D15098:O15099"/>
    <mergeCell ref="P15098:S15099"/>
    <mergeCell ref="T15098:W15099"/>
    <mergeCell ref="X15098:AA15099"/>
    <mergeCell ref="A15100:C15101"/>
    <mergeCell ref="D15100:O15101"/>
    <mergeCell ref="P15100:S15101"/>
    <mergeCell ref="T15100:W15101"/>
    <mergeCell ref="X15100:AA15101"/>
    <mergeCell ref="A15102:C15103"/>
    <mergeCell ref="D15102:O15103"/>
    <mergeCell ref="P15102:S15103"/>
    <mergeCell ref="T15102:W15103"/>
    <mergeCell ref="X15102:AA15103"/>
    <mergeCell ref="A15104:C15105"/>
    <mergeCell ref="D15104:O15105"/>
    <mergeCell ref="P15104:S15105"/>
    <mergeCell ref="T15104:W15105"/>
    <mergeCell ref="X15104:AA15105"/>
    <mergeCell ref="A15106:C15107"/>
    <mergeCell ref="D15106:O15107"/>
    <mergeCell ref="P15106:S15107"/>
    <mergeCell ref="T15106:W15107"/>
    <mergeCell ref="X15106:AA15107"/>
    <mergeCell ref="A15074:C15075"/>
    <mergeCell ref="D15074:O15075"/>
    <mergeCell ref="P15074:S15075"/>
    <mergeCell ref="T15074:W15075"/>
    <mergeCell ref="X15074:AA15075"/>
    <mergeCell ref="A15076:AA15077"/>
    <mergeCell ref="A15078:C15079"/>
    <mergeCell ref="D15078:O15079"/>
    <mergeCell ref="P15078:S15079"/>
    <mergeCell ref="T15078:W15079"/>
    <mergeCell ref="X15078:AA15079"/>
    <mergeCell ref="A15080:C15081"/>
    <mergeCell ref="D15080:O15081"/>
    <mergeCell ref="P15080:S15081"/>
    <mergeCell ref="T15080:W15081"/>
    <mergeCell ref="X15080:AA15081"/>
    <mergeCell ref="A15082:C15083"/>
    <mergeCell ref="D15082:O15083"/>
    <mergeCell ref="P15082:S15083"/>
    <mergeCell ref="T15082:W15083"/>
    <mergeCell ref="X15082:AA15083"/>
    <mergeCell ref="A15084:AA15085"/>
    <mergeCell ref="A15086:C15087"/>
    <mergeCell ref="D15086:O15087"/>
    <mergeCell ref="P15086:S15087"/>
    <mergeCell ref="T15086:W15087"/>
    <mergeCell ref="X15086:AA15087"/>
    <mergeCell ref="A15088:C15089"/>
    <mergeCell ref="D15088:O15089"/>
    <mergeCell ref="P15088:S15089"/>
    <mergeCell ref="T15088:W15089"/>
    <mergeCell ref="X15088:AA15089"/>
    <mergeCell ref="A15090:C15091"/>
    <mergeCell ref="D15090:O15091"/>
    <mergeCell ref="P15090:S15091"/>
    <mergeCell ref="T15090:W15091"/>
    <mergeCell ref="X15090:AA15091"/>
    <mergeCell ref="A15058:C15059"/>
    <mergeCell ref="D15058:O15059"/>
    <mergeCell ref="P15058:S15059"/>
    <mergeCell ref="T15058:W15059"/>
    <mergeCell ref="X15058:AA15059"/>
    <mergeCell ref="A15060:C15061"/>
    <mergeCell ref="D15060:O15061"/>
    <mergeCell ref="P15060:S15061"/>
    <mergeCell ref="T15060:W15061"/>
    <mergeCell ref="X15060:AA15061"/>
    <mergeCell ref="A15062:C15063"/>
    <mergeCell ref="D15062:O15063"/>
    <mergeCell ref="P15062:S15063"/>
    <mergeCell ref="T15062:W15063"/>
    <mergeCell ref="X15062:AA15063"/>
    <mergeCell ref="A15064:C15065"/>
    <mergeCell ref="D15064:O15065"/>
    <mergeCell ref="P15064:S15065"/>
    <mergeCell ref="T15064:W15065"/>
    <mergeCell ref="X15064:AA15065"/>
    <mergeCell ref="A15066:AA15067"/>
    <mergeCell ref="A15068:C15069"/>
    <mergeCell ref="D15068:O15069"/>
    <mergeCell ref="P15068:S15069"/>
    <mergeCell ref="T15068:W15069"/>
    <mergeCell ref="X15068:AA15069"/>
    <mergeCell ref="A15070:C15071"/>
    <mergeCell ref="D15070:O15071"/>
    <mergeCell ref="P15070:S15071"/>
    <mergeCell ref="T15070:W15071"/>
    <mergeCell ref="X15070:AA15071"/>
    <mergeCell ref="A15072:C15073"/>
    <mergeCell ref="D15072:O15073"/>
    <mergeCell ref="P15072:S15073"/>
    <mergeCell ref="T15072:W15073"/>
    <mergeCell ref="X15072:AA15073"/>
    <mergeCell ref="A15042:C15043"/>
    <mergeCell ref="D15042:O15043"/>
    <mergeCell ref="P15042:S15043"/>
    <mergeCell ref="T15042:W15043"/>
    <mergeCell ref="X15042:AA15043"/>
    <mergeCell ref="A15044:C15045"/>
    <mergeCell ref="D15044:O15045"/>
    <mergeCell ref="P15044:S15045"/>
    <mergeCell ref="T15044:W15045"/>
    <mergeCell ref="X15044:AA15045"/>
    <mergeCell ref="A15046:C15047"/>
    <mergeCell ref="D15046:O15047"/>
    <mergeCell ref="P15046:S15047"/>
    <mergeCell ref="T15046:W15047"/>
    <mergeCell ref="X15046:AA15047"/>
    <mergeCell ref="A15048:C15049"/>
    <mergeCell ref="D15048:O15049"/>
    <mergeCell ref="P15048:S15049"/>
    <mergeCell ref="T15048:W15049"/>
    <mergeCell ref="X15048:AA15049"/>
    <mergeCell ref="A15050:C15051"/>
    <mergeCell ref="D15050:O15051"/>
    <mergeCell ref="P15050:S15051"/>
    <mergeCell ref="T15050:W15051"/>
    <mergeCell ref="X15050:AA15051"/>
    <mergeCell ref="A15052:C15053"/>
    <mergeCell ref="D15052:O15053"/>
    <mergeCell ref="P15052:S15053"/>
    <mergeCell ref="T15052:W15053"/>
    <mergeCell ref="X15052:AA15053"/>
    <mergeCell ref="A15054:AA15055"/>
    <mergeCell ref="A15056:C15057"/>
    <mergeCell ref="D15056:O15057"/>
    <mergeCell ref="P15056:S15057"/>
    <mergeCell ref="T15056:W15057"/>
    <mergeCell ref="X15056:AA15057"/>
    <mergeCell ref="A15026:C15027"/>
    <mergeCell ref="D15026:O15027"/>
    <mergeCell ref="P15026:S15027"/>
    <mergeCell ref="T15026:W15027"/>
    <mergeCell ref="X15026:AA15027"/>
    <mergeCell ref="A15028:C15029"/>
    <mergeCell ref="D15028:O15029"/>
    <mergeCell ref="P15028:S15029"/>
    <mergeCell ref="T15028:W15029"/>
    <mergeCell ref="X15028:AA15029"/>
    <mergeCell ref="A15030:C15031"/>
    <mergeCell ref="D15030:O15031"/>
    <mergeCell ref="P15030:S15031"/>
    <mergeCell ref="T15030:W15031"/>
    <mergeCell ref="X15030:AA15031"/>
    <mergeCell ref="A15032:AA15033"/>
    <mergeCell ref="A15034:C15035"/>
    <mergeCell ref="D15034:O15035"/>
    <mergeCell ref="P15034:S15035"/>
    <mergeCell ref="T15034:W15035"/>
    <mergeCell ref="X15034:AA15035"/>
    <mergeCell ref="A15036:C15037"/>
    <mergeCell ref="D15036:O15037"/>
    <mergeCell ref="P15036:S15037"/>
    <mergeCell ref="T15036:W15037"/>
    <mergeCell ref="X15036:AA15037"/>
    <mergeCell ref="A15038:C15039"/>
    <mergeCell ref="D15038:O15039"/>
    <mergeCell ref="P15038:S15039"/>
    <mergeCell ref="T15038:W15039"/>
    <mergeCell ref="X15038:AA15039"/>
    <mergeCell ref="A15040:C15041"/>
    <mergeCell ref="D15040:O15041"/>
    <mergeCell ref="P15040:S15041"/>
    <mergeCell ref="T15040:W15041"/>
    <mergeCell ref="X15040:AA15041"/>
    <mergeCell ref="A15008:AA15009"/>
    <mergeCell ref="A15010:C15011"/>
    <mergeCell ref="D15010:O15011"/>
    <mergeCell ref="P15010:S15011"/>
    <mergeCell ref="T15010:W15011"/>
    <mergeCell ref="X15010:AA15011"/>
    <mergeCell ref="A15012:AA15013"/>
    <mergeCell ref="A15014:C15015"/>
    <mergeCell ref="D15014:O15015"/>
    <mergeCell ref="P15014:S15015"/>
    <mergeCell ref="T15014:W15015"/>
    <mergeCell ref="X15014:AA15015"/>
    <mergeCell ref="A15016:C15017"/>
    <mergeCell ref="D15016:O15017"/>
    <mergeCell ref="P15016:S15017"/>
    <mergeCell ref="T15016:W15017"/>
    <mergeCell ref="X15016:AA15017"/>
    <mergeCell ref="A15018:AA15019"/>
    <mergeCell ref="A15020:C15021"/>
    <mergeCell ref="D15020:O15021"/>
    <mergeCell ref="P15020:S15021"/>
    <mergeCell ref="T15020:W15021"/>
    <mergeCell ref="X15020:AA15021"/>
    <mergeCell ref="A15022:C15023"/>
    <mergeCell ref="D15022:O15023"/>
    <mergeCell ref="P15022:S15023"/>
    <mergeCell ref="T15022:W15023"/>
    <mergeCell ref="X15022:AA15023"/>
    <mergeCell ref="A15024:C15025"/>
    <mergeCell ref="D15024:O15025"/>
    <mergeCell ref="P15024:S15025"/>
    <mergeCell ref="T15024:W15025"/>
    <mergeCell ref="X15024:AA15025"/>
    <mergeCell ref="A14990:C14991"/>
    <mergeCell ref="D14990:O14991"/>
    <mergeCell ref="P14990:S14991"/>
    <mergeCell ref="T14990:W14991"/>
    <mergeCell ref="X14990:AA14991"/>
    <mergeCell ref="A14992:AA14993"/>
    <mergeCell ref="A14994:C14995"/>
    <mergeCell ref="D14994:O14995"/>
    <mergeCell ref="P14994:S14995"/>
    <mergeCell ref="T14994:W14995"/>
    <mergeCell ref="X14994:AA14995"/>
    <mergeCell ref="A14996:C14997"/>
    <mergeCell ref="D14996:O14997"/>
    <mergeCell ref="P14996:S14997"/>
    <mergeCell ref="T14996:W14997"/>
    <mergeCell ref="X14996:AA14997"/>
    <mergeCell ref="A14998:C14999"/>
    <mergeCell ref="D14998:O14999"/>
    <mergeCell ref="P14998:S14999"/>
    <mergeCell ref="T14998:W14999"/>
    <mergeCell ref="X14998:AA14999"/>
    <mergeCell ref="A15000:C15001"/>
    <mergeCell ref="D15000:O15001"/>
    <mergeCell ref="P15000:S15001"/>
    <mergeCell ref="T15000:W15001"/>
    <mergeCell ref="X15000:AA15001"/>
    <mergeCell ref="A15002:AA15003"/>
    <mergeCell ref="A15004:C15005"/>
    <mergeCell ref="D15004:O15005"/>
    <mergeCell ref="P15004:S15005"/>
    <mergeCell ref="T15004:W15005"/>
    <mergeCell ref="X15004:AA15005"/>
    <mergeCell ref="A15006:C15007"/>
    <mergeCell ref="D15006:O15007"/>
    <mergeCell ref="P15006:S15007"/>
    <mergeCell ref="T15006:W15007"/>
    <mergeCell ref="X15006:AA15007"/>
    <mergeCell ref="A14970:AA14971"/>
    <mergeCell ref="A14972:AA14973"/>
    <mergeCell ref="A14974:C14975"/>
    <mergeCell ref="D14974:O14975"/>
    <mergeCell ref="P14974:S14975"/>
    <mergeCell ref="T14974:W14975"/>
    <mergeCell ref="X14974:AA14975"/>
    <mergeCell ref="A14976:C14977"/>
    <mergeCell ref="D14976:O14977"/>
    <mergeCell ref="P14976:S14977"/>
    <mergeCell ref="T14976:W14977"/>
    <mergeCell ref="X14976:AA14977"/>
    <mergeCell ref="A14978:C14979"/>
    <mergeCell ref="D14978:O14979"/>
    <mergeCell ref="P14978:S14979"/>
    <mergeCell ref="T14978:W14979"/>
    <mergeCell ref="X14978:AA14979"/>
    <mergeCell ref="A14980:AA14981"/>
    <mergeCell ref="A14982:C14983"/>
    <mergeCell ref="D14982:O14983"/>
    <mergeCell ref="P14982:S14983"/>
    <mergeCell ref="T14982:W14983"/>
    <mergeCell ref="X14982:AA14983"/>
    <mergeCell ref="A14984:C14985"/>
    <mergeCell ref="D14984:O14985"/>
    <mergeCell ref="P14984:S14985"/>
    <mergeCell ref="T14984:W14985"/>
    <mergeCell ref="X14984:AA14985"/>
    <mergeCell ref="A14986:AA14987"/>
    <mergeCell ref="A14988:C14989"/>
    <mergeCell ref="D14988:O14989"/>
    <mergeCell ref="P14988:S14989"/>
    <mergeCell ref="T14988:W14989"/>
    <mergeCell ref="X14988:AA14989"/>
    <mergeCell ref="A14952:C14953"/>
    <mergeCell ref="D14952:O14953"/>
    <mergeCell ref="P14952:S14953"/>
    <mergeCell ref="T14952:W14953"/>
    <mergeCell ref="X14952:AA14953"/>
    <mergeCell ref="A14954:C14955"/>
    <mergeCell ref="D14954:O14955"/>
    <mergeCell ref="P14954:S14955"/>
    <mergeCell ref="T14954:W14955"/>
    <mergeCell ref="X14954:AA14955"/>
    <mergeCell ref="A14956:AA14957"/>
    <mergeCell ref="A14958:C14959"/>
    <mergeCell ref="D14958:O14959"/>
    <mergeCell ref="P14958:S14959"/>
    <mergeCell ref="T14958:W14959"/>
    <mergeCell ref="X14958:AA14959"/>
    <mergeCell ref="A14960:C14961"/>
    <mergeCell ref="D14960:O14961"/>
    <mergeCell ref="P14960:S14961"/>
    <mergeCell ref="T14960:W14961"/>
    <mergeCell ref="X14960:AA14961"/>
    <mergeCell ref="A14962:AA14963"/>
    <mergeCell ref="A14964:C14965"/>
    <mergeCell ref="D14964:O14965"/>
    <mergeCell ref="P14964:S14965"/>
    <mergeCell ref="T14964:W14965"/>
    <mergeCell ref="X14964:AA14965"/>
    <mergeCell ref="A14966:C14967"/>
    <mergeCell ref="D14966:O14967"/>
    <mergeCell ref="P14966:S14967"/>
    <mergeCell ref="T14966:W14967"/>
    <mergeCell ref="X14966:AA14967"/>
    <mergeCell ref="A14968:C14969"/>
    <mergeCell ref="D14968:O14969"/>
    <mergeCell ref="P14968:S14969"/>
    <mergeCell ref="T14968:W14969"/>
    <mergeCell ref="X14968:AA14969"/>
    <mergeCell ref="A14934:AA14935"/>
    <mergeCell ref="A14936:C14937"/>
    <mergeCell ref="D14936:O14937"/>
    <mergeCell ref="P14936:S14937"/>
    <mergeCell ref="T14936:W14937"/>
    <mergeCell ref="X14936:AA14937"/>
    <mergeCell ref="A14938:AA14939"/>
    <mergeCell ref="A14940:C14941"/>
    <mergeCell ref="D14940:O14941"/>
    <mergeCell ref="P14940:S14941"/>
    <mergeCell ref="T14940:W14941"/>
    <mergeCell ref="X14940:AA14941"/>
    <mergeCell ref="A14942:C14943"/>
    <mergeCell ref="D14942:O14943"/>
    <mergeCell ref="P14942:S14943"/>
    <mergeCell ref="T14942:W14943"/>
    <mergeCell ref="X14942:AA14943"/>
    <mergeCell ref="A14944:C14945"/>
    <mergeCell ref="D14944:O14945"/>
    <mergeCell ref="P14944:S14945"/>
    <mergeCell ref="T14944:W14945"/>
    <mergeCell ref="X14944:AA14945"/>
    <mergeCell ref="A14946:C14947"/>
    <mergeCell ref="D14946:O14947"/>
    <mergeCell ref="P14946:S14947"/>
    <mergeCell ref="T14946:W14947"/>
    <mergeCell ref="X14946:AA14947"/>
    <mergeCell ref="A14948:C14949"/>
    <mergeCell ref="D14948:O14949"/>
    <mergeCell ref="P14948:S14949"/>
    <mergeCell ref="T14948:W14949"/>
    <mergeCell ref="X14948:AA14949"/>
    <mergeCell ref="A14950:C14951"/>
    <mergeCell ref="D14950:O14951"/>
    <mergeCell ref="P14950:S14951"/>
    <mergeCell ref="T14950:W14951"/>
    <mergeCell ref="X14950:AA14951"/>
    <mergeCell ref="A14918:C14919"/>
    <mergeCell ref="D14918:O14919"/>
    <mergeCell ref="P14918:S14919"/>
    <mergeCell ref="T14918:W14919"/>
    <mergeCell ref="X14918:AA14919"/>
    <mergeCell ref="A14920:C14921"/>
    <mergeCell ref="D14920:O14921"/>
    <mergeCell ref="P14920:S14921"/>
    <mergeCell ref="T14920:W14921"/>
    <mergeCell ref="X14920:AA14921"/>
    <mergeCell ref="A14922:C14923"/>
    <mergeCell ref="D14922:O14923"/>
    <mergeCell ref="P14922:S14923"/>
    <mergeCell ref="T14922:W14923"/>
    <mergeCell ref="X14922:AA14923"/>
    <mergeCell ref="A14924:C14925"/>
    <mergeCell ref="D14924:O14925"/>
    <mergeCell ref="P14924:S14925"/>
    <mergeCell ref="T14924:W14925"/>
    <mergeCell ref="X14924:AA14925"/>
    <mergeCell ref="A14926:AA14927"/>
    <mergeCell ref="A14928:C14929"/>
    <mergeCell ref="D14928:O14929"/>
    <mergeCell ref="P14928:S14929"/>
    <mergeCell ref="T14928:W14929"/>
    <mergeCell ref="X14928:AA14929"/>
    <mergeCell ref="A14930:C14931"/>
    <mergeCell ref="D14930:O14931"/>
    <mergeCell ref="P14930:S14931"/>
    <mergeCell ref="T14930:W14931"/>
    <mergeCell ref="X14930:AA14931"/>
    <mergeCell ref="A14932:C14933"/>
    <mergeCell ref="D14932:O14933"/>
    <mergeCell ref="P14932:S14933"/>
    <mergeCell ref="T14932:W14933"/>
    <mergeCell ref="X14932:AA14933"/>
    <mergeCell ref="A14902:C14903"/>
    <mergeCell ref="D14902:O14903"/>
    <mergeCell ref="P14902:S14903"/>
    <mergeCell ref="T14902:W14903"/>
    <mergeCell ref="X14902:AA14903"/>
    <mergeCell ref="A14904:C14905"/>
    <mergeCell ref="D14904:O14905"/>
    <mergeCell ref="P14904:S14905"/>
    <mergeCell ref="T14904:W14905"/>
    <mergeCell ref="X14904:AA14905"/>
    <mergeCell ref="A14906:C14907"/>
    <mergeCell ref="D14906:O14907"/>
    <mergeCell ref="P14906:S14907"/>
    <mergeCell ref="T14906:W14907"/>
    <mergeCell ref="X14906:AA14907"/>
    <mergeCell ref="A14908:C14909"/>
    <mergeCell ref="D14908:O14909"/>
    <mergeCell ref="P14908:S14909"/>
    <mergeCell ref="T14908:W14909"/>
    <mergeCell ref="X14908:AA14909"/>
    <mergeCell ref="A14910:C14911"/>
    <mergeCell ref="D14910:O14911"/>
    <mergeCell ref="P14910:S14911"/>
    <mergeCell ref="T14910:W14911"/>
    <mergeCell ref="X14910:AA14911"/>
    <mergeCell ref="A14912:AA14913"/>
    <mergeCell ref="A14914:C14915"/>
    <mergeCell ref="D14914:O14915"/>
    <mergeCell ref="P14914:S14915"/>
    <mergeCell ref="T14914:W14915"/>
    <mergeCell ref="X14914:AA14915"/>
    <mergeCell ref="A14916:C14917"/>
    <mergeCell ref="D14916:O14917"/>
    <mergeCell ref="P14916:S14917"/>
    <mergeCell ref="T14916:W14917"/>
    <mergeCell ref="X14916:AA14917"/>
    <mergeCell ref="A14884:C14885"/>
    <mergeCell ref="D14884:O14885"/>
    <mergeCell ref="P14884:S14885"/>
    <mergeCell ref="T14884:W14885"/>
    <mergeCell ref="X14884:AA14885"/>
    <mergeCell ref="A14886:C14887"/>
    <mergeCell ref="D14886:O14887"/>
    <mergeCell ref="P14886:S14887"/>
    <mergeCell ref="T14886:W14887"/>
    <mergeCell ref="X14886:AA14887"/>
    <mergeCell ref="A14888:AA14889"/>
    <mergeCell ref="A14890:C14891"/>
    <mergeCell ref="D14890:O14891"/>
    <mergeCell ref="P14890:S14891"/>
    <mergeCell ref="T14890:W14891"/>
    <mergeCell ref="X14890:AA14891"/>
    <mergeCell ref="A14892:C14893"/>
    <mergeCell ref="D14892:O14893"/>
    <mergeCell ref="P14892:S14893"/>
    <mergeCell ref="T14892:W14893"/>
    <mergeCell ref="X14892:AA14893"/>
    <mergeCell ref="A14894:C14895"/>
    <mergeCell ref="D14894:O14895"/>
    <mergeCell ref="P14894:S14895"/>
    <mergeCell ref="T14894:W14895"/>
    <mergeCell ref="X14894:AA14895"/>
    <mergeCell ref="A14896:C14897"/>
    <mergeCell ref="D14896:O14897"/>
    <mergeCell ref="P14896:S14897"/>
    <mergeCell ref="T14896:W14897"/>
    <mergeCell ref="X14896:AA14897"/>
    <mergeCell ref="A14898:AA14899"/>
    <mergeCell ref="A14900:AA14901"/>
    <mergeCell ref="A14870:C14871"/>
    <mergeCell ref="D14870:O14871"/>
    <mergeCell ref="P14870:S14871"/>
    <mergeCell ref="T14870:W14871"/>
    <mergeCell ref="X14870:AA14871"/>
    <mergeCell ref="A14872:C14873"/>
    <mergeCell ref="D14872:O14873"/>
    <mergeCell ref="P14872:S14873"/>
    <mergeCell ref="T14872:W14873"/>
    <mergeCell ref="X14872:AA14873"/>
    <mergeCell ref="A14874:C14875"/>
    <mergeCell ref="D14874:O14875"/>
    <mergeCell ref="P14874:S14875"/>
    <mergeCell ref="T14874:W14875"/>
    <mergeCell ref="X14874:AA14875"/>
    <mergeCell ref="A14876:C14877"/>
    <mergeCell ref="D14876:O14877"/>
    <mergeCell ref="P14876:S14877"/>
    <mergeCell ref="T14876:W14877"/>
    <mergeCell ref="X14876:AA14877"/>
    <mergeCell ref="A14878:C14879"/>
    <mergeCell ref="D14878:O14879"/>
    <mergeCell ref="P14878:S14879"/>
    <mergeCell ref="T14878:W14879"/>
    <mergeCell ref="X14878:AA14879"/>
    <mergeCell ref="A14880:C14881"/>
    <mergeCell ref="D14880:O14881"/>
    <mergeCell ref="P14880:S14881"/>
    <mergeCell ref="T14880:W14881"/>
    <mergeCell ref="X14880:AA14881"/>
    <mergeCell ref="A14882:C14883"/>
    <mergeCell ref="D14882:O14883"/>
    <mergeCell ref="P14882:S14883"/>
    <mergeCell ref="T14882:W14883"/>
    <mergeCell ref="X14882:AA14883"/>
    <mergeCell ref="A14854:C14855"/>
    <mergeCell ref="D14854:O14855"/>
    <mergeCell ref="P14854:S14855"/>
    <mergeCell ref="T14854:W14855"/>
    <mergeCell ref="X14854:AA14855"/>
    <mergeCell ref="A14856:AA14857"/>
    <mergeCell ref="A14858:C14859"/>
    <mergeCell ref="D14858:O14859"/>
    <mergeCell ref="P14858:S14859"/>
    <mergeCell ref="T14858:W14859"/>
    <mergeCell ref="X14858:AA14859"/>
    <mergeCell ref="A14860:C14861"/>
    <mergeCell ref="D14860:O14861"/>
    <mergeCell ref="P14860:S14861"/>
    <mergeCell ref="T14860:W14861"/>
    <mergeCell ref="X14860:AA14861"/>
    <mergeCell ref="A14862:C14863"/>
    <mergeCell ref="D14862:O14863"/>
    <mergeCell ref="P14862:S14863"/>
    <mergeCell ref="T14862:W14863"/>
    <mergeCell ref="X14862:AA14863"/>
    <mergeCell ref="A14864:C14865"/>
    <mergeCell ref="D14864:O14865"/>
    <mergeCell ref="P14864:S14865"/>
    <mergeCell ref="T14864:W14865"/>
    <mergeCell ref="X14864:AA14865"/>
    <mergeCell ref="A14866:C14867"/>
    <mergeCell ref="D14866:O14867"/>
    <mergeCell ref="P14866:S14867"/>
    <mergeCell ref="T14866:W14867"/>
    <mergeCell ref="X14866:AA14867"/>
    <mergeCell ref="A14868:C14869"/>
    <mergeCell ref="D14868:O14869"/>
    <mergeCell ref="P14868:S14869"/>
    <mergeCell ref="T14868:W14869"/>
    <mergeCell ref="X14868:AA14869"/>
    <mergeCell ref="A14838:C14839"/>
    <mergeCell ref="D14838:O14839"/>
    <mergeCell ref="P14838:S14839"/>
    <mergeCell ref="T14838:W14839"/>
    <mergeCell ref="X14838:AA14839"/>
    <mergeCell ref="A14840:AA14841"/>
    <mergeCell ref="A14842:C14843"/>
    <mergeCell ref="D14842:O14843"/>
    <mergeCell ref="P14842:S14843"/>
    <mergeCell ref="T14842:W14843"/>
    <mergeCell ref="X14842:AA14843"/>
    <mergeCell ref="A14844:C14845"/>
    <mergeCell ref="D14844:O14845"/>
    <mergeCell ref="P14844:S14845"/>
    <mergeCell ref="T14844:W14845"/>
    <mergeCell ref="X14844:AA14845"/>
    <mergeCell ref="A14846:C14847"/>
    <mergeCell ref="D14846:O14847"/>
    <mergeCell ref="P14846:S14847"/>
    <mergeCell ref="T14846:W14847"/>
    <mergeCell ref="X14846:AA14847"/>
    <mergeCell ref="A14848:C14849"/>
    <mergeCell ref="D14848:O14849"/>
    <mergeCell ref="P14848:S14849"/>
    <mergeCell ref="T14848:W14849"/>
    <mergeCell ref="X14848:AA14849"/>
    <mergeCell ref="A14850:C14851"/>
    <mergeCell ref="D14850:O14851"/>
    <mergeCell ref="P14850:S14851"/>
    <mergeCell ref="T14850:W14851"/>
    <mergeCell ref="X14850:AA14851"/>
    <mergeCell ref="A14852:C14853"/>
    <mergeCell ref="D14852:O14853"/>
    <mergeCell ref="P14852:S14853"/>
    <mergeCell ref="T14852:W14853"/>
    <mergeCell ref="X14852:AA14853"/>
    <mergeCell ref="A14824:C14825"/>
    <mergeCell ref="D14824:O14825"/>
    <mergeCell ref="P14824:S14825"/>
    <mergeCell ref="T14824:W14825"/>
    <mergeCell ref="X14824:AA14825"/>
    <mergeCell ref="A14826:C14827"/>
    <mergeCell ref="D14826:O14827"/>
    <mergeCell ref="P14826:S14827"/>
    <mergeCell ref="T14826:W14827"/>
    <mergeCell ref="X14826:AA14827"/>
    <mergeCell ref="A14828:C14829"/>
    <mergeCell ref="D14828:O14829"/>
    <mergeCell ref="P14828:S14829"/>
    <mergeCell ref="T14828:W14829"/>
    <mergeCell ref="X14828:AA14829"/>
    <mergeCell ref="A14830:C14831"/>
    <mergeCell ref="D14830:O14831"/>
    <mergeCell ref="P14830:S14831"/>
    <mergeCell ref="T14830:W14831"/>
    <mergeCell ref="X14830:AA14831"/>
    <mergeCell ref="A14832:C14833"/>
    <mergeCell ref="D14832:O14833"/>
    <mergeCell ref="P14832:S14833"/>
    <mergeCell ref="T14832:W14833"/>
    <mergeCell ref="X14832:AA14833"/>
    <mergeCell ref="A14834:C14835"/>
    <mergeCell ref="D14834:O14835"/>
    <mergeCell ref="P14834:S14835"/>
    <mergeCell ref="T14834:W14835"/>
    <mergeCell ref="X14834:AA14835"/>
    <mergeCell ref="A14836:C14837"/>
    <mergeCell ref="D14836:O14837"/>
    <mergeCell ref="P14836:S14837"/>
    <mergeCell ref="T14836:W14837"/>
    <mergeCell ref="X14836:AA14837"/>
    <mergeCell ref="A14810:C14811"/>
    <mergeCell ref="D14810:O14811"/>
    <mergeCell ref="P14810:S14811"/>
    <mergeCell ref="T14810:W14811"/>
    <mergeCell ref="X14810:AA14811"/>
    <mergeCell ref="A14812:C14813"/>
    <mergeCell ref="D14812:O14813"/>
    <mergeCell ref="P14812:S14813"/>
    <mergeCell ref="T14812:W14813"/>
    <mergeCell ref="X14812:AA14813"/>
    <mergeCell ref="A14814:C14815"/>
    <mergeCell ref="D14814:O14815"/>
    <mergeCell ref="P14814:S14815"/>
    <mergeCell ref="T14814:W14815"/>
    <mergeCell ref="X14814:AA14815"/>
    <mergeCell ref="A14816:C14817"/>
    <mergeCell ref="D14816:O14817"/>
    <mergeCell ref="P14816:S14817"/>
    <mergeCell ref="T14816:W14817"/>
    <mergeCell ref="X14816:AA14817"/>
    <mergeCell ref="A14818:C14819"/>
    <mergeCell ref="D14818:O14819"/>
    <mergeCell ref="P14818:S14819"/>
    <mergeCell ref="T14818:W14819"/>
    <mergeCell ref="X14818:AA14819"/>
    <mergeCell ref="A14820:C14821"/>
    <mergeCell ref="D14820:O14821"/>
    <mergeCell ref="P14820:S14821"/>
    <mergeCell ref="T14820:W14821"/>
    <mergeCell ref="X14820:AA14821"/>
    <mergeCell ref="A14822:C14823"/>
    <mergeCell ref="D14822:O14823"/>
    <mergeCell ref="P14822:S14823"/>
    <mergeCell ref="T14822:W14823"/>
    <mergeCell ref="X14822:AA14823"/>
    <mergeCell ref="A14794:C14795"/>
    <mergeCell ref="D14794:O14795"/>
    <mergeCell ref="P14794:S14795"/>
    <mergeCell ref="T14794:W14795"/>
    <mergeCell ref="X14794:AA14795"/>
    <mergeCell ref="A14796:C14797"/>
    <mergeCell ref="D14796:O14797"/>
    <mergeCell ref="P14796:S14797"/>
    <mergeCell ref="T14796:W14797"/>
    <mergeCell ref="X14796:AA14797"/>
    <mergeCell ref="A14798:AA14799"/>
    <mergeCell ref="A14800:C14801"/>
    <mergeCell ref="D14800:O14801"/>
    <mergeCell ref="P14800:S14801"/>
    <mergeCell ref="T14800:W14801"/>
    <mergeCell ref="X14800:AA14801"/>
    <mergeCell ref="A14802:C14803"/>
    <mergeCell ref="D14802:O14803"/>
    <mergeCell ref="P14802:S14803"/>
    <mergeCell ref="T14802:W14803"/>
    <mergeCell ref="X14802:AA14803"/>
    <mergeCell ref="A14804:C14805"/>
    <mergeCell ref="D14804:O14805"/>
    <mergeCell ref="P14804:S14805"/>
    <mergeCell ref="T14804:W14805"/>
    <mergeCell ref="X14804:AA14805"/>
    <mergeCell ref="A14806:C14807"/>
    <mergeCell ref="D14806:O14807"/>
    <mergeCell ref="P14806:S14807"/>
    <mergeCell ref="T14806:W14807"/>
    <mergeCell ref="X14806:AA14807"/>
    <mergeCell ref="A14808:C14809"/>
    <mergeCell ref="D14808:O14809"/>
    <mergeCell ref="P14808:S14809"/>
    <mergeCell ref="T14808:W14809"/>
    <mergeCell ref="X14808:AA14809"/>
    <mergeCell ref="A14780:C14781"/>
    <mergeCell ref="D14780:O14781"/>
    <mergeCell ref="P14780:S14781"/>
    <mergeCell ref="T14780:W14781"/>
    <mergeCell ref="X14780:AA14781"/>
    <mergeCell ref="A14782:C14783"/>
    <mergeCell ref="D14782:O14783"/>
    <mergeCell ref="P14782:S14783"/>
    <mergeCell ref="T14782:W14783"/>
    <mergeCell ref="X14782:AA14783"/>
    <mergeCell ref="A14784:C14785"/>
    <mergeCell ref="D14784:O14785"/>
    <mergeCell ref="P14784:S14785"/>
    <mergeCell ref="T14784:W14785"/>
    <mergeCell ref="X14784:AA14785"/>
    <mergeCell ref="A14786:C14787"/>
    <mergeCell ref="D14786:O14787"/>
    <mergeCell ref="P14786:S14787"/>
    <mergeCell ref="T14786:W14787"/>
    <mergeCell ref="X14786:AA14787"/>
    <mergeCell ref="A14788:C14789"/>
    <mergeCell ref="D14788:O14789"/>
    <mergeCell ref="P14788:S14789"/>
    <mergeCell ref="T14788:W14789"/>
    <mergeCell ref="X14788:AA14789"/>
    <mergeCell ref="A14790:C14791"/>
    <mergeCell ref="D14790:O14791"/>
    <mergeCell ref="P14790:S14791"/>
    <mergeCell ref="T14790:W14791"/>
    <mergeCell ref="X14790:AA14791"/>
    <mergeCell ref="A14792:C14793"/>
    <mergeCell ref="D14792:O14793"/>
    <mergeCell ref="P14792:S14793"/>
    <mergeCell ref="T14792:W14793"/>
    <mergeCell ref="X14792:AA14793"/>
    <mergeCell ref="A14762:AA14763"/>
    <mergeCell ref="A14764:AA14765"/>
    <mergeCell ref="A14766:C14767"/>
    <mergeCell ref="D14766:O14767"/>
    <mergeCell ref="P14766:S14767"/>
    <mergeCell ref="T14766:W14767"/>
    <mergeCell ref="X14766:AA14767"/>
    <mergeCell ref="A14768:C14769"/>
    <mergeCell ref="D14768:O14769"/>
    <mergeCell ref="P14768:S14769"/>
    <mergeCell ref="T14768:W14769"/>
    <mergeCell ref="X14768:AA14769"/>
    <mergeCell ref="A14770:C14771"/>
    <mergeCell ref="D14770:O14771"/>
    <mergeCell ref="P14770:S14771"/>
    <mergeCell ref="T14770:W14771"/>
    <mergeCell ref="X14770:AA14771"/>
    <mergeCell ref="A14772:C14773"/>
    <mergeCell ref="D14772:O14773"/>
    <mergeCell ref="P14772:S14773"/>
    <mergeCell ref="T14772:W14773"/>
    <mergeCell ref="X14772:AA14773"/>
    <mergeCell ref="A14774:C14775"/>
    <mergeCell ref="D14774:O14775"/>
    <mergeCell ref="P14774:S14775"/>
    <mergeCell ref="T14774:W14775"/>
    <mergeCell ref="X14774:AA14775"/>
    <mergeCell ref="A14776:C14777"/>
    <mergeCell ref="D14776:O14777"/>
    <mergeCell ref="P14776:S14777"/>
    <mergeCell ref="T14776:W14777"/>
    <mergeCell ref="X14776:AA14777"/>
    <mergeCell ref="A14778:C14779"/>
    <mergeCell ref="D14778:O14779"/>
    <mergeCell ref="P14778:S14779"/>
    <mergeCell ref="T14778:W14779"/>
    <mergeCell ref="X14778:AA14779"/>
    <mergeCell ref="A14748:C14749"/>
    <mergeCell ref="D14748:O14749"/>
    <mergeCell ref="P14748:S14749"/>
    <mergeCell ref="T14748:W14749"/>
    <mergeCell ref="X14748:AA14749"/>
    <mergeCell ref="A14750:C14751"/>
    <mergeCell ref="D14750:O14751"/>
    <mergeCell ref="P14750:S14751"/>
    <mergeCell ref="T14750:W14751"/>
    <mergeCell ref="X14750:AA14751"/>
    <mergeCell ref="A14752:C14753"/>
    <mergeCell ref="D14752:O14753"/>
    <mergeCell ref="P14752:S14753"/>
    <mergeCell ref="T14752:W14753"/>
    <mergeCell ref="X14752:AA14753"/>
    <mergeCell ref="A14754:C14755"/>
    <mergeCell ref="D14754:O14755"/>
    <mergeCell ref="P14754:S14755"/>
    <mergeCell ref="T14754:W14755"/>
    <mergeCell ref="X14754:AA14755"/>
    <mergeCell ref="A14756:C14757"/>
    <mergeCell ref="D14756:O14757"/>
    <mergeCell ref="P14756:S14757"/>
    <mergeCell ref="T14756:W14757"/>
    <mergeCell ref="X14756:AA14757"/>
    <mergeCell ref="A14758:C14759"/>
    <mergeCell ref="D14758:O14759"/>
    <mergeCell ref="P14758:S14759"/>
    <mergeCell ref="T14758:W14759"/>
    <mergeCell ref="X14758:AA14759"/>
    <mergeCell ref="A14760:C14761"/>
    <mergeCell ref="D14760:O14761"/>
    <mergeCell ref="P14760:S14761"/>
    <mergeCell ref="T14760:W14761"/>
    <mergeCell ref="X14760:AA14761"/>
    <mergeCell ref="A14734:C14735"/>
    <mergeCell ref="D14734:O14735"/>
    <mergeCell ref="P14734:S14735"/>
    <mergeCell ref="T14734:W14735"/>
    <mergeCell ref="X14734:AA14735"/>
    <mergeCell ref="A14736:C14737"/>
    <mergeCell ref="D14736:O14737"/>
    <mergeCell ref="P14736:S14737"/>
    <mergeCell ref="T14736:W14737"/>
    <mergeCell ref="X14736:AA14737"/>
    <mergeCell ref="A14738:C14739"/>
    <mergeCell ref="D14738:O14739"/>
    <mergeCell ref="P14738:S14739"/>
    <mergeCell ref="T14738:W14739"/>
    <mergeCell ref="X14738:AA14739"/>
    <mergeCell ref="A14740:C14741"/>
    <mergeCell ref="D14740:O14741"/>
    <mergeCell ref="P14740:S14741"/>
    <mergeCell ref="T14740:W14741"/>
    <mergeCell ref="X14740:AA14741"/>
    <mergeCell ref="A14742:C14743"/>
    <mergeCell ref="D14742:O14743"/>
    <mergeCell ref="P14742:S14743"/>
    <mergeCell ref="T14742:W14743"/>
    <mergeCell ref="X14742:AA14743"/>
    <mergeCell ref="A14744:C14745"/>
    <mergeCell ref="D14744:O14745"/>
    <mergeCell ref="P14744:S14745"/>
    <mergeCell ref="T14744:W14745"/>
    <mergeCell ref="X14744:AA14745"/>
    <mergeCell ref="A14746:C14747"/>
    <mergeCell ref="D14746:O14747"/>
    <mergeCell ref="P14746:S14747"/>
    <mergeCell ref="T14746:W14747"/>
    <mergeCell ref="X14746:AA14747"/>
    <mergeCell ref="A14720:C14721"/>
    <mergeCell ref="D14720:O14721"/>
    <mergeCell ref="P14720:S14721"/>
    <mergeCell ref="T14720:W14721"/>
    <mergeCell ref="X14720:AA14721"/>
    <mergeCell ref="A14722:C14723"/>
    <mergeCell ref="D14722:O14723"/>
    <mergeCell ref="P14722:S14723"/>
    <mergeCell ref="T14722:W14723"/>
    <mergeCell ref="X14722:AA14723"/>
    <mergeCell ref="A14724:C14725"/>
    <mergeCell ref="D14724:O14725"/>
    <mergeCell ref="P14724:S14725"/>
    <mergeCell ref="T14724:W14725"/>
    <mergeCell ref="X14724:AA14725"/>
    <mergeCell ref="A14726:C14727"/>
    <mergeCell ref="D14726:O14727"/>
    <mergeCell ref="P14726:S14727"/>
    <mergeCell ref="T14726:W14727"/>
    <mergeCell ref="X14726:AA14727"/>
    <mergeCell ref="A14728:C14729"/>
    <mergeCell ref="D14728:O14729"/>
    <mergeCell ref="P14728:S14729"/>
    <mergeCell ref="T14728:W14729"/>
    <mergeCell ref="X14728:AA14729"/>
    <mergeCell ref="A14730:C14731"/>
    <mergeCell ref="D14730:O14731"/>
    <mergeCell ref="P14730:S14731"/>
    <mergeCell ref="T14730:W14731"/>
    <mergeCell ref="X14730:AA14731"/>
    <mergeCell ref="A14732:C14733"/>
    <mergeCell ref="D14732:O14733"/>
    <mergeCell ref="P14732:S14733"/>
    <mergeCell ref="T14732:W14733"/>
    <mergeCell ref="X14732:AA14733"/>
    <mergeCell ref="A14704:AA14705"/>
    <mergeCell ref="A14706:C14707"/>
    <mergeCell ref="D14706:O14707"/>
    <mergeCell ref="P14706:S14707"/>
    <mergeCell ref="T14706:W14707"/>
    <mergeCell ref="X14706:AA14707"/>
    <mergeCell ref="A14708:C14709"/>
    <mergeCell ref="D14708:O14709"/>
    <mergeCell ref="P14708:S14709"/>
    <mergeCell ref="T14708:W14709"/>
    <mergeCell ref="X14708:AA14709"/>
    <mergeCell ref="A14710:C14711"/>
    <mergeCell ref="D14710:O14711"/>
    <mergeCell ref="P14710:S14711"/>
    <mergeCell ref="T14710:W14711"/>
    <mergeCell ref="X14710:AA14711"/>
    <mergeCell ref="A14712:C14713"/>
    <mergeCell ref="D14712:O14713"/>
    <mergeCell ref="P14712:S14713"/>
    <mergeCell ref="T14712:W14713"/>
    <mergeCell ref="X14712:AA14713"/>
    <mergeCell ref="A14714:C14715"/>
    <mergeCell ref="D14714:O14715"/>
    <mergeCell ref="P14714:S14715"/>
    <mergeCell ref="T14714:W14715"/>
    <mergeCell ref="X14714:AA14715"/>
    <mergeCell ref="A14716:C14717"/>
    <mergeCell ref="D14716:O14717"/>
    <mergeCell ref="P14716:S14717"/>
    <mergeCell ref="T14716:W14717"/>
    <mergeCell ref="X14716:AA14717"/>
    <mergeCell ref="A14718:C14719"/>
    <mergeCell ref="D14718:O14719"/>
    <mergeCell ref="P14718:S14719"/>
    <mergeCell ref="T14718:W14719"/>
    <mergeCell ref="X14718:AA14719"/>
    <mergeCell ref="A14690:C14691"/>
    <mergeCell ref="D14690:O14691"/>
    <mergeCell ref="P14690:S14691"/>
    <mergeCell ref="T14690:W14691"/>
    <mergeCell ref="X14690:AA14691"/>
    <mergeCell ref="A14692:C14693"/>
    <mergeCell ref="D14692:O14693"/>
    <mergeCell ref="P14692:S14693"/>
    <mergeCell ref="T14692:W14693"/>
    <mergeCell ref="X14692:AA14693"/>
    <mergeCell ref="A14694:C14695"/>
    <mergeCell ref="D14694:O14695"/>
    <mergeCell ref="P14694:S14695"/>
    <mergeCell ref="T14694:W14695"/>
    <mergeCell ref="X14694:AA14695"/>
    <mergeCell ref="A14696:C14697"/>
    <mergeCell ref="D14696:O14697"/>
    <mergeCell ref="P14696:S14697"/>
    <mergeCell ref="T14696:W14697"/>
    <mergeCell ref="X14696:AA14697"/>
    <mergeCell ref="A14698:C14699"/>
    <mergeCell ref="D14698:O14699"/>
    <mergeCell ref="P14698:S14699"/>
    <mergeCell ref="T14698:W14699"/>
    <mergeCell ref="X14698:AA14699"/>
    <mergeCell ref="A14700:C14701"/>
    <mergeCell ref="D14700:O14701"/>
    <mergeCell ref="P14700:S14701"/>
    <mergeCell ref="T14700:W14701"/>
    <mergeCell ref="X14700:AA14701"/>
    <mergeCell ref="A14702:C14703"/>
    <mergeCell ref="D14702:O14703"/>
    <mergeCell ref="P14702:S14703"/>
    <mergeCell ref="T14702:W14703"/>
    <mergeCell ref="X14702:AA14703"/>
    <mergeCell ref="A14674:C14675"/>
    <mergeCell ref="D14674:O14675"/>
    <mergeCell ref="P14674:S14675"/>
    <mergeCell ref="T14674:W14675"/>
    <mergeCell ref="X14674:AA14675"/>
    <mergeCell ref="A14676:C14677"/>
    <mergeCell ref="D14676:O14677"/>
    <mergeCell ref="P14676:S14677"/>
    <mergeCell ref="T14676:W14677"/>
    <mergeCell ref="X14676:AA14677"/>
    <mergeCell ref="A14678:AA14679"/>
    <mergeCell ref="A14680:C14681"/>
    <mergeCell ref="D14680:O14681"/>
    <mergeCell ref="P14680:S14681"/>
    <mergeCell ref="T14680:W14681"/>
    <mergeCell ref="X14680:AA14681"/>
    <mergeCell ref="A14682:C14683"/>
    <mergeCell ref="D14682:O14683"/>
    <mergeCell ref="P14682:S14683"/>
    <mergeCell ref="T14682:W14683"/>
    <mergeCell ref="X14682:AA14683"/>
    <mergeCell ref="A14684:C14685"/>
    <mergeCell ref="D14684:O14685"/>
    <mergeCell ref="P14684:S14685"/>
    <mergeCell ref="T14684:W14685"/>
    <mergeCell ref="X14684:AA14685"/>
    <mergeCell ref="A14686:C14687"/>
    <mergeCell ref="D14686:O14687"/>
    <mergeCell ref="P14686:S14687"/>
    <mergeCell ref="T14686:W14687"/>
    <mergeCell ref="X14686:AA14687"/>
    <mergeCell ref="A14688:C14689"/>
    <mergeCell ref="D14688:O14689"/>
    <mergeCell ref="P14688:S14689"/>
    <mergeCell ref="T14688:W14689"/>
    <mergeCell ref="X14688:AA14689"/>
    <mergeCell ref="A14660:C14661"/>
    <mergeCell ref="D14660:O14661"/>
    <mergeCell ref="P14660:S14661"/>
    <mergeCell ref="T14660:W14661"/>
    <mergeCell ref="X14660:AA14661"/>
    <mergeCell ref="A14662:C14663"/>
    <mergeCell ref="D14662:O14663"/>
    <mergeCell ref="P14662:S14663"/>
    <mergeCell ref="T14662:W14663"/>
    <mergeCell ref="X14662:AA14663"/>
    <mergeCell ref="A14664:C14665"/>
    <mergeCell ref="D14664:O14665"/>
    <mergeCell ref="P14664:S14665"/>
    <mergeCell ref="T14664:W14665"/>
    <mergeCell ref="X14664:AA14665"/>
    <mergeCell ref="A14666:C14667"/>
    <mergeCell ref="D14666:O14667"/>
    <mergeCell ref="P14666:S14667"/>
    <mergeCell ref="T14666:W14667"/>
    <mergeCell ref="X14666:AA14667"/>
    <mergeCell ref="A14668:C14669"/>
    <mergeCell ref="D14668:O14669"/>
    <mergeCell ref="P14668:S14669"/>
    <mergeCell ref="T14668:W14669"/>
    <mergeCell ref="X14668:AA14669"/>
    <mergeCell ref="A14670:C14671"/>
    <mergeCell ref="D14670:O14671"/>
    <mergeCell ref="P14670:S14671"/>
    <mergeCell ref="T14670:W14671"/>
    <mergeCell ref="X14670:AA14671"/>
    <mergeCell ref="A14672:C14673"/>
    <mergeCell ref="D14672:O14673"/>
    <mergeCell ref="P14672:S14673"/>
    <mergeCell ref="T14672:W14673"/>
    <mergeCell ref="X14672:AA14673"/>
    <mergeCell ref="A14646:C14647"/>
    <mergeCell ref="D14646:O14647"/>
    <mergeCell ref="P14646:S14647"/>
    <mergeCell ref="T14646:W14647"/>
    <mergeCell ref="X14646:AA14647"/>
    <mergeCell ref="A14648:C14649"/>
    <mergeCell ref="D14648:O14649"/>
    <mergeCell ref="P14648:S14649"/>
    <mergeCell ref="T14648:W14649"/>
    <mergeCell ref="X14648:AA14649"/>
    <mergeCell ref="A14650:C14651"/>
    <mergeCell ref="D14650:O14651"/>
    <mergeCell ref="P14650:S14651"/>
    <mergeCell ref="T14650:W14651"/>
    <mergeCell ref="X14650:AA14651"/>
    <mergeCell ref="A14652:C14653"/>
    <mergeCell ref="D14652:O14653"/>
    <mergeCell ref="P14652:S14653"/>
    <mergeCell ref="T14652:W14653"/>
    <mergeCell ref="X14652:AA14653"/>
    <mergeCell ref="A14654:C14655"/>
    <mergeCell ref="D14654:O14655"/>
    <mergeCell ref="P14654:S14655"/>
    <mergeCell ref="T14654:W14655"/>
    <mergeCell ref="X14654:AA14655"/>
    <mergeCell ref="A14656:C14657"/>
    <mergeCell ref="D14656:O14657"/>
    <mergeCell ref="P14656:S14657"/>
    <mergeCell ref="T14656:W14657"/>
    <mergeCell ref="X14656:AA14657"/>
    <mergeCell ref="A14658:C14659"/>
    <mergeCell ref="D14658:O14659"/>
    <mergeCell ref="P14658:S14659"/>
    <mergeCell ref="T14658:W14659"/>
    <mergeCell ref="X14658:AA14659"/>
    <mergeCell ref="A14632:C14633"/>
    <mergeCell ref="D14632:O14633"/>
    <mergeCell ref="P14632:S14633"/>
    <mergeCell ref="T14632:W14633"/>
    <mergeCell ref="X14632:AA14633"/>
    <mergeCell ref="A14634:C14635"/>
    <mergeCell ref="D14634:O14635"/>
    <mergeCell ref="P14634:S14635"/>
    <mergeCell ref="T14634:W14635"/>
    <mergeCell ref="X14634:AA14635"/>
    <mergeCell ref="A14636:C14637"/>
    <mergeCell ref="D14636:O14637"/>
    <mergeCell ref="P14636:S14637"/>
    <mergeCell ref="T14636:W14637"/>
    <mergeCell ref="X14636:AA14637"/>
    <mergeCell ref="A14638:C14639"/>
    <mergeCell ref="D14638:O14639"/>
    <mergeCell ref="P14638:S14639"/>
    <mergeCell ref="T14638:W14639"/>
    <mergeCell ref="X14638:AA14639"/>
    <mergeCell ref="A14640:C14641"/>
    <mergeCell ref="D14640:O14641"/>
    <mergeCell ref="P14640:S14641"/>
    <mergeCell ref="T14640:W14641"/>
    <mergeCell ref="X14640:AA14641"/>
    <mergeCell ref="A14642:C14643"/>
    <mergeCell ref="D14642:O14643"/>
    <mergeCell ref="P14642:S14643"/>
    <mergeCell ref="T14642:W14643"/>
    <mergeCell ref="X14642:AA14643"/>
    <mergeCell ref="A14644:C14645"/>
    <mergeCell ref="D14644:O14645"/>
    <mergeCell ref="P14644:S14645"/>
    <mergeCell ref="T14644:W14645"/>
    <mergeCell ref="X14644:AA14645"/>
    <mergeCell ref="A14618:C14619"/>
    <mergeCell ref="D14618:O14619"/>
    <mergeCell ref="P14618:S14619"/>
    <mergeCell ref="T14618:W14619"/>
    <mergeCell ref="X14618:AA14619"/>
    <mergeCell ref="A14620:C14621"/>
    <mergeCell ref="D14620:O14621"/>
    <mergeCell ref="P14620:S14621"/>
    <mergeCell ref="T14620:W14621"/>
    <mergeCell ref="X14620:AA14621"/>
    <mergeCell ref="A14622:C14623"/>
    <mergeCell ref="D14622:O14623"/>
    <mergeCell ref="P14622:S14623"/>
    <mergeCell ref="T14622:W14623"/>
    <mergeCell ref="X14622:AA14623"/>
    <mergeCell ref="A14624:C14625"/>
    <mergeCell ref="D14624:O14625"/>
    <mergeCell ref="P14624:S14625"/>
    <mergeCell ref="T14624:W14625"/>
    <mergeCell ref="X14624:AA14625"/>
    <mergeCell ref="A14626:C14627"/>
    <mergeCell ref="D14626:O14627"/>
    <mergeCell ref="P14626:S14627"/>
    <mergeCell ref="T14626:W14627"/>
    <mergeCell ref="X14626:AA14627"/>
    <mergeCell ref="A14628:C14629"/>
    <mergeCell ref="D14628:O14629"/>
    <mergeCell ref="P14628:S14629"/>
    <mergeCell ref="T14628:W14629"/>
    <mergeCell ref="X14628:AA14629"/>
    <mergeCell ref="A14630:C14631"/>
    <mergeCell ref="D14630:O14631"/>
    <mergeCell ref="P14630:S14631"/>
    <mergeCell ref="T14630:W14631"/>
    <mergeCell ref="X14630:AA14631"/>
    <mergeCell ref="A14600:AA14601"/>
    <mergeCell ref="A14602:AA14603"/>
    <mergeCell ref="A14604:C14605"/>
    <mergeCell ref="D14604:O14605"/>
    <mergeCell ref="P14604:S14605"/>
    <mergeCell ref="T14604:W14605"/>
    <mergeCell ref="X14604:AA14605"/>
    <mergeCell ref="A14606:C14607"/>
    <mergeCell ref="D14606:O14607"/>
    <mergeCell ref="P14606:S14607"/>
    <mergeCell ref="T14606:W14607"/>
    <mergeCell ref="X14606:AA14607"/>
    <mergeCell ref="A14608:C14609"/>
    <mergeCell ref="D14608:O14609"/>
    <mergeCell ref="P14608:S14609"/>
    <mergeCell ref="T14608:W14609"/>
    <mergeCell ref="X14608:AA14609"/>
    <mergeCell ref="A14610:C14611"/>
    <mergeCell ref="D14610:O14611"/>
    <mergeCell ref="P14610:S14611"/>
    <mergeCell ref="T14610:W14611"/>
    <mergeCell ref="X14610:AA14611"/>
    <mergeCell ref="A14612:C14613"/>
    <mergeCell ref="D14612:O14613"/>
    <mergeCell ref="P14612:S14613"/>
    <mergeCell ref="T14612:W14613"/>
    <mergeCell ref="X14612:AA14613"/>
    <mergeCell ref="A14614:C14615"/>
    <mergeCell ref="D14614:O14615"/>
    <mergeCell ref="P14614:S14615"/>
    <mergeCell ref="T14614:W14615"/>
    <mergeCell ref="X14614:AA14615"/>
    <mergeCell ref="A14616:C14617"/>
    <mergeCell ref="D14616:O14617"/>
    <mergeCell ref="P14616:S14617"/>
    <mergeCell ref="T14616:W14617"/>
    <mergeCell ref="X14616:AA14617"/>
    <mergeCell ref="A14586:C14587"/>
    <mergeCell ref="D14586:O14587"/>
    <mergeCell ref="P14586:S14587"/>
    <mergeCell ref="T14586:W14587"/>
    <mergeCell ref="X14586:AA14587"/>
    <mergeCell ref="A14588:C14589"/>
    <mergeCell ref="D14588:O14589"/>
    <mergeCell ref="P14588:S14589"/>
    <mergeCell ref="T14588:W14589"/>
    <mergeCell ref="X14588:AA14589"/>
    <mergeCell ref="A14590:C14591"/>
    <mergeCell ref="D14590:O14591"/>
    <mergeCell ref="P14590:S14591"/>
    <mergeCell ref="T14590:W14591"/>
    <mergeCell ref="X14590:AA14591"/>
    <mergeCell ref="A14592:C14593"/>
    <mergeCell ref="D14592:O14593"/>
    <mergeCell ref="P14592:S14593"/>
    <mergeCell ref="T14592:W14593"/>
    <mergeCell ref="X14592:AA14593"/>
    <mergeCell ref="A14594:C14595"/>
    <mergeCell ref="D14594:O14595"/>
    <mergeCell ref="P14594:S14595"/>
    <mergeCell ref="T14594:W14595"/>
    <mergeCell ref="X14594:AA14595"/>
    <mergeCell ref="A14596:C14597"/>
    <mergeCell ref="D14596:O14597"/>
    <mergeCell ref="P14596:S14597"/>
    <mergeCell ref="T14596:W14597"/>
    <mergeCell ref="X14596:AA14597"/>
    <mergeCell ref="A14598:C14599"/>
    <mergeCell ref="D14598:O14599"/>
    <mergeCell ref="P14598:S14599"/>
    <mergeCell ref="T14598:W14599"/>
    <mergeCell ref="X14598:AA14599"/>
    <mergeCell ref="A14572:C14573"/>
    <mergeCell ref="D14572:O14573"/>
    <mergeCell ref="P14572:S14573"/>
    <mergeCell ref="T14572:W14573"/>
    <mergeCell ref="X14572:AA14573"/>
    <mergeCell ref="A14574:C14575"/>
    <mergeCell ref="D14574:O14575"/>
    <mergeCell ref="P14574:S14575"/>
    <mergeCell ref="T14574:W14575"/>
    <mergeCell ref="X14574:AA14575"/>
    <mergeCell ref="A14576:C14577"/>
    <mergeCell ref="D14576:O14577"/>
    <mergeCell ref="P14576:S14577"/>
    <mergeCell ref="T14576:W14577"/>
    <mergeCell ref="X14576:AA14577"/>
    <mergeCell ref="A14578:C14579"/>
    <mergeCell ref="D14578:O14579"/>
    <mergeCell ref="P14578:S14579"/>
    <mergeCell ref="T14578:W14579"/>
    <mergeCell ref="X14578:AA14579"/>
    <mergeCell ref="A14580:C14581"/>
    <mergeCell ref="D14580:O14581"/>
    <mergeCell ref="P14580:S14581"/>
    <mergeCell ref="T14580:W14581"/>
    <mergeCell ref="X14580:AA14581"/>
    <mergeCell ref="A14582:C14583"/>
    <mergeCell ref="D14582:O14583"/>
    <mergeCell ref="P14582:S14583"/>
    <mergeCell ref="T14582:W14583"/>
    <mergeCell ref="X14582:AA14583"/>
    <mergeCell ref="A14584:C14585"/>
    <mergeCell ref="D14584:O14585"/>
    <mergeCell ref="P14584:S14585"/>
    <mergeCell ref="T14584:W14585"/>
    <mergeCell ref="X14584:AA14585"/>
    <mergeCell ref="A14558:C14559"/>
    <mergeCell ref="D14558:O14559"/>
    <mergeCell ref="P14558:S14559"/>
    <mergeCell ref="T14558:W14559"/>
    <mergeCell ref="X14558:AA14559"/>
    <mergeCell ref="A14560:C14561"/>
    <mergeCell ref="D14560:O14561"/>
    <mergeCell ref="P14560:S14561"/>
    <mergeCell ref="T14560:W14561"/>
    <mergeCell ref="X14560:AA14561"/>
    <mergeCell ref="A14562:C14563"/>
    <mergeCell ref="D14562:O14563"/>
    <mergeCell ref="P14562:S14563"/>
    <mergeCell ref="T14562:W14563"/>
    <mergeCell ref="X14562:AA14563"/>
    <mergeCell ref="A14564:C14565"/>
    <mergeCell ref="D14564:O14565"/>
    <mergeCell ref="P14564:S14565"/>
    <mergeCell ref="T14564:W14565"/>
    <mergeCell ref="X14564:AA14565"/>
    <mergeCell ref="A14566:C14567"/>
    <mergeCell ref="D14566:O14567"/>
    <mergeCell ref="P14566:S14567"/>
    <mergeCell ref="T14566:W14567"/>
    <mergeCell ref="X14566:AA14567"/>
    <mergeCell ref="A14568:C14569"/>
    <mergeCell ref="D14568:O14569"/>
    <mergeCell ref="P14568:S14569"/>
    <mergeCell ref="T14568:W14569"/>
    <mergeCell ref="X14568:AA14569"/>
    <mergeCell ref="A14570:C14571"/>
    <mergeCell ref="D14570:O14571"/>
    <mergeCell ref="P14570:S14571"/>
    <mergeCell ref="T14570:W14571"/>
    <mergeCell ref="X14570:AA14571"/>
    <mergeCell ref="A14544:C14545"/>
    <mergeCell ref="D14544:O14545"/>
    <mergeCell ref="P14544:S14545"/>
    <mergeCell ref="T14544:W14545"/>
    <mergeCell ref="X14544:AA14545"/>
    <mergeCell ref="A14546:C14547"/>
    <mergeCell ref="D14546:O14547"/>
    <mergeCell ref="P14546:S14547"/>
    <mergeCell ref="T14546:W14547"/>
    <mergeCell ref="X14546:AA14547"/>
    <mergeCell ref="A14548:C14549"/>
    <mergeCell ref="D14548:O14549"/>
    <mergeCell ref="P14548:S14549"/>
    <mergeCell ref="T14548:W14549"/>
    <mergeCell ref="X14548:AA14549"/>
    <mergeCell ref="A14550:C14551"/>
    <mergeCell ref="D14550:O14551"/>
    <mergeCell ref="P14550:S14551"/>
    <mergeCell ref="T14550:W14551"/>
    <mergeCell ref="X14550:AA14551"/>
    <mergeCell ref="A14552:C14553"/>
    <mergeCell ref="D14552:O14553"/>
    <mergeCell ref="P14552:S14553"/>
    <mergeCell ref="T14552:W14553"/>
    <mergeCell ref="X14552:AA14553"/>
    <mergeCell ref="A14554:C14555"/>
    <mergeCell ref="D14554:O14555"/>
    <mergeCell ref="P14554:S14555"/>
    <mergeCell ref="T14554:W14555"/>
    <mergeCell ref="X14554:AA14555"/>
    <mergeCell ref="A14556:C14557"/>
    <mergeCell ref="D14556:O14557"/>
    <mergeCell ref="P14556:S14557"/>
    <mergeCell ref="T14556:W14557"/>
    <mergeCell ref="X14556:AA14557"/>
    <mergeCell ref="A14530:C14531"/>
    <mergeCell ref="D14530:O14531"/>
    <mergeCell ref="P14530:S14531"/>
    <mergeCell ref="T14530:W14531"/>
    <mergeCell ref="X14530:AA14531"/>
    <mergeCell ref="A14532:C14533"/>
    <mergeCell ref="D14532:O14533"/>
    <mergeCell ref="P14532:S14533"/>
    <mergeCell ref="T14532:W14533"/>
    <mergeCell ref="X14532:AA14533"/>
    <mergeCell ref="A14534:C14535"/>
    <mergeCell ref="D14534:O14535"/>
    <mergeCell ref="P14534:S14535"/>
    <mergeCell ref="T14534:W14535"/>
    <mergeCell ref="X14534:AA14535"/>
    <mergeCell ref="A14536:C14537"/>
    <mergeCell ref="D14536:O14537"/>
    <mergeCell ref="P14536:S14537"/>
    <mergeCell ref="T14536:W14537"/>
    <mergeCell ref="X14536:AA14537"/>
    <mergeCell ref="A14538:C14539"/>
    <mergeCell ref="D14538:O14539"/>
    <mergeCell ref="P14538:S14539"/>
    <mergeCell ref="T14538:W14539"/>
    <mergeCell ref="X14538:AA14539"/>
    <mergeCell ref="A14540:C14541"/>
    <mergeCell ref="D14540:O14541"/>
    <mergeCell ref="P14540:S14541"/>
    <mergeCell ref="T14540:W14541"/>
    <mergeCell ref="X14540:AA14541"/>
    <mergeCell ref="A14542:C14543"/>
    <mergeCell ref="D14542:O14543"/>
    <mergeCell ref="P14542:S14543"/>
    <mergeCell ref="T14542:W14543"/>
    <mergeCell ref="X14542:AA14543"/>
    <mergeCell ref="A14516:C14517"/>
    <mergeCell ref="D14516:O14517"/>
    <mergeCell ref="P14516:S14517"/>
    <mergeCell ref="T14516:W14517"/>
    <mergeCell ref="X14516:AA14517"/>
    <mergeCell ref="A14518:C14519"/>
    <mergeCell ref="D14518:O14519"/>
    <mergeCell ref="P14518:S14519"/>
    <mergeCell ref="T14518:W14519"/>
    <mergeCell ref="X14518:AA14519"/>
    <mergeCell ref="A14520:C14521"/>
    <mergeCell ref="D14520:O14521"/>
    <mergeCell ref="P14520:S14521"/>
    <mergeCell ref="T14520:W14521"/>
    <mergeCell ref="X14520:AA14521"/>
    <mergeCell ref="A14522:C14523"/>
    <mergeCell ref="D14522:O14523"/>
    <mergeCell ref="P14522:S14523"/>
    <mergeCell ref="T14522:W14523"/>
    <mergeCell ref="X14522:AA14523"/>
    <mergeCell ref="A14524:C14525"/>
    <mergeCell ref="D14524:O14525"/>
    <mergeCell ref="P14524:S14525"/>
    <mergeCell ref="T14524:W14525"/>
    <mergeCell ref="X14524:AA14525"/>
    <mergeCell ref="A14526:C14527"/>
    <mergeCell ref="D14526:O14527"/>
    <mergeCell ref="P14526:S14527"/>
    <mergeCell ref="T14526:W14527"/>
    <mergeCell ref="X14526:AA14527"/>
    <mergeCell ref="A14528:C14529"/>
    <mergeCell ref="D14528:O14529"/>
    <mergeCell ref="P14528:S14529"/>
    <mergeCell ref="T14528:W14529"/>
    <mergeCell ref="X14528:AA14529"/>
    <mergeCell ref="A14500:C14501"/>
    <mergeCell ref="D14500:O14501"/>
    <mergeCell ref="P14500:S14501"/>
    <mergeCell ref="T14500:W14501"/>
    <mergeCell ref="X14500:AA14501"/>
    <mergeCell ref="A14502:C14503"/>
    <mergeCell ref="D14502:O14503"/>
    <mergeCell ref="P14502:S14503"/>
    <mergeCell ref="T14502:W14503"/>
    <mergeCell ref="X14502:AA14503"/>
    <mergeCell ref="A14504:AA14505"/>
    <mergeCell ref="A14506:C14507"/>
    <mergeCell ref="D14506:O14507"/>
    <mergeCell ref="P14506:S14507"/>
    <mergeCell ref="T14506:W14507"/>
    <mergeCell ref="X14506:AA14507"/>
    <mergeCell ref="A14508:C14509"/>
    <mergeCell ref="D14508:O14509"/>
    <mergeCell ref="P14508:S14509"/>
    <mergeCell ref="T14508:W14509"/>
    <mergeCell ref="X14508:AA14509"/>
    <mergeCell ref="A14510:C14511"/>
    <mergeCell ref="D14510:O14511"/>
    <mergeCell ref="P14510:S14511"/>
    <mergeCell ref="T14510:W14511"/>
    <mergeCell ref="X14510:AA14511"/>
    <mergeCell ref="A14512:C14513"/>
    <mergeCell ref="D14512:O14513"/>
    <mergeCell ref="P14512:S14513"/>
    <mergeCell ref="T14512:W14513"/>
    <mergeCell ref="X14512:AA14513"/>
    <mergeCell ref="A14514:C14515"/>
    <mergeCell ref="D14514:O14515"/>
    <mergeCell ref="P14514:S14515"/>
    <mergeCell ref="T14514:W14515"/>
    <mergeCell ref="X14514:AA14515"/>
    <mergeCell ref="A14484:AA14485"/>
    <mergeCell ref="A14486:C14487"/>
    <mergeCell ref="D14486:O14487"/>
    <mergeCell ref="P14486:S14487"/>
    <mergeCell ref="T14486:W14487"/>
    <mergeCell ref="X14486:AA14487"/>
    <mergeCell ref="A14488:C14489"/>
    <mergeCell ref="D14488:O14489"/>
    <mergeCell ref="P14488:S14489"/>
    <mergeCell ref="T14488:W14489"/>
    <mergeCell ref="X14488:AA14489"/>
    <mergeCell ref="A14490:C14491"/>
    <mergeCell ref="D14490:O14491"/>
    <mergeCell ref="P14490:S14491"/>
    <mergeCell ref="T14490:W14491"/>
    <mergeCell ref="X14490:AA14491"/>
    <mergeCell ref="A14492:C14493"/>
    <mergeCell ref="D14492:O14493"/>
    <mergeCell ref="P14492:S14493"/>
    <mergeCell ref="T14492:W14493"/>
    <mergeCell ref="X14492:AA14493"/>
    <mergeCell ref="A14494:C14495"/>
    <mergeCell ref="D14494:O14495"/>
    <mergeCell ref="P14494:S14495"/>
    <mergeCell ref="T14494:W14495"/>
    <mergeCell ref="X14494:AA14495"/>
    <mergeCell ref="A14496:C14497"/>
    <mergeCell ref="D14496:O14497"/>
    <mergeCell ref="P14496:S14497"/>
    <mergeCell ref="T14496:W14497"/>
    <mergeCell ref="X14496:AA14497"/>
    <mergeCell ref="A14498:C14499"/>
    <mergeCell ref="D14498:O14499"/>
    <mergeCell ref="P14498:S14499"/>
    <mergeCell ref="T14498:W14499"/>
    <mergeCell ref="X14498:AA14499"/>
    <mergeCell ref="A14470:C14471"/>
    <mergeCell ref="D14470:O14471"/>
    <mergeCell ref="P14470:S14471"/>
    <mergeCell ref="T14470:W14471"/>
    <mergeCell ref="X14470:AA14471"/>
    <mergeCell ref="A14472:C14473"/>
    <mergeCell ref="D14472:O14473"/>
    <mergeCell ref="P14472:S14473"/>
    <mergeCell ref="T14472:W14473"/>
    <mergeCell ref="X14472:AA14473"/>
    <mergeCell ref="A14474:C14475"/>
    <mergeCell ref="D14474:O14475"/>
    <mergeCell ref="P14474:S14475"/>
    <mergeCell ref="T14474:W14475"/>
    <mergeCell ref="X14474:AA14475"/>
    <mergeCell ref="A14476:C14477"/>
    <mergeCell ref="D14476:O14477"/>
    <mergeCell ref="P14476:S14477"/>
    <mergeCell ref="T14476:W14477"/>
    <mergeCell ref="X14476:AA14477"/>
    <mergeCell ref="A14478:C14479"/>
    <mergeCell ref="D14478:O14479"/>
    <mergeCell ref="P14478:S14479"/>
    <mergeCell ref="T14478:W14479"/>
    <mergeCell ref="X14478:AA14479"/>
    <mergeCell ref="A14480:C14481"/>
    <mergeCell ref="D14480:O14481"/>
    <mergeCell ref="P14480:S14481"/>
    <mergeCell ref="T14480:W14481"/>
    <mergeCell ref="X14480:AA14481"/>
    <mergeCell ref="A14482:C14483"/>
    <mergeCell ref="D14482:O14483"/>
    <mergeCell ref="P14482:S14483"/>
    <mergeCell ref="T14482:W14483"/>
    <mergeCell ref="X14482:AA14483"/>
    <mergeCell ref="A14456:C14457"/>
    <mergeCell ref="D14456:O14457"/>
    <mergeCell ref="P14456:S14457"/>
    <mergeCell ref="T14456:W14457"/>
    <mergeCell ref="X14456:AA14457"/>
    <mergeCell ref="A14458:C14459"/>
    <mergeCell ref="D14458:O14459"/>
    <mergeCell ref="P14458:S14459"/>
    <mergeCell ref="T14458:W14459"/>
    <mergeCell ref="X14458:AA14459"/>
    <mergeCell ref="A14460:C14461"/>
    <mergeCell ref="D14460:O14461"/>
    <mergeCell ref="P14460:S14461"/>
    <mergeCell ref="T14460:W14461"/>
    <mergeCell ref="X14460:AA14461"/>
    <mergeCell ref="A14462:C14463"/>
    <mergeCell ref="D14462:O14463"/>
    <mergeCell ref="P14462:S14463"/>
    <mergeCell ref="T14462:W14463"/>
    <mergeCell ref="X14462:AA14463"/>
    <mergeCell ref="A14464:C14465"/>
    <mergeCell ref="D14464:O14465"/>
    <mergeCell ref="P14464:S14465"/>
    <mergeCell ref="T14464:W14465"/>
    <mergeCell ref="X14464:AA14465"/>
    <mergeCell ref="A14466:C14467"/>
    <mergeCell ref="D14466:O14467"/>
    <mergeCell ref="P14466:S14467"/>
    <mergeCell ref="T14466:W14467"/>
    <mergeCell ref="X14466:AA14467"/>
    <mergeCell ref="A14468:C14469"/>
    <mergeCell ref="D14468:O14469"/>
    <mergeCell ref="P14468:S14469"/>
    <mergeCell ref="T14468:W14469"/>
    <mergeCell ref="X14468:AA14469"/>
    <mergeCell ref="A14442:C14443"/>
    <mergeCell ref="D14442:O14443"/>
    <mergeCell ref="P14442:S14443"/>
    <mergeCell ref="T14442:W14443"/>
    <mergeCell ref="X14442:AA14443"/>
    <mergeCell ref="A14444:C14445"/>
    <mergeCell ref="D14444:O14445"/>
    <mergeCell ref="P14444:S14445"/>
    <mergeCell ref="T14444:W14445"/>
    <mergeCell ref="X14444:AA14445"/>
    <mergeCell ref="A14446:C14447"/>
    <mergeCell ref="D14446:O14447"/>
    <mergeCell ref="P14446:S14447"/>
    <mergeCell ref="T14446:W14447"/>
    <mergeCell ref="X14446:AA14447"/>
    <mergeCell ref="A14448:C14449"/>
    <mergeCell ref="D14448:O14449"/>
    <mergeCell ref="P14448:S14449"/>
    <mergeCell ref="T14448:W14449"/>
    <mergeCell ref="X14448:AA14449"/>
    <mergeCell ref="A14450:C14451"/>
    <mergeCell ref="D14450:O14451"/>
    <mergeCell ref="P14450:S14451"/>
    <mergeCell ref="T14450:W14451"/>
    <mergeCell ref="X14450:AA14451"/>
    <mergeCell ref="A14452:C14453"/>
    <mergeCell ref="D14452:O14453"/>
    <mergeCell ref="P14452:S14453"/>
    <mergeCell ref="T14452:W14453"/>
    <mergeCell ref="X14452:AA14453"/>
    <mergeCell ref="A14454:C14455"/>
    <mergeCell ref="D14454:O14455"/>
    <mergeCell ref="P14454:S14455"/>
    <mergeCell ref="T14454:W14455"/>
    <mergeCell ref="X14454:AA14455"/>
    <mergeCell ref="A14428:C14429"/>
    <mergeCell ref="D14428:O14429"/>
    <mergeCell ref="P14428:S14429"/>
    <mergeCell ref="T14428:W14429"/>
    <mergeCell ref="X14428:AA14429"/>
    <mergeCell ref="A14430:C14431"/>
    <mergeCell ref="D14430:O14431"/>
    <mergeCell ref="P14430:S14431"/>
    <mergeCell ref="T14430:W14431"/>
    <mergeCell ref="X14430:AA14431"/>
    <mergeCell ref="A14432:C14433"/>
    <mergeCell ref="D14432:O14433"/>
    <mergeCell ref="P14432:S14433"/>
    <mergeCell ref="T14432:W14433"/>
    <mergeCell ref="X14432:AA14433"/>
    <mergeCell ref="A14434:C14435"/>
    <mergeCell ref="D14434:O14435"/>
    <mergeCell ref="P14434:S14435"/>
    <mergeCell ref="T14434:W14435"/>
    <mergeCell ref="X14434:AA14435"/>
    <mergeCell ref="A14436:C14437"/>
    <mergeCell ref="D14436:O14437"/>
    <mergeCell ref="P14436:S14437"/>
    <mergeCell ref="T14436:W14437"/>
    <mergeCell ref="X14436:AA14437"/>
    <mergeCell ref="A14438:C14439"/>
    <mergeCell ref="D14438:O14439"/>
    <mergeCell ref="P14438:S14439"/>
    <mergeCell ref="T14438:W14439"/>
    <mergeCell ref="X14438:AA14439"/>
    <mergeCell ref="A14440:C14441"/>
    <mergeCell ref="D14440:O14441"/>
    <mergeCell ref="P14440:S14441"/>
    <mergeCell ref="T14440:W14441"/>
    <mergeCell ref="X14440:AA14441"/>
    <mergeCell ref="A14414:C14415"/>
    <mergeCell ref="D14414:O14415"/>
    <mergeCell ref="P14414:S14415"/>
    <mergeCell ref="T14414:W14415"/>
    <mergeCell ref="X14414:AA14415"/>
    <mergeCell ref="A14416:C14417"/>
    <mergeCell ref="D14416:O14417"/>
    <mergeCell ref="P14416:S14417"/>
    <mergeCell ref="T14416:W14417"/>
    <mergeCell ref="X14416:AA14417"/>
    <mergeCell ref="A14418:C14419"/>
    <mergeCell ref="D14418:O14419"/>
    <mergeCell ref="P14418:S14419"/>
    <mergeCell ref="T14418:W14419"/>
    <mergeCell ref="X14418:AA14419"/>
    <mergeCell ref="A14420:C14421"/>
    <mergeCell ref="D14420:O14421"/>
    <mergeCell ref="P14420:S14421"/>
    <mergeCell ref="T14420:W14421"/>
    <mergeCell ref="X14420:AA14421"/>
    <mergeCell ref="A14422:C14423"/>
    <mergeCell ref="D14422:O14423"/>
    <mergeCell ref="P14422:S14423"/>
    <mergeCell ref="T14422:W14423"/>
    <mergeCell ref="X14422:AA14423"/>
    <mergeCell ref="A14424:C14425"/>
    <mergeCell ref="D14424:O14425"/>
    <mergeCell ref="P14424:S14425"/>
    <mergeCell ref="T14424:W14425"/>
    <mergeCell ref="X14424:AA14425"/>
    <mergeCell ref="A14426:C14427"/>
    <mergeCell ref="D14426:O14427"/>
    <mergeCell ref="P14426:S14427"/>
    <mergeCell ref="T14426:W14427"/>
    <mergeCell ref="X14426:AA14427"/>
    <mergeCell ref="A14400:C14401"/>
    <mergeCell ref="D14400:O14401"/>
    <mergeCell ref="P14400:S14401"/>
    <mergeCell ref="T14400:W14401"/>
    <mergeCell ref="X14400:AA14401"/>
    <mergeCell ref="A14402:C14403"/>
    <mergeCell ref="D14402:O14403"/>
    <mergeCell ref="P14402:S14403"/>
    <mergeCell ref="T14402:W14403"/>
    <mergeCell ref="X14402:AA14403"/>
    <mergeCell ref="A14404:C14405"/>
    <mergeCell ref="D14404:O14405"/>
    <mergeCell ref="P14404:S14405"/>
    <mergeCell ref="T14404:W14405"/>
    <mergeCell ref="X14404:AA14405"/>
    <mergeCell ref="A14406:C14407"/>
    <mergeCell ref="D14406:O14407"/>
    <mergeCell ref="P14406:S14407"/>
    <mergeCell ref="T14406:W14407"/>
    <mergeCell ref="X14406:AA14407"/>
    <mergeCell ref="A14408:C14409"/>
    <mergeCell ref="D14408:O14409"/>
    <mergeCell ref="P14408:S14409"/>
    <mergeCell ref="T14408:W14409"/>
    <mergeCell ref="X14408:AA14409"/>
    <mergeCell ref="A14410:C14411"/>
    <mergeCell ref="D14410:O14411"/>
    <mergeCell ref="P14410:S14411"/>
    <mergeCell ref="T14410:W14411"/>
    <mergeCell ref="X14410:AA14411"/>
    <mergeCell ref="A14412:C14413"/>
    <mergeCell ref="D14412:O14413"/>
    <mergeCell ref="P14412:S14413"/>
    <mergeCell ref="T14412:W14413"/>
    <mergeCell ref="X14412:AA14413"/>
    <mergeCell ref="A14386:C14387"/>
    <mergeCell ref="D14386:O14387"/>
    <mergeCell ref="P14386:S14387"/>
    <mergeCell ref="T14386:W14387"/>
    <mergeCell ref="X14386:AA14387"/>
    <mergeCell ref="A14388:C14389"/>
    <mergeCell ref="D14388:O14389"/>
    <mergeCell ref="P14388:S14389"/>
    <mergeCell ref="T14388:W14389"/>
    <mergeCell ref="X14388:AA14389"/>
    <mergeCell ref="A14390:C14391"/>
    <mergeCell ref="D14390:O14391"/>
    <mergeCell ref="P14390:S14391"/>
    <mergeCell ref="T14390:W14391"/>
    <mergeCell ref="X14390:AA14391"/>
    <mergeCell ref="A14392:C14393"/>
    <mergeCell ref="D14392:O14393"/>
    <mergeCell ref="P14392:S14393"/>
    <mergeCell ref="T14392:W14393"/>
    <mergeCell ref="X14392:AA14393"/>
    <mergeCell ref="A14394:C14395"/>
    <mergeCell ref="D14394:O14395"/>
    <mergeCell ref="P14394:S14395"/>
    <mergeCell ref="T14394:W14395"/>
    <mergeCell ref="X14394:AA14395"/>
    <mergeCell ref="A14396:C14397"/>
    <mergeCell ref="D14396:O14397"/>
    <mergeCell ref="P14396:S14397"/>
    <mergeCell ref="T14396:W14397"/>
    <mergeCell ref="X14396:AA14397"/>
    <mergeCell ref="A14398:C14399"/>
    <mergeCell ref="D14398:O14399"/>
    <mergeCell ref="P14398:S14399"/>
    <mergeCell ref="T14398:W14399"/>
    <mergeCell ref="X14398:AA14399"/>
    <mergeCell ref="A14372:C14373"/>
    <mergeCell ref="D14372:O14373"/>
    <mergeCell ref="P14372:S14373"/>
    <mergeCell ref="T14372:W14373"/>
    <mergeCell ref="X14372:AA14373"/>
    <mergeCell ref="A14374:C14375"/>
    <mergeCell ref="D14374:O14375"/>
    <mergeCell ref="P14374:S14375"/>
    <mergeCell ref="T14374:W14375"/>
    <mergeCell ref="X14374:AA14375"/>
    <mergeCell ref="A14376:C14377"/>
    <mergeCell ref="D14376:O14377"/>
    <mergeCell ref="P14376:S14377"/>
    <mergeCell ref="T14376:W14377"/>
    <mergeCell ref="X14376:AA14377"/>
    <mergeCell ref="A14378:C14379"/>
    <mergeCell ref="D14378:O14379"/>
    <mergeCell ref="P14378:S14379"/>
    <mergeCell ref="T14378:W14379"/>
    <mergeCell ref="X14378:AA14379"/>
    <mergeCell ref="A14380:C14381"/>
    <mergeCell ref="D14380:O14381"/>
    <mergeCell ref="P14380:S14381"/>
    <mergeCell ref="T14380:W14381"/>
    <mergeCell ref="X14380:AA14381"/>
    <mergeCell ref="A14382:C14383"/>
    <mergeCell ref="D14382:O14383"/>
    <mergeCell ref="P14382:S14383"/>
    <mergeCell ref="T14382:W14383"/>
    <mergeCell ref="X14382:AA14383"/>
    <mergeCell ref="A14384:C14385"/>
    <mergeCell ref="D14384:O14385"/>
    <mergeCell ref="P14384:S14385"/>
    <mergeCell ref="T14384:W14385"/>
    <mergeCell ref="X14384:AA14385"/>
    <mergeCell ref="A14358:C14359"/>
    <mergeCell ref="D14358:O14359"/>
    <mergeCell ref="P14358:S14359"/>
    <mergeCell ref="T14358:W14359"/>
    <mergeCell ref="X14358:AA14359"/>
    <mergeCell ref="A14360:C14361"/>
    <mergeCell ref="D14360:O14361"/>
    <mergeCell ref="P14360:S14361"/>
    <mergeCell ref="T14360:W14361"/>
    <mergeCell ref="X14360:AA14361"/>
    <mergeCell ref="A14362:C14363"/>
    <mergeCell ref="D14362:O14363"/>
    <mergeCell ref="P14362:S14363"/>
    <mergeCell ref="T14362:W14363"/>
    <mergeCell ref="X14362:AA14363"/>
    <mergeCell ref="A14364:C14365"/>
    <mergeCell ref="D14364:O14365"/>
    <mergeCell ref="P14364:S14365"/>
    <mergeCell ref="T14364:W14365"/>
    <mergeCell ref="X14364:AA14365"/>
    <mergeCell ref="A14366:C14367"/>
    <mergeCell ref="D14366:O14367"/>
    <mergeCell ref="P14366:S14367"/>
    <mergeCell ref="T14366:W14367"/>
    <mergeCell ref="X14366:AA14367"/>
    <mergeCell ref="A14368:C14369"/>
    <mergeCell ref="D14368:O14369"/>
    <mergeCell ref="P14368:S14369"/>
    <mergeCell ref="T14368:W14369"/>
    <mergeCell ref="X14368:AA14369"/>
    <mergeCell ref="A14370:C14371"/>
    <mergeCell ref="D14370:O14371"/>
    <mergeCell ref="P14370:S14371"/>
    <mergeCell ref="T14370:W14371"/>
    <mergeCell ref="X14370:AA14371"/>
    <mergeCell ref="A14342:C14343"/>
    <mergeCell ref="D14342:O14343"/>
    <mergeCell ref="P14342:S14343"/>
    <mergeCell ref="T14342:W14343"/>
    <mergeCell ref="X14342:AA14343"/>
    <mergeCell ref="A14344:C14345"/>
    <mergeCell ref="D14344:O14345"/>
    <mergeCell ref="P14344:S14345"/>
    <mergeCell ref="T14344:W14345"/>
    <mergeCell ref="X14344:AA14345"/>
    <mergeCell ref="A14346:C14347"/>
    <mergeCell ref="D14346:O14347"/>
    <mergeCell ref="P14346:S14347"/>
    <mergeCell ref="T14346:W14347"/>
    <mergeCell ref="X14346:AA14347"/>
    <mergeCell ref="A14348:C14349"/>
    <mergeCell ref="D14348:O14349"/>
    <mergeCell ref="P14348:S14349"/>
    <mergeCell ref="T14348:W14349"/>
    <mergeCell ref="X14348:AA14349"/>
    <mergeCell ref="A14350:AA14351"/>
    <mergeCell ref="A14352:C14353"/>
    <mergeCell ref="D14352:O14353"/>
    <mergeCell ref="P14352:S14353"/>
    <mergeCell ref="T14352:W14353"/>
    <mergeCell ref="X14352:AA14353"/>
    <mergeCell ref="A14354:C14355"/>
    <mergeCell ref="D14354:O14355"/>
    <mergeCell ref="P14354:S14355"/>
    <mergeCell ref="T14354:W14355"/>
    <mergeCell ref="X14354:AA14355"/>
    <mergeCell ref="A14356:C14357"/>
    <mergeCell ref="D14356:O14357"/>
    <mergeCell ref="P14356:S14357"/>
    <mergeCell ref="T14356:W14357"/>
    <mergeCell ref="X14356:AA14357"/>
    <mergeCell ref="A14328:C14329"/>
    <mergeCell ref="D14328:O14329"/>
    <mergeCell ref="P14328:S14329"/>
    <mergeCell ref="T14328:W14329"/>
    <mergeCell ref="X14328:AA14329"/>
    <mergeCell ref="A14330:C14331"/>
    <mergeCell ref="D14330:O14331"/>
    <mergeCell ref="P14330:S14331"/>
    <mergeCell ref="T14330:W14331"/>
    <mergeCell ref="X14330:AA14331"/>
    <mergeCell ref="A14332:C14333"/>
    <mergeCell ref="D14332:O14333"/>
    <mergeCell ref="P14332:S14333"/>
    <mergeCell ref="T14332:W14333"/>
    <mergeCell ref="X14332:AA14333"/>
    <mergeCell ref="A14334:C14335"/>
    <mergeCell ref="D14334:O14335"/>
    <mergeCell ref="P14334:S14335"/>
    <mergeCell ref="T14334:W14335"/>
    <mergeCell ref="X14334:AA14335"/>
    <mergeCell ref="A14336:C14337"/>
    <mergeCell ref="D14336:O14337"/>
    <mergeCell ref="P14336:S14337"/>
    <mergeCell ref="T14336:W14337"/>
    <mergeCell ref="X14336:AA14337"/>
    <mergeCell ref="A14338:C14339"/>
    <mergeCell ref="D14338:O14339"/>
    <mergeCell ref="P14338:S14339"/>
    <mergeCell ref="T14338:W14339"/>
    <mergeCell ref="X14338:AA14339"/>
    <mergeCell ref="A14340:C14341"/>
    <mergeCell ref="D14340:O14341"/>
    <mergeCell ref="P14340:S14341"/>
    <mergeCell ref="T14340:W14341"/>
    <mergeCell ref="X14340:AA14341"/>
    <mergeCell ref="A14314:C14315"/>
    <mergeCell ref="D14314:O14315"/>
    <mergeCell ref="P14314:S14315"/>
    <mergeCell ref="T14314:W14315"/>
    <mergeCell ref="X14314:AA14315"/>
    <mergeCell ref="A14316:C14317"/>
    <mergeCell ref="D14316:O14317"/>
    <mergeCell ref="P14316:S14317"/>
    <mergeCell ref="T14316:W14317"/>
    <mergeCell ref="X14316:AA14317"/>
    <mergeCell ref="A14318:C14319"/>
    <mergeCell ref="D14318:O14319"/>
    <mergeCell ref="P14318:S14319"/>
    <mergeCell ref="T14318:W14319"/>
    <mergeCell ref="X14318:AA14319"/>
    <mergeCell ref="A14320:C14321"/>
    <mergeCell ref="D14320:O14321"/>
    <mergeCell ref="P14320:S14321"/>
    <mergeCell ref="T14320:W14321"/>
    <mergeCell ref="X14320:AA14321"/>
    <mergeCell ref="A14322:C14323"/>
    <mergeCell ref="D14322:O14323"/>
    <mergeCell ref="P14322:S14323"/>
    <mergeCell ref="T14322:W14323"/>
    <mergeCell ref="X14322:AA14323"/>
    <mergeCell ref="A14324:C14325"/>
    <mergeCell ref="D14324:O14325"/>
    <mergeCell ref="P14324:S14325"/>
    <mergeCell ref="T14324:W14325"/>
    <mergeCell ref="X14324:AA14325"/>
    <mergeCell ref="A14326:C14327"/>
    <mergeCell ref="D14326:O14327"/>
    <mergeCell ref="P14326:S14327"/>
    <mergeCell ref="T14326:W14327"/>
    <mergeCell ref="X14326:AA14327"/>
    <mergeCell ref="A14298:C14299"/>
    <mergeCell ref="D14298:O14299"/>
    <mergeCell ref="P14298:S14299"/>
    <mergeCell ref="T14298:W14299"/>
    <mergeCell ref="X14298:AA14299"/>
    <mergeCell ref="A14300:C14301"/>
    <mergeCell ref="D14300:O14301"/>
    <mergeCell ref="P14300:S14301"/>
    <mergeCell ref="T14300:W14301"/>
    <mergeCell ref="X14300:AA14301"/>
    <mergeCell ref="A14302:AA14303"/>
    <mergeCell ref="A14304:C14305"/>
    <mergeCell ref="D14304:O14305"/>
    <mergeCell ref="P14304:S14305"/>
    <mergeCell ref="T14304:W14305"/>
    <mergeCell ref="X14304:AA14305"/>
    <mergeCell ref="A14306:C14307"/>
    <mergeCell ref="D14306:O14307"/>
    <mergeCell ref="P14306:S14307"/>
    <mergeCell ref="T14306:W14307"/>
    <mergeCell ref="X14306:AA14307"/>
    <mergeCell ref="A14308:C14309"/>
    <mergeCell ref="D14308:O14309"/>
    <mergeCell ref="P14308:S14309"/>
    <mergeCell ref="T14308:W14309"/>
    <mergeCell ref="X14308:AA14309"/>
    <mergeCell ref="A14310:C14311"/>
    <mergeCell ref="D14310:O14311"/>
    <mergeCell ref="P14310:S14311"/>
    <mergeCell ref="T14310:W14311"/>
    <mergeCell ref="X14310:AA14311"/>
    <mergeCell ref="A14312:C14313"/>
    <mergeCell ref="D14312:O14313"/>
    <mergeCell ref="P14312:S14313"/>
    <mergeCell ref="T14312:W14313"/>
    <mergeCell ref="X14312:AA14313"/>
    <mergeCell ref="A14284:C14285"/>
    <mergeCell ref="D14284:O14285"/>
    <mergeCell ref="P14284:S14285"/>
    <mergeCell ref="T14284:W14285"/>
    <mergeCell ref="X14284:AA14285"/>
    <mergeCell ref="A14286:C14287"/>
    <mergeCell ref="D14286:O14287"/>
    <mergeCell ref="P14286:S14287"/>
    <mergeCell ref="T14286:W14287"/>
    <mergeCell ref="X14286:AA14287"/>
    <mergeCell ref="A14288:C14289"/>
    <mergeCell ref="D14288:O14289"/>
    <mergeCell ref="P14288:S14289"/>
    <mergeCell ref="T14288:W14289"/>
    <mergeCell ref="X14288:AA14289"/>
    <mergeCell ref="A14290:C14291"/>
    <mergeCell ref="D14290:O14291"/>
    <mergeCell ref="P14290:S14291"/>
    <mergeCell ref="T14290:W14291"/>
    <mergeCell ref="X14290:AA14291"/>
    <mergeCell ref="A14292:C14293"/>
    <mergeCell ref="D14292:O14293"/>
    <mergeCell ref="P14292:S14293"/>
    <mergeCell ref="T14292:W14293"/>
    <mergeCell ref="X14292:AA14293"/>
    <mergeCell ref="A14294:C14295"/>
    <mergeCell ref="D14294:O14295"/>
    <mergeCell ref="P14294:S14295"/>
    <mergeCell ref="T14294:W14295"/>
    <mergeCell ref="X14294:AA14295"/>
    <mergeCell ref="A14296:C14297"/>
    <mergeCell ref="D14296:O14297"/>
    <mergeCell ref="P14296:S14297"/>
    <mergeCell ref="T14296:W14297"/>
    <mergeCell ref="X14296:AA14297"/>
    <mergeCell ref="A14270:C14271"/>
    <mergeCell ref="D14270:O14271"/>
    <mergeCell ref="P14270:S14271"/>
    <mergeCell ref="T14270:W14271"/>
    <mergeCell ref="X14270:AA14271"/>
    <mergeCell ref="A14272:C14273"/>
    <mergeCell ref="D14272:O14273"/>
    <mergeCell ref="P14272:S14273"/>
    <mergeCell ref="T14272:W14273"/>
    <mergeCell ref="X14272:AA14273"/>
    <mergeCell ref="A14274:C14275"/>
    <mergeCell ref="D14274:O14275"/>
    <mergeCell ref="P14274:S14275"/>
    <mergeCell ref="T14274:W14275"/>
    <mergeCell ref="X14274:AA14275"/>
    <mergeCell ref="A14276:C14277"/>
    <mergeCell ref="D14276:O14277"/>
    <mergeCell ref="P14276:S14277"/>
    <mergeCell ref="T14276:W14277"/>
    <mergeCell ref="X14276:AA14277"/>
    <mergeCell ref="A14278:C14279"/>
    <mergeCell ref="D14278:O14279"/>
    <mergeCell ref="P14278:S14279"/>
    <mergeCell ref="T14278:W14279"/>
    <mergeCell ref="X14278:AA14279"/>
    <mergeCell ref="A14280:C14281"/>
    <mergeCell ref="D14280:O14281"/>
    <mergeCell ref="P14280:S14281"/>
    <mergeCell ref="T14280:W14281"/>
    <mergeCell ref="X14280:AA14281"/>
    <mergeCell ref="A14282:C14283"/>
    <mergeCell ref="D14282:O14283"/>
    <mergeCell ref="P14282:S14283"/>
    <mergeCell ref="T14282:W14283"/>
    <mergeCell ref="X14282:AA14283"/>
    <mergeCell ref="A14256:C14257"/>
    <mergeCell ref="D14256:O14257"/>
    <mergeCell ref="P14256:S14257"/>
    <mergeCell ref="T14256:W14257"/>
    <mergeCell ref="X14256:AA14257"/>
    <mergeCell ref="A14258:C14259"/>
    <mergeCell ref="D14258:O14259"/>
    <mergeCell ref="P14258:S14259"/>
    <mergeCell ref="T14258:W14259"/>
    <mergeCell ref="X14258:AA14259"/>
    <mergeCell ref="A14260:C14261"/>
    <mergeCell ref="D14260:O14261"/>
    <mergeCell ref="P14260:S14261"/>
    <mergeCell ref="T14260:W14261"/>
    <mergeCell ref="X14260:AA14261"/>
    <mergeCell ref="A14262:C14263"/>
    <mergeCell ref="D14262:O14263"/>
    <mergeCell ref="P14262:S14263"/>
    <mergeCell ref="T14262:W14263"/>
    <mergeCell ref="X14262:AA14263"/>
    <mergeCell ref="A14264:C14265"/>
    <mergeCell ref="D14264:O14265"/>
    <mergeCell ref="P14264:S14265"/>
    <mergeCell ref="T14264:W14265"/>
    <mergeCell ref="X14264:AA14265"/>
    <mergeCell ref="A14266:C14267"/>
    <mergeCell ref="D14266:O14267"/>
    <mergeCell ref="P14266:S14267"/>
    <mergeCell ref="T14266:W14267"/>
    <mergeCell ref="X14266:AA14267"/>
    <mergeCell ref="A14268:C14269"/>
    <mergeCell ref="D14268:O14269"/>
    <mergeCell ref="P14268:S14269"/>
    <mergeCell ref="T14268:W14269"/>
    <mergeCell ref="X14268:AA14269"/>
    <mergeCell ref="A14242:C14243"/>
    <mergeCell ref="D14242:O14243"/>
    <mergeCell ref="P14242:S14243"/>
    <mergeCell ref="T14242:W14243"/>
    <mergeCell ref="X14242:AA14243"/>
    <mergeCell ref="A14244:C14245"/>
    <mergeCell ref="D14244:O14245"/>
    <mergeCell ref="P14244:S14245"/>
    <mergeCell ref="T14244:W14245"/>
    <mergeCell ref="X14244:AA14245"/>
    <mergeCell ref="A14246:C14247"/>
    <mergeCell ref="D14246:O14247"/>
    <mergeCell ref="P14246:S14247"/>
    <mergeCell ref="T14246:W14247"/>
    <mergeCell ref="X14246:AA14247"/>
    <mergeCell ref="A14248:C14249"/>
    <mergeCell ref="D14248:O14249"/>
    <mergeCell ref="P14248:S14249"/>
    <mergeCell ref="T14248:W14249"/>
    <mergeCell ref="X14248:AA14249"/>
    <mergeCell ref="A14250:C14251"/>
    <mergeCell ref="D14250:O14251"/>
    <mergeCell ref="P14250:S14251"/>
    <mergeCell ref="T14250:W14251"/>
    <mergeCell ref="X14250:AA14251"/>
    <mergeCell ref="A14252:C14253"/>
    <mergeCell ref="D14252:O14253"/>
    <mergeCell ref="P14252:S14253"/>
    <mergeCell ref="T14252:W14253"/>
    <mergeCell ref="X14252:AA14253"/>
    <mergeCell ref="A14254:C14255"/>
    <mergeCell ref="D14254:O14255"/>
    <mergeCell ref="P14254:S14255"/>
    <mergeCell ref="T14254:W14255"/>
    <mergeCell ref="X14254:AA14255"/>
    <mergeCell ref="A14228:C14229"/>
    <mergeCell ref="D14228:O14229"/>
    <mergeCell ref="P14228:S14229"/>
    <mergeCell ref="T14228:W14229"/>
    <mergeCell ref="X14228:AA14229"/>
    <mergeCell ref="A14230:C14231"/>
    <mergeCell ref="D14230:O14231"/>
    <mergeCell ref="P14230:S14231"/>
    <mergeCell ref="T14230:W14231"/>
    <mergeCell ref="X14230:AA14231"/>
    <mergeCell ref="A14232:C14233"/>
    <mergeCell ref="D14232:O14233"/>
    <mergeCell ref="P14232:S14233"/>
    <mergeCell ref="T14232:W14233"/>
    <mergeCell ref="X14232:AA14233"/>
    <mergeCell ref="A14234:C14235"/>
    <mergeCell ref="D14234:O14235"/>
    <mergeCell ref="P14234:S14235"/>
    <mergeCell ref="T14234:W14235"/>
    <mergeCell ref="X14234:AA14235"/>
    <mergeCell ref="A14236:C14237"/>
    <mergeCell ref="D14236:O14237"/>
    <mergeCell ref="P14236:S14237"/>
    <mergeCell ref="T14236:W14237"/>
    <mergeCell ref="X14236:AA14237"/>
    <mergeCell ref="A14238:C14239"/>
    <mergeCell ref="D14238:O14239"/>
    <mergeCell ref="P14238:S14239"/>
    <mergeCell ref="T14238:W14239"/>
    <mergeCell ref="X14238:AA14239"/>
    <mergeCell ref="A14240:C14241"/>
    <mergeCell ref="D14240:O14241"/>
    <mergeCell ref="P14240:S14241"/>
    <mergeCell ref="T14240:W14241"/>
    <mergeCell ref="X14240:AA14241"/>
    <mergeCell ref="A14210:C14211"/>
    <mergeCell ref="D14210:O14211"/>
    <mergeCell ref="P14210:S14211"/>
    <mergeCell ref="T14210:W14211"/>
    <mergeCell ref="X14210:AA14211"/>
    <mergeCell ref="A14212:C14213"/>
    <mergeCell ref="D14212:O14213"/>
    <mergeCell ref="P14212:S14213"/>
    <mergeCell ref="T14212:W14213"/>
    <mergeCell ref="X14212:AA14213"/>
    <mergeCell ref="A14214:C14215"/>
    <mergeCell ref="D14214:O14215"/>
    <mergeCell ref="P14214:S14215"/>
    <mergeCell ref="T14214:W14215"/>
    <mergeCell ref="X14214:AA14215"/>
    <mergeCell ref="A14216:C14217"/>
    <mergeCell ref="D14216:O14217"/>
    <mergeCell ref="P14216:S14217"/>
    <mergeCell ref="T14216:W14217"/>
    <mergeCell ref="X14216:AA14217"/>
    <mergeCell ref="A14218:C14219"/>
    <mergeCell ref="D14218:O14219"/>
    <mergeCell ref="P14218:S14219"/>
    <mergeCell ref="T14218:W14219"/>
    <mergeCell ref="X14218:AA14219"/>
    <mergeCell ref="A14220:C14221"/>
    <mergeCell ref="D14220:O14221"/>
    <mergeCell ref="P14220:S14221"/>
    <mergeCell ref="T14220:W14221"/>
    <mergeCell ref="X14220:AA14221"/>
    <mergeCell ref="A14222:AA14223"/>
    <mergeCell ref="A14224:AA14225"/>
    <mergeCell ref="A14226:C14227"/>
    <mergeCell ref="D14226:O14227"/>
    <mergeCell ref="P14226:S14227"/>
    <mergeCell ref="T14226:W14227"/>
    <mergeCell ref="X14226:AA14227"/>
    <mergeCell ref="A14196:C14197"/>
    <mergeCell ref="D14196:O14197"/>
    <mergeCell ref="P14196:S14197"/>
    <mergeCell ref="T14196:W14197"/>
    <mergeCell ref="X14196:AA14197"/>
    <mergeCell ref="A14198:C14199"/>
    <mergeCell ref="D14198:O14199"/>
    <mergeCell ref="P14198:S14199"/>
    <mergeCell ref="T14198:W14199"/>
    <mergeCell ref="X14198:AA14199"/>
    <mergeCell ref="A14200:C14201"/>
    <mergeCell ref="D14200:O14201"/>
    <mergeCell ref="P14200:S14201"/>
    <mergeCell ref="T14200:W14201"/>
    <mergeCell ref="X14200:AA14201"/>
    <mergeCell ref="A14202:C14203"/>
    <mergeCell ref="D14202:O14203"/>
    <mergeCell ref="P14202:S14203"/>
    <mergeCell ref="T14202:W14203"/>
    <mergeCell ref="X14202:AA14203"/>
    <mergeCell ref="A14204:C14205"/>
    <mergeCell ref="D14204:O14205"/>
    <mergeCell ref="P14204:S14205"/>
    <mergeCell ref="T14204:W14205"/>
    <mergeCell ref="X14204:AA14205"/>
    <mergeCell ref="A14206:C14207"/>
    <mergeCell ref="D14206:O14207"/>
    <mergeCell ref="P14206:S14207"/>
    <mergeCell ref="T14206:W14207"/>
    <mergeCell ref="X14206:AA14207"/>
    <mergeCell ref="A14208:C14209"/>
    <mergeCell ref="D14208:O14209"/>
    <mergeCell ref="P14208:S14209"/>
    <mergeCell ref="T14208:W14209"/>
    <mergeCell ref="X14208:AA14209"/>
    <mergeCell ref="A14182:C14183"/>
    <mergeCell ref="D14182:O14183"/>
    <mergeCell ref="P14182:S14183"/>
    <mergeCell ref="T14182:W14183"/>
    <mergeCell ref="X14182:AA14183"/>
    <mergeCell ref="A14184:C14185"/>
    <mergeCell ref="D14184:O14185"/>
    <mergeCell ref="P14184:S14185"/>
    <mergeCell ref="T14184:W14185"/>
    <mergeCell ref="X14184:AA14185"/>
    <mergeCell ref="A14186:C14187"/>
    <mergeCell ref="D14186:O14187"/>
    <mergeCell ref="P14186:S14187"/>
    <mergeCell ref="T14186:W14187"/>
    <mergeCell ref="X14186:AA14187"/>
    <mergeCell ref="A14188:C14189"/>
    <mergeCell ref="D14188:O14189"/>
    <mergeCell ref="P14188:S14189"/>
    <mergeCell ref="T14188:W14189"/>
    <mergeCell ref="X14188:AA14189"/>
    <mergeCell ref="A14190:C14191"/>
    <mergeCell ref="D14190:O14191"/>
    <mergeCell ref="P14190:S14191"/>
    <mergeCell ref="T14190:W14191"/>
    <mergeCell ref="X14190:AA14191"/>
    <mergeCell ref="A14192:C14193"/>
    <mergeCell ref="D14192:O14193"/>
    <mergeCell ref="P14192:S14193"/>
    <mergeCell ref="T14192:W14193"/>
    <mergeCell ref="X14192:AA14193"/>
    <mergeCell ref="A14194:C14195"/>
    <mergeCell ref="D14194:O14195"/>
    <mergeCell ref="P14194:S14195"/>
    <mergeCell ref="T14194:W14195"/>
    <mergeCell ref="X14194:AA14195"/>
    <mergeCell ref="A14168:C14169"/>
    <mergeCell ref="D14168:O14169"/>
    <mergeCell ref="P14168:S14169"/>
    <mergeCell ref="T14168:W14169"/>
    <mergeCell ref="X14168:AA14169"/>
    <mergeCell ref="A14170:C14171"/>
    <mergeCell ref="D14170:O14171"/>
    <mergeCell ref="P14170:S14171"/>
    <mergeCell ref="T14170:W14171"/>
    <mergeCell ref="X14170:AA14171"/>
    <mergeCell ref="A14172:C14173"/>
    <mergeCell ref="D14172:O14173"/>
    <mergeCell ref="P14172:S14173"/>
    <mergeCell ref="T14172:W14173"/>
    <mergeCell ref="X14172:AA14173"/>
    <mergeCell ref="A14174:C14175"/>
    <mergeCell ref="D14174:O14175"/>
    <mergeCell ref="P14174:S14175"/>
    <mergeCell ref="T14174:W14175"/>
    <mergeCell ref="X14174:AA14175"/>
    <mergeCell ref="A14176:C14177"/>
    <mergeCell ref="D14176:O14177"/>
    <mergeCell ref="P14176:S14177"/>
    <mergeCell ref="T14176:W14177"/>
    <mergeCell ref="X14176:AA14177"/>
    <mergeCell ref="A14178:C14179"/>
    <mergeCell ref="D14178:O14179"/>
    <mergeCell ref="P14178:S14179"/>
    <mergeCell ref="T14178:W14179"/>
    <mergeCell ref="X14178:AA14179"/>
    <mergeCell ref="A14180:C14181"/>
    <mergeCell ref="D14180:O14181"/>
    <mergeCell ref="P14180:S14181"/>
    <mergeCell ref="T14180:W14181"/>
    <mergeCell ref="X14180:AA14181"/>
    <mergeCell ref="A14154:C14155"/>
    <mergeCell ref="D14154:O14155"/>
    <mergeCell ref="P14154:S14155"/>
    <mergeCell ref="T14154:W14155"/>
    <mergeCell ref="X14154:AA14155"/>
    <mergeCell ref="A14156:C14157"/>
    <mergeCell ref="D14156:O14157"/>
    <mergeCell ref="P14156:S14157"/>
    <mergeCell ref="T14156:W14157"/>
    <mergeCell ref="X14156:AA14157"/>
    <mergeCell ref="A14158:C14159"/>
    <mergeCell ref="D14158:O14159"/>
    <mergeCell ref="P14158:S14159"/>
    <mergeCell ref="T14158:W14159"/>
    <mergeCell ref="X14158:AA14159"/>
    <mergeCell ref="A14160:C14161"/>
    <mergeCell ref="D14160:O14161"/>
    <mergeCell ref="P14160:S14161"/>
    <mergeCell ref="T14160:W14161"/>
    <mergeCell ref="X14160:AA14161"/>
    <mergeCell ref="A14162:C14163"/>
    <mergeCell ref="D14162:O14163"/>
    <mergeCell ref="P14162:S14163"/>
    <mergeCell ref="T14162:W14163"/>
    <mergeCell ref="X14162:AA14163"/>
    <mergeCell ref="A14164:C14165"/>
    <mergeCell ref="D14164:O14165"/>
    <mergeCell ref="P14164:S14165"/>
    <mergeCell ref="T14164:W14165"/>
    <mergeCell ref="X14164:AA14165"/>
    <mergeCell ref="A14166:C14167"/>
    <mergeCell ref="D14166:O14167"/>
    <mergeCell ref="P14166:S14167"/>
    <mergeCell ref="T14166:W14167"/>
    <mergeCell ref="X14166:AA14167"/>
    <mergeCell ref="A14140:C14141"/>
    <mergeCell ref="D14140:O14141"/>
    <mergeCell ref="P14140:S14141"/>
    <mergeCell ref="T14140:W14141"/>
    <mergeCell ref="X14140:AA14141"/>
    <mergeCell ref="A14142:C14143"/>
    <mergeCell ref="D14142:O14143"/>
    <mergeCell ref="P14142:S14143"/>
    <mergeCell ref="T14142:W14143"/>
    <mergeCell ref="X14142:AA14143"/>
    <mergeCell ref="A14144:C14145"/>
    <mergeCell ref="D14144:O14145"/>
    <mergeCell ref="P14144:S14145"/>
    <mergeCell ref="T14144:W14145"/>
    <mergeCell ref="X14144:AA14145"/>
    <mergeCell ref="A14146:C14147"/>
    <mergeCell ref="D14146:O14147"/>
    <mergeCell ref="P14146:S14147"/>
    <mergeCell ref="T14146:W14147"/>
    <mergeCell ref="X14146:AA14147"/>
    <mergeCell ref="A14148:C14149"/>
    <mergeCell ref="D14148:O14149"/>
    <mergeCell ref="P14148:S14149"/>
    <mergeCell ref="T14148:W14149"/>
    <mergeCell ref="X14148:AA14149"/>
    <mergeCell ref="A14150:C14151"/>
    <mergeCell ref="D14150:O14151"/>
    <mergeCell ref="P14150:S14151"/>
    <mergeCell ref="T14150:W14151"/>
    <mergeCell ref="X14150:AA14151"/>
    <mergeCell ref="A14152:C14153"/>
    <mergeCell ref="D14152:O14153"/>
    <mergeCell ref="P14152:S14153"/>
    <mergeCell ref="T14152:W14153"/>
    <mergeCell ref="X14152:AA14153"/>
    <mergeCell ref="A14124:C14125"/>
    <mergeCell ref="D14124:O14125"/>
    <mergeCell ref="P14124:S14125"/>
    <mergeCell ref="T14124:W14125"/>
    <mergeCell ref="X14124:AA14125"/>
    <mergeCell ref="A14126:C14127"/>
    <mergeCell ref="D14126:O14127"/>
    <mergeCell ref="P14126:S14127"/>
    <mergeCell ref="T14126:W14127"/>
    <mergeCell ref="X14126:AA14127"/>
    <mergeCell ref="A14128:AA14129"/>
    <mergeCell ref="A14130:C14131"/>
    <mergeCell ref="D14130:O14131"/>
    <mergeCell ref="P14130:S14131"/>
    <mergeCell ref="T14130:W14131"/>
    <mergeCell ref="X14130:AA14131"/>
    <mergeCell ref="A14132:C14133"/>
    <mergeCell ref="D14132:O14133"/>
    <mergeCell ref="P14132:S14133"/>
    <mergeCell ref="T14132:W14133"/>
    <mergeCell ref="X14132:AA14133"/>
    <mergeCell ref="A14134:C14135"/>
    <mergeCell ref="D14134:O14135"/>
    <mergeCell ref="P14134:S14135"/>
    <mergeCell ref="T14134:W14135"/>
    <mergeCell ref="X14134:AA14135"/>
    <mergeCell ref="A14136:C14137"/>
    <mergeCell ref="D14136:O14137"/>
    <mergeCell ref="P14136:S14137"/>
    <mergeCell ref="T14136:W14137"/>
    <mergeCell ref="X14136:AA14137"/>
    <mergeCell ref="A14138:C14139"/>
    <mergeCell ref="D14138:O14139"/>
    <mergeCell ref="P14138:S14139"/>
    <mergeCell ref="T14138:W14139"/>
    <mergeCell ref="X14138:AA14139"/>
    <mergeCell ref="A14110:C14111"/>
    <mergeCell ref="D14110:O14111"/>
    <mergeCell ref="P14110:S14111"/>
    <mergeCell ref="T14110:W14111"/>
    <mergeCell ref="X14110:AA14111"/>
    <mergeCell ref="A14112:C14113"/>
    <mergeCell ref="D14112:O14113"/>
    <mergeCell ref="P14112:S14113"/>
    <mergeCell ref="T14112:W14113"/>
    <mergeCell ref="X14112:AA14113"/>
    <mergeCell ref="A14114:C14115"/>
    <mergeCell ref="D14114:O14115"/>
    <mergeCell ref="P14114:S14115"/>
    <mergeCell ref="T14114:W14115"/>
    <mergeCell ref="X14114:AA14115"/>
    <mergeCell ref="A14116:C14117"/>
    <mergeCell ref="D14116:O14117"/>
    <mergeCell ref="P14116:S14117"/>
    <mergeCell ref="T14116:W14117"/>
    <mergeCell ref="X14116:AA14117"/>
    <mergeCell ref="A14118:C14119"/>
    <mergeCell ref="D14118:O14119"/>
    <mergeCell ref="P14118:S14119"/>
    <mergeCell ref="T14118:W14119"/>
    <mergeCell ref="X14118:AA14119"/>
    <mergeCell ref="A14120:C14121"/>
    <mergeCell ref="D14120:O14121"/>
    <mergeCell ref="P14120:S14121"/>
    <mergeCell ref="T14120:W14121"/>
    <mergeCell ref="X14120:AA14121"/>
    <mergeCell ref="A14122:C14123"/>
    <mergeCell ref="D14122:O14123"/>
    <mergeCell ref="P14122:S14123"/>
    <mergeCell ref="T14122:W14123"/>
    <mergeCell ref="X14122:AA14123"/>
    <mergeCell ref="A14094:C14095"/>
    <mergeCell ref="D14094:O14095"/>
    <mergeCell ref="P14094:S14095"/>
    <mergeCell ref="T14094:W14095"/>
    <mergeCell ref="X14094:AA14095"/>
    <mergeCell ref="A14096:C14097"/>
    <mergeCell ref="D14096:O14097"/>
    <mergeCell ref="P14096:S14097"/>
    <mergeCell ref="T14096:W14097"/>
    <mergeCell ref="X14096:AA14097"/>
    <mergeCell ref="A14098:C14099"/>
    <mergeCell ref="D14098:O14099"/>
    <mergeCell ref="P14098:S14099"/>
    <mergeCell ref="T14098:W14099"/>
    <mergeCell ref="X14098:AA14099"/>
    <mergeCell ref="A14100:C14101"/>
    <mergeCell ref="D14100:O14101"/>
    <mergeCell ref="P14100:S14101"/>
    <mergeCell ref="T14100:W14101"/>
    <mergeCell ref="X14100:AA14101"/>
    <mergeCell ref="A14102:AA14103"/>
    <mergeCell ref="A14104:C14105"/>
    <mergeCell ref="D14104:O14105"/>
    <mergeCell ref="P14104:S14105"/>
    <mergeCell ref="T14104:W14105"/>
    <mergeCell ref="X14104:AA14105"/>
    <mergeCell ref="A14106:C14107"/>
    <mergeCell ref="D14106:O14107"/>
    <mergeCell ref="P14106:S14107"/>
    <mergeCell ref="T14106:W14107"/>
    <mergeCell ref="X14106:AA14107"/>
    <mergeCell ref="A14108:C14109"/>
    <mergeCell ref="D14108:O14109"/>
    <mergeCell ref="P14108:S14109"/>
    <mergeCell ref="T14108:W14109"/>
    <mergeCell ref="X14108:AA14109"/>
    <mergeCell ref="A14080:C14081"/>
    <mergeCell ref="D14080:O14081"/>
    <mergeCell ref="P14080:S14081"/>
    <mergeCell ref="T14080:W14081"/>
    <mergeCell ref="X14080:AA14081"/>
    <mergeCell ref="A14082:C14083"/>
    <mergeCell ref="D14082:O14083"/>
    <mergeCell ref="P14082:S14083"/>
    <mergeCell ref="T14082:W14083"/>
    <mergeCell ref="X14082:AA14083"/>
    <mergeCell ref="A14084:C14085"/>
    <mergeCell ref="D14084:O14085"/>
    <mergeCell ref="P14084:S14085"/>
    <mergeCell ref="T14084:W14085"/>
    <mergeCell ref="X14084:AA14085"/>
    <mergeCell ref="A14086:C14087"/>
    <mergeCell ref="D14086:O14087"/>
    <mergeCell ref="P14086:S14087"/>
    <mergeCell ref="T14086:W14087"/>
    <mergeCell ref="X14086:AA14087"/>
    <mergeCell ref="A14088:C14089"/>
    <mergeCell ref="D14088:O14089"/>
    <mergeCell ref="P14088:S14089"/>
    <mergeCell ref="T14088:W14089"/>
    <mergeCell ref="X14088:AA14089"/>
    <mergeCell ref="A14090:C14091"/>
    <mergeCell ref="D14090:O14091"/>
    <mergeCell ref="P14090:S14091"/>
    <mergeCell ref="T14090:W14091"/>
    <mergeCell ref="X14090:AA14091"/>
    <mergeCell ref="A14092:C14093"/>
    <mergeCell ref="D14092:O14093"/>
    <mergeCell ref="P14092:S14093"/>
    <mergeCell ref="T14092:W14093"/>
    <mergeCell ref="X14092:AA14093"/>
    <mergeCell ref="A14066:C14067"/>
    <mergeCell ref="D14066:O14067"/>
    <mergeCell ref="P14066:S14067"/>
    <mergeCell ref="T14066:W14067"/>
    <mergeCell ref="X14066:AA14067"/>
    <mergeCell ref="A14068:C14069"/>
    <mergeCell ref="D14068:O14069"/>
    <mergeCell ref="P14068:S14069"/>
    <mergeCell ref="T14068:W14069"/>
    <mergeCell ref="X14068:AA14069"/>
    <mergeCell ref="A14070:C14071"/>
    <mergeCell ref="D14070:O14071"/>
    <mergeCell ref="P14070:S14071"/>
    <mergeCell ref="T14070:W14071"/>
    <mergeCell ref="X14070:AA14071"/>
    <mergeCell ref="A14072:C14073"/>
    <mergeCell ref="D14072:O14073"/>
    <mergeCell ref="P14072:S14073"/>
    <mergeCell ref="T14072:W14073"/>
    <mergeCell ref="X14072:AA14073"/>
    <mergeCell ref="A14074:C14075"/>
    <mergeCell ref="D14074:O14075"/>
    <mergeCell ref="P14074:S14075"/>
    <mergeCell ref="T14074:W14075"/>
    <mergeCell ref="X14074:AA14075"/>
    <mergeCell ref="A14076:C14077"/>
    <mergeCell ref="D14076:O14077"/>
    <mergeCell ref="P14076:S14077"/>
    <mergeCell ref="T14076:W14077"/>
    <mergeCell ref="X14076:AA14077"/>
    <mergeCell ref="A14078:C14079"/>
    <mergeCell ref="D14078:O14079"/>
    <mergeCell ref="P14078:S14079"/>
    <mergeCell ref="T14078:W14079"/>
    <mergeCell ref="X14078:AA14079"/>
    <mergeCell ref="A14052:C14053"/>
    <mergeCell ref="D14052:O14053"/>
    <mergeCell ref="P14052:S14053"/>
    <mergeCell ref="T14052:W14053"/>
    <mergeCell ref="X14052:AA14053"/>
    <mergeCell ref="A14054:C14055"/>
    <mergeCell ref="D14054:O14055"/>
    <mergeCell ref="P14054:S14055"/>
    <mergeCell ref="T14054:W14055"/>
    <mergeCell ref="X14054:AA14055"/>
    <mergeCell ref="A14056:C14057"/>
    <mergeCell ref="D14056:O14057"/>
    <mergeCell ref="P14056:S14057"/>
    <mergeCell ref="T14056:W14057"/>
    <mergeCell ref="X14056:AA14057"/>
    <mergeCell ref="A14058:C14059"/>
    <mergeCell ref="D14058:O14059"/>
    <mergeCell ref="P14058:S14059"/>
    <mergeCell ref="T14058:W14059"/>
    <mergeCell ref="X14058:AA14059"/>
    <mergeCell ref="A14060:C14061"/>
    <mergeCell ref="D14060:O14061"/>
    <mergeCell ref="P14060:S14061"/>
    <mergeCell ref="T14060:W14061"/>
    <mergeCell ref="X14060:AA14061"/>
    <mergeCell ref="A14062:C14063"/>
    <mergeCell ref="D14062:O14063"/>
    <mergeCell ref="P14062:S14063"/>
    <mergeCell ref="T14062:W14063"/>
    <mergeCell ref="X14062:AA14063"/>
    <mergeCell ref="A14064:C14065"/>
    <mergeCell ref="D14064:O14065"/>
    <mergeCell ref="P14064:S14065"/>
    <mergeCell ref="T14064:W14065"/>
    <mergeCell ref="X14064:AA14065"/>
    <mergeCell ref="A14038:C14039"/>
    <mergeCell ref="D14038:O14039"/>
    <mergeCell ref="P14038:S14039"/>
    <mergeCell ref="T14038:W14039"/>
    <mergeCell ref="X14038:AA14039"/>
    <mergeCell ref="A14040:C14041"/>
    <mergeCell ref="D14040:O14041"/>
    <mergeCell ref="P14040:S14041"/>
    <mergeCell ref="T14040:W14041"/>
    <mergeCell ref="X14040:AA14041"/>
    <mergeCell ref="A14042:C14043"/>
    <mergeCell ref="D14042:O14043"/>
    <mergeCell ref="P14042:S14043"/>
    <mergeCell ref="T14042:W14043"/>
    <mergeCell ref="X14042:AA14043"/>
    <mergeCell ref="A14044:C14045"/>
    <mergeCell ref="D14044:O14045"/>
    <mergeCell ref="P14044:S14045"/>
    <mergeCell ref="T14044:W14045"/>
    <mergeCell ref="X14044:AA14045"/>
    <mergeCell ref="A14046:C14047"/>
    <mergeCell ref="D14046:O14047"/>
    <mergeCell ref="P14046:S14047"/>
    <mergeCell ref="T14046:W14047"/>
    <mergeCell ref="X14046:AA14047"/>
    <mergeCell ref="A14048:C14049"/>
    <mergeCell ref="D14048:O14049"/>
    <mergeCell ref="P14048:S14049"/>
    <mergeCell ref="T14048:W14049"/>
    <mergeCell ref="X14048:AA14049"/>
    <mergeCell ref="A14050:C14051"/>
    <mergeCell ref="D14050:O14051"/>
    <mergeCell ref="P14050:S14051"/>
    <mergeCell ref="T14050:W14051"/>
    <mergeCell ref="X14050:AA14051"/>
    <mergeCell ref="A14022:C14023"/>
    <mergeCell ref="D14022:O14023"/>
    <mergeCell ref="P14022:S14023"/>
    <mergeCell ref="T14022:W14023"/>
    <mergeCell ref="X14022:AA14023"/>
    <mergeCell ref="A14024:AA14025"/>
    <mergeCell ref="A14026:C14027"/>
    <mergeCell ref="D14026:O14027"/>
    <mergeCell ref="P14026:S14027"/>
    <mergeCell ref="T14026:W14027"/>
    <mergeCell ref="X14026:AA14027"/>
    <mergeCell ref="A14028:C14029"/>
    <mergeCell ref="D14028:O14029"/>
    <mergeCell ref="P14028:S14029"/>
    <mergeCell ref="T14028:W14029"/>
    <mergeCell ref="X14028:AA14029"/>
    <mergeCell ref="A14030:C14031"/>
    <mergeCell ref="D14030:O14031"/>
    <mergeCell ref="P14030:S14031"/>
    <mergeCell ref="T14030:W14031"/>
    <mergeCell ref="X14030:AA14031"/>
    <mergeCell ref="A14032:C14033"/>
    <mergeCell ref="D14032:O14033"/>
    <mergeCell ref="P14032:S14033"/>
    <mergeCell ref="T14032:W14033"/>
    <mergeCell ref="X14032:AA14033"/>
    <mergeCell ref="A14034:C14035"/>
    <mergeCell ref="D14034:O14035"/>
    <mergeCell ref="P14034:S14035"/>
    <mergeCell ref="T14034:W14035"/>
    <mergeCell ref="X14034:AA14035"/>
    <mergeCell ref="A14036:C14037"/>
    <mergeCell ref="D14036:O14037"/>
    <mergeCell ref="P14036:S14037"/>
    <mergeCell ref="T14036:W14037"/>
    <mergeCell ref="X14036:AA14037"/>
    <mergeCell ref="A14004:C14005"/>
    <mergeCell ref="D14004:O14005"/>
    <mergeCell ref="P14004:S14005"/>
    <mergeCell ref="T14004:W14005"/>
    <mergeCell ref="X14004:AA14005"/>
    <mergeCell ref="A14006:C14007"/>
    <mergeCell ref="D14006:O14007"/>
    <mergeCell ref="P14006:S14007"/>
    <mergeCell ref="T14006:W14007"/>
    <mergeCell ref="X14006:AA14007"/>
    <mergeCell ref="A14008:AA14009"/>
    <mergeCell ref="A14010:C14011"/>
    <mergeCell ref="D14010:O14011"/>
    <mergeCell ref="P14010:S14011"/>
    <mergeCell ref="T14010:W14011"/>
    <mergeCell ref="X14010:AA14011"/>
    <mergeCell ref="A14012:C14013"/>
    <mergeCell ref="D14012:O14013"/>
    <mergeCell ref="P14012:S14013"/>
    <mergeCell ref="T14012:W14013"/>
    <mergeCell ref="X14012:AA14013"/>
    <mergeCell ref="A14014:C14015"/>
    <mergeCell ref="D14014:O14015"/>
    <mergeCell ref="P14014:S14015"/>
    <mergeCell ref="T14014:W14015"/>
    <mergeCell ref="X14014:AA14015"/>
    <mergeCell ref="A14016:C14017"/>
    <mergeCell ref="D14016:O14017"/>
    <mergeCell ref="P14016:S14017"/>
    <mergeCell ref="T14016:W14017"/>
    <mergeCell ref="X14016:AA14017"/>
    <mergeCell ref="A14018:AA14019"/>
    <mergeCell ref="A14020:AA14021"/>
    <mergeCell ref="A13990:C13991"/>
    <mergeCell ref="D13990:O13991"/>
    <mergeCell ref="P13990:S13991"/>
    <mergeCell ref="T13990:W13991"/>
    <mergeCell ref="X13990:AA13991"/>
    <mergeCell ref="A13992:C13993"/>
    <mergeCell ref="D13992:O13993"/>
    <mergeCell ref="P13992:S13993"/>
    <mergeCell ref="T13992:W13993"/>
    <mergeCell ref="X13992:AA13993"/>
    <mergeCell ref="A13994:C13995"/>
    <mergeCell ref="D13994:O13995"/>
    <mergeCell ref="P13994:S13995"/>
    <mergeCell ref="T13994:W13995"/>
    <mergeCell ref="X13994:AA13995"/>
    <mergeCell ref="A13996:C13997"/>
    <mergeCell ref="D13996:O13997"/>
    <mergeCell ref="P13996:S13997"/>
    <mergeCell ref="T13996:W13997"/>
    <mergeCell ref="X13996:AA13997"/>
    <mergeCell ref="A13998:C13999"/>
    <mergeCell ref="D13998:O13999"/>
    <mergeCell ref="P13998:S13999"/>
    <mergeCell ref="T13998:W13999"/>
    <mergeCell ref="X13998:AA13999"/>
    <mergeCell ref="A14000:C14001"/>
    <mergeCell ref="D14000:O14001"/>
    <mergeCell ref="P14000:S14001"/>
    <mergeCell ref="T14000:W14001"/>
    <mergeCell ref="X14000:AA14001"/>
    <mergeCell ref="A14002:C14003"/>
    <mergeCell ref="D14002:O14003"/>
    <mergeCell ref="P14002:S14003"/>
    <mergeCell ref="T14002:W14003"/>
    <mergeCell ref="X14002:AA14003"/>
    <mergeCell ref="A13976:C13977"/>
    <mergeCell ref="D13976:O13977"/>
    <mergeCell ref="P13976:S13977"/>
    <mergeCell ref="T13976:W13977"/>
    <mergeCell ref="X13976:AA13977"/>
    <mergeCell ref="A13978:C13979"/>
    <mergeCell ref="D13978:O13979"/>
    <mergeCell ref="P13978:S13979"/>
    <mergeCell ref="T13978:W13979"/>
    <mergeCell ref="X13978:AA13979"/>
    <mergeCell ref="A13980:C13981"/>
    <mergeCell ref="D13980:O13981"/>
    <mergeCell ref="P13980:S13981"/>
    <mergeCell ref="T13980:W13981"/>
    <mergeCell ref="X13980:AA13981"/>
    <mergeCell ref="A13982:C13983"/>
    <mergeCell ref="D13982:O13983"/>
    <mergeCell ref="P13982:S13983"/>
    <mergeCell ref="T13982:W13983"/>
    <mergeCell ref="X13982:AA13983"/>
    <mergeCell ref="A13984:C13985"/>
    <mergeCell ref="D13984:O13985"/>
    <mergeCell ref="P13984:S13985"/>
    <mergeCell ref="T13984:W13985"/>
    <mergeCell ref="X13984:AA13985"/>
    <mergeCell ref="A13986:C13987"/>
    <mergeCell ref="D13986:O13987"/>
    <mergeCell ref="P13986:S13987"/>
    <mergeCell ref="T13986:W13987"/>
    <mergeCell ref="X13986:AA13987"/>
    <mergeCell ref="A13988:C13989"/>
    <mergeCell ref="D13988:O13989"/>
    <mergeCell ref="P13988:S13989"/>
    <mergeCell ref="T13988:W13989"/>
    <mergeCell ref="X13988:AA13989"/>
    <mergeCell ref="A13962:C13963"/>
    <mergeCell ref="D13962:O13963"/>
    <mergeCell ref="P13962:S13963"/>
    <mergeCell ref="T13962:W13963"/>
    <mergeCell ref="X13962:AA13963"/>
    <mergeCell ref="A13964:C13965"/>
    <mergeCell ref="D13964:O13965"/>
    <mergeCell ref="P13964:S13965"/>
    <mergeCell ref="T13964:W13965"/>
    <mergeCell ref="X13964:AA13965"/>
    <mergeCell ref="A13966:C13967"/>
    <mergeCell ref="D13966:O13967"/>
    <mergeCell ref="P13966:S13967"/>
    <mergeCell ref="T13966:W13967"/>
    <mergeCell ref="X13966:AA13967"/>
    <mergeCell ref="A13968:C13969"/>
    <mergeCell ref="D13968:O13969"/>
    <mergeCell ref="P13968:S13969"/>
    <mergeCell ref="T13968:W13969"/>
    <mergeCell ref="X13968:AA13969"/>
    <mergeCell ref="A13970:C13971"/>
    <mergeCell ref="D13970:O13971"/>
    <mergeCell ref="P13970:S13971"/>
    <mergeCell ref="T13970:W13971"/>
    <mergeCell ref="X13970:AA13971"/>
    <mergeCell ref="A13972:C13973"/>
    <mergeCell ref="D13972:O13973"/>
    <mergeCell ref="P13972:S13973"/>
    <mergeCell ref="T13972:W13973"/>
    <mergeCell ref="X13972:AA13973"/>
    <mergeCell ref="A13974:C13975"/>
    <mergeCell ref="D13974:O13975"/>
    <mergeCell ref="P13974:S13975"/>
    <mergeCell ref="T13974:W13975"/>
    <mergeCell ref="X13974:AA13975"/>
    <mergeCell ref="A13948:C13949"/>
    <mergeCell ref="D13948:O13949"/>
    <mergeCell ref="P13948:S13949"/>
    <mergeCell ref="T13948:W13949"/>
    <mergeCell ref="X13948:AA13949"/>
    <mergeCell ref="A13950:C13951"/>
    <mergeCell ref="D13950:O13951"/>
    <mergeCell ref="P13950:S13951"/>
    <mergeCell ref="T13950:W13951"/>
    <mergeCell ref="X13950:AA13951"/>
    <mergeCell ref="A13952:C13953"/>
    <mergeCell ref="D13952:O13953"/>
    <mergeCell ref="P13952:S13953"/>
    <mergeCell ref="T13952:W13953"/>
    <mergeCell ref="X13952:AA13953"/>
    <mergeCell ref="A13954:C13955"/>
    <mergeCell ref="D13954:O13955"/>
    <mergeCell ref="P13954:S13955"/>
    <mergeCell ref="T13954:W13955"/>
    <mergeCell ref="X13954:AA13955"/>
    <mergeCell ref="A13956:C13957"/>
    <mergeCell ref="D13956:O13957"/>
    <mergeCell ref="P13956:S13957"/>
    <mergeCell ref="T13956:W13957"/>
    <mergeCell ref="X13956:AA13957"/>
    <mergeCell ref="A13958:C13959"/>
    <mergeCell ref="D13958:O13959"/>
    <mergeCell ref="P13958:S13959"/>
    <mergeCell ref="T13958:W13959"/>
    <mergeCell ref="X13958:AA13959"/>
    <mergeCell ref="A13960:C13961"/>
    <mergeCell ref="D13960:O13961"/>
    <mergeCell ref="P13960:S13961"/>
    <mergeCell ref="T13960:W13961"/>
    <mergeCell ref="X13960:AA13961"/>
    <mergeCell ref="A13934:C13935"/>
    <mergeCell ref="D13934:O13935"/>
    <mergeCell ref="P13934:S13935"/>
    <mergeCell ref="T13934:W13935"/>
    <mergeCell ref="X13934:AA13935"/>
    <mergeCell ref="A13936:C13937"/>
    <mergeCell ref="D13936:O13937"/>
    <mergeCell ref="P13936:S13937"/>
    <mergeCell ref="T13936:W13937"/>
    <mergeCell ref="X13936:AA13937"/>
    <mergeCell ref="A13938:C13939"/>
    <mergeCell ref="D13938:O13939"/>
    <mergeCell ref="P13938:S13939"/>
    <mergeCell ref="T13938:W13939"/>
    <mergeCell ref="X13938:AA13939"/>
    <mergeCell ref="A13940:C13941"/>
    <mergeCell ref="D13940:O13941"/>
    <mergeCell ref="P13940:S13941"/>
    <mergeCell ref="T13940:W13941"/>
    <mergeCell ref="X13940:AA13941"/>
    <mergeCell ref="A13942:C13943"/>
    <mergeCell ref="D13942:O13943"/>
    <mergeCell ref="P13942:S13943"/>
    <mergeCell ref="T13942:W13943"/>
    <mergeCell ref="X13942:AA13943"/>
    <mergeCell ref="A13944:C13945"/>
    <mergeCell ref="D13944:O13945"/>
    <mergeCell ref="P13944:S13945"/>
    <mergeCell ref="T13944:W13945"/>
    <mergeCell ref="X13944:AA13945"/>
    <mergeCell ref="A13946:C13947"/>
    <mergeCell ref="D13946:O13947"/>
    <mergeCell ref="P13946:S13947"/>
    <mergeCell ref="T13946:W13947"/>
    <mergeCell ref="X13946:AA13947"/>
    <mergeCell ref="A13920:C13921"/>
    <mergeCell ref="D13920:O13921"/>
    <mergeCell ref="P13920:S13921"/>
    <mergeCell ref="T13920:W13921"/>
    <mergeCell ref="X13920:AA13921"/>
    <mergeCell ref="A13922:C13923"/>
    <mergeCell ref="D13922:O13923"/>
    <mergeCell ref="P13922:S13923"/>
    <mergeCell ref="T13922:W13923"/>
    <mergeCell ref="X13922:AA13923"/>
    <mergeCell ref="A13924:C13925"/>
    <mergeCell ref="D13924:O13925"/>
    <mergeCell ref="P13924:S13925"/>
    <mergeCell ref="T13924:W13925"/>
    <mergeCell ref="X13924:AA13925"/>
    <mergeCell ref="A13926:C13927"/>
    <mergeCell ref="D13926:O13927"/>
    <mergeCell ref="P13926:S13927"/>
    <mergeCell ref="T13926:W13927"/>
    <mergeCell ref="X13926:AA13927"/>
    <mergeCell ref="A13928:C13929"/>
    <mergeCell ref="D13928:O13929"/>
    <mergeCell ref="P13928:S13929"/>
    <mergeCell ref="T13928:W13929"/>
    <mergeCell ref="X13928:AA13929"/>
    <mergeCell ref="A13930:C13931"/>
    <mergeCell ref="D13930:O13931"/>
    <mergeCell ref="P13930:S13931"/>
    <mergeCell ref="T13930:W13931"/>
    <mergeCell ref="X13930:AA13931"/>
    <mergeCell ref="A13932:C13933"/>
    <mergeCell ref="D13932:O13933"/>
    <mergeCell ref="P13932:S13933"/>
    <mergeCell ref="T13932:W13933"/>
    <mergeCell ref="X13932:AA13933"/>
    <mergeCell ref="A13906:C13907"/>
    <mergeCell ref="D13906:O13907"/>
    <mergeCell ref="P13906:S13907"/>
    <mergeCell ref="T13906:W13907"/>
    <mergeCell ref="X13906:AA13907"/>
    <mergeCell ref="A13908:C13909"/>
    <mergeCell ref="D13908:O13909"/>
    <mergeCell ref="P13908:S13909"/>
    <mergeCell ref="T13908:W13909"/>
    <mergeCell ref="X13908:AA13909"/>
    <mergeCell ref="A13910:C13911"/>
    <mergeCell ref="D13910:O13911"/>
    <mergeCell ref="P13910:S13911"/>
    <mergeCell ref="T13910:W13911"/>
    <mergeCell ref="X13910:AA13911"/>
    <mergeCell ref="A13912:C13913"/>
    <mergeCell ref="D13912:O13913"/>
    <mergeCell ref="P13912:S13913"/>
    <mergeCell ref="T13912:W13913"/>
    <mergeCell ref="X13912:AA13913"/>
    <mergeCell ref="A13914:C13915"/>
    <mergeCell ref="D13914:O13915"/>
    <mergeCell ref="P13914:S13915"/>
    <mergeCell ref="T13914:W13915"/>
    <mergeCell ref="X13914:AA13915"/>
    <mergeCell ref="A13916:C13917"/>
    <mergeCell ref="D13916:O13917"/>
    <mergeCell ref="P13916:S13917"/>
    <mergeCell ref="T13916:W13917"/>
    <mergeCell ref="X13916:AA13917"/>
    <mergeCell ref="A13918:C13919"/>
    <mergeCell ref="D13918:O13919"/>
    <mergeCell ref="P13918:S13919"/>
    <mergeCell ref="T13918:W13919"/>
    <mergeCell ref="X13918:AA13919"/>
    <mergeCell ref="A13892:C13893"/>
    <mergeCell ref="D13892:O13893"/>
    <mergeCell ref="P13892:S13893"/>
    <mergeCell ref="T13892:W13893"/>
    <mergeCell ref="X13892:AA13893"/>
    <mergeCell ref="A13894:C13895"/>
    <mergeCell ref="D13894:O13895"/>
    <mergeCell ref="P13894:S13895"/>
    <mergeCell ref="T13894:W13895"/>
    <mergeCell ref="X13894:AA13895"/>
    <mergeCell ref="A13896:C13897"/>
    <mergeCell ref="D13896:O13897"/>
    <mergeCell ref="P13896:S13897"/>
    <mergeCell ref="T13896:W13897"/>
    <mergeCell ref="X13896:AA13897"/>
    <mergeCell ref="A13898:C13899"/>
    <mergeCell ref="D13898:O13899"/>
    <mergeCell ref="P13898:S13899"/>
    <mergeCell ref="T13898:W13899"/>
    <mergeCell ref="X13898:AA13899"/>
    <mergeCell ref="A13900:C13901"/>
    <mergeCell ref="D13900:O13901"/>
    <mergeCell ref="P13900:S13901"/>
    <mergeCell ref="T13900:W13901"/>
    <mergeCell ref="X13900:AA13901"/>
    <mergeCell ref="A13902:C13903"/>
    <mergeCell ref="D13902:O13903"/>
    <mergeCell ref="P13902:S13903"/>
    <mergeCell ref="T13902:W13903"/>
    <mergeCell ref="X13902:AA13903"/>
    <mergeCell ref="A13904:C13905"/>
    <mergeCell ref="D13904:O13905"/>
    <mergeCell ref="P13904:S13905"/>
    <mergeCell ref="T13904:W13905"/>
    <mergeCell ref="X13904:AA13905"/>
    <mergeCell ref="A13878:C13879"/>
    <mergeCell ref="D13878:O13879"/>
    <mergeCell ref="P13878:S13879"/>
    <mergeCell ref="T13878:W13879"/>
    <mergeCell ref="X13878:AA13879"/>
    <mergeCell ref="A13880:C13881"/>
    <mergeCell ref="D13880:O13881"/>
    <mergeCell ref="P13880:S13881"/>
    <mergeCell ref="T13880:W13881"/>
    <mergeCell ref="X13880:AA13881"/>
    <mergeCell ref="A13882:C13883"/>
    <mergeCell ref="D13882:O13883"/>
    <mergeCell ref="P13882:S13883"/>
    <mergeCell ref="T13882:W13883"/>
    <mergeCell ref="X13882:AA13883"/>
    <mergeCell ref="A13884:C13885"/>
    <mergeCell ref="D13884:O13885"/>
    <mergeCell ref="P13884:S13885"/>
    <mergeCell ref="T13884:W13885"/>
    <mergeCell ref="X13884:AA13885"/>
    <mergeCell ref="A13886:C13887"/>
    <mergeCell ref="D13886:O13887"/>
    <mergeCell ref="P13886:S13887"/>
    <mergeCell ref="T13886:W13887"/>
    <mergeCell ref="X13886:AA13887"/>
    <mergeCell ref="A13888:C13889"/>
    <mergeCell ref="D13888:O13889"/>
    <mergeCell ref="P13888:S13889"/>
    <mergeCell ref="T13888:W13889"/>
    <mergeCell ref="X13888:AA13889"/>
    <mergeCell ref="A13890:C13891"/>
    <mergeCell ref="D13890:O13891"/>
    <mergeCell ref="P13890:S13891"/>
    <mergeCell ref="T13890:W13891"/>
    <mergeCell ref="X13890:AA13891"/>
    <mergeCell ref="A13864:C13865"/>
    <mergeCell ref="D13864:O13865"/>
    <mergeCell ref="P13864:S13865"/>
    <mergeCell ref="T13864:W13865"/>
    <mergeCell ref="X13864:AA13865"/>
    <mergeCell ref="A13866:C13867"/>
    <mergeCell ref="D13866:O13867"/>
    <mergeCell ref="P13866:S13867"/>
    <mergeCell ref="T13866:W13867"/>
    <mergeCell ref="X13866:AA13867"/>
    <mergeCell ref="A13868:C13869"/>
    <mergeCell ref="D13868:O13869"/>
    <mergeCell ref="P13868:S13869"/>
    <mergeCell ref="T13868:W13869"/>
    <mergeCell ref="X13868:AA13869"/>
    <mergeCell ref="A13870:C13871"/>
    <mergeCell ref="D13870:O13871"/>
    <mergeCell ref="P13870:S13871"/>
    <mergeCell ref="T13870:W13871"/>
    <mergeCell ref="X13870:AA13871"/>
    <mergeCell ref="A13872:C13873"/>
    <mergeCell ref="D13872:O13873"/>
    <mergeCell ref="P13872:S13873"/>
    <mergeCell ref="T13872:W13873"/>
    <mergeCell ref="X13872:AA13873"/>
    <mergeCell ref="A13874:C13875"/>
    <mergeCell ref="D13874:O13875"/>
    <mergeCell ref="P13874:S13875"/>
    <mergeCell ref="T13874:W13875"/>
    <mergeCell ref="X13874:AA13875"/>
    <mergeCell ref="A13876:C13877"/>
    <mergeCell ref="D13876:O13877"/>
    <mergeCell ref="P13876:S13877"/>
    <mergeCell ref="T13876:W13877"/>
    <mergeCell ref="X13876:AA13877"/>
    <mergeCell ref="A13850:C13851"/>
    <mergeCell ref="D13850:O13851"/>
    <mergeCell ref="P13850:S13851"/>
    <mergeCell ref="T13850:W13851"/>
    <mergeCell ref="X13850:AA13851"/>
    <mergeCell ref="A13852:C13853"/>
    <mergeCell ref="D13852:O13853"/>
    <mergeCell ref="P13852:S13853"/>
    <mergeCell ref="T13852:W13853"/>
    <mergeCell ref="X13852:AA13853"/>
    <mergeCell ref="A13854:C13855"/>
    <mergeCell ref="D13854:O13855"/>
    <mergeCell ref="P13854:S13855"/>
    <mergeCell ref="T13854:W13855"/>
    <mergeCell ref="X13854:AA13855"/>
    <mergeCell ref="A13856:C13857"/>
    <mergeCell ref="D13856:O13857"/>
    <mergeCell ref="P13856:S13857"/>
    <mergeCell ref="T13856:W13857"/>
    <mergeCell ref="X13856:AA13857"/>
    <mergeCell ref="A13858:C13859"/>
    <mergeCell ref="D13858:O13859"/>
    <mergeCell ref="P13858:S13859"/>
    <mergeCell ref="T13858:W13859"/>
    <mergeCell ref="X13858:AA13859"/>
    <mergeCell ref="A13860:C13861"/>
    <mergeCell ref="D13860:O13861"/>
    <mergeCell ref="P13860:S13861"/>
    <mergeCell ref="T13860:W13861"/>
    <mergeCell ref="X13860:AA13861"/>
    <mergeCell ref="A13862:C13863"/>
    <mergeCell ref="D13862:O13863"/>
    <mergeCell ref="P13862:S13863"/>
    <mergeCell ref="T13862:W13863"/>
    <mergeCell ref="X13862:AA13863"/>
    <mergeCell ref="A13836:C13837"/>
    <mergeCell ref="D13836:O13837"/>
    <mergeCell ref="P13836:S13837"/>
    <mergeCell ref="T13836:W13837"/>
    <mergeCell ref="X13836:AA13837"/>
    <mergeCell ref="A13838:C13839"/>
    <mergeCell ref="D13838:O13839"/>
    <mergeCell ref="P13838:S13839"/>
    <mergeCell ref="T13838:W13839"/>
    <mergeCell ref="X13838:AA13839"/>
    <mergeCell ref="A13840:C13841"/>
    <mergeCell ref="D13840:O13841"/>
    <mergeCell ref="P13840:S13841"/>
    <mergeCell ref="T13840:W13841"/>
    <mergeCell ref="X13840:AA13841"/>
    <mergeCell ref="A13842:C13843"/>
    <mergeCell ref="D13842:O13843"/>
    <mergeCell ref="P13842:S13843"/>
    <mergeCell ref="T13842:W13843"/>
    <mergeCell ref="X13842:AA13843"/>
    <mergeCell ref="A13844:C13845"/>
    <mergeCell ref="D13844:O13845"/>
    <mergeCell ref="P13844:S13845"/>
    <mergeCell ref="T13844:W13845"/>
    <mergeCell ref="X13844:AA13845"/>
    <mergeCell ref="A13846:C13847"/>
    <mergeCell ref="D13846:O13847"/>
    <mergeCell ref="P13846:S13847"/>
    <mergeCell ref="T13846:W13847"/>
    <mergeCell ref="X13846:AA13847"/>
    <mergeCell ref="A13848:C13849"/>
    <mergeCell ref="D13848:O13849"/>
    <mergeCell ref="P13848:S13849"/>
    <mergeCell ref="T13848:W13849"/>
    <mergeCell ref="X13848:AA13849"/>
    <mergeCell ref="A13822:C13823"/>
    <mergeCell ref="D13822:O13823"/>
    <mergeCell ref="P13822:S13823"/>
    <mergeCell ref="T13822:W13823"/>
    <mergeCell ref="X13822:AA13823"/>
    <mergeCell ref="A13824:C13825"/>
    <mergeCell ref="D13824:O13825"/>
    <mergeCell ref="P13824:S13825"/>
    <mergeCell ref="T13824:W13825"/>
    <mergeCell ref="X13824:AA13825"/>
    <mergeCell ref="A13826:C13827"/>
    <mergeCell ref="D13826:O13827"/>
    <mergeCell ref="P13826:S13827"/>
    <mergeCell ref="T13826:W13827"/>
    <mergeCell ref="X13826:AA13827"/>
    <mergeCell ref="A13828:C13829"/>
    <mergeCell ref="D13828:O13829"/>
    <mergeCell ref="P13828:S13829"/>
    <mergeCell ref="T13828:W13829"/>
    <mergeCell ref="X13828:AA13829"/>
    <mergeCell ref="A13830:C13831"/>
    <mergeCell ref="D13830:O13831"/>
    <mergeCell ref="P13830:S13831"/>
    <mergeCell ref="T13830:W13831"/>
    <mergeCell ref="X13830:AA13831"/>
    <mergeCell ref="A13832:C13833"/>
    <mergeCell ref="D13832:O13833"/>
    <mergeCell ref="P13832:S13833"/>
    <mergeCell ref="T13832:W13833"/>
    <mergeCell ref="X13832:AA13833"/>
    <mergeCell ref="A13834:C13835"/>
    <mergeCell ref="D13834:O13835"/>
    <mergeCell ref="P13834:S13835"/>
    <mergeCell ref="T13834:W13835"/>
    <mergeCell ref="X13834:AA13835"/>
    <mergeCell ref="A13808:C13809"/>
    <mergeCell ref="D13808:O13809"/>
    <mergeCell ref="P13808:S13809"/>
    <mergeCell ref="T13808:W13809"/>
    <mergeCell ref="X13808:AA13809"/>
    <mergeCell ref="A13810:C13811"/>
    <mergeCell ref="D13810:O13811"/>
    <mergeCell ref="P13810:S13811"/>
    <mergeCell ref="T13810:W13811"/>
    <mergeCell ref="X13810:AA13811"/>
    <mergeCell ref="A13812:C13813"/>
    <mergeCell ref="D13812:O13813"/>
    <mergeCell ref="P13812:S13813"/>
    <mergeCell ref="T13812:W13813"/>
    <mergeCell ref="X13812:AA13813"/>
    <mergeCell ref="A13814:C13815"/>
    <mergeCell ref="D13814:O13815"/>
    <mergeCell ref="P13814:S13815"/>
    <mergeCell ref="T13814:W13815"/>
    <mergeCell ref="X13814:AA13815"/>
    <mergeCell ref="A13816:C13817"/>
    <mergeCell ref="D13816:O13817"/>
    <mergeCell ref="P13816:S13817"/>
    <mergeCell ref="T13816:W13817"/>
    <mergeCell ref="X13816:AA13817"/>
    <mergeCell ref="A13818:C13819"/>
    <mergeCell ref="D13818:O13819"/>
    <mergeCell ref="P13818:S13819"/>
    <mergeCell ref="T13818:W13819"/>
    <mergeCell ref="X13818:AA13819"/>
    <mergeCell ref="A13820:C13821"/>
    <mergeCell ref="D13820:O13821"/>
    <mergeCell ref="P13820:S13821"/>
    <mergeCell ref="T13820:W13821"/>
    <mergeCell ref="X13820:AA13821"/>
    <mergeCell ref="A13794:C13795"/>
    <mergeCell ref="D13794:O13795"/>
    <mergeCell ref="P13794:S13795"/>
    <mergeCell ref="T13794:W13795"/>
    <mergeCell ref="X13794:AA13795"/>
    <mergeCell ref="A13796:C13797"/>
    <mergeCell ref="D13796:O13797"/>
    <mergeCell ref="P13796:S13797"/>
    <mergeCell ref="T13796:W13797"/>
    <mergeCell ref="X13796:AA13797"/>
    <mergeCell ref="A13798:C13799"/>
    <mergeCell ref="D13798:O13799"/>
    <mergeCell ref="P13798:S13799"/>
    <mergeCell ref="T13798:W13799"/>
    <mergeCell ref="X13798:AA13799"/>
    <mergeCell ref="A13800:C13801"/>
    <mergeCell ref="D13800:O13801"/>
    <mergeCell ref="P13800:S13801"/>
    <mergeCell ref="T13800:W13801"/>
    <mergeCell ref="X13800:AA13801"/>
    <mergeCell ref="A13802:C13803"/>
    <mergeCell ref="D13802:O13803"/>
    <mergeCell ref="P13802:S13803"/>
    <mergeCell ref="T13802:W13803"/>
    <mergeCell ref="X13802:AA13803"/>
    <mergeCell ref="A13804:C13805"/>
    <mergeCell ref="D13804:O13805"/>
    <mergeCell ref="P13804:S13805"/>
    <mergeCell ref="T13804:W13805"/>
    <mergeCell ref="X13804:AA13805"/>
    <mergeCell ref="A13806:C13807"/>
    <mergeCell ref="D13806:O13807"/>
    <mergeCell ref="P13806:S13807"/>
    <mergeCell ref="T13806:W13807"/>
    <mergeCell ref="X13806:AA13807"/>
    <mergeCell ref="A13780:C13781"/>
    <mergeCell ref="D13780:O13781"/>
    <mergeCell ref="P13780:S13781"/>
    <mergeCell ref="T13780:W13781"/>
    <mergeCell ref="X13780:AA13781"/>
    <mergeCell ref="A13782:C13783"/>
    <mergeCell ref="D13782:O13783"/>
    <mergeCell ref="P13782:S13783"/>
    <mergeCell ref="T13782:W13783"/>
    <mergeCell ref="X13782:AA13783"/>
    <mergeCell ref="A13784:C13785"/>
    <mergeCell ref="D13784:O13785"/>
    <mergeCell ref="P13784:S13785"/>
    <mergeCell ref="T13784:W13785"/>
    <mergeCell ref="X13784:AA13785"/>
    <mergeCell ref="A13786:C13787"/>
    <mergeCell ref="D13786:O13787"/>
    <mergeCell ref="P13786:S13787"/>
    <mergeCell ref="T13786:W13787"/>
    <mergeCell ref="X13786:AA13787"/>
    <mergeCell ref="A13788:C13789"/>
    <mergeCell ref="D13788:O13789"/>
    <mergeCell ref="P13788:S13789"/>
    <mergeCell ref="T13788:W13789"/>
    <mergeCell ref="X13788:AA13789"/>
    <mergeCell ref="A13790:C13791"/>
    <mergeCell ref="D13790:O13791"/>
    <mergeCell ref="P13790:S13791"/>
    <mergeCell ref="T13790:W13791"/>
    <mergeCell ref="X13790:AA13791"/>
    <mergeCell ref="A13792:C13793"/>
    <mergeCell ref="D13792:O13793"/>
    <mergeCell ref="P13792:S13793"/>
    <mergeCell ref="T13792:W13793"/>
    <mergeCell ref="X13792:AA13793"/>
    <mergeCell ref="A13766:C13767"/>
    <mergeCell ref="D13766:O13767"/>
    <mergeCell ref="P13766:S13767"/>
    <mergeCell ref="T13766:W13767"/>
    <mergeCell ref="X13766:AA13767"/>
    <mergeCell ref="A13768:C13769"/>
    <mergeCell ref="D13768:O13769"/>
    <mergeCell ref="P13768:S13769"/>
    <mergeCell ref="T13768:W13769"/>
    <mergeCell ref="X13768:AA13769"/>
    <mergeCell ref="A13770:C13771"/>
    <mergeCell ref="D13770:O13771"/>
    <mergeCell ref="P13770:S13771"/>
    <mergeCell ref="T13770:W13771"/>
    <mergeCell ref="X13770:AA13771"/>
    <mergeCell ref="A13772:C13773"/>
    <mergeCell ref="D13772:O13773"/>
    <mergeCell ref="P13772:S13773"/>
    <mergeCell ref="T13772:W13773"/>
    <mergeCell ref="X13772:AA13773"/>
    <mergeCell ref="A13774:C13775"/>
    <mergeCell ref="D13774:O13775"/>
    <mergeCell ref="P13774:S13775"/>
    <mergeCell ref="T13774:W13775"/>
    <mergeCell ref="X13774:AA13775"/>
    <mergeCell ref="A13776:C13777"/>
    <mergeCell ref="D13776:O13777"/>
    <mergeCell ref="P13776:S13777"/>
    <mergeCell ref="T13776:W13777"/>
    <mergeCell ref="X13776:AA13777"/>
    <mergeCell ref="A13778:C13779"/>
    <mergeCell ref="D13778:O13779"/>
    <mergeCell ref="P13778:S13779"/>
    <mergeCell ref="T13778:W13779"/>
    <mergeCell ref="X13778:AA13779"/>
    <mergeCell ref="A13752:C13753"/>
    <mergeCell ref="D13752:O13753"/>
    <mergeCell ref="P13752:S13753"/>
    <mergeCell ref="T13752:W13753"/>
    <mergeCell ref="X13752:AA13753"/>
    <mergeCell ref="A13754:C13755"/>
    <mergeCell ref="D13754:O13755"/>
    <mergeCell ref="P13754:S13755"/>
    <mergeCell ref="T13754:W13755"/>
    <mergeCell ref="X13754:AA13755"/>
    <mergeCell ref="A13756:C13757"/>
    <mergeCell ref="D13756:O13757"/>
    <mergeCell ref="P13756:S13757"/>
    <mergeCell ref="T13756:W13757"/>
    <mergeCell ref="X13756:AA13757"/>
    <mergeCell ref="A13758:C13759"/>
    <mergeCell ref="D13758:O13759"/>
    <mergeCell ref="P13758:S13759"/>
    <mergeCell ref="T13758:W13759"/>
    <mergeCell ref="X13758:AA13759"/>
    <mergeCell ref="A13760:C13761"/>
    <mergeCell ref="D13760:O13761"/>
    <mergeCell ref="P13760:S13761"/>
    <mergeCell ref="T13760:W13761"/>
    <mergeCell ref="X13760:AA13761"/>
    <mergeCell ref="A13762:C13763"/>
    <mergeCell ref="D13762:O13763"/>
    <mergeCell ref="P13762:S13763"/>
    <mergeCell ref="T13762:W13763"/>
    <mergeCell ref="X13762:AA13763"/>
    <mergeCell ref="A13764:C13765"/>
    <mergeCell ref="D13764:O13765"/>
    <mergeCell ref="P13764:S13765"/>
    <mergeCell ref="T13764:W13765"/>
    <mergeCell ref="X13764:AA13765"/>
    <mergeCell ref="A13736:AA13737"/>
    <mergeCell ref="A13738:C13739"/>
    <mergeCell ref="D13738:O13739"/>
    <mergeCell ref="P13738:S13739"/>
    <mergeCell ref="T13738:W13739"/>
    <mergeCell ref="X13738:AA13739"/>
    <mergeCell ref="A13740:C13741"/>
    <mergeCell ref="D13740:O13741"/>
    <mergeCell ref="P13740:S13741"/>
    <mergeCell ref="T13740:W13741"/>
    <mergeCell ref="X13740:AA13741"/>
    <mergeCell ref="A13742:C13743"/>
    <mergeCell ref="D13742:O13743"/>
    <mergeCell ref="P13742:S13743"/>
    <mergeCell ref="T13742:W13743"/>
    <mergeCell ref="X13742:AA13743"/>
    <mergeCell ref="A13744:C13745"/>
    <mergeCell ref="D13744:O13745"/>
    <mergeCell ref="P13744:S13745"/>
    <mergeCell ref="T13744:W13745"/>
    <mergeCell ref="X13744:AA13745"/>
    <mergeCell ref="A13746:C13747"/>
    <mergeCell ref="D13746:O13747"/>
    <mergeCell ref="P13746:S13747"/>
    <mergeCell ref="T13746:W13747"/>
    <mergeCell ref="X13746:AA13747"/>
    <mergeCell ref="A13748:C13749"/>
    <mergeCell ref="D13748:O13749"/>
    <mergeCell ref="P13748:S13749"/>
    <mergeCell ref="T13748:W13749"/>
    <mergeCell ref="X13748:AA13749"/>
    <mergeCell ref="A13750:C13751"/>
    <mergeCell ref="D13750:O13751"/>
    <mergeCell ref="P13750:S13751"/>
    <mergeCell ref="T13750:W13751"/>
    <mergeCell ref="X13750:AA13751"/>
    <mergeCell ref="A13720:C13721"/>
    <mergeCell ref="D13720:O13721"/>
    <mergeCell ref="P13720:S13721"/>
    <mergeCell ref="T13720:W13721"/>
    <mergeCell ref="X13720:AA13721"/>
    <mergeCell ref="A13722:C13723"/>
    <mergeCell ref="D13722:O13723"/>
    <mergeCell ref="P13722:S13723"/>
    <mergeCell ref="T13722:W13723"/>
    <mergeCell ref="X13722:AA13723"/>
    <mergeCell ref="A13724:C13725"/>
    <mergeCell ref="D13724:O13725"/>
    <mergeCell ref="P13724:S13725"/>
    <mergeCell ref="T13724:W13725"/>
    <mergeCell ref="X13724:AA13725"/>
    <mergeCell ref="A13726:C13727"/>
    <mergeCell ref="D13726:O13727"/>
    <mergeCell ref="P13726:S13727"/>
    <mergeCell ref="T13726:W13727"/>
    <mergeCell ref="X13726:AA13727"/>
    <mergeCell ref="A13728:C13729"/>
    <mergeCell ref="D13728:O13729"/>
    <mergeCell ref="P13728:S13729"/>
    <mergeCell ref="T13728:W13729"/>
    <mergeCell ref="X13728:AA13729"/>
    <mergeCell ref="A13730:C13731"/>
    <mergeCell ref="D13730:O13731"/>
    <mergeCell ref="P13730:S13731"/>
    <mergeCell ref="T13730:W13731"/>
    <mergeCell ref="X13730:AA13731"/>
    <mergeCell ref="A13732:AA13733"/>
    <mergeCell ref="A13734:C13735"/>
    <mergeCell ref="D13734:O13735"/>
    <mergeCell ref="P13734:S13735"/>
    <mergeCell ref="T13734:W13735"/>
    <mergeCell ref="X13734:AA13735"/>
    <mergeCell ref="A13706:C13707"/>
    <mergeCell ref="D13706:O13707"/>
    <mergeCell ref="P13706:S13707"/>
    <mergeCell ref="T13706:W13707"/>
    <mergeCell ref="X13706:AA13707"/>
    <mergeCell ref="A13708:C13709"/>
    <mergeCell ref="D13708:O13709"/>
    <mergeCell ref="P13708:S13709"/>
    <mergeCell ref="T13708:W13709"/>
    <mergeCell ref="X13708:AA13709"/>
    <mergeCell ref="A13710:C13711"/>
    <mergeCell ref="D13710:O13711"/>
    <mergeCell ref="P13710:S13711"/>
    <mergeCell ref="T13710:W13711"/>
    <mergeCell ref="X13710:AA13711"/>
    <mergeCell ref="A13712:C13713"/>
    <mergeCell ref="D13712:O13713"/>
    <mergeCell ref="P13712:S13713"/>
    <mergeCell ref="T13712:W13713"/>
    <mergeCell ref="X13712:AA13713"/>
    <mergeCell ref="A13714:C13715"/>
    <mergeCell ref="D13714:O13715"/>
    <mergeCell ref="P13714:S13715"/>
    <mergeCell ref="T13714:W13715"/>
    <mergeCell ref="X13714:AA13715"/>
    <mergeCell ref="A13716:C13717"/>
    <mergeCell ref="D13716:O13717"/>
    <mergeCell ref="P13716:S13717"/>
    <mergeCell ref="T13716:W13717"/>
    <mergeCell ref="X13716:AA13717"/>
    <mergeCell ref="A13718:C13719"/>
    <mergeCell ref="D13718:O13719"/>
    <mergeCell ref="P13718:S13719"/>
    <mergeCell ref="T13718:W13719"/>
    <mergeCell ref="X13718:AA13719"/>
    <mergeCell ref="A13690:C13691"/>
    <mergeCell ref="D13690:O13691"/>
    <mergeCell ref="P13690:S13691"/>
    <mergeCell ref="T13690:W13691"/>
    <mergeCell ref="X13690:AA13691"/>
    <mergeCell ref="A13692:C13693"/>
    <mergeCell ref="D13692:O13693"/>
    <mergeCell ref="P13692:S13693"/>
    <mergeCell ref="T13692:W13693"/>
    <mergeCell ref="X13692:AA13693"/>
    <mergeCell ref="A13694:C13695"/>
    <mergeCell ref="D13694:O13695"/>
    <mergeCell ref="P13694:S13695"/>
    <mergeCell ref="T13694:W13695"/>
    <mergeCell ref="X13694:AA13695"/>
    <mergeCell ref="A13696:C13697"/>
    <mergeCell ref="D13696:O13697"/>
    <mergeCell ref="P13696:S13697"/>
    <mergeCell ref="T13696:W13697"/>
    <mergeCell ref="X13696:AA13697"/>
    <mergeCell ref="A13698:AA13699"/>
    <mergeCell ref="A13700:C13701"/>
    <mergeCell ref="D13700:O13701"/>
    <mergeCell ref="P13700:S13701"/>
    <mergeCell ref="T13700:W13701"/>
    <mergeCell ref="X13700:AA13701"/>
    <mergeCell ref="A13702:C13703"/>
    <mergeCell ref="D13702:O13703"/>
    <mergeCell ref="P13702:S13703"/>
    <mergeCell ref="T13702:W13703"/>
    <mergeCell ref="X13702:AA13703"/>
    <mergeCell ref="A13704:C13705"/>
    <mergeCell ref="D13704:O13705"/>
    <mergeCell ref="P13704:S13705"/>
    <mergeCell ref="T13704:W13705"/>
    <mergeCell ref="X13704:AA13705"/>
    <mergeCell ref="A13676:C13677"/>
    <mergeCell ref="D13676:O13677"/>
    <mergeCell ref="P13676:S13677"/>
    <mergeCell ref="T13676:W13677"/>
    <mergeCell ref="X13676:AA13677"/>
    <mergeCell ref="A13678:C13679"/>
    <mergeCell ref="D13678:O13679"/>
    <mergeCell ref="P13678:S13679"/>
    <mergeCell ref="T13678:W13679"/>
    <mergeCell ref="X13678:AA13679"/>
    <mergeCell ref="A13680:C13681"/>
    <mergeCell ref="D13680:O13681"/>
    <mergeCell ref="P13680:S13681"/>
    <mergeCell ref="T13680:W13681"/>
    <mergeCell ref="X13680:AA13681"/>
    <mergeCell ref="A13682:C13683"/>
    <mergeCell ref="D13682:O13683"/>
    <mergeCell ref="P13682:S13683"/>
    <mergeCell ref="T13682:W13683"/>
    <mergeCell ref="X13682:AA13683"/>
    <mergeCell ref="A13684:C13685"/>
    <mergeCell ref="D13684:O13685"/>
    <mergeCell ref="P13684:S13685"/>
    <mergeCell ref="T13684:W13685"/>
    <mergeCell ref="X13684:AA13685"/>
    <mergeCell ref="A13686:C13687"/>
    <mergeCell ref="D13686:O13687"/>
    <mergeCell ref="P13686:S13687"/>
    <mergeCell ref="T13686:W13687"/>
    <mergeCell ref="X13686:AA13687"/>
    <mergeCell ref="A13688:C13689"/>
    <mergeCell ref="D13688:O13689"/>
    <mergeCell ref="P13688:S13689"/>
    <mergeCell ref="T13688:W13689"/>
    <mergeCell ref="X13688:AA13689"/>
    <mergeCell ref="A13662:C13663"/>
    <mergeCell ref="D13662:O13663"/>
    <mergeCell ref="P13662:S13663"/>
    <mergeCell ref="T13662:W13663"/>
    <mergeCell ref="X13662:AA13663"/>
    <mergeCell ref="A13664:C13665"/>
    <mergeCell ref="D13664:O13665"/>
    <mergeCell ref="P13664:S13665"/>
    <mergeCell ref="T13664:W13665"/>
    <mergeCell ref="X13664:AA13665"/>
    <mergeCell ref="A13666:C13667"/>
    <mergeCell ref="D13666:O13667"/>
    <mergeCell ref="P13666:S13667"/>
    <mergeCell ref="T13666:W13667"/>
    <mergeCell ref="X13666:AA13667"/>
    <mergeCell ref="A13668:C13669"/>
    <mergeCell ref="D13668:O13669"/>
    <mergeCell ref="P13668:S13669"/>
    <mergeCell ref="T13668:W13669"/>
    <mergeCell ref="X13668:AA13669"/>
    <mergeCell ref="A13670:C13671"/>
    <mergeCell ref="D13670:O13671"/>
    <mergeCell ref="P13670:S13671"/>
    <mergeCell ref="T13670:W13671"/>
    <mergeCell ref="X13670:AA13671"/>
    <mergeCell ref="A13672:C13673"/>
    <mergeCell ref="D13672:O13673"/>
    <mergeCell ref="P13672:S13673"/>
    <mergeCell ref="T13672:W13673"/>
    <mergeCell ref="X13672:AA13673"/>
    <mergeCell ref="A13674:C13675"/>
    <mergeCell ref="D13674:O13675"/>
    <mergeCell ref="P13674:S13675"/>
    <mergeCell ref="T13674:W13675"/>
    <mergeCell ref="X13674:AA13675"/>
    <mergeCell ref="A13648:C13649"/>
    <mergeCell ref="D13648:O13649"/>
    <mergeCell ref="P13648:S13649"/>
    <mergeCell ref="T13648:W13649"/>
    <mergeCell ref="X13648:AA13649"/>
    <mergeCell ref="A13650:C13651"/>
    <mergeCell ref="D13650:O13651"/>
    <mergeCell ref="P13650:S13651"/>
    <mergeCell ref="T13650:W13651"/>
    <mergeCell ref="X13650:AA13651"/>
    <mergeCell ref="A13652:C13653"/>
    <mergeCell ref="D13652:O13653"/>
    <mergeCell ref="P13652:S13653"/>
    <mergeCell ref="T13652:W13653"/>
    <mergeCell ref="X13652:AA13653"/>
    <mergeCell ref="A13654:C13655"/>
    <mergeCell ref="D13654:O13655"/>
    <mergeCell ref="P13654:S13655"/>
    <mergeCell ref="T13654:W13655"/>
    <mergeCell ref="X13654:AA13655"/>
    <mergeCell ref="A13656:C13657"/>
    <mergeCell ref="D13656:O13657"/>
    <mergeCell ref="P13656:S13657"/>
    <mergeCell ref="T13656:W13657"/>
    <mergeCell ref="X13656:AA13657"/>
    <mergeCell ref="A13658:C13659"/>
    <mergeCell ref="D13658:O13659"/>
    <mergeCell ref="P13658:S13659"/>
    <mergeCell ref="T13658:W13659"/>
    <mergeCell ref="X13658:AA13659"/>
    <mergeCell ref="A13660:C13661"/>
    <mergeCell ref="D13660:O13661"/>
    <mergeCell ref="P13660:S13661"/>
    <mergeCell ref="T13660:W13661"/>
    <mergeCell ref="X13660:AA13661"/>
    <mergeCell ref="A13634:C13635"/>
    <mergeCell ref="D13634:O13635"/>
    <mergeCell ref="P13634:S13635"/>
    <mergeCell ref="T13634:W13635"/>
    <mergeCell ref="X13634:AA13635"/>
    <mergeCell ref="A13636:C13637"/>
    <mergeCell ref="D13636:O13637"/>
    <mergeCell ref="P13636:S13637"/>
    <mergeCell ref="T13636:W13637"/>
    <mergeCell ref="X13636:AA13637"/>
    <mergeCell ref="A13638:C13639"/>
    <mergeCell ref="D13638:O13639"/>
    <mergeCell ref="P13638:S13639"/>
    <mergeCell ref="T13638:W13639"/>
    <mergeCell ref="X13638:AA13639"/>
    <mergeCell ref="A13640:C13641"/>
    <mergeCell ref="D13640:O13641"/>
    <mergeCell ref="P13640:S13641"/>
    <mergeCell ref="T13640:W13641"/>
    <mergeCell ref="X13640:AA13641"/>
    <mergeCell ref="A13642:C13643"/>
    <mergeCell ref="D13642:O13643"/>
    <mergeCell ref="P13642:S13643"/>
    <mergeCell ref="T13642:W13643"/>
    <mergeCell ref="X13642:AA13643"/>
    <mergeCell ref="A13644:C13645"/>
    <mergeCell ref="D13644:O13645"/>
    <mergeCell ref="P13644:S13645"/>
    <mergeCell ref="T13644:W13645"/>
    <mergeCell ref="X13644:AA13645"/>
    <mergeCell ref="A13646:C13647"/>
    <mergeCell ref="D13646:O13647"/>
    <mergeCell ref="P13646:S13647"/>
    <mergeCell ref="T13646:W13647"/>
    <mergeCell ref="X13646:AA13647"/>
    <mergeCell ref="A13620:C13621"/>
    <mergeCell ref="D13620:O13621"/>
    <mergeCell ref="P13620:S13621"/>
    <mergeCell ref="T13620:W13621"/>
    <mergeCell ref="X13620:AA13621"/>
    <mergeCell ref="A13622:C13623"/>
    <mergeCell ref="D13622:O13623"/>
    <mergeCell ref="P13622:S13623"/>
    <mergeCell ref="T13622:W13623"/>
    <mergeCell ref="X13622:AA13623"/>
    <mergeCell ref="A13624:C13625"/>
    <mergeCell ref="D13624:O13625"/>
    <mergeCell ref="P13624:S13625"/>
    <mergeCell ref="T13624:W13625"/>
    <mergeCell ref="X13624:AA13625"/>
    <mergeCell ref="A13626:C13627"/>
    <mergeCell ref="D13626:O13627"/>
    <mergeCell ref="P13626:S13627"/>
    <mergeCell ref="T13626:W13627"/>
    <mergeCell ref="X13626:AA13627"/>
    <mergeCell ref="A13628:C13629"/>
    <mergeCell ref="D13628:O13629"/>
    <mergeCell ref="P13628:S13629"/>
    <mergeCell ref="T13628:W13629"/>
    <mergeCell ref="X13628:AA13629"/>
    <mergeCell ref="A13630:C13631"/>
    <mergeCell ref="D13630:O13631"/>
    <mergeCell ref="P13630:S13631"/>
    <mergeCell ref="T13630:W13631"/>
    <mergeCell ref="X13630:AA13631"/>
    <mergeCell ref="A13632:C13633"/>
    <mergeCell ref="D13632:O13633"/>
    <mergeCell ref="P13632:S13633"/>
    <mergeCell ref="T13632:W13633"/>
    <mergeCell ref="X13632:AA13633"/>
    <mergeCell ref="A13606:C13607"/>
    <mergeCell ref="D13606:O13607"/>
    <mergeCell ref="P13606:S13607"/>
    <mergeCell ref="T13606:W13607"/>
    <mergeCell ref="X13606:AA13607"/>
    <mergeCell ref="A13608:C13609"/>
    <mergeCell ref="D13608:O13609"/>
    <mergeCell ref="P13608:S13609"/>
    <mergeCell ref="T13608:W13609"/>
    <mergeCell ref="X13608:AA13609"/>
    <mergeCell ref="A13610:C13611"/>
    <mergeCell ref="D13610:O13611"/>
    <mergeCell ref="P13610:S13611"/>
    <mergeCell ref="T13610:W13611"/>
    <mergeCell ref="X13610:AA13611"/>
    <mergeCell ref="A13612:C13613"/>
    <mergeCell ref="D13612:O13613"/>
    <mergeCell ref="P13612:S13613"/>
    <mergeCell ref="T13612:W13613"/>
    <mergeCell ref="X13612:AA13613"/>
    <mergeCell ref="A13614:C13615"/>
    <mergeCell ref="D13614:O13615"/>
    <mergeCell ref="P13614:S13615"/>
    <mergeCell ref="T13614:W13615"/>
    <mergeCell ref="X13614:AA13615"/>
    <mergeCell ref="A13616:C13617"/>
    <mergeCell ref="D13616:O13617"/>
    <mergeCell ref="P13616:S13617"/>
    <mergeCell ref="T13616:W13617"/>
    <mergeCell ref="X13616:AA13617"/>
    <mergeCell ref="A13618:C13619"/>
    <mergeCell ref="D13618:O13619"/>
    <mergeCell ref="P13618:S13619"/>
    <mergeCell ref="T13618:W13619"/>
    <mergeCell ref="X13618:AA13619"/>
    <mergeCell ref="A13592:C13593"/>
    <mergeCell ref="D13592:O13593"/>
    <mergeCell ref="P13592:S13593"/>
    <mergeCell ref="T13592:W13593"/>
    <mergeCell ref="X13592:AA13593"/>
    <mergeCell ref="A13594:C13595"/>
    <mergeCell ref="D13594:O13595"/>
    <mergeCell ref="P13594:S13595"/>
    <mergeCell ref="T13594:W13595"/>
    <mergeCell ref="X13594:AA13595"/>
    <mergeCell ref="A13596:C13597"/>
    <mergeCell ref="D13596:O13597"/>
    <mergeCell ref="P13596:S13597"/>
    <mergeCell ref="T13596:W13597"/>
    <mergeCell ref="X13596:AA13597"/>
    <mergeCell ref="A13598:C13599"/>
    <mergeCell ref="D13598:O13599"/>
    <mergeCell ref="P13598:S13599"/>
    <mergeCell ref="T13598:W13599"/>
    <mergeCell ref="X13598:AA13599"/>
    <mergeCell ref="A13600:C13601"/>
    <mergeCell ref="D13600:O13601"/>
    <mergeCell ref="P13600:S13601"/>
    <mergeCell ref="T13600:W13601"/>
    <mergeCell ref="X13600:AA13601"/>
    <mergeCell ref="A13602:C13603"/>
    <mergeCell ref="D13602:O13603"/>
    <mergeCell ref="P13602:S13603"/>
    <mergeCell ref="T13602:W13603"/>
    <mergeCell ref="X13602:AA13603"/>
    <mergeCell ref="A13604:C13605"/>
    <mergeCell ref="D13604:O13605"/>
    <mergeCell ref="P13604:S13605"/>
    <mergeCell ref="T13604:W13605"/>
    <mergeCell ref="X13604:AA13605"/>
    <mergeCell ref="A13578:C13579"/>
    <mergeCell ref="D13578:O13579"/>
    <mergeCell ref="P13578:S13579"/>
    <mergeCell ref="T13578:W13579"/>
    <mergeCell ref="X13578:AA13579"/>
    <mergeCell ref="A13580:C13581"/>
    <mergeCell ref="D13580:O13581"/>
    <mergeCell ref="P13580:S13581"/>
    <mergeCell ref="T13580:W13581"/>
    <mergeCell ref="X13580:AA13581"/>
    <mergeCell ref="A13582:C13583"/>
    <mergeCell ref="D13582:O13583"/>
    <mergeCell ref="P13582:S13583"/>
    <mergeCell ref="T13582:W13583"/>
    <mergeCell ref="X13582:AA13583"/>
    <mergeCell ref="A13584:C13585"/>
    <mergeCell ref="D13584:O13585"/>
    <mergeCell ref="P13584:S13585"/>
    <mergeCell ref="T13584:W13585"/>
    <mergeCell ref="X13584:AA13585"/>
    <mergeCell ref="A13586:C13587"/>
    <mergeCell ref="D13586:O13587"/>
    <mergeCell ref="P13586:S13587"/>
    <mergeCell ref="T13586:W13587"/>
    <mergeCell ref="X13586:AA13587"/>
    <mergeCell ref="A13588:C13589"/>
    <mergeCell ref="D13588:O13589"/>
    <mergeCell ref="P13588:S13589"/>
    <mergeCell ref="T13588:W13589"/>
    <mergeCell ref="X13588:AA13589"/>
    <mergeCell ref="A13590:C13591"/>
    <mergeCell ref="D13590:O13591"/>
    <mergeCell ref="P13590:S13591"/>
    <mergeCell ref="T13590:W13591"/>
    <mergeCell ref="X13590:AA13591"/>
    <mergeCell ref="A13564:C13565"/>
    <mergeCell ref="D13564:O13565"/>
    <mergeCell ref="P13564:S13565"/>
    <mergeCell ref="T13564:W13565"/>
    <mergeCell ref="X13564:AA13565"/>
    <mergeCell ref="A13566:C13567"/>
    <mergeCell ref="D13566:O13567"/>
    <mergeCell ref="P13566:S13567"/>
    <mergeCell ref="T13566:W13567"/>
    <mergeCell ref="X13566:AA13567"/>
    <mergeCell ref="A13568:C13569"/>
    <mergeCell ref="D13568:O13569"/>
    <mergeCell ref="P13568:S13569"/>
    <mergeCell ref="T13568:W13569"/>
    <mergeCell ref="X13568:AA13569"/>
    <mergeCell ref="A13570:C13571"/>
    <mergeCell ref="D13570:O13571"/>
    <mergeCell ref="P13570:S13571"/>
    <mergeCell ref="T13570:W13571"/>
    <mergeCell ref="X13570:AA13571"/>
    <mergeCell ref="A13572:C13573"/>
    <mergeCell ref="D13572:O13573"/>
    <mergeCell ref="P13572:S13573"/>
    <mergeCell ref="T13572:W13573"/>
    <mergeCell ref="X13572:AA13573"/>
    <mergeCell ref="A13574:C13575"/>
    <mergeCell ref="D13574:O13575"/>
    <mergeCell ref="P13574:S13575"/>
    <mergeCell ref="T13574:W13575"/>
    <mergeCell ref="X13574:AA13575"/>
    <mergeCell ref="A13576:C13577"/>
    <mergeCell ref="D13576:O13577"/>
    <mergeCell ref="P13576:S13577"/>
    <mergeCell ref="T13576:W13577"/>
    <mergeCell ref="X13576:AA13577"/>
    <mergeCell ref="A13550:C13551"/>
    <mergeCell ref="D13550:O13551"/>
    <mergeCell ref="P13550:S13551"/>
    <mergeCell ref="T13550:W13551"/>
    <mergeCell ref="X13550:AA13551"/>
    <mergeCell ref="A13552:C13553"/>
    <mergeCell ref="D13552:O13553"/>
    <mergeCell ref="P13552:S13553"/>
    <mergeCell ref="T13552:W13553"/>
    <mergeCell ref="X13552:AA13553"/>
    <mergeCell ref="A13554:C13555"/>
    <mergeCell ref="D13554:O13555"/>
    <mergeCell ref="P13554:S13555"/>
    <mergeCell ref="T13554:W13555"/>
    <mergeCell ref="X13554:AA13555"/>
    <mergeCell ref="A13556:C13557"/>
    <mergeCell ref="D13556:O13557"/>
    <mergeCell ref="P13556:S13557"/>
    <mergeCell ref="T13556:W13557"/>
    <mergeCell ref="X13556:AA13557"/>
    <mergeCell ref="A13558:C13559"/>
    <mergeCell ref="D13558:O13559"/>
    <mergeCell ref="P13558:S13559"/>
    <mergeCell ref="T13558:W13559"/>
    <mergeCell ref="X13558:AA13559"/>
    <mergeCell ref="A13560:C13561"/>
    <mergeCell ref="D13560:O13561"/>
    <mergeCell ref="P13560:S13561"/>
    <mergeCell ref="T13560:W13561"/>
    <mergeCell ref="X13560:AA13561"/>
    <mergeCell ref="A13562:C13563"/>
    <mergeCell ref="D13562:O13563"/>
    <mergeCell ref="P13562:S13563"/>
    <mergeCell ref="T13562:W13563"/>
    <mergeCell ref="X13562:AA13563"/>
    <mergeCell ref="A13536:C13537"/>
    <mergeCell ref="D13536:O13537"/>
    <mergeCell ref="P13536:S13537"/>
    <mergeCell ref="T13536:W13537"/>
    <mergeCell ref="X13536:AA13537"/>
    <mergeCell ref="A13538:C13539"/>
    <mergeCell ref="D13538:O13539"/>
    <mergeCell ref="P13538:S13539"/>
    <mergeCell ref="T13538:W13539"/>
    <mergeCell ref="X13538:AA13539"/>
    <mergeCell ref="A13540:C13541"/>
    <mergeCell ref="D13540:O13541"/>
    <mergeCell ref="P13540:S13541"/>
    <mergeCell ref="T13540:W13541"/>
    <mergeCell ref="X13540:AA13541"/>
    <mergeCell ref="A13542:C13543"/>
    <mergeCell ref="D13542:O13543"/>
    <mergeCell ref="P13542:S13543"/>
    <mergeCell ref="T13542:W13543"/>
    <mergeCell ref="X13542:AA13543"/>
    <mergeCell ref="A13544:C13545"/>
    <mergeCell ref="D13544:O13545"/>
    <mergeCell ref="P13544:S13545"/>
    <mergeCell ref="T13544:W13545"/>
    <mergeCell ref="X13544:AA13545"/>
    <mergeCell ref="A13546:C13547"/>
    <mergeCell ref="D13546:O13547"/>
    <mergeCell ref="P13546:S13547"/>
    <mergeCell ref="T13546:W13547"/>
    <mergeCell ref="X13546:AA13547"/>
    <mergeCell ref="A13548:C13549"/>
    <mergeCell ref="D13548:O13549"/>
    <mergeCell ref="P13548:S13549"/>
    <mergeCell ref="T13548:W13549"/>
    <mergeCell ref="X13548:AA13549"/>
    <mergeCell ref="A13522:C13523"/>
    <mergeCell ref="D13522:O13523"/>
    <mergeCell ref="P13522:S13523"/>
    <mergeCell ref="T13522:W13523"/>
    <mergeCell ref="X13522:AA13523"/>
    <mergeCell ref="A13524:C13525"/>
    <mergeCell ref="D13524:O13525"/>
    <mergeCell ref="P13524:S13525"/>
    <mergeCell ref="T13524:W13525"/>
    <mergeCell ref="X13524:AA13525"/>
    <mergeCell ref="A13526:C13527"/>
    <mergeCell ref="D13526:O13527"/>
    <mergeCell ref="P13526:S13527"/>
    <mergeCell ref="T13526:W13527"/>
    <mergeCell ref="X13526:AA13527"/>
    <mergeCell ref="A13528:C13529"/>
    <mergeCell ref="D13528:O13529"/>
    <mergeCell ref="P13528:S13529"/>
    <mergeCell ref="T13528:W13529"/>
    <mergeCell ref="X13528:AA13529"/>
    <mergeCell ref="A13530:C13531"/>
    <mergeCell ref="D13530:O13531"/>
    <mergeCell ref="P13530:S13531"/>
    <mergeCell ref="T13530:W13531"/>
    <mergeCell ref="X13530:AA13531"/>
    <mergeCell ref="A13532:C13533"/>
    <mergeCell ref="D13532:O13533"/>
    <mergeCell ref="P13532:S13533"/>
    <mergeCell ref="T13532:W13533"/>
    <mergeCell ref="X13532:AA13533"/>
    <mergeCell ref="A13534:C13535"/>
    <mergeCell ref="D13534:O13535"/>
    <mergeCell ref="P13534:S13535"/>
    <mergeCell ref="T13534:W13535"/>
    <mergeCell ref="X13534:AA13535"/>
    <mergeCell ref="A13508:C13509"/>
    <mergeCell ref="D13508:O13509"/>
    <mergeCell ref="P13508:S13509"/>
    <mergeCell ref="T13508:W13509"/>
    <mergeCell ref="X13508:AA13509"/>
    <mergeCell ref="A13510:C13511"/>
    <mergeCell ref="D13510:O13511"/>
    <mergeCell ref="P13510:S13511"/>
    <mergeCell ref="T13510:W13511"/>
    <mergeCell ref="X13510:AA13511"/>
    <mergeCell ref="A13512:C13513"/>
    <mergeCell ref="D13512:O13513"/>
    <mergeCell ref="P13512:S13513"/>
    <mergeCell ref="T13512:W13513"/>
    <mergeCell ref="X13512:AA13513"/>
    <mergeCell ref="A13514:C13515"/>
    <mergeCell ref="D13514:O13515"/>
    <mergeCell ref="P13514:S13515"/>
    <mergeCell ref="T13514:W13515"/>
    <mergeCell ref="X13514:AA13515"/>
    <mergeCell ref="A13516:C13517"/>
    <mergeCell ref="D13516:O13517"/>
    <mergeCell ref="P13516:S13517"/>
    <mergeCell ref="T13516:W13517"/>
    <mergeCell ref="X13516:AA13517"/>
    <mergeCell ref="A13518:C13519"/>
    <mergeCell ref="D13518:O13519"/>
    <mergeCell ref="P13518:S13519"/>
    <mergeCell ref="T13518:W13519"/>
    <mergeCell ref="X13518:AA13519"/>
    <mergeCell ref="A13520:C13521"/>
    <mergeCell ref="D13520:O13521"/>
    <mergeCell ref="P13520:S13521"/>
    <mergeCell ref="T13520:W13521"/>
    <mergeCell ref="X13520:AA13521"/>
    <mergeCell ref="A13494:C13495"/>
    <mergeCell ref="D13494:O13495"/>
    <mergeCell ref="P13494:S13495"/>
    <mergeCell ref="T13494:W13495"/>
    <mergeCell ref="X13494:AA13495"/>
    <mergeCell ref="A13496:C13497"/>
    <mergeCell ref="D13496:O13497"/>
    <mergeCell ref="P13496:S13497"/>
    <mergeCell ref="T13496:W13497"/>
    <mergeCell ref="X13496:AA13497"/>
    <mergeCell ref="A13498:C13499"/>
    <mergeCell ref="D13498:O13499"/>
    <mergeCell ref="P13498:S13499"/>
    <mergeCell ref="T13498:W13499"/>
    <mergeCell ref="X13498:AA13499"/>
    <mergeCell ref="A13500:C13501"/>
    <mergeCell ref="D13500:O13501"/>
    <mergeCell ref="P13500:S13501"/>
    <mergeCell ref="T13500:W13501"/>
    <mergeCell ref="X13500:AA13501"/>
    <mergeCell ref="A13502:C13503"/>
    <mergeCell ref="D13502:O13503"/>
    <mergeCell ref="P13502:S13503"/>
    <mergeCell ref="T13502:W13503"/>
    <mergeCell ref="X13502:AA13503"/>
    <mergeCell ref="A13504:C13505"/>
    <mergeCell ref="D13504:O13505"/>
    <mergeCell ref="P13504:S13505"/>
    <mergeCell ref="T13504:W13505"/>
    <mergeCell ref="X13504:AA13505"/>
    <mergeCell ref="A13506:C13507"/>
    <mergeCell ref="D13506:O13507"/>
    <mergeCell ref="P13506:S13507"/>
    <mergeCell ref="T13506:W13507"/>
    <mergeCell ref="X13506:AA13507"/>
    <mergeCell ref="A13480:C13481"/>
    <mergeCell ref="D13480:O13481"/>
    <mergeCell ref="P13480:S13481"/>
    <mergeCell ref="T13480:W13481"/>
    <mergeCell ref="X13480:AA13481"/>
    <mergeCell ref="A13482:C13483"/>
    <mergeCell ref="D13482:O13483"/>
    <mergeCell ref="P13482:S13483"/>
    <mergeCell ref="T13482:W13483"/>
    <mergeCell ref="X13482:AA13483"/>
    <mergeCell ref="A13484:C13485"/>
    <mergeCell ref="D13484:O13485"/>
    <mergeCell ref="P13484:S13485"/>
    <mergeCell ref="T13484:W13485"/>
    <mergeCell ref="X13484:AA13485"/>
    <mergeCell ref="A13486:C13487"/>
    <mergeCell ref="D13486:O13487"/>
    <mergeCell ref="P13486:S13487"/>
    <mergeCell ref="T13486:W13487"/>
    <mergeCell ref="X13486:AA13487"/>
    <mergeCell ref="A13488:C13489"/>
    <mergeCell ref="D13488:O13489"/>
    <mergeCell ref="P13488:S13489"/>
    <mergeCell ref="T13488:W13489"/>
    <mergeCell ref="X13488:AA13489"/>
    <mergeCell ref="A13490:C13491"/>
    <mergeCell ref="D13490:O13491"/>
    <mergeCell ref="P13490:S13491"/>
    <mergeCell ref="T13490:W13491"/>
    <mergeCell ref="X13490:AA13491"/>
    <mergeCell ref="A13492:C13493"/>
    <mergeCell ref="D13492:O13493"/>
    <mergeCell ref="P13492:S13493"/>
    <mergeCell ref="T13492:W13493"/>
    <mergeCell ref="X13492:AA13493"/>
    <mergeCell ref="A13464:C13465"/>
    <mergeCell ref="D13464:O13465"/>
    <mergeCell ref="P13464:S13465"/>
    <mergeCell ref="T13464:W13465"/>
    <mergeCell ref="X13464:AA13465"/>
    <mergeCell ref="A13466:C13467"/>
    <mergeCell ref="D13466:O13467"/>
    <mergeCell ref="P13466:S13467"/>
    <mergeCell ref="T13466:W13467"/>
    <mergeCell ref="X13466:AA13467"/>
    <mergeCell ref="A13468:AA13469"/>
    <mergeCell ref="A13470:C13471"/>
    <mergeCell ref="D13470:O13471"/>
    <mergeCell ref="P13470:S13471"/>
    <mergeCell ref="T13470:W13471"/>
    <mergeCell ref="X13470:AA13471"/>
    <mergeCell ref="A13472:C13473"/>
    <mergeCell ref="D13472:O13473"/>
    <mergeCell ref="P13472:S13473"/>
    <mergeCell ref="T13472:W13473"/>
    <mergeCell ref="X13472:AA13473"/>
    <mergeCell ref="A13474:C13475"/>
    <mergeCell ref="D13474:O13475"/>
    <mergeCell ref="P13474:S13475"/>
    <mergeCell ref="T13474:W13475"/>
    <mergeCell ref="X13474:AA13475"/>
    <mergeCell ref="A13476:C13477"/>
    <mergeCell ref="D13476:O13477"/>
    <mergeCell ref="P13476:S13477"/>
    <mergeCell ref="T13476:W13477"/>
    <mergeCell ref="X13476:AA13477"/>
    <mergeCell ref="A13478:C13479"/>
    <mergeCell ref="D13478:O13479"/>
    <mergeCell ref="P13478:S13479"/>
    <mergeCell ref="T13478:W13479"/>
    <mergeCell ref="X13478:AA13479"/>
    <mergeCell ref="A13450:C13451"/>
    <mergeCell ref="D13450:O13451"/>
    <mergeCell ref="P13450:S13451"/>
    <mergeCell ref="T13450:W13451"/>
    <mergeCell ref="X13450:AA13451"/>
    <mergeCell ref="A13452:C13453"/>
    <mergeCell ref="D13452:O13453"/>
    <mergeCell ref="P13452:S13453"/>
    <mergeCell ref="T13452:W13453"/>
    <mergeCell ref="X13452:AA13453"/>
    <mergeCell ref="A13454:C13455"/>
    <mergeCell ref="D13454:O13455"/>
    <mergeCell ref="P13454:S13455"/>
    <mergeCell ref="T13454:W13455"/>
    <mergeCell ref="X13454:AA13455"/>
    <mergeCell ref="A13456:C13457"/>
    <mergeCell ref="D13456:O13457"/>
    <mergeCell ref="P13456:S13457"/>
    <mergeCell ref="T13456:W13457"/>
    <mergeCell ref="X13456:AA13457"/>
    <mergeCell ref="A13458:C13459"/>
    <mergeCell ref="D13458:O13459"/>
    <mergeCell ref="P13458:S13459"/>
    <mergeCell ref="T13458:W13459"/>
    <mergeCell ref="X13458:AA13459"/>
    <mergeCell ref="A13460:C13461"/>
    <mergeCell ref="D13460:O13461"/>
    <mergeCell ref="P13460:S13461"/>
    <mergeCell ref="T13460:W13461"/>
    <mergeCell ref="X13460:AA13461"/>
    <mergeCell ref="A13462:C13463"/>
    <mergeCell ref="D13462:O13463"/>
    <mergeCell ref="P13462:S13463"/>
    <mergeCell ref="T13462:W13463"/>
    <mergeCell ref="X13462:AA13463"/>
    <mergeCell ref="A13436:C13437"/>
    <mergeCell ref="D13436:O13437"/>
    <mergeCell ref="P13436:S13437"/>
    <mergeCell ref="T13436:W13437"/>
    <mergeCell ref="X13436:AA13437"/>
    <mergeCell ref="A13438:C13439"/>
    <mergeCell ref="D13438:O13439"/>
    <mergeCell ref="P13438:S13439"/>
    <mergeCell ref="T13438:W13439"/>
    <mergeCell ref="X13438:AA13439"/>
    <mergeCell ref="A13440:C13441"/>
    <mergeCell ref="D13440:O13441"/>
    <mergeCell ref="P13440:S13441"/>
    <mergeCell ref="T13440:W13441"/>
    <mergeCell ref="X13440:AA13441"/>
    <mergeCell ref="A13442:C13443"/>
    <mergeCell ref="D13442:O13443"/>
    <mergeCell ref="P13442:S13443"/>
    <mergeCell ref="T13442:W13443"/>
    <mergeCell ref="X13442:AA13443"/>
    <mergeCell ref="A13444:C13445"/>
    <mergeCell ref="D13444:O13445"/>
    <mergeCell ref="P13444:S13445"/>
    <mergeCell ref="T13444:W13445"/>
    <mergeCell ref="X13444:AA13445"/>
    <mergeCell ref="A13446:C13447"/>
    <mergeCell ref="D13446:O13447"/>
    <mergeCell ref="P13446:S13447"/>
    <mergeCell ref="T13446:W13447"/>
    <mergeCell ref="X13446:AA13447"/>
    <mergeCell ref="A13448:C13449"/>
    <mergeCell ref="D13448:O13449"/>
    <mergeCell ref="P13448:S13449"/>
    <mergeCell ref="T13448:W13449"/>
    <mergeCell ref="X13448:AA13449"/>
    <mergeCell ref="A13422:C13423"/>
    <mergeCell ref="D13422:O13423"/>
    <mergeCell ref="P13422:S13423"/>
    <mergeCell ref="T13422:W13423"/>
    <mergeCell ref="X13422:AA13423"/>
    <mergeCell ref="A13424:C13425"/>
    <mergeCell ref="D13424:O13425"/>
    <mergeCell ref="P13424:S13425"/>
    <mergeCell ref="T13424:W13425"/>
    <mergeCell ref="X13424:AA13425"/>
    <mergeCell ref="A13426:C13427"/>
    <mergeCell ref="D13426:O13427"/>
    <mergeCell ref="P13426:S13427"/>
    <mergeCell ref="T13426:W13427"/>
    <mergeCell ref="X13426:AA13427"/>
    <mergeCell ref="A13428:C13429"/>
    <mergeCell ref="D13428:O13429"/>
    <mergeCell ref="P13428:S13429"/>
    <mergeCell ref="T13428:W13429"/>
    <mergeCell ref="X13428:AA13429"/>
    <mergeCell ref="A13430:C13431"/>
    <mergeCell ref="D13430:O13431"/>
    <mergeCell ref="P13430:S13431"/>
    <mergeCell ref="T13430:W13431"/>
    <mergeCell ref="X13430:AA13431"/>
    <mergeCell ref="A13432:C13433"/>
    <mergeCell ref="D13432:O13433"/>
    <mergeCell ref="P13432:S13433"/>
    <mergeCell ref="T13432:W13433"/>
    <mergeCell ref="X13432:AA13433"/>
    <mergeCell ref="A13434:C13435"/>
    <mergeCell ref="D13434:O13435"/>
    <mergeCell ref="P13434:S13435"/>
    <mergeCell ref="T13434:W13435"/>
    <mergeCell ref="X13434:AA13435"/>
    <mergeCell ref="A13408:C13409"/>
    <mergeCell ref="D13408:O13409"/>
    <mergeCell ref="P13408:S13409"/>
    <mergeCell ref="T13408:W13409"/>
    <mergeCell ref="X13408:AA13409"/>
    <mergeCell ref="A13410:C13411"/>
    <mergeCell ref="D13410:O13411"/>
    <mergeCell ref="P13410:S13411"/>
    <mergeCell ref="T13410:W13411"/>
    <mergeCell ref="X13410:AA13411"/>
    <mergeCell ref="A13412:C13413"/>
    <mergeCell ref="D13412:O13413"/>
    <mergeCell ref="P13412:S13413"/>
    <mergeCell ref="T13412:W13413"/>
    <mergeCell ref="X13412:AA13413"/>
    <mergeCell ref="A13414:C13415"/>
    <mergeCell ref="D13414:O13415"/>
    <mergeCell ref="P13414:S13415"/>
    <mergeCell ref="T13414:W13415"/>
    <mergeCell ref="X13414:AA13415"/>
    <mergeCell ref="A13416:C13417"/>
    <mergeCell ref="D13416:O13417"/>
    <mergeCell ref="P13416:S13417"/>
    <mergeCell ref="T13416:W13417"/>
    <mergeCell ref="X13416:AA13417"/>
    <mergeCell ref="A13418:C13419"/>
    <mergeCell ref="D13418:O13419"/>
    <mergeCell ref="P13418:S13419"/>
    <mergeCell ref="T13418:W13419"/>
    <mergeCell ref="X13418:AA13419"/>
    <mergeCell ref="A13420:C13421"/>
    <mergeCell ref="D13420:O13421"/>
    <mergeCell ref="P13420:S13421"/>
    <mergeCell ref="T13420:W13421"/>
    <mergeCell ref="X13420:AA13421"/>
    <mergeCell ref="A13394:C13395"/>
    <mergeCell ref="D13394:O13395"/>
    <mergeCell ref="P13394:S13395"/>
    <mergeCell ref="T13394:W13395"/>
    <mergeCell ref="X13394:AA13395"/>
    <mergeCell ref="A13396:C13397"/>
    <mergeCell ref="D13396:O13397"/>
    <mergeCell ref="P13396:S13397"/>
    <mergeCell ref="T13396:W13397"/>
    <mergeCell ref="X13396:AA13397"/>
    <mergeCell ref="A13398:C13399"/>
    <mergeCell ref="D13398:O13399"/>
    <mergeCell ref="P13398:S13399"/>
    <mergeCell ref="T13398:W13399"/>
    <mergeCell ref="X13398:AA13399"/>
    <mergeCell ref="A13400:C13401"/>
    <mergeCell ref="D13400:O13401"/>
    <mergeCell ref="P13400:S13401"/>
    <mergeCell ref="T13400:W13401"/>
    <mergeCell ref="X13400:AA13401"/>
    <mergeCell ref="A13402:C13403"/>
    <mergeCell ref="D13402:O13403"/>
    <mergeCell ref="P13402:S13403"/>
    <mergeCell ref="T13402:W13403"/>
    <mergeCell ref="X13402:AA13403"/>
    <mergeCell ref="A13404:C13405"/>
    <mergeCell ref="D13404:O13405"/>
    <mergeCell ref="P13404:S13405"/>
    <mergeCell ref="T13404:W13405"/>
    <mergeCell ref="X13404:AA13405"/>
    <mergeCell ref="A13406:C13407"/>
    <mergeCell ref="D13406:O13407"/>
    <mergeCell ref="P13406:S13407"/>
    <mergeCell ref="T13406:W13407"/>
    <mergeCell ref="X13406:AA13407"/>
    <mergeCell ref="A13376:C13377"/>
    <mergeCell ref="D13376:O13377"/>
    <mergeCell ref="P13376:S13377"/>
    <mergeCell ref="T13376:W13377"/>
    <mergeCell ref="X13376:AA13377"/>
    <mergeCell ref="A13378:C13379"/>
    <mergeCell ref="D13378:O13379"/>
    <mergeCell ref="P13378:S13379"/>
    <mergeCell ref="T13378:W13379"/>
    <mergeCell ref="X13378:AA13379"/>
    <mergeCell ref="A13380:C13381"/>
    <mergeCell ref="D13380:O13381"/>
    <mergeCell ref="P13380:S13381"/>
    <mergeCell ref="T13380:W13381"/>
    <mergeCell ref="X13380:AA13381"/>
    <mergeCell ref="A13382:AA13383"/>
    <mergeCell ref="A13384:C13385"/>
    <mergeCell ref="D13384:O13385"/>
    <mergeCell ref="P13384:S13385"/>
    <mergeCell ref="T13384:W13385"/>
    <mergeCell ref="X13384:AA13385"/>
    <mergeCell ref="A13386:AA13387"/>
    <mergeCell ref="A13388:C13389"/>
    <mergeCell ref="D13388:O13389"/>
    <mergeCell ref="P13388:S13389"/>
    <mergeCell ref="T13388:W13389"/>
    <mergeCell ref="X13388:AA13389"/>
    <mergeCell ref="A13390:C13391"/>
    <mergeCell ref="D13390:O13391"/>
    <mergeCell ref="P13390:S13391"/>
    <mergeCell ref="T13390:W13391"/>
    <mergeCell ref="X13390:AA13391"/>
    <mergeCell ref="A13392:C13393"/>
    <mergeCell ref="D13392:O13393"/>
    <mergeCell ref="P13392:S13393"/>
    <mergeCell ref="T13392:W13393"/>
    <mergeCell ref="X13392:AA13393"/>
    <mergeCell ref="A13362:C13363"/>
    <mergeCell ref="D13362:O13363"/>
    <mergeCell ref="P13362:S13363"/>
    <mergeCell ref="T13362:W13363"/>
    <mergeCell ref="X13362:AA13363"/>
    <mergeCell ref="A13364:C13365"/>
    <mergeCell ref="D13364:O13365"/>
    <mergeCell ref="P13364:S13365"/>
    <mergeCell ref="T13364:W13365"/>
    <mergeCell ref="X13364:AA13365"/>
    <mergeCell ref="A13366:C13367"/>
    <mergeCell ref="D13366:O13367"/>
    <mergeCell ref="P13366:S13367"/>
    <mergeCell ref="T13366:W13367"/>
    <mergeCell ref="X13366:AA13367"/>
    <mergeCell ref="A13368:C13369"/>
    <mergeCell ref="D13368:O13369"/>
    <mergeCell ref="P13368:S13369"/>
    <mergeCell ref="T13368:W13369"/>
    <mergeCell ref="X13368:AA13369"/>
    <mergeCell ref="A13370:C13371"/>
    <mergeCell ref="D13370:O13371"/>
    <mergeCell ref="P13370:S13371"/>
    <mergeCell ref="T13370:W13371"/>
    <mergeCell ref="X13370:AA13371"/>
    <mergeCell ref="A13372:C13373"/>
    <mergeCell ref="D13372:O13373"/>
    <mergeCell ref="P13372:S13373"/>
    <mergeCell ref="T13372:W13373"/>
    <mergeCell ref="X13372:AA13373"/>
    <mergeCell ref="A13374:C13375"/>
    <mergeCell ref="D13374:O13375"/>
    <mergeCell ref="P13374:S13375"/>
    <mergeCell ref="T13374:W13375"/>
    <mergeCell ref="X13374:AA13375"/>
    <mergeCell ref="A13346:C13347"/>
    <mergeCell ref="D13346:O13347"/>
    <mergeCell ref="P13346:S13347"/>
    <mergeCell ref="T13346:W13347"/>
    <mergeCell ref="X13346:AA13347"/>
    <mergeCell ref="A13348:C13349"/>
    <mergeCell ref="D13348:O13349"/>
    <mergeCell ref="P13348:S13349"/>
    <mergeCell ref="T13348:W13349"/>
    <mergeCell ref="X13348:AA13349"/>
    <mergeCell ref="A13350:C13351"/>
    <mergeCell ref="D13350:O13351"/>
    <mergeCell ref="P13350:S13351"/>
    <mergeCell ref="T13350:W13351"/>
    <mergeCell ref="X13350:AA13351"/>
    <mergeCell ref="A13352:C13353"/>
    <mergeCell ref="D13352:O13353"/>
    <mergeCell ref="P13352:S13353"/>
    <mergeCell ref="T13352:W13353"/>
    <mergeCell ref="X13352:AA13353"/>
    <mergeCell ref="A13354:C13355"/>
    <mergeCell ref="D13354:O13355"/>
    <mergeCell ref="P13354:S13355"/>
    <mergeCell ref="T13354:W13355"/>
    <mergeCell ref="X13354:AA13355"/>
    <mergeCell ref="A13356:C13357"/>
    <mergeCell ref="D13356:O13357"/>
    <mergeCell ref="P13356:S13357"/>
    <mergeCell ref="T13356:W13357"/>
    <mergeCell ref="X13356:AA13357"/>
    <mergeCell ref="A13358:AA13359"/>
    <mergeCell ref="A13360:C13361"/>
    <mergeCell ref="D13360:O13361"/>
    <mergeCell ref="P13360:S13361"/>
    <mergeCell ref="T13360:W13361"/>
    <mergeCell ref="X13360:AA13361"/>
    <mergeCell ref="A13332:C13333"/>
    <mergeCell ref="D13332:O13333"/>
    <mergeCell ref="P13332:S13333"/>
    <mergeCell ref="T13332:W13333"/>
    <mergeCell ref="X13332:AA13333"/>
    <mergeCell ref="A13334:C13335"/>
    <mergeCell ref="D13334:O13335"/>
    <mergeCell ref="P13334:S13335"/>
    <mergeCell ref="T13334:W13335"/>
    <mergeCell ref="X13334:AA13335"/>
    <mergeCell ref="A13336:C13337"/>
    <mergeCell ref="D13336:O13337"/>
    <mergeCell ref="P13336:S13337"/>
    <mergeCell ref="T13336:W13337"/>
    <mergeCell ref="X13336:AA13337"/>
    <mergeCell ref="A13338:C13339"/>
    <mergeCell ref="D13338:O13339"/>
    <mergeCell ref="P13338:S13339"/>
    <mergeCell ref="T13338:W13339"/>
    <mergeCell ref="X13338:AA13339"/>
    <mergeCell ref="A13340:C13341"/>
    <mergeCell ref="D13340:O13341"/>
    <mergeCell ref="P13340:S13341"/>
    <mergeCell ref="T13340:W13341"/>
    <mergeCell ref="X13340:AA13341"/>
    <mergeCell ref="A13342:C13343"/>
    <mergeCell ref="D13342:O13343"/>
    <mergeCell ref="P13342:S13343"/>
    <mergeCell ref="T13342:W13343"/>
    <mergeCell ref="X13342:AA13343"/>
    <mergeCell ref="A13344:C13345"/>
    <mergeCell ref="D13344:O13345"/>
    <mergeCell ref="P13344:S13345"/>
    <mergeCell ref="T13344:W13345"/>
    <mergeCell ref="X13344:AA13345"/>
    <mergeCell ref="A13318:C13319"/>
    <mergeCell ref="D13318:O13319"/>
    <mergeCell ref="P13318:S13319"/>
    <mergeCell ref="T13318:W13319"/>
    <mergeCell ref="X13318:AA13319"/>
    <mergeCell ref="A13320:C13321"/>
    <mergeCell ref="D13320:O13321"/>
    <mergeCell ref="P13320:S13321"/>
    <mergeCell ref="T13320:W13321"/>
    <mergeCell ref="X13320:AA13321"/>
    <mergeCell ref="A13322:C13323"/>
    <mergeCell ref="D13322:O13323"/>
    <mergeCell ref="P13322:S13323"/>
    <mergeCell ref="T13322:W13323"/>
    <mergeCell ref="X13322:AA13323"/>
    <mergeCell ref="A13324:C13325"/>
    <mergeCell ref="D13324:O13325"/>
    <mergeCell ref="P13324:S13325"/>
    <mergeCell ref="T13324:W13325"/>
    <mergeCell ref="X13324:AA13325"/>
    <mergeCell ref="A13326:C13327"/>
    <mergeCell ref="D13326:O13327"/>
    <mergeCell ref="P13326:S13327"/>
    <mergeCell ref="T13326:W13327"/>
    <mergeCell ref="X13326:AA13327"/>
    <mergeCell ref="A13328:C13329"/>
    <mergeCell ref="D13328:O13329"/>
    <mergeCell ref="P13328:S13329"/>
    <mergeCell ref="T13328:W13329"/>
    <mergeCell ref="X13328:AA13329"/>
    <mergeCell ref="A13330:C13331"/>
    <mergeCell ref="D13330:O13331"/>
    <mergeCell ref="P13330:S13331"/>
    <mergeCell ref="T13330:W13331"/>
    <mergeCell ref="X13330:AA13331"/>
    <mergeCell ref="A13304:C13305"/>
    <mergeCell ref="D13304:O13305"/>
    <mergeCell ref="P13304:S13305"/>
    <mergeCell ref="T13304:W13305"/>
    <mergeCell ref="X13304:AA13305"/>
    <mergeCell ref="A13306:C13307"/>
    <mergeCell ref="D13306:O13307"/>
    <mergeCell ref="P13306:S13307"/>
    <mergeCell ref="T13306:W13307"/>
    <mergeCell ref="X13306:AA13307"/>
    <mergeCell ref="A13308:C13309"/>
    <mergeCell ref="D13308:O13309"/>
    <mergeCell ref="P13308:S13309"/>
    <mergeCell ref="T13308:W13309"/>
    <mergeCell ref="X13308:AA13309"/>
    <mergeCell ref="A13310:C13311"/>
    <mergeCell ref="D13310:O13311"/>
    <mergeCell ref="P13310:S13311"/>
    <mergeCell ref="T13310:W13311"/>
    <mergeCell ref="X13310:AA13311"/>
    <mergeCell ref="A13312:C13313"/>
    <mergeCell ref="D13312:O13313"/>
    <mergeCell ref="P13312:S13313"/>
    <mergeCell ref="T13312:W13313"/>
    <mergeCell ref="X13312:AA13313"/>
    <mergeCell ref="A13314:C13315"/>
    <mergeCell ref="D13314:O13315"/>
    <mergeCell ref="P13314:S13315"/>
    <mergeCell ref="T13314:W13315"/>
    <mergeCell ref="X13314:AA13315"/>
    <mergeCell ref="A13316:C13317"/>
    <mergeCell ref="D13316:O13317"/>
    <mergeCell ref="P13316:S13317"/>
    <mergeCell ref="T13316:W13317"/>
    <mergeCell ref="X13316:AA13317"/>
    <mergeCell ref="A13290:C13291"/>
    <mergeCell ref="D13290:O13291"/>
    <mergeCell ref="P13290:S13291"/>
    <mergeCell ref="T13290:W13291"/>
    <mergeCell ref="X13290:AA13291"/>
    <mergeCell ref="A13292:C13293"/>
    <mergeCell ref="D13292:O13293"/>
    <mergeCell ref="P13292:S13293"/>
    <mergeCell ref="T13292:W13293"/>
    <mergeCell ref="X13292:AA13293"/>
    <mergeCell ref="A13294:C13295"/>
    <mergeCell ref="D13294:O13295"/>
    <mergeCell ref="P13294:S13295"/>
    <mergeCell ref="T13294:W13295"/>
    <mergeCell ref="X13294:AA13295"/>
    <mergeCell ref="A13296:C13297"/>
    <mergeCell ref="D13296:O13297"/>
    <mergeCell ref="P13296:S13297"/>
    <mergeCell ref="T13296:W13297"/>
    <mergeCell ref="X13296:AA13297"/>
    <mergeCell ref="A13298:C13299"/>
    <mergeCell ref="D13298:O13299"/>
    <mergeCell ref="P13298:S13299"/>
    <mergeCell ref="T13298:W13299"/>
    <mergeCell ref="X13298:AA13299"/>
    <mergeCell ref="A13300:C13301"/>
    <mergeCell ref="D13300:O13301"/>
    <mergeCell ref="P13300:S13301"/>
    <mergeCell ref="T13300:W13301"/>
    <mergeCell ref="X13300:AA13301"/>
    <mergeCell ref="A13302:C13303"/>
    <mergeCell ref="D13302:O13303"/>
    <mergeCell ref="P13302:S13303"/>
    <mergeCell ref="T13302:W13303"/>
    <mergeCell ref="X13302:AA13303"/>
    <mergeCell ref="A13276:C13277"/>
    <mergeCell ref="D13276:O13277"/>
    <mergeCell ref="P13276:S13277"/>
    <mergeCell ref="T13276:W13277"/>
    <mergeCell ref="X13276:AA13277"/>
    <mergeCell ref="A13278:C13279"/>
    <mergeCell ref="D13278:O13279"/>
    <mergeCell ref="P13278:S13279"/>
    <mergeCell ref="T13278:W13279"/>
    <mergeCell ref="X13278:AA13279"/>
    <mergeCell ref="A13280:C13281"/>
    <mergeCell ref="D13280:O13281"/>
    <mergeCell ref="P13280:S13281"/>
    <mergeCell ref="T13280:W13281"/>
    <mergeCell ref="X13280:AA13281"/>
    <mergeCell ref="A13282:C13283"/>
    <mergeCell ref="D13282:O13283"/>
    <mergeCell ref="P13282:S13283"/>
    <mergeCell ref="T13282:W13283"/>
    <mergeCell ref="X13282:AA13283"/>
    <mergeCell ref="A13284:C13285"/>
    <mergeCell ref="D13284:O13285"/>
    <mergeCell ref="P13284:S13285"/>
    <mergeCell ref="T13284:W13285"/>
    <mergeCell ref="X13284:AA13285"/>
    <mergeCell ref="A13286:C13287"/>
    <mergeCell ref="D13286:O13287"/>
    <mergeCell ref="P13286:S13287"/>
    <mergeCell ref="T13286:W13287"/>
    <mergeCell ref="X13286:AA13287"/>
    <mergeCell ref="A13288:C13289"/>
    <mergeCell ref="D13288:O13289"/>
    <mergeCell ref="P13288:S13289"/>
    <mergeCell ref="T13288:W13289"/>
    <mergeCell ref="X13288:AA13289"/>
    <mergeCell ref="A13260:C13261"/>
    <mergeCell ref="D13260:O13261"/>
    <mergeCell ref="P13260:S13261"/>
    <mergeCell ref="T13260:W13261"/>
    <mergeCell ref="X13260:AA13261"/>
    <mergeCell ref="A13262:C13263"/>
    <mergeCell ref="D13262:O13263"/>
    <mergeCell ref="P13262:S13263"/>
    <mergeCell ref="T13262:W13263"/>
    <mergeCell ref="X13262:AA13263"/>
    <mergeCell ref="A13264:AA13265"/>
    <mergeCell ref="A13266:C13267"/>
    <mergeCell ref="D13266:O13267"/>
    <mergeCell ref="P13266:S13267"/>
    <mergeCell ref="T13266:W13267"/>
    <mergeCell ref="X13266:AA13267"/>
    <mergeCell ref="A13268:C13269"/>
    <mergeCell ref="D13268:O13269"/>
    <mergeCell ref="P13268:S13269"/>
    <mergeCell ref="T13268:W13269"/>
    <mergeCell ref="X13268:AA13269"/>
    <mergeCell ref="A13270:C13271"/>
    <mergeCell ref="D13270:O13271"/>
    <mergeCell ref="P13270:S13271"/>
    <mergeCell ref="T13270:W13271"/>
    <mergeCell ref="X13270:AA13271"/>
    <mergeCell ref="A13272:C13273"/>
    <mergeCell ref="D13272:O13273"/>
    <mergeCell ref="P13272:S13273"/>
    <mergeCell ref="T13272:W13273"/>
    <mergeCell ref="X13272:AA13273"/>
    <mergeCell ref="A13274:C13275"/>
    <mergeCell ref="D13274:O13275"/>
    <mergeCell ref="P13274:S13275"/>
    <mergeCell ref="T13274:W13275"/>
    <mergeCell ref="X13274:AA13275"/>
    <mergeCell ref="A13246:C13247"/>
    <mergeCell ref="D13246:O13247"/>
    <mergeCell ref="P13246:S13247"/>
    <mergeCell ref="T13246:W13247"/>
    <mergeCell ref="X13246:AA13247"/>
    <mergeCell ref="A13248:C13249"/>
    <mergeCell ref="D13248:O13249"/>
    <mergeCell ref="P13248:S13249"/>
    <mergeCell ref="T13248:W13249"/>
    <mergeCell ref="X13248:AA13249"/>
    <mergeCell ref="A13250:C13251"/>
    <mergeCell ref="D13250:O13251"/>
    <mergeCell ref="P13250:S13251"/>
    <mergeCell ref="T13250:W13251"/>
    <mergeCell ref="X13250:AA13251"/>
    <mergeCell ref="A13252:C13253"/>
    <mergeCell ref="D13252:O13253"/>
    <mergeCell ref="P13252:S13253"/>
    <mergeCell ref="T13252:W13253"/>
    <mergeCell ref="X13252:AA13253"/>
    <mergeCell ref="A13254:C13255"/>
    <mergeCell ref="D13254:O13255"/>
    <mergeCell ref="P13254:S13255"/>
    <mergeCell ref="T13254:W13255"/>
    <mergeCell ref="X13254:AA13255"/>
    <mergeCell ref="A13256:C13257"/>
    <mergeCell ref="D13256:O13257"/>
    <mergeCell ref="P13256:S13257"/>
    <mergeCell ref="T13256:W13257"/>
    <mergeCell ref="X13256:AA13257"/>
    <mergeCell ref="A13258:C13259"/>
    <mergeCell ref="D13258:O13259"/>
    <mergeCell ref="P13258:S13259"/>
    <mergeCell ref="T13258:W13259"/>
    <mergeCell ref="X13258:AA13259"/>
    <mergeCell ref="A13232:C13233"/>
    <mergeCell ref="D13232:O13233"/>
    <mergeCell ref="P13232:S13233"/>
    <mergeCell ref="T13232:W13233"/>
    <mergeCell ref="X13232:AA13233"/>
    <mergeCell ref="A13234:C13235"/>
    <mergeCell ref="D13234:O13235"/>
    <mergeCell ref="P13234:S13235"/>
    <mergeCell ref="T13234:W13235"/>
    <mergeCell ref="X13234:AA13235"/>
    <mergeCell ref="A13236:C13237"/>
    <mergeCell ref="D13236:O13237"/>
    <mergeCell ref="P13236:S13237"/>
    <mergeCell ref="T13236:W13237"/>
    <mergeCell ref="X13236:AA13237"/>
    <mergeCell ref="A13238:C13239"/>
    <mergeCell ref="D13238:O13239"/>
    <mergeCell ref="P13238:S13239"/>
    <mergeCell ref="T13238:W13239"/>
    <mergeCell ref="X13238:AA13239"/>
    <mergeCell ref="A13240:C13241"/>
    <mergeCell ref="D13240:O13241"/>
    <mergeCell ref="P13240:S13241"/>
    <mergeCell ref="T13240:W13241"/>
    <mergeCell ref="X13240:AA13241"/>
    <mergeCell ref="A13242:C13243"/>
    <mergeCell ref="D13242:O13243"/>
    <mergeCell ref="P13242:S13243"/>
    <mergeCell ref="T13242:W13243"/>
    <mergeCell ref="X13242:AA13243"/>
    <mergeCell ref="A13244:C13245"/>
    <mergeCell ref="D13244:O13245"/>
    <mergeCell ref="P13244:S13245"/>
    <mergeCell ref="T13244:W13245"/>
    <mergeCell ref="X13244:AA13245"/>
    <mergeCell ref="A13218:C13219"/>
    <mergeCell ref="D13218:O13219"/>
    <mergeCell ref="P13218:S13219"/>
    <mergeCell ref="T13218:W13219"/>
    <mergeCell ref="X13218:AA13219"/>
    <mergeCell ref="A13220:C13221"/>
    <mergeCell ref="D13220:O13221"/>
    <mergeCell ref="P13220:S13221"/>
    <mergeCell ref="T13220:W13221"/>
    <mergeCell ref="X13220:AA13221"/>
    <mergeCell ref="A13222:C13223"/>
    <mergeCell ref="D13222:O13223"/>
    <mergeCell ref="P13222:S13223"/>
    <mergeCell ref="T13222:W13223"/>
    <mergeCell ref="X13222:AA13223"/>
    <mergeCell ref="A13224:C13225"/>
    <mergeCell ref="D13224:O13225"/>
    <mergeCell ref="P13224:S13225"/>
    <mergeCell ref="T13224:W13225"/>
    <mergeCell ref="X13224:AA13225"/>
    <mergeCell ref="A13226:C13227"/>
    <mergeCell ref="D13226:O13227"/>
    <mergeCell ref="P13226:S13227"/>
    <mergeCell ref="T13226:W13227"/>
    <mergeCell ref="X13226:AA13227"/>
    <mergeCell ref="A13228:C13229"/>
    <mergeCell ref="D13228:O13229"/>
    <mergeCell ref="P13228:S13229"/>
    <mergeCell ref="T13228:W13229"/>
    <mergeCell ref="X13228:AA13229"/>
    <mergeCell ref="A13230:C13231"/>
    <mergeCell ref="D13230:O13231"/>
    <mergeCell ref="P13230:S13231"/>
    <mergeCell ref="T13230:W13231"/>
    <mergeCell ref="X13230:AA13231"/>
    <mergeCell ref="A13204:C13205"/>
    <mergeCell ref="D13204:O13205"/>
    <mergeCell ref="P13204:S13205"/>
    <mergeCell ref="T13204:W13205"/>
    <mergeCell ref="X13204:AA13205"/>
    <mergeCell ref="A13206:C13207"/>
    <mergeCell ref="D13206:O13207"/>
    <mergeCell ref="P13206:S13207"/>
    <mergeCell ref="T13206:W13207"/>
    <mergeCell ref="X13206:AA13207"/>
    <mergeCell ref="A13208:C13209"/>
    <mergeCell ref="D13208:O13209"/>
    <mergeCell ref="P13208:S13209"/>
    <mergeCell ref="T13208:W13209"/>
    <mergeCell ref="X13208:AA13209"/>
    <mergeCell ref="A13210:C13211"/>
    <mergeCell ref="D13210:O13211"/>
    <mergeCell ref="P13210:S13211"/>
    <mergeCell ref="T13210:W13211"/>
    <mergeCell ref="X13210:AA13211"/>
    <mergeCell ref="A13212:C13213"/>
    <mergeCell ref="D13212:O13213"/>
    <mergeCell ref="P13212:S13213"/>
    <mergeCell ref="T13212:W13213"/>
    <mergeCell ref="X13212:AA13213"/>
    <mergeCell ref="A13214:C13215"/>
    <mergeCell ref="D13214:O13215"/>
    <mergeCell ref="P13214:S13215"/>
    <mergeCell ref="T13214:W13215"/>
    <mergeCell ref="X13214:AA13215"/>
    <mergeCell ref="A13216:C13217"/>
    <mergeCell ref="D13216:O13217"/>
    <mergeCell ref="P13216:S13217"/>
    <mergeCell ref="T13216:W13217"/>
    <mergeCell ref="X13216:AA13217"/>
    <mergeCell ref="A13190:C13191"/>
    <mergeCell ref="D13190:O13191"/>
    <mergeCell ref="P13190:S13191"/>
    <mergeCell ref="T13190:W13191"/>
    <mergeCell ref="X13190:AA13191"/>
    <mergeCell ref="A13192:C13193"/>
    <mergeCell ref="D13192:O13193"/>
    <mergeCell ref="P13192:S13193"/>
    <mergeCell ref="T13192:W13193"/>
    <mergeCell ref="X13192:AA13193"/>
    <mergeCell ref="A13194:C13195"/>
    <mergeCell ref="D13194:O13195"/>
    <mergeCell ref="P13194:S13195"/>
    <mergeCell ref="T13194:W13195"/>
    <mergeCell ref="X13194:AA13195"/>
    <mergeCell ref="A13196:C13197"/>
    <mergeCell ref="D13196:O13197"/>
    <mergeCell ref="P13196:S13197"/>
    <mergeCell ref="T13196:W13197"/>
    <mergeCell ref="X13196:AA13197"/>
    <mergeCell ref="A13198:C13199"/>
    <mergeCell ref="D13198:O13199"/>
    <mergeCell ref="P13198:S13199"/>
    <mergeCell ref="T13198:W13199"/>
    <mergeCell ref="X13198:AA13199"/>
    <mergeCell ref="A13200:C13201"/>
    <mergeCell ref="D13200:O13201"/>
    <mergeCell ref="P13200:S13201"/>
    <mergeCell ref="T13200:W13201"/>
    <mergeCell ref="X13200:AA13201"/>
    <mergeCell ref="A13202:C13203"/>
    <mergeCell ref="D13202:O13203"/>
    <mergeCell ref="P13202:S13203"/>
    <mergeCell ref="T13202:W13203"/>
    <mergeCell ref="X13202:AA13203"/>
    <mergeCell ref="A13176:C13177"/>
    <mergeCell ref="D13176:O13177"/>
    <mergeCell ref="P13176:S13177"/>
    <mergeCell ref="T13176:W13177"/>
    <mergeCell ref="X13176:AA13177"/>
    <mergeCell ref="A13178:C13179"/>
    <mergeCell ref="D13178:O13179"/>
    <mergeCell ref="P13178:S13179"/>
    <mergeCell ref="T13178:W13179"/>
    <mergeCell ref="X13178:AA13179"/>
    <mergeCell ref="A13180:C13181"/>
    <mergeCell ref="D13180:O13181"/>
    <mergeCell ref="P13180:S13181"/>
    <mergeCell ref="T13180:W13181"/>
    <mergeCell ref="X13180:AA13181"/>
    <mergeCell ref="A13182:C13183"/>
    <mergeCell ref="D13182:O13183"/>
    <mergeCell ref="P13182:S13183"/>
    <mergeCell ref="T13182:W13183"/>
    <mergeCell ref="X13182:AA13183"/>
    <mergeCell ref="A13184:C13185"/>
    <mergeCell ref="D13184:O13185"/>
    <mergeCell ref="P13184:S13185"/>
    <mergeCell ref="T13184:W13185"/>
    <mergeCell ref="X13184:AA13185"/>
    <mergeCell ref="A13186:C13187"/>
    <mergeCell ref="D13186:O13187"/>
    <mergeCell ref="P13186:S13187"/>
    <mergeCell ref="T13186:W13187"/>
    <mergeCell ref="X13186:AA13187"/>
    <mergeCell ref="A13188:C13189"/>
    <mergeCell ref="D13188:O13189"/>
    <mergeCell ref="P13188:S13189"/>
    <mergeCell ref="T13188:W13189"/>
    <mergeCell ref="X13188:AA13189"/>
    <mergeCell ref="A13162:C13163"/>
    <mergeCell ref="D13162:O13163"/>
    <mergeCell ref="P13162:S13163"/>
    <mergeCell ref="T13162:W13163"/>
    <mergeCell ref="X13162:AA13163"/>
    <mergeCell ref="A13164:C13165"/>
    <mergeCell ref="D13164:O13165"/>
    <mergeCell ref="P13164:S13165"/>
    <mergeCell ref="T13164:W13165"/>
    <mergeCell ref="X13164:AA13165"/>
    <mergeCell ref="A13166:C13167"/>
    <mergeCell ref="D13166:O13167"/>
    <mergeCell ref="P13166:S13167"/>
    <mergeCell ref="T13166:W13167"/>
    <mergeCell ref="X13166:AA13167"/>
    <mergeCell ref="A13168:C13169"/>
    <mergeCell ref="D13168:O13169"/>
    <mergeCell ref="P13168:S13169"/>
    <mergeCell ref="T13168:W13169"/>
    <mergeCell ref="X13168:AA13169"/>
    <mergeCell ref="A13170:C13171"/>
    <mergeCell ref="D13170:O13171"/>
    <mergeCell ref="P13170:S13171"/>
    <mergeCell ref="T13170:W13171"/>
    <mergeCell ref="X13170:AA13171"/>
    <mergeCell ref="A13172:C13173"/>
    <mergeCell ref="D13172:O13173"/>
    <mergeCell ref="P13172:S13173"/>
    <mergeCell ref="T13172:W13173"/>
    <mergeCell ref="X13172:AA13173"/>
    <mergeCell ref="A13174:C13175"/>
    <mergeCell ref="D13174:O13175"/>
    <mergeCell ref="P13174:S13175"/>
    <mergeCell ref="T13174:W13175"/>
    <mergeCell ref="X13174:AA13175"/>
    <mergeCell ref="A13148:C13149"/>
    <mergeCell ref="D13148:O13149"/>
    <mergeCell ref="P13148:S13149"/>
    <mergeCell ref="T13148:W13149"/>
    <mergeCell ref="X13148:AA13149"/>
    <mergeCell ref="A13150:C13151"/>
    <mergeCell ref="D13150:O13151"/>
    <mergeCell ref="P13150:S13151"/>
    <mergeCell ref="T13150:W13151"/>
    <mergeCell ref="X13150:AA13151"/>
    <mergeCell ref="A13152:C13153"/>
    <mergeCell ref="D13152:O13153"/>
    <mergeCell ref="P13152:S13153"/>
    <mergeCell ref="T13152:W13153"/>
    <mergeCell ref="X13152:AA13153"/>
    <mergeCell ref="A13154:C13155"/>
    <mergeCell ref="D13154:O13155"/>
    <mergeCell ref="P13154:S13155"/>
    <mergeCell ref="T13154:W13155"/>
    <mergeCell ref="X13154:AA13155"/>
    <mergeCell ref="A13156:C13157"/>
    <mergeCell ref="D13156:O13157"/>
    <mergeCell ref="P13156:S13157"/>
    <mergeCell ref="T13156:W13157"/>
    <mergeCell ref="X13156:AA13157"/>
    <mergeCell ref="A13158:C13159"/>
    <mergeCell ref="D13158:O13159"/>
    <mergeCell ref="P13158:S13159"/>
    <mergeCell ref="T13158:W13159"/>
    <mergeCell ref="X13158:AA13159"/>
    <mergeCell ref="A13160:C13161"/>
    <mergeCell ref="D13160:O13161"/>
    <mergeCell ref="P13160:S13161"/>
    <mergeCell ref="T13160:W13161"/>
    <mergeCell ref="X13160:AA13161"/>
    <mergeCell ref="A13134:C13135"/>
    <mergeCell ref="D13134:O13135"/>
    <mergeCell ref="P13134:S13135"/>
    <mergeCell ref="T13134:W13135"/>
    <mergeCell ref="X13134:AA13135"/>
    <mergeCell ref="A13136:C13137"/>
    <mergeCell ref="D13136:O13137"/>
    <mergeCell ref="P13136:S13137"/>
    <mergeCell ref="T13136:W13137"/>
    <mergeCell ref="X13136:AA13137"/>
    <mergeCell ref="A13138:C13139"/>
    <mergeCell ref="D13138:O13139"/>
    <mergeCell ref="P13138:S13139"/>
    <mergeCell ref="T13138:W13139"/>
    <mergeCell ref="X13138:AA13139"/>
    <mergeCell ref="A13140:C13141"/>
    <mergeCell ref="D13140:O13141"/>
    <mergeCell ref="P13140:S13141"/>
    <mergeCell ref="T13140:W13141"/>
    <mergeCell ref="X13140:AA13141"/>
    <mergeCell ref="A13142:C13143"/>
    <mergeCell ref="D13142:O13143"/>
    <mergeCell ref="P13142:S13143"/>
    <mergeCell ref="T13142:W13143"/>
    <mergeCell ref="X13142:AA13143"/>
    <mergeCell ref="A13144:C13145"/>
    <mergeCell ref="D13144:O13145"/>
    <mergeCell ref="P13144:S13145"/>
    <mergeCell ref="T13144:W13145"/>
    <mergeCell ref="X13144:AA13145"/>
    <mergeCell ref="A13146:C13147"/>
    <mergeCell ref="D13146:O13147"/>
    <mergeCell ref="P13146:S13147"/>
    <mergeCell ref="T13146:W13147"/>
    <mergeCell ref="X13146:AA13147"/>
    <mergeCell ref="A13120:C13121"/>
    <mergeCell ref="D13120:O13121"/>
    <mergeCell ref="P13120:S13121"/>
    <mergeCell ref="T13120:W13121"/>
    <mergeCell ref="X13120:AA13121"/>
    <mergeCell ref="A13122:C13123"/>
    <mergeCell ref="D13122:O13123"/>
    <mergeCell ref="P13122:S13123"/>
    <mergeCell ref="T13122:W13123"/>
    <mergeCell ref="X13122:AA13123"/>
    <mergeCell ref="A13124:C13125"/>
    <mergeCell ref="D13124:O13125"/>
    <mergeCell ref="P13124:S13125"/>
    <mergeCell ref="T13124:W13125"/>
    <mergeCell ref="X13124:AA13125"/>
    <mergeCell ref="A13126:C13127"/>
    <mergeCell ref="D13126:O13127"/>
    <mergeCell ref="P13126:S13127"/>
    <mergeCell ref="T13126:W13127"/>
    <mergeCell ref="X13126:AA13127"/>
    <mergeCell ref="A13128:C13129"/>
    <mergeCell ref="D13128:O13129"/>
    <mergeCell ref="P13128:S13129"/>
    <mergeCell ref="T13128:W13129"/>
    <mergeCell ref="X13128:AA13129"/>
    <mergeCell ref="A13130:C13131"/>
    <mergeCell ref="D13130:O13131"/>
    <mergeCell ref="P13130:S13131"/>
    <mergeCell ref="T13130:W13131"/>
    <mergeCell ref="X13130:AA13131"/>
    <mergeCell ref="A13132:C13133"/>
    <mergeCell ref="D13132:O13133"/>
    <mergeCell ref="P13132:S13133"/>
    <mergeCell ref="T13132:W13133"/>
    <mergeCell ref="X13132:AA13133"/>
    <mergeCell ref="A13106:C13107"/>
    <mergeCell ref="D13106:O13107"/>
    <mergeCell ref="P13106:S13107"/>
    <mergeCell ref="T13106:W13107"/>
    <mergeCell ref="X13106:AA13107"/>
    <mergeCell ref="A13108:C13109"/>
    <mergeCell ref="D13108:O13109"/>
    <mergeCell ref="P13108:S13109"/>
    <mergeCell ref="T13108:W13109"/>
    <mergeCell ref="X13108:AA13109"/>
    <mergeCell ref="A13110:C13111"/>
    <mergeCell ref="D13110:O13111"/>
    <mergeCell ref="P13110:S13111"/>
    <mergeCell ref="T13110:W13111"/>
    <mergeCell ref="X13110:AA13111"/>
    <mergeCell ref="A13112:C13113"/>
    <mergeCell ref="D13112:O13113"/>
    <mergeCell ref="P13112:S13113"/>
    <mergeCell ref="T13112:W13113"/>
    <mergeCell ref="X13112:AA13113"/>
    <mergeCell ref="A13114:C13115"/>
    <mergeCell ref="D13114:O13115"/>
    <mergeCell ref="P13114:S13115"/>
    <mergeCell ref="T13114:W13115"/>
    <mergeCell ref="X13114:AA13115"/>
    <mergeCell ref="A13116:C13117"/>
    <mergeCell ref="D13116:O13117"/>
    <mergeCell ref="P13116:S13117"/>
    <mergeCell ref="T13116:W13117"/>
    <mergeCell ref="X13116:AA13117"/>
    <mergeCell ref="A13118:C13119"/>
    <mergeCell ref="D13118:O13119"/>
    <mergeCell ref="P13118:S13119"/>
    <mergeCell ref="T13118:W13119"/>
    <mergeCell ref="X13118:AA13119"/>
    <mergeCell ref="A13092:C13093"/>
    <mergeCell ref="D13092:O13093"/>
    <mergeCell ref="P13092:S13093"/>
    <mergeCell ref="T13092:W13093"/>
    <mergeCell ref="X13092:AA13093"/>
    <mergeCell ref="A13094:C13095"/>
    <mergeCell ref="D13094:O13095"/>
    <mergeCell ref="P13094:S13095"/>
    <mergeCell ref="T13094:W13095"/>
    <mergeCell ref="X13094:AA13095"/>
    <mergeCell ref="A13096:C13097"/>
    <mergeCell ref="D13096:O13097"/>
    <mergeCell ref="P13096:S13097"/>
    <mergeCell ref="T13096:W13097"/>
    <mergeCell ref="X13096:AA13097"/>
    <mergeCell ref="A13098:C13099"/>
    <mergeCell ref="D13098:O13099"/>
    <mergeCell ref="P13098:S13099"/>
    <mergeCell ref="T13098:W13099"/>
    <mergeCell ref="X13098:AA13099"/>
    <mergeCell ref="A13100:C13101"/>
    <mergeCell ref="D13100:O13101"/>
    <mergeCell ref="P13100:S13101"/>
    <mergeCell ref="T13100:W13101"/>
    <mergeCell ref="X13100:AA13101"/>
    <mergeCell ref="A13102:C13103"/>
    <mergeCell ref="D13102:O13103"/>
    <mergeCell ref="P13102:S13103"/>
    <mergeCell ref="T13102:W13103"/>
    <mergeCell ref="X13102:AA13103"/>
    <mergeCell ref="A13104:C13105"/>
    <mergeCell ref="D13104:O13105"/>
    <mergeCell ref="P13104:S13105"/>
    <mergeCell ref="T13104:W13105"/>
    <mergeCell ref="X13104:AA13105"/>
    <mergeCell ref="A13074:C13075"/>
    <mergeCell ref="D13074:O13075"/>
    <mergeCell ref="P13074:S13075"/>
    <mergeCell ref="T13074:W13075"/>
    <mergeCell ref="X13074:AA13075"/>
    <mergeCell ref="A13076:C13077"/>
    <mergeCell ref="D13076:O13077"/>
    <mergeCell ref="P13076:S13077"/>
    <mergeCell ref="T13076:W13077"/>
    <mergeCell ref="X13076:AA13077"/>
    <mergeCell ref="A13078:AA13079"/>
    <mergeCell ref="A13080:AA13081"/>
    <mergeCell ref="A13082:C13083"/>
    <mergeCell ref="D13082:O13083"/>
    <mergeCell ref="P13082:S13083"/>
    <mergeCell ref="T13082:W13083"/>
    <mergeCell ref="X13082:AA13083"/>
    <mergeCell ref="A13084:C13085"/>
    <mergeCell ref="D13084:O13085"/>
    <mergeCell ref="P13084:S13085"/>
    <mergeCell ref="T13084:W13085"/>
    <mergeCell ref="X13084:AA13085"/>
    <mergeCell ref="A13086:C13087"/>
    <mergeCell ref="D13086:O13087"/>
    <mergeCell ref="P13086:S13087"/>
    <mergeCell ref="T13086:W13087"/>
    <mergeCell ref="X13086:AA13087"/>
    <mergeCell ref="A13088:C13089"/>
    <mergeCell ref="D13088:O13089"/>
    <mergeCell ref="P13088:S13089"/>
    <mergeCell ref="T13088:W13089"/>
    <mergeCell ref="X13088:AA13089"/>
    <mergeCell ref="A13090:C13091"/>
    <mergeCell ref="D13090:O13091"/>
    <mergeCell ref="P13090:S13091"/>
    <mergeCell ref="T13090:W13091"/>
    <mergeCell ref="X13090:AA13091"/>
    <mergeCell ref="A13058:C13059"/>
    <mergeCell ref="D13058:O13059"/>
    <mergeCell ref="P13058:S13059"/>
    <mergeCell ref="T13058:W13059"/>
    <mergeCell ref="X13058:AA13059"/>
    <mergeCell ref="A13060:C13061"/>
    <mergeCell ref="D13060:O13061"/>
    <mergeCell ref="P13060:S13061"/>
    <mergeCell ref="T13060:W13061"/>
    <mergeCell ref="X13060:AA13061"/>
    <mergeCell ref="A13062:C13063"/>
    <mergeCell ref="D13062:O13063"/>
    <mergeCell ref="P13062:S13063"/>
    <mergeCell ref="T13062:W13063"/>
    <mergeCell ref="X13062:AA13063"/>
    <mergeCell ref="A13064:C13065"/>
    <mergeCell ref="D13064:O13065"/>
    <mergeCell ref="P13064:S13065"/>
    <mergeCell ref="T13064:W13065"/>
    <mergeCell ref="X13064:AA13065"/>
    <mergeCell ref="A13066:AA13067"/>
    <mergeCell ref="A13068:C13069"/>
    <mergeCell ref="D13068:O13069"/>
    <mergeCell ref="P13068:S13069"/>
    <mergeCell ref="T13068:W13069"/>
    <mergeCell ref="X13068:AA13069"/>
    <mergeCell ref="A13070:C13071"/>
    <mergeCell ref="D13070:O13071"/>
    <mergeCell ref="P13070:S13071"/>
    <mergeCell ref="T13070:W13071"/>
    <mergeCell ref="X13070:AA13071"/>
    <mergeCell ref="A13072:C13073"/>
    <mergeCell ref="D13072:O13073"/>
    <mergeCell ref="P13072:S13073"/>
    <mergeCell ref="T13072:W13073"/>
    <mergeCell ref="X13072:AA13073"/>
    <mergeCell ref="A13042:C13043"/>
    <mergeCell ref="D13042:O13043"/>
    <mergeCell ref="P13042:S13043"/>
    <mergeCell ref="T13042:W13043"/>
    <mergeCell ref="X13042:AA13043"/>
    <mergeCell ref="A13044:AA13045"/>
    <mergeCell ref="A13046:C13047"/>
    <mergeCell ref="D13046:O13047"/>
    <mergeCell ref="P13046:S13047"/>
    <mergeCell ref="T13046:W13047"/>
    <mergeCell ref="X13046:AA13047"/>
    <mergeCell ref="A13048:C13049"/>
    <mergeCell ref="D13048:O13049"/>
    <mergeCell ref="P13048:S13049"/>
    <mergeCell ref="T13048:W13049"/>
    <mergeCell ref="X13048:AA13049"/>
    <mergeCell ref="A13050:C13051"/>
    <mergeCell ref="D13050:O13051"/>
    <mergeCell ref="P13050:S13051"/>
    <mergeCell ref="T13050:W13051"/>
    <mergeCell ref="X13050:AA13051"/>
    <mergeCell ref="A13052:C13053"/>
    <mergeCell ref="D13052:O13053"/>
    <mergeCell ref="P13052:S13053"/>
    <mergeCell ref="T13052:W13053"/>
    <mergeCell ref="X13052:AA13053"/>
    <mergeCell ref="A13054:C13055"/>
    <mergeCell ref="D13054:O13055"/>
    <mergeCell ref="P13054:S13055"/>
    <mergeCell ref="T13054:W13055"/>
    <mergeCell ref="X13054:AA13055"/>
    <mergeCell ref="A13056:C13057"/>
    <mergeCell ref="D13056:O13057"/>
    <mergeCell ref="P13056:S13057"/>
    <mergeCell ref="T13056:W13057"/>
    <mergeCell ref="X13056:AA13057"/>
    <mergeCell ref="A13028:C13029"/>
    <mergeCell ref="D13028:O13029"/>
    <mergeCell ref="P13028:S13029"/>
    <mergeCell ref="T13028:W13029"/>
    <mergeCell ref="X13028:AA13029"/>
    <mergeCell ref="A13030:C13031"/>
    <mergeCell ref="D13030:O13031"/>
    <mergeCell ref="P13030:S13031"/>
    <mergeCell ref="T13030:W13031"/>
    <mergeCell ref="X13030:AA13031"/>
    <mergeCell ref="A13032:C13033"/>
    <mergeCell ref="D13032:O13033"/>
    <mergeCell ref="P13032:S13033"/>
    <mergeCell ref="T13032:W13033"/>
    <mergeCell ref="X13032:AA13033"/>
    <mergeCell ref="A13034:C13035"/>
    <mergeCell ref="D13034:O13035"/>
    <mergeCell ref="P13034:S13035"/>
    <mergeCell ref="T13034:W13035"/>
    <mergeCell ref="X13034:AA13035"/>
    <mergeCell ref="A13036:C13037"/>
    <mergeCell ref="D13036:O13037"/>
    <mergeCell ref="P13036:S13037"/>
    <mergeCell ref="T13036:W13037"/>
    <mergeCell ref="X13036:AA13037"/>
    <mergeCell ref="A13038:C13039"/>
    <mergeCell ref="D13038:O13039"/>
    <mergeCell ref="P13038:S13039"/>
    <mergeCell ref="T13038:W13039"/>
    <mergeCell ref="X13038:AA13039"/>
    <mergeCell ref="A13040:C13041"/>
    <mergeCell ref="D13040:O13041"/>
    <mergeCell ref="P13040:S13041"/>
    <mergeCell ref="T13040:W13041"/>
    <mergeCell ref="X13040:AA13041"/>
    <mergeCell ref="A13014:C13015"/>
    <mergeCell ref="D13014:O13015"/>
    <mergeCell ref="P13014:S13015"/>
    <mergeCell ref="T13014:W13015"/>
    <mergeCell ref="X13014:AA13015"/>
    <mergeCell ref="A13016:C13017"/>
    <mergeCell ref="D13016:O13017"/>
    <mergeCell ref="P13016:S13017"/>
    <mergeCell ref="T13016:W13017"/>
    <mergeCell ref="X13016:AA13017"/>
    <mergeCell ref="A13018:C13019"/>
    <mergeCell ref="D13018:O13019"/>
    <mergeCell ref="P13018:S13019"/>
    <mergeCell ref="T13018:W13019"/>
    <mergeCell ref="X13018:AA13019"/>
    <mergeCell ref="A13020:C13021"/>
    <mergeCell ref="D13020:O13021"/>
    <mergeCell ref="P13020:S13021"/>
    <mergeCell ref="T13020:W13021"/>
    <mergeCell ref="X13020:AA13021"/>
    <mergeCell ref="A13022:C13023"/>
    <mergeCell ref="D13022:O13023"/>
    <mergeCell ref="P13022:S13023"/>
    <mergeCell ref="T13022:W13023"/>
    <mergeCell ref="X13022:AA13023"/>
    <mergeCell ref="A13024:C13025"/>
    <mergeCell ref="D13024:O13025"/>
    <mergeCell ref="P13024:S13025"/>
    <mergeCell ref="T13024:W13025"/>
    <mergeCell ref="X13024:AA13025"/>
    <mergeCell ref="A13026:C13027"/>
    <mergeCell ref="D13026:O13027"/>
    <mergeCell ref="P13026:S13027"/>
    <mergeCell ref="T13026:W13027"/>
    <mergeCell ref="X13026:AA13027"/>
    <mergeCell ref="A13000:C13001"/>
    <mergeCell ref="D13000:O13001"/>
    <mergeCell ref="P13000:S13001"/>
    <mergeCell ref="T13000:W13001"/>
    <mergeCell ref="X13000:AA13001"/>
    <mergeCell ref="A13002:C13003"/>
    <mergeCell ref="D13002:O13003"/>
    <mergeCell ref="P13002:S13003"/>
    <mergeCell ref="T13002:W13003"/>
    <mergeCell ref="X13002:AA13003"/>
    <mergeCell ref="A13004:C13005"/>
    <mergeCell ref="D13004:O13005"/>
    <mergeCell ref="P13004:S13005"/>
    <mergeCell ref="T13004:W13005"/>
    <mergeCell ref="X13004:AA13005"/>
    <mergeCell ref="A13006:C13007"/>
    <mergeCell ref="D13006:O13007"/>
    <mergeCell ref="P13006:S13007"/>
    <mergeCell ref="T13006:W13007"/>
    <mergeCell ref="X13006:AA13007"/>
    <mergeCell ref="A13008:C13009"/>
    <mergeCell ref="D13008:O13009"/>
    <mergeCell ref="P13008:S13009"/>
    <mergeCell ref="T13008:W13009"/>
    <mergeCell ref="X13008:AA13009"/>
    <mergeCell ref="A13010:C13011"/>
    <mergeCell ref="D13010:O13011"/>
    <mergeCell ref="P13010:S13011"/>
    <mergeCell ref="T13010:W13011"/>
    <mergeCell ref="X13010:AA13011"/>
    <mergeCell ref="A13012:C13013"/>
    <mergeCell ref="D13012:O13013"/>
    <mergeCell ref="P13012:S13013"/>
    <mergeCell ref="T13012:W13013"/>
    <mergeCell ref="X13012:AA13013"/>
    <mergeCell ref="A12986:C12987"/>
    <mergeCell ref="D12986:O12987"/>
    <mergeCell ref="P12986:S12987"/>
    <mergeCell ref="T12986:W12987"/>
    <mergeCell ref="X12986:AA12987"/>
    <mergeCell ref="A12988:C12989"/>
    <mergeCell ref="D12988:O12989"/>
    <mergeCell ref="P12988:S12989"/>
    <mergeCell ref="T12988:W12989"/>
    <mergeCell ref="X12988:AA12989"/>
    <mergeCell ref="A12990:C12991"/>
    <mergeCell ref="D12990:O12991"/>
    <mergeCell ref="P12990:S12991"/>
    <mergeCell ref="T12990:W12991"/>
    <mergeCell ref="X12990:AA12991"/>
    <mergeCell ref="A12992:C12993"/>
    <mergeCell ref="D12992:O12993"/>
    <mergeCell ref="P12992:S12993"/>
    <mergeCell ref="T12992:W12993"/>
    <mergeCell ref="X12992:AA12993"/>
    <mergeCell ref="A12994:C12995"/>
    <mergeCell ref="D12994:O12995"/>
    <mergeCell ref="P12994:S12995"/>
    <mergeCell ref="T12994:W12995"/>
    <mergeCell ref="X12994:AA12995"/>
    <mergeCell ref="A12996:C12997"/>
    <mergeCell ref="D12996:O12997"/>
    <mergeCell ref="P12996:S12997"/>
    <mergeCell ref="T12996:W12997"/>
    <mergeCell ref="X12996:AA12997"/>
    <mergeCell ref="A12998:C12999"/>
    <mergeCell ref="D12998:O12999"/>
    <mergeCell ref="P12998:S12999"/>
    <mergeCell ref="T12998:W12999"/>
    <mergeCell ref="X12998:AA12999"/>
    <mergeCell ref="A12972:C12973"/>
    <mergeCell ref="D12972:O12973"/>
    <mergeCell ref="P12972:S12973"/>
    <mergeCell ref="T12972:W12973"/>
    <mergeCell ref="X12972:AA12973"/>
    <mergeCell ref="A12974:C12975"/>
    <mergeCell ref="D12974:O12975"/>
    <mergeCell ref="P12974:S12975"/>
    <mergeCell ref="T12974:W12975"/>
    <mergeCell ref="X12974:AA12975"/>
    <mergeCell ref="A12976:C12977"/>
    <mergeCell ref="D12976:O12977"/>
    <mergeCell ref="P12976:S12977"/>
    <mergeCell ref="T12976:W12977"/>
    <mergeCell ref="X12976:AA12977"/>
    <mergeCell ref="A12978:C12979"/>
    <mergeCell ref="D12978:O12979"/>
    <mergeCell ref="P12978:S12979"/>
    <mergeCell ref="T12978:W12979"/>
    <mergeCell ref="X12978:AA12979"/>
    <mergeCell ref="A12980:C12981"/>
    <mergeCell ref="D12980:O12981"/>
    <mergeCell ref="P12980:S12981"/>
    <mergeCell ref="T12980:W12981"/>
    <mergeCell ref="X12980:AA12981"/>
    <mergeCell ref="A12982:C12983"/>
    <mergeCell ref="D12982:O12983"/>
    <mergeCell ref="P12982:S12983"/>
    <mergeCell ref="T12982:W12983"/>
    <mergeCell ref="X12982:AA12983"/>
    <mergeCell ref="A12984:C12985"/>
    <mergeCell ref="D12984:O12985"/>
    <mergeCell ref="P12984:S12985"/>
    <mergeCell ref="T12984:W12985"/>
    <mergeCell ref="X12984:AA12985"/>
    <mergeCell ref="A12958:C12959"/>
    <mergeCell ref="D12958:O12959"/>
    <mergeCell ref="P12958:S12959"/>
    <mergeCell ref="T12958:W12959"/>
    <mergeCell ref="X12958:AA12959"/>
    <mergeCell ref="A12960:C12961"/>
    <mergeCell ref="D12960:O12961"/>
    <mergeCell ref="P12960:S12961"/>
    <mergeCell ref="T12960:W12961"/>
    <mergeCell ref="X12960:AA12961"/>
    <mergeCell ref="A12962:C12963"/>
    <mergeCell ref="D12962:O12963"/>
    <mergeCell ref="P12962:S12963"/>
    <mergeCell ref="T12962:W12963"/>
    <mergeCell ref="X12962:AA12963"/>
    <mergeCell ref="A12964:C12965"/>
    <mergeCell ref="D12964:O12965"/>
    <mergeCell ref="P12964:S12965"/>
    <mergeCell ref="T12964:W12965"/>
    <mergeCell ref="X12964:AA12965"/>
    <mergeCell ref="A12966:C12967"/>
    <mergeCell ref="D12966:O12967"/>
    <mergeCell ref="P12966:S12967"/>
    <mergeCell ref="T12966:W12967"/>
    <mergeCell ref="X12966:AA12967"/>
    <mergeCell ref="A12968:C12969"/>
    <mergeCell ref="D12968:O12969"/>
    <mergeCell ref="P12968:S12969"/>
    <mergeCell ref="T12968:W12969"/>
    <mergeCell ref="X12968:AA12969"/>
    <mergeCell ref="A12970:C12971"/>
    <mergeCell ref="D12970:O12971"/>
    <mergeCell ref="P12970:S12971"/>
    <mergeCell ref="T12970:W12971"/>
    <mergeCell ref="X12970:AA12971"/>
    <mergeCell ref="A12942:C12943"/>
    <mergeCell ref="D12942:O12943"/>
    <mergeCell ref="P12942:S12943"/>
    <mergeCell ref="T12942:W12943"/>
    <mergeCell ref="X12942:AA12943"/>
    <mergeCell ref="A12944:C12945"/>
    <mergeCell ref="D12944:O12945"/>
    <mergeCell ref="P12944:S12945"/>
    <mergeCell ref="T12944:W12945"/>
    <mergeCell ref="X12944:AA12945"/>
    <mergeCell ref="A12946:C12947"/>
    <mergeCell ref="D12946:O12947"/>
    <mergeCell ref="P12946:S12947"/>
    <mergeCell ref="T12946:W12947"/>
    <mergeCell ref="X12946:AA12947"/>
    <mergeCell ref="A12948:C12949"/>
    <mergeCell ref="D12948:O12949"/>
    <mergeCell ref="P12948:S12949"/>
    <mergeCell ref="T12948:W12949"/>
    <mergeCell ref="X12948:AA12949"/>
    <mergeCell ref="A12950:AA12951"/>
    <mergeCell ref="A12952:C12953"/>
    <mergeCell ref="D12952:O12953"/>
    <mergeCell ref="P12952:S12953"/>
    <mergeCell ref="T12952:W12953"/>
    <mergeCell ref="X12952:AA12953"/>
    <mergeCell ref="A12954:C12955"/>
    <mergeCell ref="D12954:O12955"/>
    <mergeCell ref="P12954:S12955"/>
    <mergeCell ref="T12954:W12955"/>
    <mergeCell ref="X12954:AA12955"/>
    <mergeCell ref="A12956:C12957"/>
    <mergeCell ref="D12956:O12957"/>
    <mergeCell ref="P12956:S12957"/>
    <mergeCell ref="T12956:W12957"/>
    <mergeCell ref="X12956:AA12957"/>
    <mergeCell ref="A12926:C12927"/>
    <mergeCell ref="D12926:O12927"/>
    <mergeCell ref="P12926:S12927"/>
    <mergeCell ref="T12926:W12927"/>
    <mergeCell ref="X12926:AA12927"/>
    <mergeCell ref="A12928:AA12929"/>
    <mergeCell ref="A12930:C12931"/>
    <mergeCell ref="D12930:O12931"/>
    <mergeCell ref="P12930:S12931"/>
    <mergeCell ref="T12930:W12931"/>
    <mergeCell ref="X12930:AA12931"/>
    <mergeCell ref="A12932:C12933"/>
    <mergeCell ref="D12932:O12933"/>
    <mergeCell ref="P12932:S12933"/>
    <mergeCell ref="T12932:W12933"/>
    <mergeCell ref="X12932:AA12933"/>
    <mergeCell ref="A12934:C12935"/>
    <mergeCell ref="D12934:O12935"/>
    <mergeCell ref="P12934:S12935"/>
    <mergeCell ref="T12934:W12935"/>
    <mergeCell ref="X12934:AA12935"/>
    <mergeCell ref="A12936:C12937"/>
    <mergeCell ref="D12936:O12937"/>
    <mergeCell ref="P12936:S12937"/>
    <mergeCell ref="T12936:W12937"/>
    <mergeCell ref="X12936:AA12937"/>
    <mergeCell ref="A12938:C12939"/>
    <mergeCell ref="D12938:O12939"/>
    <mergeCell ref="P12938:S12939"/>
    <mergeCell ref="T12938:W12939"/>
    <mergeCell ref="X12938:AA12939"/>
    <mergeCell ref="A12940:C12941"/>
    <mergeCell ref="D12940:O12941"/>
    <mergeCell ref="P12940:S12941"/>
    <mergeCell ref="T12940:W12941"/>
    <mergeCell ref="X12940:AA12941"/>
    <mergeCell ref="A12912:C12913"/>
    <mergeCell ref="D12912:O12913"/>
    <mergeCell ref="P12912:S12913"/>
    <mergeCell ref="T12912:W12913"/>
    <mergeCell ref="X12912:AA12913"/>
    <mergeCell ref="A12914:C12915"/>
    <mergeCell ref="D12914:O12915"/>
    <mergeCell ref="P12914:S12915"/>
    <mergeCell ref="T12914:W12915"/>
    <mergeCell ref="X12914:AA12915"/>
    <mergeCell ref="A12916:C12917"/>
    <mergeCell ref="D12916:O12917"/>
    <mergeCell ref="P12916:S12917"/>
    <mergeCell ref="T12916:W12917"/>
    <mergeCell ref="X12916:AA12917"/>
    <mergeCell ref="A12918:C12919"/>
    <mergeCell ref="D12918:O12919"/>
    <mergeCell ref="P12918:S12919"/>
    <mergeCell ref="T12918:W12919"/>
    <mergeCell ref="X12918:AA12919"/>
    <mergeCell ref="A12920:C12921"/>
    <mergeCell ref="D12920:O12921"/>
    <mergeCell ref="P12920:S12921"/>
    <mergeCell ref="T12920:W12921"/>
    <mergeCell ref="X12920:AA12921"/>
    <mergeCell ref="A12922:C12923"/>
    <mergeCell ref="D12922:O12923"/>
    <mergeCell ref="P12922:S12923"/>
    <mergeCell ref="T12922:W12923"/>
    <mergeCell ref="X12922:AA12923"/>
    <mergeCell ref="A12924:C12925"/>
    <mergeCell ref="D12924:O12925"/>
    <mergeCell ref="P12924:S12925"/>
    <mergeCell ref="T12924:W12925"/>
    <mergeCell ref="X12924:AA12925"/>
    <mergeCell ref="A12898:C12899"/>
    <mergeCell ref="D12898:O12899"/>
    <mergeCell ref="P12898:S12899"/>
    <mergeCell ref="T12898:W12899"/>
    <mergeCell ref="X12898:AA12899"/>
    <mergeCell ref="A12900:C12901"/>
    <mergeCell ref="D12900:O12901"/>
    <mergeCell ref="P12900:S12901"/>
    <mergeCell ref="T12900:W12901"/>
    <mergeCell ref="X12900:AA12901"/>
    <mergeCell ref="A12902:C12903"/>
    <mergeCell ref="D12902:O12903"/>
    <mergeCell ref="P12902:S12903"/>
    <mergeCell ref="T12902:W12903"/>
    <mergeCell ref="X12902:AA12903"/>
    <mergeCell ref="A12904:C12905"/>
    <mergeCell ref="D12904:O12905"/>
    <mergeCell ref="P12904:S12905"/>
    <mergeCell ref="T12904:W12905"/>
    <mergeCell ref="X12904:AA12905"/>
    <mergeCell ref="A12906:C12907"/>
    <mergeCell ref="D12906:O12907"/>
    <mergeCell ref="P12906:S12907"/>
    <mergeCell ref="T12906:W12907"/>
    <mergeCell ref="X12906:AA12907"/>
    <mergeCell ref="A12908:C12909"/>
    <mergeCell ref="D12908:O12909"/>
    <mergeCell ref="P12908:S12909"/>
    <mergeCell ref="T12908:W12909"/>
    <mergeCell ref="X12908:AA12909"/>
    <mergeCell ref="A12910:C12911"/>
    <mergeCell ref="D12910:O12911"/>
    <mergeCell ref="P12910:S12911"/>
    <mergeCell ref="T12910:W12911"/>
    <mergeCell ref="X12910:AA12911"/>
    <mergeCell ref="A12884:C12885"/>
    <mergeCell ref="D12884:O12885"/>
    <mergeCell ref="P12884:S12885"/>
    <mergeCell ref="T12884:W12885"/>
    <mergeCell ref="X12884:AA12885"/>
    <mergeCell ref="A12886:C12887"/>
    <mergeCell ref="D12886:O12887"/>
    <mergeCell ref="P12886:S12887"/>
    <mergeCell ref="T12886:W12887"/>
    <mergeCell ref="X12886:AA12887"/>
    <mergeCell ref="A12888:C12889"/>
    <mergeCell ref="D12888:O12889"/>
    <mergeCell ref="P12888:S12889"/>
    <mergeCell ref="T12888:W12889"/>
    <mergeCell ref="X12888:AA12889"/>
    <mergeCell ref="A12890:C12891"/>
    <mergeCell ref="D12890:O12891"/>
    <mergeCell ref="P12890:S12891"/>
    <mergeCell ref="T12890:W12891"/>
    <mergeCell ref="X12890:AA12891"/>
    <mergeCell ref="A12892:C12893"/>
    <mergeCell ref="D12892:O12893"/>
    <mergeCell ref="P12892:S12893"/>
    <mergeCell ref="T12892:W12893"/>
    <mergeCell ref="X12892:AA12893"/>
    <mergeCell ref="A12894:C12895"/>
    <mergeCell ref="D12894:O12895"/>
    <mergeCell ref="P12894:S12895"/>
    <mergeCell ref="T12894:W12895"/>
    <mergeCell ref="X12894:AA12895"/>
    <mergeCell ref="A12896:C12897"/>
    <mergeCell ref="D12896:O12897"/>
    <mergeCell ref="P12896:S12897"/>
    <mergeCell ref="T12896:W12897"/>
    <mergeCell ref="X12896:AA12897"/>
    <mergeCell ref="A12870:C12871"/>
    <mergeCell ref="D12870:O12871"/>
    <mergeCell ref="P12870:S12871"/>
    <mergeCell ref="T12870:W12871"/>
    <mergeCell ref="X12870:AA12871"/>
    <mergeCell ref="A12872:C12873"/>
    <mergeCell ref="D12872:O12873"/>
    <mergeCell ref="P12872:S12873"/>
    <mergeCell ref="T12872:W12873"/>
    <mergeCell ref="X12872:AA12873"/>
    <mergeCell ref="A12874:C12875"/>
    <mergeCell ref="D12874:O12875"/>
    <mergeCell ref="P12874:S12875"/>
    <mergeCell ref="T12874:W12875"/>
    <mergeCell ref="X12874:AA12875"/>
    <mergeCell ref="A12876:C12877"/>
    <mergeCell ref="D12876:O12877"/>
    <mergeCell ref="P12876:S12877"/>
    <mergeCell ref="T12876:W12877"/>
    <mergeCell ref="X12876:AA12877"/>
    <mergeCell ref="A12878:C12879"/>
    <mergeCell ref="D12878:O12879"/>
    <mergeCell ref="P12878:S12879"/>
    <mergeCell ref="T12878:W12879"/>
    <mergeCell ref="X12878:AA12879"/>
    <mergeCell ref="A12880:C12881"/>
    <mergeCell ref="D12880:O12881"/>
    <mergeCell ref="P12880:S12881"/>
    <mergeCell ref="T12880:W12881"/>
    <mergeCell ref="X12880:AA12881"/>
    <mergeCell ref="A12882:C12883"/>
    <mergeCell ref="D12882:O12883"/>
    <mergeCell ref="P12882:S12883"/>
    <mergeCell ref="T12882:W12883"/>
    <mergeCell ref="X12882:AA12883"/>
    <mergeCell ref="A12856:C12857"/>
    <mergeCell ref="D12856:O12857"/>
    <mergeCell ref="P12856:S12857"/>
    <mergeCell ref="T12856:W12857"/>
    <mergeCell ref="X12856:AA12857"/>
    <mergeCell ref="A12858:C12859"/>
    <mergeCell ref="D12858:O12859"/>
    <mergeCell ref="P12858:S12859"/>
    <mergeCell ref="T12858:W12859"/>
    <mergeCell ref="X12858:AA12859"/>
    <mergeCell ref="A12860:C12861"/>
    <mergeCell ref="D12860:O12861"/>
    <mergeCell ref="P12860:S12861"/>
    <mergeCell ref="T12860:W12861"/>
    <mergeCell ref="X12860:AA12861"/>
    <mergeCell ref="A12862:C12863"/>
    <mergeCell ref="D12862:O12863"/>
    <mergeCell ref="P12862:S12863"/>
    <mergeCell ref="T12862:W12863"/>
    <mergeCell ref="X12862:AA12863"/>
    <mergeCell ref="A12864:C12865"/>
    <mergeCell ref="D12864:O12865"/>
    <mergeCell ref="P12864:S12865"/>
    <mergeCell ref="T12864:W12865"/>
    <mergeCell ref="X12864:AA12865"/>
    <mergeCell ref="A12866:C12867"/>
    <mergeCell ref="D12866:O12867"/>
    <mergeCell ref="P12866:S12867"/>
    <mergeCell ref="T12866:W12867"/>
    <mergeCell ref="X12866:AA12867"/>
    <mergeCell ref="A12868:C12869"/>
    <mergeCell ref="D12868:O12869"/>
    <mergeCell ref="P12868:S12869"/>
    <mergeCell ref="T12868:W12869"/>
    <mergeCell ref="X12868:AA12869"/>
    <mergeCell ref="A12842:C12843"/>
    <mergeCell ref="D12842:O12843"/>
    <mergeCell ref="P12842:S12843"/>
    <mergeCell ref="T12842:W12843"/>
    <mergeCell ref="X12842:AA12843"/>
    <mergeCell ref="A12844:C12845"/>
    <mergeCell ref="D12844:O12845"/>
    <mergeCell ref="P12844:S12845"/>
    <mergeCell ref="T12844:W12845"/>
    <mergeCell ref="X12844:AA12845"/>
    <mergeCell ref="A12846:C12847"/>
    <mergeCell ref="D12846:O12847"/>
    <mergeCell ref="P12846:S12847"/>
    <mergeCell ref="T12846:W12847"/>
    <mergeCell ref="X12846:AA12847"/>
    <mergeCell ref="A12848:C12849"/>
    <mergeCell ref="D12848:O12849"/>
    <mergeCell ref="P12848:S12849"/>
    <mergeCell ref="T12848:W12849"/>
    <mergeCell ref="X12848:AA12849"/>
    <mergeCell ref="A12850:C12851"/>
    <mergeCell ref="D12850:O12851"/>
    <mergeCell ref="P12850:S12851"/>
    <mergeCell ref="T12850:W12851"/>
    <mergeCell ref="X12850:AA12851"/>
    <mergeCell ref="A12852:C12853"/>
    <mergeCell ref="D12852:O12853"/>
    <mergeCell ref="P12852:S12853"/>
    <mergeCell ref="T12852:W12853"/>
    <mergeCell ref="X12852:AA12853"/>
    <mergeCell ref="A12854:C12855"/>
    <mergeCell ref="D12854:O12855"/>
    <mergeCell ref="P12854:S12855"/>
    <mergeCell ref="T12854:W12855"/>
    <mergeCell ref="X12854:AA12855"/>
    <mergeCell ref="A12828:C12829"/>
    <mergeCell ref="D12828:O12829"/>
    <mergeCell ref="P12828:S12829"/>
    <mergeCell ref="T12828:W12829"/>
    <mergeCell ref="X12828:AA12829"/>
    <mergeCell ref="A12830:C12831"/>
    <mergeCell ref="D12830:O12831"/>
    <mergeCell ref="P12830:S12831"/>
    <mergeCell ref="T12830:W12831"/>
    <mergeCell ref="X12830:AA12831"/>
    <mergeCell ref="A12832:C12833"/>
    <mergeCell ref="D12832:O12833"/>
    <mergeCell ref="P12832:S12833"/>
    <mergeCell ref="T12832:W12833"/>
    <mergeCell ref="X12832:AA12833"/>
    <mergeCell ref="A12834:C12835"/>
    <mergeCell ref="D12834:O12835"/>
    <mergeCell ref="P12834:S12835"/>
    <mergeCell ref="T12834:W12835"/>
    <mergeCell ref="X12834:AA12835"/>
    <mergeCell ref="A12836:C12837"/>
    <mergeCell ref="D12836:O12837"/>
    <mergeCell ref="P12836:S12837"/>
    <mergeCell ref="T12836:W12837"/>
    <mergeCell ref="X12836:AA12837"/>
    <mergeCell ref="A12838:C12839"/>
    <mergeCell ref="D12838:O12839"/>
    <mergeCell ref="P12838:S12839"/>
    <mergeCell ref="T12838:W12839"/>
    <mergeCell ref="X12838:AA12839"/>
    <mergeCell ref="A12840:C12841"/>
    <mergeCell ref="D12840:O12841"/>
    <mergeCell ref="P12840:S12841"/>
    <mergeCell ref="T12840:W12841"/>
    <mergeCell ref="X12840:AA12841"/>
    <mergeCell ref="A12814:C12815"/>
    <mergeCell ref="D12814:O12815"/>
    <mergeCell ref="P12814:S12815"/>
    <mergeCell ref="T12814:W12815"/>
    <mergeCell ref="X12814:AA12815"/>
    <mergeCell ref="A12816:C12817"/>
    <mergeCell ref="D12816:O12817"/>
    <mergeCell ref="P12816:S12817"/>
    <mergeCell ref="T12816:W12817"/>
    <mergeCell ref="X12816:AA12817"/>
    <mergeCell ref="A12818:C12819"/>
    <mergeCell ref="D12818:O12819"/>
    <mergeCell ref="P12818:S12819"/>
    <mergeCell ref="T12818:W12819"/>
    <mergeCell ref="X12818:AA12819"/>
    <mergeCell ref="A12820:C12821"/>
    <mergeCell ref="D12820:O12821"/>
    <mergeCell ref="P12820:S12821"/>
    <mergeCell ref="T12820:W12821"/>
    <mergeCell ref="X12820:AA12821"/>
    <mergeCell ref="A12822:C12823"/>
    <mergeCell ref="D12822:O12823"/>
    <mergeCell ref="P12822:S12823"/>
    <mergeCell ref="T12822:W12823"/>
    <mergeCell ref="X12822:AA12823"/>
    <mergeCell ref="A12824:C12825"/>
    <mergeCell ref="D12824:O12825"/>
    <mergeCell ref="P12824:S12825"/>
    <mergeCell ref="T12824:W12825"/>
    <mergeCell ref="X12824:AA12825"/>
    <mergeCell ref="A12826:C12827"/>
    <mergeCell ref="D12826:O12827"/>
    <mergeCell ref="P12826:S12827"/>
    <mergeCell ref="T12826:W12827"/>
    <mergeCell ref="X12826:AA12827"/>
    <mergeCell ref="A12800:C12801"/>
    <mergeCell ref="D12800:O12801"/>
    <mergeCell ref="P12800:S12801"/>
    <mergeCell ref="T12800:W12801"/>
    <mergeCell ref="X12800:AA12801"/>
    <mergeCell ref="A12802:C12803"/>
    <mergeCell ref="D12802:O12803"/>
    <mergeCell ref="P12802:S12803"/>
    <mergeCell ref="T12802:W12803"/>
    <mergeCell ref="X12802:AA12803"/>
    <mergeCell ref="A12804:C12805"/>
    <mergeCell ref="D12804:O12805"/>
    <mergeCell ref="P12804:S12805"/>
    <mergeCell ref="T12804:W12805"/>
    <mergeCell ref="X12804:AA12805"/>
    <mergeCell ref="A12806:C12807"/>
    <mergeCell ref="D12806:O12807"/>
    <mergeCell ref="P12806:S12807"/>
    <mergeCell ref="T12806:W12807"/>
    <mergeCell ref="X12806:AA12807"/>
    <mergeCell ref="A12808:C12809"/>
    <mergeCell ref="D12808:O12809"/>
    <mergeCell ref="P12808:S12809"/>
    <mergeCell ref="T12808:W12809"/>
    <mergeCell ref="X12808:AA12809"/>
    <mergeCell ref="A12810:C12811"/>
    <mergeCell ref="D12810:O12811"/>
    <mergeCell ref="P12810:S12811"/>
    <mergeCell ref="T12810:W12811"/>
    <mergeCell ref="X12810:AA12811"/>
    <mergeCell ref="A12812:C12813"/>
    <mergeCell ref="D12812:O12813"/>
    <mergeCell ref="P12812:S12813"/>
    <mergeCell ref="T12812:W12813"/>
    <mergeCell ref="X12812:AA12813"/>
    <mergeCell ref="A12786:C12787"/>
    <mergeCell ref="D12786:O12787"/>
    <mergeCell ref="P12786:S12787"/>
    <mergeCell ref="T12786:W12787"/>
    <mergeCell ref="X12786:AA12787"/>
    <mergeCell ref="A12788:C12789"/>
    <mergeCell ref="D12788:O12789"/>
    <mergeCell ref="P12788:S12789"/>
    <mergeCell ref="T12788:W12789"/>
    <mergeCell ref="X12788:AA12789"/>
    <mergeCell ref="A12790:C12791"/>
    <mergeCell ref="D12790:O12791"/>
    <mergeCell ref="P12790:S12791"/>
    <mergeCell ref="T12790:W12791"/>
    <mergeCell ref="X12790:AA12791"/>
    <mergeCell ref="A12792:C12793"/>
    <mergeCell ref="D12792:O12793"/>
    <mergeCell ref="P12792:S12793"/>
    <mergeCell ref="T12792:W12793"/>
    <mergeCell ref="X12792:AA12793"/>
    <mergeCell ref="A12794:C12795"/>
    <mergeCell ref="D12794:O12795"/>
    <mergeCell ref="P12794:S12795"/>
    <mergeCell ref="T12794:W12795"/>
    <mergeCell ref="X12794:AA12795"/>
    <mergeCell ref="A12796:C12797"/>
    <mergeCell ref="D12796:O12797"/>
    <mergeCell ref="P12796:S12797"/>
    <mergeCell ref="T12796:W12797"/>
    <mergeCell ref="X12796:AA12797"/>
    <mergeCell ref="A12798:C12799"/>
    <mergeCell ref="D12798:O12799"/>
    <mergeCell ref="P12798:S12799"/>
    <mergeCell ref="T12798:W12799"/>
    <mergeCell ref="X12798:AA12799"/>
    <mergeCell ref="A12770:C12771"/>
    <mergeCell ref="D12770:O12771"/>
    <mergeCell ref="P12770:S12771"/>
    <mergeCell ref="T12770:W12771"/>
    <mergeCell ref="X12770:AA12771"/>
    <mergeCell ref="A12772:C12773"/>
    <mergeCell ref="D12772:O12773"/>
    <mergeCell ref="P12772:S12773"/>
    <mergeCell ref="T12772:W12773"/>
    <mergeCell ref="X12772:AA12773"/>
    <mergeCell ref="A12774:C12775"/>
    <mergeCell ref="D12774:O12775"/>
    <mergeCell ref="P12774:S12775"/>
    <mergeCell ref="T12774:W12775"/>
    <mergeCell ref="X12774:AA12775"/>
    <mergeCell ref="A12776:AA12777"/>
    <mergeCell ref="A12778:C12779"/>
    <mergeCell ref="D12778:O12779"/>
    <mergeCell ref="P12778:S12779"/>
    <mergeCell ref="T12778:W12779"/>
    <mergeCell ref="X12778:AA12779"/>
    <mergeCell ref="A12780:C12781"/>
    <mergeCell ref="D12780:O12781"/>
    <mergeCell ref="P12780:S12781"/>
    <mergeCell ref="T12780:W12781"/>
    <mergeCell ref="X12780:AA12781"/>
    <mergeCell ref="A12782:C12783"/>
    <mergeCell ref="D12782:O12783"/>
    <mergeCell ref="P12782:S12783"/>
    <mergeCell ref="T12782:W12783"/>
    <mergeCell ref="X12782:AA12783"/>
    <mergeCell ref="A12784:C12785"/>
    <mergeCell ref="D12784:O12785"/>
    <mergeCell ref="P12784:S12785"/>
    <mergeCell ref="T12784:W12785"/>
    <mergeCell ref="X12784:AA12785"/>
    <mergeCell ref="A12754:C12755"/>
    <mergeCell ref="D12754:O12755"/>
    <mergeCell ref="P12754:S12755"/>
    <mergeCell ref="T12754:W12755"/>
    <mergeCell ref="X12754:AA12755"/>
    <mergeCell ref="A12756:C12757"/>
    <mergeCell ref="D12756:O12757"/>
    <mergeCell ref="P12756:S12757"/>
    <mergeCell ref="T12756:W12757"/>
    <mergeCell ref="X12756:AA12757"/>
    <mergeCell ref="A12758:C12759"/>
    <mergeCell ref="D12758:O12759"/>
    <mergeCell ref="P12758:S12759"/>
    <mergeCell ref="T12758:W12759"/>
    <mergeCell ref="X12758:AA12759"/>
    <mergeCell ref="A12760:C12761"/>
    <mergeCell ref="D12760:O12761"/>
    <mergeCell ref="P12760:S12761"/>
    <mergeCell ref="T12760:W12761"/>
    <mergeCell ref="X12760:AA12761"/>
    <mergeCell ref="A12762:C12763"/>
    <mergeCell ref="D12762:O12763"/>
    <mergeCell ref="P12762:S12763"/>
    <mergeCell ref="T12762:W12763"/>
    <mergeCell ref="X12762:AA12763"/>
    <mergeCell ref="A12764:C12765"/>
    <mergeCell ref="D12764:O12765"/>
    <mergeCell ref="P12764:S12765"/>
    <mergeCell ref="T12764:W12765"/>
    <mergeCell ref="X12764:AA12765"/>
    <mergeCell ref="A12766:AA12767"/>
    <mergeCell ref="A12768:C12769"/>
    <mergeCell ref="D12768:O12769"/>
    <mergeCell ref="P12768:S12769"/>
    <mergeCell ref="T12768:W12769"/>
    <mergeCell ref="X12768:AA12769"/>
    <mergeCell ref="A12736:AA12737"/>
    <mergeCell ref="A12738:C12739"/>
    <mergeCell ref="D12738:O12739"/>
    <mergeCell ref="P12738:S12739"/>
    <mergeCell ref="T12738:W12739"/>
    <mergeCell ref="X12738:AA12739"/>
    <mergeCell ref="A12740:C12741"/>
    <mergeCell ref="D12740:O12741"/>
    <mergeCell ref="P12740:S12741"/>
    <mergeCell ref="T12740:W12741"/>
    <mergeCell ref="X12740:AA12741"/>
    <mergeCell ref="A12742:C12743"/>
    <mergeCell ref="D12742:O12743"/>
    <mergeCell ref="P12742:S12743"/>
    <mergeCell ref="T12742:W12743"/>
    <mergeCell ref="X12742:AA12743"/>
    <mergeCell ref="A12744:C12745"/>
    <mergeCell ref="D12744:O12745"/>
    <mergeCell ref="P12744:S12745"/>
    <mergeCell ref="T12744:W12745"/>
    <mergeCell ref="X12744:AA12745"/>
    <mergeCell ref="A12746:AA12747"/>
    <mergeCell ref="A12748:C12749"/>
    <mergeCell ref="D12748:O12749"/>
    <mergeCell ref="P12748:S12749"/>
    <mergeCell ref="T12748:W12749"/>
    <mergeCell ref="X12748:AA12749"/>
    <mergeCell ref="A12750:C12751"/>
    <mergeCell ref="D12750:O12751"/>
    <mergeCell ref="P12750:S12751"/>
    <mergeCell ref="T12750:W12751"/>
    <mergeCell ref="X12750:AA12751"/>
    <mergeCell ref="A12752:AA12753"/>
    <mergeCell ref="A12720:C12721"/>
    <mergeCell ref="D12720:O12721"/>
    <mergeCell ref="P12720:S12721"/>
    <mergeCell ref="T12720:W12721"/>
    <mergeCell ref="X12720:AA12721"/>
    <mergeCell ref="A12722:C12723"/>
    <mergeCell ref="D12722:O12723"/>
    <mergeCell ref="P12722:S12723"/>
    <mergeCell ref="T12722:W12723"/>
    <mergeCell ref="X12722:AA12723"/>
    <mergeCell ref="A12724:C12725"/>
    <mergeCell ref="D12724:O12725"/>
    <mergeCell ref="P12724:S12725"/>
    <mergeCell ref="T12724:W12725"/>
    <mergeCell ref="X12724:AA12725"/>
    <mergeCell ref="A12726:C12727"/>
    <mergeCell ref="D12726:O12727"/>
    <mergeCell ref="P12726:S12727"/>
    <mergeCell ref="T12726:W12727"/>
    <mergeCell ref="X12726:AA12727"/>
    <mergeCell ref="A12728:C12729"/>
    <mergeCell ref="D12728:O12729"/>
    <mergeCell ref="P12728:S12729"/>
    <mergeCell ref="T12728:W12729"/>
    <mergeCell ref="X12728:AA12729"/>
    <mergeCell ref="A12730:C12731"/>
    <mergeCell ref="D12730:O12731"/>
    <mergeCell ref="P12730:S12731"/>
    <mergeCell ref="T12730:W12731"/>
    <mergeCell ref="X12730:AA12731"/>
    <mergeCell ref="A12732:AA12733"/>
    <mergeCell ref="A12734:C12735"/>
    <mergeCell ref="D12734:O12735"/>
    <mergeCell ref="P12734:S12735"/>
    <mergeCell ref="T12734:W12735"/>
    <mergeCell ref="X12734:AA12735"/>
    <mergeCell ref="A12706:C12707"/>
    <mergeCell ref="D12706:O12707"/>
    <mergeCell ref="P12706:S12707"/>
    <mergeCell ref="T12706:W12707"/>
    <mergeCell ref="X12706:AA12707"/>
    <mergeCell ref="A12708:C12709"/>
    <mergeCell ref="D12708:O12709"/>
    <mergeCell ref="P12708:S12709"/>
    <mergeCell ref="T12708:W12709"/>
    <mergeCell ref="X12708:AA12709"/>
    <mergeCell ref="A12710:C12711"/>
    <mergeCell ref="D12710:O12711"/>
    <mergeCell ref="P12710:S12711"/>
    <mergeCell ref="T12710:W12711"/>
    <mergeCell ref="X12710:AA12711"/>
    <mergeCell ref="A12712:C12713"/>
    <mergeCell ref="D12712:O12713"/>
    <mergeCell ref="P12712:S12713"/>
    <mergeCell ref="T12712:W12713"/>
    <mergeCell ref="X12712:AA12713"/>
    <mergeCell ref="A12714:C12715"/>
    <mergeCell ref="D12714:O12715"/>
    <mergeCell ref="P12714:S12715"/>
    <mergeCell ref="T12714:W12715"/>
    <mergeCell ref="X12714:AA12715"/>
    <mergeCell ref="A12716:C12717"/>
    <mergeCell ref="D12716:O12717"/>
    <mergeCell ref="P12716:S12717"/>
    <mergeCell ref="T12716:W12717"/>
    <mergeCell ref="X12716:AA12717"/>
    <mergeCell ref="A12718:C12719"/>
    <mergeCell ref="D12718:O12719"/>
    <mergeCell ref="P12718:S12719"/>
    <mergeCell ref="T12718:W12719"/>
    <mergeCell ref="X12718:AA12719"/>
    <mergeCell ref="A12692:C12693"/>
    <mergeCell ref="D12692:O12693"/>
    <mergeCell ref="P12692:S12693"/>
    <mergeCell ref="T12692:W12693"/>
    <mergeCell ref="X12692:AA12693"/>
    <mergeCell ref="A12694:C12695"/>
    <mergeCell ref="D12694:O12695"/>
    <mergeCell ref="P12694:S12695"/>
    <mergeCell ref="T12694:W12695"/>
    <mergeCell ref="X12694:AA12695"/>
    <mergeCell ref="A12696:C12697"/>
    <mergeCell ref="D12696:O12697"/>
    <mergeCell ref="P12696:S12697"/>
    <mergeCell ref="T12696:W12697"/>
    <mergeCell ref="X12696:AA12697"/>
    <mergeCell ref="A12698:C12699"/>
    <mergeCell ref="D12698:O12699"/>
    <mergeCell ref="P12698:S12699"/>
    <mergeCell ref="T12698:W12699"/>
    <mergeCell ref="X12698:AA12699"/>
    <mergeCell ref="A12700:C12701"/>
    <mergeCell ref="D12700:O12701"/>
    <mergeCell ref="P12700:S12701"/>
    <mergeCell ref="T12700:W12701"/>
    <mergeCell ref="X12700:AA12701"/>
    <mergeCell ref="A12702:C12703"/>
    <mergeCell ref="D12702:O12703"/>
    <mergeCell ref="P12702:S12703"/>
    <mergeCell ref="T12702:W12703"/>
    <mergeCell ref="X12702:AA12703"/>
    <mergeCell ref="A12704:C12705"/>
    <mergeCell ref="D12704:O12705"/>
    <mergeCell ref="P12704:S12705"/>
    <mergeCell ref="T12704:W12705"/>
    <mergeCell ref="X12704:AA12705"/>
    <mergeCell ref="A12678:C12679"/>
    <mergeCell ref="D12678:O12679"/>
    <mergeCell ref="P12678:S12679"/>
    <mergeCell ref="T12678:W12679"/>
    <mergeCell ref="X12678:AA12679"/>
    <mergeCell ref="A12680:C12681"/>
    <mergeCell ref="D12680:O12681"/>
    <mergeCell ref="P12680:S12681"/>
    <mergeCell ref="T12680:W12681"/>
    <mergeCell ref="X12680:AA12681"/>
    <mergeCell ref="A12682:C12683"/>
    <mergeCell ref="D12682:O12683"/>
    <mergeCell ref="P12682:S12683"/>
    <mergeCell ref="T12682:W12683"/>
    <mergeCell ref="X12682:AA12683"/>
    <mergeCell ref="A12684:C12685"/>
    <mergeCell ref="D12684:O12685"/>
    <mergeCell ref="P12684:S12685"/>
    <mergeCell ref="T12684:W12685"/>
    <mergeCell ref="X12684:AA12685"/>
    <mergeCell ref="A12686:C12687"/>
    <mergeCell ref="D12686:O12687"/>
    <mergeCell ref="P12686:S12687"/>
    <mergeCell ref="T12686:W12687"/>
    <mergeCell ref="X12686:AA12687"/>
    <mergeCell ref="A12688:C12689"/>
    <mergeCell ref="D12688:O12689"/>
    <mergeCell ref="P12688:S12689"/>
    <mergeCell ref="T12688:W12689"/>
    <mergeCell ref="X12688:AA12689"/>
    <mergeCell ref="A12690:C12691"/>
    <mergeCell ref="D12690:O12691"/>
    <mergeCell ref="P12690:S12691"/>
    <mergeCell ref="T12690:W12691"/>
    <mergeCell ref="X12690:AA12691"/>
    <mergeCell ref="A12660:AA12661"/>
    <mergeCell ref="A12662:C12663"/>
    <mergeCell ref="D12662:O12663"/>
    <mergeCell ref="P12662:S12663"/>
    <mergeCell ref="T12662:W12663"/>
    <mergeCell ref="X12662:AA12663"/>
    <mergeCell ref="A12664:AA12665"/>
    <mergeCell ref="A12666:C12667"/>
    <mergeCell ref="D12666:O12667"/>
    <mergeCell ref="P12666:S12667"/>
    <mergeCell ref="T12666:W12667"/>
    <mergeCell ref="X12666:AA12667"/>
    <mergeCell ref="A12668:AA12669"/>
    <mergeCell ref="A12670:C12671"/>
    <mergeCell ref="D12670:O12671"/>
    <mergeCell ref="P12670:S12671"/>
    <mergeCell ref="T12670:W12671"/>
    <mergeCell ref="X12670:AA12671"/>
    <mergeCell ref="A12672:C12673"/>
    <mergeCell ref="D12672:O12673"/>
    <mergeCell ref="P12672:S12673"/>
    <mergeCell ref="T12672:W12673"/>
    <mergeCell ref="X12672:AA12673"/>
    <mergeCell ref="A12674:C12675"/>
    <mergeCell ref="D12674:O12675"/>
    <mergeCell ref="P12674:S12675"/>
    <mergeCell ref="T12674:W12675"/>
    <mergeCell ref="X12674:AA12675"/>
    <mergeCell ref="A12676:C12677"/>
    <mergeCell ref="D12676:O12677"/>
    <mergeCell ref="P12676:S12677"/>
    <mergeCell ref="T12676:W12677"/>
    <mergeCell ref="X12676:AA12677"/>
    <mergeCell ref="A12642:AA12643"/>
    <mergeCell ref="A12644:AA12645"/>
    <mergeCell ref="A12646:C12647"/>
    <mergeCell ref="D12646:O12647"/>
    <mergeCell ref="P12646:S12647"/>
    <mergeCell ref="T12646:W12647"/>
    <mergeCell ref="X12646:AA12647"/>
    <mergeCell ref="A12648:C12649"/>
    <mergeCell ref="D12648:O12649"/>
    <mergeCell ref="P12648:S12649"/>
    <mergeCell ref="T12648:W12649"/>
    <mergeCell ref="X12648:AA12649"/>
    <mergeCell ref="A12650:C12651"/>
    <mergeCell ref="D12650:O12651"/>
    <mergeCell ref="P12650:S12651"/>
    <mergeCell ref="T12650:W12651"/>
    <mergeCell ref="X12650:AA12651"/>
    <mergeCell ref="A12652:C12653"/>
    <mergeCell ref="D12652:O12653"/>
    <mergeCell ref="P12652:S12653"/>
    <mergeCell ref="T12652:W12653"/>
    <mergeCell ref="X12652:AA12653"/>
    <mergeCell ref="A12654:C12655"/>
    <mergeCell ref="D12654:O12655"/>
    <mergeCell ref="P12654:S12655"/>
    <mergeCell ref="T12654:W12655"/>
    <mergeCell ref="X12654:AA12655"/>
    <mergeCell ref="A12656:C12657"/>
    <mergeCell ref="D12656:O12657"/>
    <mergeCell ref="P12656:S12657"/>
    <mergeCell ref="T12656:W12657"/>
    <mergeCell ref="X12656:AA12657"/>
    <mergeCell ref="A12658:C12659"/>
    <mergeCell ref="D12658:O12659"/>
    <mergeCell ref="P12658:S12659"/>
    <mergeCell ref="T12658:W12659"/>
    <mergeCell ref="X12658:AA12659"/>
    <mergeCell ref="A12628:C12629"/>
    <mergeCell ref="D12628:O12629"/>
    <mergeCell ref="P12628:S12629"/>
    <mergeCell ref="T12628:W12629"/>
    <mergeCell ref="X12628:AA12629"/>
    <mergeCell ref="A12630:C12631"/>
    <mergeCell ref="D12630:O12631"/>
    <mergeCell ref="P12630:S12631"/>
    <mergeCell ref="T12630:W12631"/>
    <mergeCell ref="X12630:AA12631"/>
    <mergeCell ref="A12632:C12633"/>
    <mergeCell ref="D12632:O12633"/>
    <mergeCell ref="P12632:S12633"/>
    <mergeCell ref="T12632:W12633"/>
    <mergeCell ref="X12632:AA12633"/>
    <mergeCell ref="A12634:C12635"/>
    <mergeCell ref="D12634:O12635"/>
    <mergeCell ref="P12634:S12635"/>
    <mergeCell ref="T12634:W12635"/>
    <mergeCell ref="X12634:AA12635"/>
    <mergeCell ref="A12636:C12637"/>
    <mergeCell ref="D12636:O12637"/>
    <mergeCell ref="P12636:S12637"/>
    <mergeCell ref="T12636:W12637"/>
    <mergeCell ref="X12636:AA12637"/>
    <mergeCell ref="A12638:C12639"/>
    <mergeCell ref="D12638:O12639"/>
    <mergeCell ref="P12638:S12639"/>
    <mergeCell ref="T12638:W12639"/>
    <mergeCell ref="X12638:AA12639"/>
    <mergeCell ref="A12640:C12641"/>
    <mergeCell ref="D12640:O12641"/>
    <mergeCell ref="P12640:S12641"/>
    <mergeCell ref="T12640:W12641"/>
    <mergeCell ref="X12640:AA12641"/>
    <mergeCell ref="A12614:C12615"/>
    <mergeCell ref="D12614:O12615"/>
    <mergeCell ref="P12614:S12615"/>
    <mergeCell ref="T12614:W12615"/>
    <mergeCell ref="X12614:AA12615"/>
    <mergeCell ref="A12616:C12617"/>
    <mergeCell ref="D12616:O12617"/>
    <mergeCell ref="P12616:S12617"/>
    <mergeCell ref="T12616:W12617"/>
    <mergeCell ref="X12616:AA12617"/>
    <mergeCell ref="A12618:C12619"/>
    <mergeCell ref="D12618:O12619"/>
    <mergeCell ref="P12618:S12619"/>
    <mergeCell ref="T12618:W12619"/>
    <mergeCell ref="X12618:AA12619"/>
    <mergeCell ref="A12620:C12621"/>
    <mergeCell ref="D12620:O12621"/>
    <mergeCell ref="P12620:S12621"/>
    <mergeCell ref="T12620:W12621"/>
    <mergeCell ref="X12620:AA12621"/>
    <mergeCell ref="A12622:C12623"/>
    <mergeCell ref="D12622:O12623"/>
    <mergeCell ref="P12622:S12623"/>
    <mergeCell ref="T12622:W12623"/>
    <mergeCell ref="X12622:AA12623"/>
    <mergeCell ref="A12624:C12625"/>
    <mergeCell ref="D12624:O12625"/>
    <mergeCell ref="P12624:S12625"/>
    <mergeCell ref="T12624:W12625"/>
    <mergeCell ref="X12624:AA12625"/>
    <mergeCell ref="A12626:C12627"/>
    <mergeCell ref="D12626:O12627"/>
    <mergeCell ref="P12626:S12627"/>
    <mergeCell ref="T12626:W12627"/>
    <mergeCell ref="X12626:AA12627"/>
    <mergeCell ref="A12600:C12601"/>
    <mergeCell ref="D12600:O12601"/>
    <mergeCell ref="P12600:S12601"/>
    <mergeCell ref="T12600:W12601"/>
    <mergeCell ref="X12600:AA12601"/>
    <mergeCell ref="A12602:C12603"/>
    <mergeCell ref="D12602:O12603"/>
    <mergeCell ref="P12602:S12603"/>
    <mergeCell ref="T12602:W12603"/>
    <mergeCell ref="X12602:AA12603"/>
    <mergeCell ref="A12604:C12605"/>
    <mergeCell ref="D12604:O12605"/>
    <mergeCell ref="P12604:S12605"/>
    <mergeCell ref="T12604:W12605"/>
    <mergeCell ref="X12604:AA12605"/>
    <mergeCell ref="A12606:C12607"/>
    <mergeCell ref="D12606:O12607"/>
    <mergeCell ref="P12606:S12607"/>
    <mergeCell ref="T12606:W12607"/>
    <mergeCell ref="X12606:AA12607"/>
    <mergeCell ref="A12608:C12609"/>
    <mergeCell ref="D12608:O12609"/>
    <mergeCell ref="P12608:S12609"/>
    <mergeCell ref="T12608:W12609"/>
    <mergeCell ref="X12608:AA12609"/>
    <mergeCell ref="A12610:C12611"/>
    <mergeCell ref="D12610:O12611"/>
    <mergeCell ref="P12610:S12611"/>
    <mergeCell ref="T12610:W12611"/>
    <mergeCell ref="X12610:AA12611"/>
    <mergeCell ref="A12612:C12613"/>
    <mergeCell ref="D12612:O12613"/>
    <mergeCell ref="P12612:S12613"/>
    <mergeCell ref="T12612:W12613"/>
    <mergeCell ref="X12612:AA12613"/>
    <mergeCell ref="A12586:C12587"/>
    <mergeCell ref="D12586:O12587"/>
    <mergeCell ref="P12586:S12587"/>
    <mergeCell ref="T12586:W12587"/>
    <mergeCell ref="X12586:AA12587"/>
    <mergeCell ref="A12588:C12589"/>
    <mergeCell ref="D12588:O12589"/>
    <mergeCell ref="P12588:S12589"/>
    <mergeCell ref="T12588:W12589"/>
    <mergeCell ref="X12588:AA12589"/>
    <mergeCell ref="A12590:C12591"/>
    <mergeCell ref="D12590:O12591"/>
    <mergeCell ref="P12590:S12591"/>
    <mergeCell ref="T12590:W12591"/>
    <mergeCell ref="X12590:AA12591"/>
    <mergeCell ref="A12592:C12593"/>
    <mergeCell ref="D12592:O12593"/>
    <mergeCell ref="P12592:S12593"/>
    <mergeCell ref="T12592:W12593"/>
    <mergeCell ref="X12592:AA12593"/>
    <mergeCell ref="A12594:C12595"/>
    <mergeCell ref="D12594:O12595"/>
    <mergeCell ref="P12594:S12595"/>
    <mergeCell ref="T12594:W12595"/>
    <mergeCell ref="X12594:AA12595"/>
    <mergeCell ref="A12596:C12597"/>
    <mergeCell ref="D12596:O12597"/>
    <mergeCell ref="P12596:S12597"/>
    <mergeCell ref="T12596:W12597"/>
    <mergeCell ref="X12596:AA12597"/>
    <mergeCell ref="A12598:C12599"/>
    <mergeCell ref="D12598:O12599"/>
    <mergeCell ref="P12598:S12599"/>
    <mergeCell ref="T12598:W12599"/>
    <mergeCell ref="X12598:AA12599"/>
    <mergeCell ref="A12572:C12573"/>
    <mergeCell ref="D12572:O12573"/>
    <mergeCell ref="P12572:S12573"/>
    <mergeCell ref="T12572:W12573"/>
    <mergeCell ref="X12572:AA12573"/>
    <mergeCell ref="A12574:C12575"/>
    <mergeCell ref="D12574:O12575"/>
    <mergeCell ref="P12574:S12575"/>
    <mergeCell ref="T12574:W12575"/>
    <mergeCell ref="X12574:AA12575"/>
    <mergeCell ref="A12576:C12577"/>
    <mergeCell ref="D12576:O12577"/>
    <mergeCell ref="P12576:S12577"/>
    <mergeCell ref="T12576:W12577"/>
    <mergeCell ref="X12576:AA12577"/>
    <mergeCell ref="A12578:C12579"/>
    <mergeCell ref="D12578:O12579"/>
    <mergeCell ref="P12578:S12579"/>
    <mergeCell ref="T12578:W12579"/>
    <mergeCell ref="X12578:AA12579"/>
    <mergeCell ref="A12580:C12581"/>
    <mergeCell ref="D12580:O12581"/>
    <mergeCell ref="P12580:S12581"/>
    <mergeCell ref="T12580:W12581"/>
    <mergeCell ref="X12580:AA12581"/>
    <mergeCell ref="A12582:C12583"/>
    <mergeCell ref="D12582:O12583"/>
    <mergeCell ref="P12582:S12583"/>
    <mergeCell ref="T12582:W12583"/>
    <mergeCell ref="X12582:AA12583"/>
    <mergeCell ref="A12584:C12585"/>
    <mergeCell ref="D12584:O12585"/>
    <mergeCell ref="P12584:S12585"/>
    <mergeCell ref="T12584:W12585"/>
    <mergeCell ref="X12584:AA12585"/>
    <mergeCell ref="A12556:C12557"/>
    <mergeCell ref="D12556:O12557"/>
    <mergeCell ref="P12556:S12557"/>
    <mergeCell ref="T12556:W12557"/>
    <mergeCell ref="X12556:AA12557"/>
    <mergeCell ref="A12558:C12559"/>
    <mergeCell ref="D12558:O12559"/>
    <mergeCell ref="P12558:S12559"/>
    <mergeCell ref="T12558:W12559"/>
    <mergeCell ref="X12558:AA12559"/>
    <mergeCell ref="A12560:C12561"/>
    <mergeCell ref="D12560:O12561"/>
    <mergeCell ref="P12560:S12561"/>
    <mergeCell ref="T12560:W12561"/>
    <mergeCell ref="X12560:AA12561"/>
    <mergeCell ref="A12562:C12563"/>
    <mergeCell ref="D12562:O12563"/>
    <mergeCell ref="P12562:S12563"/>
    <mergeCell ref="T12562:W12563"/>
    <mergeCell ref="X12562:AA12563"/>
    <mergeCell ref="A12564:AA12565"/>
    <mergeCell ref="A12566:C12567"/>
    <mergeCell ref="D12566:O12567"/>
    <mergeCell ref="P12566:S12567"/>
    <mergeCell ref="T12566:W12567"/>
    <mergeCell ref="X12566:AA12567"/>
    <mergeCell ref="A12568:C12569"/>
    <mergeCell ref="D12568:O12569"/>
    <mergeCell ref="P12568:S12569"/>
    <mergeCell ref="T12568:W12569"/>
    <mergeCell ref="X12568:AA12569"/>
    <mergeCell ref="A12570:C12571"/>
    <mergeCell ref="D12570:O12571"/>
    <mergeCell ref="P12570:S12571"/>
    <mergeCell ref="T12570:W12571"/>
    <mergeCell ref="X12570:AA12571"/>
    <mergeCell ref="A12540:AA12541"/>
    <mergeCell ref="A12542:C12543"/>
    <mergeCell ref="D12542:O12543"/>
    <mergeCell ref="P12542:S12543"/>
    <mergeCell ref="T12542:W12543"/>
    <mergeCell ref="X12542:AA12543"/>
    <mergeCell ref="A12544:C12545"/>
    <mergeCell ref="D12544:O12545"/>
    <mergeCell ref="P12544:S12545"/>
    <mergeCell ref="T12544:W12545"/>
    <mergeCell ref="X12544:AA12545"/>
    <mergeCell ref="A12546:C12547"/>
    <mergeCell ref="D12546:O12547"/>
    <mergeCell ref="P12546:S12547"/>
    <mergeCell ref="T12546:W12547"/>
    <mergeCell ref="X12546:AA12547"/>
    <mergeCell ref="A12548:C12549"/>
    <mergeCell ref="D12548:O12549"/>
    <mergeCell ref="P12548:S12549"/>
    <mergeCell ref="T12548:W12549"/>
    <mergeCell ref="X12548:AA12549"/>
    <mergeCell ref="A12550:C12551"/>
    <mergeCell ref="D12550:O12551"/>
    <mergeCell ref="P12550:S12551"/>
    <mergeCell ref="T12550:W12551"/>
    <mergeCell ref="X12550:AA12551"/>
    <mergeCell ref="A12552:C12553"/>
    <mergeCell ref="D12552:O12553"/>
    <mergeCell ref="P12552:S12553"/>
    <mergeCell ref="T12552:W12553"/>
    <mergeCell ref="X12552:AA12553"/>
    <mergeCell ref="A12554:C12555"/>
    <mergeCell ref="D12554:O12555"/>
    <mergeCell ref="P12554:S12555"/>
    <mergeCell ref="T12554:W12555"/>
    <mergeCell ref="X12554:AA12555"/>
    <mergeCell ref="A12526:C12527"/>
    <mergeCell ref="D12526:O12527"/>
    <mergeCell ref="P12526:S12527"/>
    <mergeCell ref="T12526:W12527"/>
    <mergeCell ref="X12526:AA12527"/>
    <mergeCell ref="A12528:C12529"/>
    <mergeCell ref="D12528:O12529"/>
    <mergeCell ref="P12528:S12529"/>
    <mergeCell ref="T12528:W12529"/>
    <mergeCell ref="X12528:AA12529"/>
    <mergeCell ref="A12530:C12531"/>
    <mergeCell ref="D12530:O12531"/>
    <mergeCell ref="P12530:S12531"/>
    <mergeCell ref="T12530:W12531"/>
    <mergeCell ref="X12530:AA12531"/>
    <mergeCell ref="A12532:C12533"/>
    <mergeCell ref="D12532:O12533"/>
    <mergeCell ref="P12532:S12533"/>
    <mergeCell ref="T12532:W12533"/>
    <mergeCell ref="X12532:AA12533"/>
    <mergeCell ref="A12534:C12535"/>
    <mergeCell ref="D12534:O12535"/>
    <mergeCell ref="P12534:S12535"/>
    <mergeCell ref="T12534:W12535"/>
    <mergeCell ref="X12534:AA12535"/>
    <mergeCell ref="A12536:C12537"/>
    <mergeCell ref="D12536:O12537"/>
    <mergeCell ref="P12536:S12537"/>
    <mergeCell ref="T12536:W12537"/>
    <mergeCell ref="X12536:AA12537"/>
    <mergeCell ref="A12538:C12539"/>
    <mergeCell ref="D12538:O12539"/>
    <mergeCell ref="P12538:S12539"/>
    <mergeCell ref="T12538:W12539"/>
    <mergeCell ref="X12538:AA12539"/>
    <mergeCell ref="A12512:C12513"/>
    <mergeCell ref="D12512:O12513"/>
    <mergeCell ref="P12512:S12513"/>
    <mergeCell ref="T12512:W12513"/>
    <mergeCell ref="X12512:AA12513"/>
    <mergeCell ref="A12514:C12515"/>
    <mergeCell ref="D12514:O12515"/>
    <mergeCell ref="P12514:S12515"/>
    <mergeCell ref="T12514:W12515"/>
    <mergeCell ref="X12514:AA12515"/>
    <mergeCell ref="A12516:C12517"/>
    <mergeCell ref="D12516:O12517"/>
    <mergeCell ref="P12516:S12517"/>
    <mergeCell ref="T12516:W12517"/>
    <mergeCell ref="X12516:AA12517"/>
    <mergeCell ref="A12518:C12519"/>
    <mergeCell ref="D12518:O12519"/>
    <mergeCell ref="P12518:S12519"/>
    <mergeCell ref="T12518:W12519"/>
    <mergeCell ref="X12518:AA12519"/>
    <mergeCell ref="A12520:C12521"/>
    <mergeCell ref="D12520:O12521"/>
    <mergeCell ref="P12520:S12521"/>
    <mergeCell ref="T12520:W12521"/>
    <mergeCell ref="X12520:AA12521"/>
    <mergeCell ref="A12522:C12523"/>
    <mergeCell ref="D12522:O12523"/>
    <mergeCell ref="P12522:S12523"/>
    <mergeCell ref="T12522:W12523"/>
    <mergeCell ref="X12522:AA12523"/>
    <mergeCell ref="A12524:C12525"/>
    <mergeCell ref="D12524:O12525"/>
    <mergeCell ref="P12524:S12525"/>
    <mergeCell ref="T12524:W12525"/>
    <mergeCell ref="X12524:AA12525"/>
    <mergeCell ref="A12498:C12499"/>
    <mergeCell ref="D12498:O12499"/>
    <mergeCell ref="P12498:S12499"/>
    <mergeCell ref="T12498:W12499"/>
    <mergeCell ref="X12498:AA12499"/>
    <mergeCell ref="A12500:C12501"/>
    <mergeCell ref="D12500:O12501"/>
    <mergeCell ref="P12500:S12501"/>
    <mergeCell ref="T12500:W12501"/>
    <mergeCell ref="X12500:AA12501"/>
    <mergeCell ref="A12502:C12503"/>
    <mergeCell ref="D12502:O12503"/>
    <mergeCell ref="P12502:S12503"/>
    <mergeCell ref="T12502:W12503"/>
    <mergeCell ref="X12502:AA12503"/>
    <mergeCell ref="A12504:C12505"/>
    <mergeCell ref="D12504:O12505"/>
    <mergeCell ref="P12504:S12505"/>
    <mergeCell ref="T12504:W12505"/>
    <mergeCell ref="X12504:AA12505"/>
    <mergeCell ref="A12506:C12507"/>
    <mergeCell ref="D12506:O12507"/>
    <mergeCell ref="P12506:S12507"/>
    <mergeCell ref="T12506:W12507"/>
    <mergeCell ref="X12506:AA12507"/>
    <mergeCell ref="A12508:C12509"/>
    <mergeCell ref="D12508:O12509"/>
    <mergeCell ref="P12508:S12509"/>
    <mergeCell ref="T12508:W12509"/>
    <mergeCell ref="X12508:AA12509"/>
    <mergeCell ref="A12510:C12511"/>
    <mergeCell ref="D12510:O12511"/>
    <mergeCell ref="P12510:S12511"/>
    <mergeCell ref="T12510:W12511"/>
    <mergeCell ref="X12510:AA12511"/>
    <mergeCell ref="A12484:C12485"/>
    <mergeCell ref="D12484:O12485"/>
    <mergeCell ref="P12484:S12485"/>
    <mergeCell ref="T12484:W12485"/>
    <mergeCell ref="X12484:AA12485"/>
    <mergeCell ref="A12486:C12487"/>
    <mergeCell ref="D12486:O12487"/>
    <mergeCell ref="P12486:S12487"/>
    <mergeCell ref="T12486:W12487"/>
    <mergeCell ref="X12486:AA12487"/>
    <mergeCell ref="A12488:C12489"/>
    <mergeCell ref="D12488:O12489"/>
    <mergeCell ref="P12488:S12489"/>
    <mergeCell ref="T12488:W12489"/>
    <mergeCell ref="X12488:AA12489"/>
    <mergeCell ref="A12490:C12491"/>
    <mergeCell ref="D12490:O12491"/>
    <mergeCell ref="P12490:S12491"/>
    <mergeCell ref="T12490:W12491"/>
    <mergeCell ref="X12490:AA12491"/>
    <mergeCell ref="A12492:C12493"/>
    <mergeCell ref="D12492:O12493"/>
    <mergeCell ref="P12492:S12493"/>
    <mergeCell ref="T12492:W12493"/>
    <mergeCell ref="X12492:AA12493"/>
    <mergeCell ref="A12494:C12495"/>
    <mergeCell ref="D12494:O12495"/>
    <mergeCell ref="P12494:S12495"/>
    <mergeCell ref="T12494:W12495"/>
    <mergeCell ref="X12494:AA12495"/>
    <mergeCell ref="A12496:C12497"/>
    <mergeCell ref="D12496:O12497"/>
    <mergeCell ref="P12496:S12497"/>
    <mergeCell ref="T12496:W12497"/>
    <mergeCell ref="X12496:AA12497"/>
    <mergeCell ref="A12470:C12471"/>
    <mergeCell ref="D12470:O12471"/>
    <mergeCell ref="P12470:S12471"/>
    <mergeCell ref="T12470:W12471"/>
    <mergeCell ref="X12470:AA12471"/>
    <mergeCell ref="A12472:C12473"/>
    <mergeCell ref="D12472:O12473"/>
    <mergeCell ref="P12472:S12473"/>
    <mergeCell ref="T12472:W12473"/>
    <mergeCell ref="X12472:AA12473"/>
    <mergeCell ref="A12474:C12475"/>
    <mergeCell ref="D12474:O12475"/>
    <mergeCell ref="P12474:S12475"/>
    <mergeCell ref="T12474:W12475"/>
    <mergeCell ref="X12474:AA12475"/>
    <mergeCell ref="A12476:C12477"/>
    <mergeCell ref="D12476:O12477"/>
    <mergeCell ref="P12476:S12477"/>
    <mergeCell ref="T12476:W12477"/>
    <mergeCell ref="X12476:AA12477"/>
    <mergeCell ref="A12478:C12479"/>
    <mergeCell ref="D12478:O12479"/>
    <mergeCell ref="P12478:S12479"/>
    <mergeCell ref="T12478:W12479"/>
    <mergeCell ref="X12478:AA12479"/>
    <mergeCell ref="A12480:C12481"/>
    <mergeCell ref="D12480:O12481"/>
    <mergeCell ref="P12480:S12481"/>
    <mergeCell ref="T12480:W12481"/>
    <mergeCell ref="X12480:AA12481"/>
    <mergeCell ref="A12482:C12483"/>
    <mergeCell ref="D12482:O12483"/>
    <mergeCell ref="P12482:S12483"/>
    <mergeCell ref="T12482:W12483"/>
    <mergeCell ref="X12482:AA12483"/>
    <mergeCell ref="A12456:C12457"/>
    <mergeCell ref="D12456:O12457"/>
    <mergeCell ref="P12456:S12457"/>
    <mergeCell ref="T12456:W12457"/>
    <mergeCell ref="X12456:AA12457"/>
    <mergeCell ref="A12458:C12459"/>
    <mergeCell ref="D12458:O12459"/>
    <mergeCell ref="P12458:S12459"/>
    <mergeCell ref="T12458:W12459"/>
    <mergeCell ref="X12458:AA12459"/>
    <mergeCell ref="A12460:C12461"/>
    <mergeCell ref="D12460:O12461"/>
    <mergeCell ref="P12460:S12461"/>
    <mergeCell ref="T12460:W12461"/>
    <mergeCell ref="X12460:AA12461"/>
    <mergeCell ref="A12462:C12463"/>
    <mergeCell ref="D12462:O12463"/>
    <mergeCell ref="P12462:S12463"/>
    <mergeCell ref="T12462:W12463"/>
    <mergeCell ref="X12462:AA12463"/>
    <mergeCell ref="A12464:C12465"/>
    <mergeCell ref="D12464:O12465"/>
    <mergeCell ref="P12464:S12465"/>
    <mergeCell ref="T12464:W12465"/>
    <mergeCell ref="X12464:AA12465"/>
    <mergeCell ref="A12466:C12467"/>
    <mergeCell ref="D12466:O12467"/>
    <mergeCell ref="P12466:S12467"/>
    <mergeCell ref="T12466:W12467"/>
    <mergeCell ref="X12466:AA12467"/>
    <mergeCell ref="A12468:C12469"/>
    <mergeCell ref="D12468:O12469"/>
    <mergeCell ref="P12468:S12469"/>
    <mergeCell ref="T12468:W12469"/>
    <mergeCell ref="X12468:AA12469"/>
    <mergeCell ref="A12442:C12443"/>
    <mergeCell ref="D12442:O12443"/>
    <mergeCell ref="P12442:S12443"/>
    <mergeCell ref="T12442:W12443"/>
    <mergeCell ref="X12442:AA12443"/>
    <mergeCell ref="A12444:C12445"/>
    <mergeCell ref="D12444:O12445"/>
    <mergeCell ref="P12444:S12445"/>
    <mergeCell ref="T12444:W12445"/>
    <mergeCell ref="X12444:AA12445"/>
    <mergeCell ref="A12446:C12447"/>
    <mergeCell ref="D12446:O12447"/>
    <mergeCell ref="P12446:S12447"/>
    <mergeCell ref="T12446:W12447"/>
    <mergeCell ref="X12446:AA12447"/>
    <mergeCell ref="A12448:C12449"/>
    <mergeCell ref="D12448:O12449"/>
    <mergeCell ref="P12448:S12449"/>
    <mergeCell ref="T12448:W12449"/>
    <mergeCell ref="X12448:AA12449"/>
    <mergeCell ref="A12450:C12451"/>
    <mergeCell ref="D12450:O12451"/>
    <mergeCell ref="P12450:S12451"/>
    <mergeCell ref="T12450:W12451"/>
    <mergeCell ref="X12450:AA12451"/>
    <mergeCell ref="A12452:C12453"/>
    <mergeCell ref="D12452:O12453"/>
    <mergeCell ref="P12452:S12453"/>
    <mergeCell ref="T12452:W12453"/>
    <mergeCell ref="X12452:AA12453"/>
    <mergeCell ref="A12454:C12455"/>
    <mergeCell ref="D12454:O12455"/>
    <mergeCell ref="P12454:S12455"/>
    <mergeCell ref="T12454:W12455"/>
    <mergeCell ref="X12454:AA12455"/>
    <mergeCell ref="A12428:C12429"/>
    <mergeCell ref="D12428:O12429"/>
    <mergeCell ref="P12428:S12429"/>
    <mergeCell ref="T12428:W12429"/>
    <mergeCell ref="X12428:AA12429"/>
    <mergeCell ref="A12430:C12431"/>
    <mergeCell ref="D12430:O12431"/>
    <mergeCell ref="P12430:S12431"/>
    <mergeCell ref="T12430:W12431"/>
    <mergeCell ref="X12430:AA12431"/>
    <mergeCell ref="A12432:C12433"/>
    <mergeCell ref="D12432:O12433"/>
    <mergeCell ref="P12432:S12433"/>
    <mergeCell ref="T12432:W12433"/>
    <mergeCell ref="X12432:AA12433"/>
    <mergeCell ref="A12434:C12435"/>
    <mergeCell ref="D12434:O12435"/>
    <mergeCell ref="P12434:S12435"/>
    <mergeCell ref="T12434:W12435"/>
    <mergeCell ref="X12434:AA12435"/>
    <mergeCell ref="A12436:C12437"/>
    <mergeCell ref="D12436:O12437"/>
    <mergeCell ref="P12436:S12437"/>
    <mergeCell ref="T12436:W12437"/>
    <mergeCell ref="X12436:AA12437"/>
    <mergeCell ref="A12438:C12439"/>
    <mergeCell ref="D12438:O12439"/>
    <mergeCell ref="P12438:S12439"/>
    <mergeCell ref="T12438:W12439"/>
    <mergeCell ref="X12438:AA12439"/>
    <mergeCell ref="A12440:C12441"/>
    <mergeCell ref="D12440:O12441"/>
    <mergeCell ref="P12440:S12441"/>
    <mergeCell ref="T12440:W12441"/>
    <mergeCell ref="X12440:AA12441"/>
    <mergeCell ref="A12414:C12415"/>
    <mergeCell ref="D12414:O12415"/>
    <mergeCell ref="P12414:S12415"/>
    <mergeCell ref="T12414:W12415"/>
    <mergeCell ref="X12414:AA12415"/>
    <mergeCell ref="A12416:C12417"/>
    <mergeCell ref="D12416:O12417"/>
    <mergeCell ref="P12416:S12417"/>
    <mergeCell ref="T12416:W12417"/>
    <mergeCell ref="X12416:AA12417"/>
    <mergeCell ref="A12418:C12419"/>
    <mergeCell ref="D12418:O12419"/>
    <mergeCell ref="P12418:S12419"/>
    <mergeCell ref="T12418:W12419"/>
    <mergeCell ref="X12418:AA12419"/>
    <mergeCell ref="A12420:C12421"/>
    <mergeCell ref="D12420:O12421"/>
    <mergeCell ref="P12420:S12421"/>
    <mergeCell ref="T12420:W12421"/>
    <mergeCell ref="X12420:AA12421"/>
    <mergeCell ref="A12422:C12423"/>
    <mergeCell ref="D12422:O12423"/>
    <mergeCell ref="P12422:S12423"/>
    <mergeCell ref="T12422:W12423"/>
    <mergeCell ref="X12422:AA12423"/>
    <mergeCell ref="A12424:C12425"/>
    <mergeCell ref="D12424:O12425"/>
    <mergeCell ref="P12424:S12425"/>
    <mergeCell ref="T12424:W12425"/>
    <mergeCell ref="X12424:AA12425"/>
    <mergeCell ref="A12426:C12427"/>
    <mergeCell ref="D12426:O12427"/>
    <mergeCell ref="P12426:S12427"/>
    <mergeCell ref="T12426:W12427"/>
    <mergeCell ref="X12426:AA12427"/>
    <mergeCell ref="A12400:C12401"/>
    <mergeCell ref="D12400:O12401"/>
    <mergeCell ref="P12400:S12401"/>
    <mergeCell ref="T12400:W12401"/>
    <mergeCell ref="X12400:AA12401"/>
    <mergeCell ref="A12402:C12403"/>
    <mergeCell ref="D12402:O12403"/>
    <mergeCell ref="P12402:S12403"/>
    <mergeCell ref="T12402:W12403"/>
    <mergeCell ref="X12402:AA12403"/>
    <mergeCell ref="A12404:C12405"/>
    <mergeCell ref="D12404:O12405"/>
    <mergeCell ref="P12404:S12405"/>
    <mergeCell ref="T12404:W12405"/>
    <mergeCell ref="X12404:AA12405"/>
    <mergeCell ref="A12406:C12407"/>
    <mergeCell ref="D12406:O12407"/>
    <mergeCell ref="P12406:S12407"/>
    <mergeCell ref="T12406:W12407"/>
    <mergeCell ref="X12406:AA12407"/>
    <mergeCell ref="A12408:C12409"/>
    <mergeCell ref="D12408:O12409"/>
    <mergeCell ref="P12408:S12409"/>
    <mergeCell ref="T12408:W12409"/>
    <mergeCell ref="X12408:AA12409"/>
    <mergeCell ref="A12410:C12411"/>
    <mergeCell ref="D12410:O12411"/>
    <mergeCell ref="P12410:S12411"/>
    <mergeCell ref="T12410:W12411"/>
    <mergeCell ref="X12410:AA12411"/>
    <mergeCell ref="A12412:C12413"/>
    <mergeCell ref="D12412:O12413"/>
    <mergeCell ref="P12412:S12413"/>
    <mergeCell ref="T12412:W12413"/>
    <mergeCell ref="X12412:AA12413"/>
    <mergeCell ref="A12386:C12387"/>
    <mergeCell ref="D12386:O12387"/>
    <mergeCell ref="P12386:S12387"/>
    <mergeCell ref="T12386:W12387"/>
    <mergeCell ref="X12386:AA12387"/>
    <mergeCell ref="A12388:C12389"/>
    <mergeCell ref="D12388:O12389"/>
    <mergeCell ref="P12388:S12389"/>
    <mergeCell ref="T12388:W12389"/>
    <mergeCell ref="X12388:AA12389"/>
    <mergeCell ref="A12390:C12391"/>
    <mergeCell ref="D12390:O12391"/>
    <mergeCell ref="P12390:S12391"/>
    <mergeCell ref="T12390:W12391"/>
    <mergeCell ref="X12390:AA12391"/>
    <mergeCell ref="A12392:C12393"/>
    <mergeCell ref="D12392:O12393"/>
    <mergeCell ref="P12392:S12393"/>
    <mergeCell ref="T12392:W12393"/>
    <mergeCell ref="X12392:AA12393"/>
    <mergeCell ref="A12394:C12395"/>
    <mergeCell ref="D12394:O12395"/>
    <mergeCell ref="P12394:S12395"/>
    <mergeCell ref="T12394:W12395"/>
    <mergeCell ref="X12394:AA12395"/>
    <mergeCell ref="A12396:C12397"/>
    <mergeCell ref="D12396:O12397"/>
    <mergeCell ref="P12396:S12397"/>
    <mergeCell ref="T12396:W12397"/>
    <mergeCell ref="X12396:AA12397"/>
    <mergeCell ref="A12398:C12399"/>
    <mergeCell ref="D12398:O12399"/>
    <mergeCell ref="P12398:S12399"/>
    <mergeCell ref="T12398:W12399"/>
    <mergeCell ref="X12398:AA12399"/>
    <mergeCell ref="A12372:C12373"/>
    <mergeCell ref="D12372:O12373"/>
    <mergeCell ref="P12372:S12373"/>
    <mergeCell ref="T12372:W12373"/>
    <mergeCell ref="X12372:AA12373"/>
    <mergeCell ref="A12374:C12375"/>
    <mergeCell ref="D12374:O12375"/>
    <mergeCell ref="P12374:S12375"/>
    <mergeCell ref="T12374:W12375"/>
    <mergeCell ref="X12374:AA12375"/>
    <mergeCell ref="A12376:C12377"/>
    <mergeCell ref="D12376:O12377"/>
    <mergeCell ref="P12376:S12377"/>
    <mergeCell ref="T12376:W12377"/>
    <mergeCell ref="X12376:AA12377"/>
    <mergeCell ref="A12378:C12379"/>
    <mergeCell ref="D12378:O12379"/>
    <mergeCell ref="P12378:S12379"/>
    <mergeCell ref="T12378:W12379"/>
    <mergeCell ref="X12378:AA12379"/>
    <mergeCell ref="A12380:C12381"/>
    <mergeCell ref="D12380:O12381"/>
    <mergeCell ref="P12380:S12381"/>
    <mergeCell ref="T12380:W12381"/>
    <mergeCell ref="X12380:AA12381"/>
    <mergeCell ref="A12382:C12383"/>
    <mergeCell ref="D12382:O12383"/>
    <mergeCell ref="P12382:S12383"/>
    <mergeCell ref="T12382:W12383"/>
    <mergeCell ref="X12382:AA12383"/>
    <mergeCell ref="A12384:C12385"/>
    <mergeCell ref="D12384:O12385"/>
    <mergeCell ref="P12384:S12385"/>
    <mergeCell ref="T12384:W12385"/>
    <mergeCell ref="X12384:AA12385"/>
    <mergeCell ref="A12358:C12359"/>
    <mergeCell ref="D12358:O12359"/>
    <mergeCell ref="P12358:S12359"/>
    <mergeCell ref="T12358:W12359"/>
    <mergeCell ref="X12358:AA12359"/>
    <mergeCell ref="A12360:C12361"/>
    <mergeCell ref="D12360:O12361"/>
    <mergeCell ref="P12360:S12361"/>
    <mergeCell ref="T12360:W12361"/>
    <mergeCell ref="X12360:AA12361"/>
    <mergeCell ref="A12362:C12363"/>
    <mergeCell ref="D12362:O12363"/>
    <mergeCell ref="P12362:S12363"/>
    <mergeCell ref="T12362:W12363"/>
    <mergeCell ref="X12362:AA12363"/>
    <mergeCell ref="A12364:C12365"/>
    <mergeCell ref="D12364:O12365"/>
    <mergeCell ref="P12364:S12365"/>
    <mergeCell ref="T12364:W12365"/>
    <mergeCell ref="X12364:AA12365"/>
    <mergeCell ref="A12366:C12367"/>
    <mergeCell ref="D12366:O12367"/>
    <mergeCell ref="P12366:S12367"/>
    <mergeCell ref="T12366:W12367"/>
    <mergeCell ref="X12366:AA12367"/>
    <mergeCell ref="A12368:C12369"/>
    <mergeCell ref="D12368:O12369"/>
    <mergeCell ref="P12368:S12369"/>
    <mergeCell ref="T12368:W12369"/>
    <mergeCell ref="X12368:AA12369"/>
    <mergeCell ref="A12370:C12371"/>
    <mergeCell ref="D12370:O12371"/>
    <mergeCell ref="P12370:S12371"/>
    <mergeCell ref="T12370:W12371"/>
    <mergeCell ref="X12370:AA12371"/>
    <mergeCell ref="A12344:C12345"/>
    <mergeCell ref="D12344:O12345"/>
    <mergeCell ref="P12344:S12345"/>
    <mergeCell ref="T12344:W12345"/>
    <mergeCell ref="X12344:AA12345"/>
    <mergeCell ref="A12346:C12347"/>
    <mergeCell ref="D12346:O12347"/>
    <mergeCell ref="P12346:S12347"/>
    <mergeCell ref="T12346:W12347"/>
    <mergeCell ref="X12346:AA12347"/>
    <mergeCell ref="A12348:C12349"/>
    <mergeCell ref="D12348:O12349"/>
    <mergeCell ref="P12348:S12349"/>
    <mergeCell ref="T12348:W12349"/>
    <mergeCell ref="X12348:AA12349"/>
    <mergeCell ref="A12350:C12351"/>
    <mergeCell ref="D12350:O12351"/>
    <mergeCell ref="P12350:S12351"/>
    <mergeCell ref="T12350:W12351"/>
    <mergeCell ref="X12350:AA12351"/>
    <mergeCell ref="A12352:C12353"/>
    <mergeCell ref="D12352:O12353"/>
    <mergeCell ref="P12352:S12353"/>
    <mergeCell ref="T12352:W12353"/>
    <mergeCell ref="X12352:AA12353"/>
    <mergeCell ref="A12354:C12355"/>
    <mergeCell ref="D12354:O12355"/>
    <mergeCell ref="P12354:S12355"/>
    <mergeCell ref="T12354:W12355"/>
    <mergeCell ref="X12354:AA12355"/>
    <mergeCell ref="A12356:C12357"/>
    <mergeCell ref="D12356:O12357"/>
    <mergeCell ref="P12356:S12357"/>
    <mergeCell ref="T12356:W12357"/>
    <mergeCell ref="X12356:AA12357"/>
    <mergeCell ref="A12330:C12331"/>
    <mergeCell ref="D12330:O12331"/>
    <mergeCell ref="P12330:S12331"/>
    <mergeCell ref="T12330:W12331"/>
    <mergeCell ref="X12330:AA12331"/>
    <mergeCell ref="A12332:C12333"/>
    <mergeCell ref="D12332:O12333"/>
    <mergeCell ref="P12332:S12333"/>
    <mergeCell ref="T12332:W12333"/>
    <mergeCell ref="X12332:AA12333"/>
    <mergeCell ref="A12334:C12335"/>
    <mergeCell ref="D12334:O12335"/>
    <mergeCell ref="P12334:S12335"/>
    <mergeCell ref="T12334:W12335"/>
    <mergeCell ref="X12334:AA12335"/>
    <mergeCell ref="A12336:C12337"/>
    <mergeCell ref="D12336:O12337"/>
    <mergeCell ref="P12336:S12337"/>
    <mergeCell ref="T12336:W12337"/>
    <mergeCell ref="X12336:AA12337"/>
    <mergeCell ref="A12338:C12339"/>
    <mergeCell ref="D12338:O12339"/>
    <mergeCell ref="P12338:S12339"/>
    <mergeCell ref="T12338:W12339"/>
    <mergeCell ref="X12338:AA12339"/>
    <mergeCell ref="A12340:C12341"/>
    <mergeCell ref="D12340:O12341"/>
    <mergeCell ref="P12340:S12341"/>
    <mergeCell ref="T12340:W12341"/>
    <mergeCell ref="X12340:AA12341"/>
    <mergeCell ref="A12342:C12343"/>
    <mergeCell ref="D12342:O12343"/>
    <mergeCell ref="P12342:S12343"/>
    <mergeCell ref="T12342:W12343"/>
    <mergeCell ref="X12342:AA12343"/>
    <mergeCell ref="A12314:C12315"/>
    <mergeCell ref="D12314:O12315"/>
    <mergeCell ref="P12314:S12315"/>
    <mergeCell ref="T12314:W12315"/>
    <mergeCell ref="X12314:AA12315"/>
    <mergeCell ref="A12316:C12317"/>
    <mergeCell ref="D12316:O12317"/>
    <mergeCell ref="P12316:S12317"/>
    <mergeCell ref="T12316:W12317"/>
    <mergeCell ref="X12316:AA12317"/>
    <mergeCell ref="A12318:C12319"/>
    <mergeCell ref="D12318:O12319"/>
    <mergeCell ref="P12318:S12319"/>
    <mergeCell ref="T12318:W12319"/>
    <mergeCell ref="X12318:AA12319"/>
    <mergeCell ref="A12320:C12321"/>
    <mergeCell ref="D12320:O12321"/>
    <mergeCell ref="P12320:S12321"/>
    <mergeCell ref="T12320:W12321"/>
    <mergeCell ref="X12320:AA12321"/>
    <mergeCell ref="A12322:AA12323"/>
    <mergeCell ref="A12324:C12325"/>
    <mergeCell ref="D12324:O12325"/>
    <mergeCell ref="P12324:S12325"/>
    <mergeCell ref="T12324:W12325"/>
    <mergeCell ref="X12324:AA12325"/>
    <mergeCell ref="A12326:C12327"/>
    <mergeCell ref="D12326:O12327"/>
    <mergeCell ref="P12326:S12327"/>
    <mergeCell ref="T12326:W12327"/>
    <mergeCell ref="X12326:AA12327"/>
    <mergeCell ref="A12328:C12329"/>
    <mergeCell ref="D12328:O12329"/>
    <mergeCell ref="P12328:S12329"/>
    <mergeCell ref="T12328:W12329"/>
    <mergeCell ref="X12328:AA12329"/>
    <mergeCell ref="A12300:C12301"/>
    <mergeCell ref="D12300:O12301"/>
    <mergeCell ref="P12300:S12301"/>
    <mergeCell ref="T12300:W12301"/>
    <mergeCell ref="X12300:AA12301"/>
    <mergeCell ref="A12302:C12303"/>
    <mergeCell ref="D12302:O12303"/>
    <mergeCell ref="P12302:S12303"/>
    <mergeCell ref="T12302:W12303"/>
    <mergeCell ref="X12302:AA12303"/>
    <mergeCell ref="A12304:C12305"/>
    <mergeCell ref="D12304:O12305"/>
    <mergeCell ref="P12304:S12305"/>
    <mergeCell ref="T12304:W12305"/>
    <mergeCell ref="X12304:AA12305"/>
    <mergeCell ref="A12306:C12307"/>
    <mergeCell ref="D12306:O12307"/>
    <mergeCell ref="P12306:S12307"/>
    <mergeCell ref="T12306:W12307"/>
    <mergeCell ref="X12306:AA12307"/>
    <mergeCell ref="A12308:C12309"/>
    <mergeCell ref="D12308:O12309"/>
    <mergeCell ref="P12308:S12309"/>
    <mergeCell ref="T12308:W12309"/>
    <mergeCell ref="X12308:AA12309"/>
    <mergeCell ref="A12310:C12311"/>
    <mergeCell ref="D12310:O12311"/>
    <mergeCell ref="P12310:S12311"/>
    <mergeCell ref="T12310:W12311"/>
    <mergeCell ref="X12310:AA12311"/>
    <mergeCell ref="A12312:C12313"/>
    <mergeCell ref="D12312:O12313"/>
    <mergeCell ref="P12312:S12313"/>
    <mergeCell ref="T12312:W12313"/>
    <mergeCell ref="X12312:AA12313"/>
    <mergeCell ref="A12286:C12287"/>
    <mergeCell ref="D12286:O12287"/>
    <mergeCell ref="P12286:S12287"/>
    <mergeCell ref="T12286:W12287"/>
    <mergeCell ref="X12286:AA12287"/>
    <mergeCell ref="A12288:C12289"/>
    <mergeCell ref="D12288:O12289"/>
    <mergeCell ref="P12288:S12289"/>
    <mergeCell ref="T12288:W12289"/>
    <mergeCell ref="X12288:AA12289"/>
    <mergeCell ref="A12290:C12291"/>
    <mergeCell ref="D12290:O12291"/>
    <mergeCell ref="P12290:S12291"/>
    <mergeCell ref="T12290:W12291"/>
    <mergeCell ref="X12290:AA12291"/>
    <mergeCell ref="A12292:C12293"/>
    <mergeCell ref="D12292:O12293"/>
    <mergeCell ref="P12292:S12293"/>
    <mergeCell ref="T12292:W12293"/>
    <mergeCell ref="X12292:AA12293"/>
    <mergeCell ref="A12294:C12295"/>
    <mergeCell ref="D12294:O12295"/>
    <mergeCell ref="P12294:S12295"/>
    <mergeCell ref="T12294:W12295"/>
    <mergeCell ref="X12294:AA12295"/>
    <mergeCell ref="A12296:C12297"/>
    <mergeCell ref="D12296:O12297"/>
    <mergeCell ref="P12296:S12297"/>
    <mergeCell ref="T12296:W12297"/>
    <mergeCell ref="X12296:AA12297"/>
    <mergeCell ref="A12298:C12299"/>
    <mergeCell ref="D12298:O12299"/>
    <mergeCell ref="P12298:S12299"/>
    <mergeCell ref="T12298:W12299"/>
    <mergeCell ref="X12298:AA12299"/>
    <mergeCell ref="A12268:C12269"/>
    <mergeCell ref="D12268:O12269"/>
    <mergeCell ref="P12268:S12269"/>
    <mergeCell ref="T12268:W12269"/>
    <mergeCell ref="X12268:AA12269"/>
    <mergeCell ref="A12270:AA12271"/>
    <mergeCell ref="A12272:AA12273"/>
    <mergeCell ref="A12274:C12275"/>
    <mergeCell ref="D12274:O12275"/>
    <mergeCell ref="P12274:S12275"/>
    <mergeCell ref="T12274:W12275"/>
    <mergeCell ref="X12274:AA12275"/>
    <mergeCell ref="A12276:C12277"/>
    <mergeCell ref="D12276:O12277"/>
    <mergeCell ref="P12276:S12277"/>
    <mergeCell ref="T12276:W12277"/>
    <mergeCell ref="X12276:AA12277"/>
    <mergeCell ref="A12278:C12279"/>
    <mergeCell ref="D12278:O12279"/>
    <mergeCell ref="P12278:S12279"/>
    <mergeCell ref="T12278:W12279"/>
    <mergeCell ref="X12278:AA12279"/>
    <mergeCell ref="A12280:C12281"/>
    <mergeCell ref="D12280:O12281"/>
    <mergeCell ref="P12280:S12281"/>
    <mergeCell ref="T12280:W12281"/>
    <mergeCell ref="X12280:AA12281"/>
    <mergeCell ref="A12282:C12283"/>
    <mergeCell ref="D12282:O12283"/>
    <mergeCell ref="P12282:S12283"/>
    <mergeCell ref="T12282:W12283"/>
    <mergeCell ref="X12282:AA12283"/>
    <mergeCell ref="A12284:C12285"/>
    <mergeCell ref="D12284:O12285"/>
    <mergeCell ref="P12284:S12285"/>
    <mergeCell ref="T12284:W12285"/>
    <mergeCell ref="X12284:AA12285"/>
    <mergeCell ref="A12252:C12253"/>
    <mergeCell ref="D12252:O12253"/>
    <mergeCell ref="P12252:S12253"/>
    <mergeCell ref="T12252:W12253"/>
    <mergeCell ref="X12252:AA12253"/>
    <mergeCell ref="A12254:C12255"/>
    <mergeCell ref="D12254:O12255"/>
    <mergeCell ref="P12254:S12255"/>
    <mergeCell ref="T12254:W12255"/>
    <mergeCell ref="X12254:AA12255"/>
    <mergeCell ref="A12256:C12257"/>
    <mergeCell ref="D12256:O12257"/>
    <mergeCell ref="P12256:S12257"/>
    <mergeCell ref="T12256:W12257"/>
    <mergeCell ref="X12256:AA12257"/>
    <mergeCell ref="A12258:AA12259"/>
    <mergeCell ref="A12260:C12261"/>
    <mergeCell ref="D12260:O12261"/>
    <mergeCell ref="P12260:S12261"/>
    <mergeCell ref="T12260:W12261"/>
    <mergeCell ref="X12260:AA12261"/>
    <mergeCell ref="A12262:C12263"/>
    <mergeCell ref="D12262:O12263"/>
    <mergeCell ref="P12262:S12263"/>
    <mergeCell ref="T12262:W12263"/>
    <mergeCell ref="X12262:AA12263"/>
    <mergeCell ref="A12264:C12265"/>
    <mergeCell ref="D12264:O12265"/>
    <mergeCell ref="P12264:S12265"/>
    <mergeCell ref="T12264:W12265"/>
    <mergeCell ref="X12264:AA12265"/>
    <mergeCell ref="A12266:C12267"/>
    <mergeCell ref="D12266:O12267"/>
    <mergeCell ref="P12266:S12267"/>
    <mergeCell ref="T12266:W12267"/>
    <mergeCell ref="X12266:AA12267"/>
    <mergeCell ref="A12238:C12239"/>
    <mergeCell ref="D12238:O12239"/>
    <mergeCell ref="P12238:S12239"/>
    <mergeCell ref="T12238:W12239"/>
    <mergeCell ref="X12238:AA12239"/>
    <mergeCell ref="A12240:C12241"/>
    <mergeCell ref="D12240:O12241"/>
    <mergeCell ref="P12240:S12241"/>
    <mergeCell ref="T12240:W12241"/>
    <mergeCell ref="X12240:AA12241"/>
    <mergeCell ref="A12242:C12243"/>
    <mergeCell ref="D12242:O12243"/>
    <mergeCell ref="P12242:S12243"/>
    <mergeCell ref="T12242:W12243"/>
    <mergeCell ref="X12242:AA12243"/>
    <mergeCell ref="A12244:C12245"/>
    <mergeCell ref="D12244:O12245"/>
    <mergeCell ref="P12244:S12245"/>
    <mergeCell ref="T12244:W12245"/>
    <mergeCell ref="X12244:AA12245"/>
    <mergeCell ref="A12246:C12247"/>
    <mergeCell ref="D12246:O12247"/>
    <mergeCell ref="P12246:S12247"/>
    <mergeCell ref="T12246:W12247"/>
    <mergeCell ref="X12246:AA12247"/>
    <mergeCell ref="A12248:C12249"/>
    <mergeCell ref="D12248:O12249"/>
    <mergeCell ref="P12248:S12249"/>
    <mergeCell ref="T12248:W12249"/>
    <mergeCell ref="X12248:AA12249"/>
    <mergeCell ref="A12250:C12251"/>
    <mergeCell ref="D12250:O12251"/>
    <mergeCell ref="P12250:S12251"/>
    <mergeCell ref="T12250:W12251"/>
    <mergeCell ref="X12250:AA12251"/>
    <mergeCell ref="A12224:C12225"/>
    <mergeCell ref="D12224:O12225"/>
    <mergeCell ref="P12224:S12225"/>
    <mergeCell ref="T12224:W12225"/>
    <mergeCell ref="X12224:AA12225"/>
    <mergeCell ref="A12226:C12227"/>
    <mergeCell ref="D12226:O12227"/>
    <mergeCell ref="P12226:S12227"/>
    <mergeCell ref="T12226:W12227"/>
    <mergeCell ref="X12226:AA12227"/>
    <mergeCell ref="A12228:C12229"/>
    <mergeCell ref="D12228:O12229"/>
    <mergeCell ref="P12228:S12229"/>
    <mergeCell ref="T12228:W12229"/>
    <mergeCell ref="X12228:AA12229"/>
    <mergeCell ref="A12230:C12231"/>
    <mergeCell ref="D12230:O12231"/>
    <mergeCell ref="P12230:S12231"/>
    <mergeCell ref="T12230:W12231"/>
    <mergeCell ref="X12230:AA12231"/>
    <mergeCell ref="A12232:C12233"/>
    <mergeCell ref="D12232:O12233"/>
    <mergeCell ref="P12232:S12233"/>
    <mergeCell ref="T12232:W12233"/>
    <mergeCell ref="X12232:AA12233"/>
    <mergeCell ref="A12234:C12235"/>
    <mergeCell ref="D12234:O12235"/>
    <mergeCell ref="P12234:S12235"/>
    <mergeCell ref="T12234:W12235"/>
    <mergeCell ref="X12234:AA12235"/>
    <mergeCell ref="A12236:C12237"/>
    <mergeCell ref="D12236:O12237"/>
    <mergeCell ref="P12236:S12237"/>
    <mergeCell ref="T12236:W12237"/>
    <mergeCell ref="X12236:AA12237"/>
    <mergeCell ref="A12210:C12211"/>
    <mergeCell ref="D12210:O12211"/>
    <mergeCell ref="P12210:S12211"/>
    <mergeCell ref="T12210:W12211"/>
    <mergeCell ref="X12210:AA12211"/>
    <mergeCell ref="A12212:C12213"/>
    <mergeCell ref="D12212:O12213"/>
    <mergeCell ref="P12212:S12213"/>
    <mergeCell ref="T12212:W12213"/>
    <mergeCell ref="X12212:AA12213"/>
    <mergeCell ref="A12214:C12215"/>
    <mergeCell ref="D12214:O12215"/>
    <mergeCell ref="P12214:S12215"/>
    <mergeCell ref="T12214:W12215"/>
    <mergeCell ref="X12214:AA12215"/>
    <mergeCell ref="A12216:C12217"/>
    <mergeCell ref="D12216:O12217"/>
    <mergeCell ref="P12216:S12217"/>
    <mergeCell ref="T12216:W12217"/>
    <mergeCell ref="X12216:AA12217"/>
    <mergeCell ref="A12218:C12219"/>
    <mergeCell ref="D12218:O12219"/>
    <mergeCell ref="P12218:S12219"/>
    <mergeCell ref="T12218:W12219"/>
    <mergeCell ref="X12218:AA12219"/>
    <mergeCell ref="A12220:C12221"/>
    <mergeCell ref="D12220:O12221"/>
    <mergeCell ref="P12220:S12221"/>
    <mergeCell ref="T12220:W12221"/>
    <mergeCell ref="X12220:AA12221"/>
    <mergeCell ref="A12222:C12223"/>
    <mergeCell ref="D12222:O12223"/>
    <mergeCell ref="P12222:S12223"/>
    <mergeCell ref="T12222:W12223"/>
    <mergeCell ref="X12222:AA12223"/>
    <mergeCell ref="A12196:C12197"/>
    <mergeCell ref="D12196:O12197"/>
    <mergeCell ref="P12196:S12197"/>
    <mergeCell ref="T12196:W12197"/>
    <mergeCell ref="X12196:AA12197"/>
    <mergeCell ref="A12198:C12199"/>
    <mergeCell ref="D12198:O12199"/>
    <mergeCell ref="P12198:S12199"/>
    <mergeCell ref="T12198:W12199"/>
    <mergeCell ref="X12198:AA12199"/>
    <mergeCell ref="A12200:C12201"/>
    <mergeCell ref="D12200:O12201"/>
    <mergeCell ref="P12200:S12201"/>
    <mergeCell ref="T12200:W12201"/>
    <mergeCell ref="X12200:AA12201"/>
    <mergeCell ref="A12202:C12203"/>
    <mergeCell ref="D12202:O12203"/>
    <mergeCell ref="P12202:S12203"/>
    <mergeCell ref="T12202:W12203"/>
    <mergeCell ref="X12202:AA12203"/>
    <mergeCell ref="A12204:C12205"/>
    <mergeCell ref="D12204:O12205"/>
    <mergeCell ref="P12204:S12205"/>
    <mergeCell ref="T12204:W12205"/>
    <mergeCell ref="X12204:AA12205"/>
    <mergeCell ref="A12206:C12207"/>
    <mergeCell ref="D12206:O12207"/>
    <mergeCell ref="P12206:S12207"/>
    <mergeCell ref="T12206:W12207"/>
    <mergeCell ref="X12206:AA12207"/>
    <mergeCell ref="A12208:C12209"/>
    <mergeCell ref="D12208:O12209"/>
    <mergeCell ref="P12208:S12209"/>
    <mergeCell ref="T12208:W12209"/>
    <mergeCell ref="X12208:AA12209"/>
    <mergeCell ref="A12178:AA12179"/>
    <mergeCell ref="A12180:C12181"/>
    <mergeCell ref="D12180:O12181"/>
    <mergeCell ref="P12180:S12181"/>
    <mergeCell ref="T12180:W12181"/>
    <mergeCell ref="X12180:AA12181"/>
    <mergeCell ref="A12182:AA12183"/>
    <mergeCell ref="A12184:C12185"/>
    <mergeCell ref="D12184:O12185"/>
    <mergeCell ref="P12184:S12185"/>
    <mergeCell ref="T12184:W12185"/>
    <mergeCell ref="X12184:AA12185"/>
    <mergeCell ref="A12186:C12187"/>
    <mergeCell ref="D12186:O12187"/>
    <mergeCell ref="P12186:S12187"/>
    <mergeCell ref="T12186:W12187"/>
    <mergeCell ref="X12186:AA12187"/>
    <mergeCell ref="A12188:C12189"/>
    <mergeCell ref="D12188:O12189"/>
    <mergeCell ref="P12188:S12189"/>
    <mergeCell ref="T12188:W12189"/>
    <mergeCell ref="X12188:AA12189"/>
    <mergeCell ref="A12190:C12191"/>
    <mergeCell ref="D12190:O12191"/>
    <mergeCell ref="P12190:S12191"/>
    <mergeCell ref="T12190:W12191"/>
    <mergeCell ref="X12190:AA12191"/>
    <mergeCell ref="A12192:AA12193"/>
    <mergeCell ref="A12194:C12195"/>
    <mergeCell ref="D12194:O12195"/>
    <mergeCell ref="P12194:S12195"/>
    <mergeCell ref="T12194:W12195"/>
    <mergeCell ref="X12194:AA12195"/>
    <mergeCell ref="A12162:C12163"/>
    <mergeCell ref="D12162:O12163"/>
    <mergeCell ref="P12162:S12163"/>
    <mergeCell ref="T12162:W12163"/>
    <mergeCell ref="X12162:AA12163"/>
    <mergeCell ref="A12164:C12165"/>
    <mergeCell ref="D12164:O12165"/>
    <mergeCell ref="P12164:S12165"/>
    <mergeCell ref="T12164:W12165"/>
    <mergeCell ref="X12164:AA12165"/>
    <mergeCell ref="A12166:C12167"/>
    <mergeCell ref="D12166:O12167"/>
    <mergeCell ref="P12166:S12167"/>
    <mergeCell ref="T12166:W12167"/>
    <mergeCell ref="X12166:AA12167"/>
    <mergeCell ref="A12168:C12169"/>
    <mergeCell ref="D12168:O12169"/>
    <mergeCell ref="P12168:S12169"/>
    <mergeCell ref="T12168:W12169"/>
    <mergeCell ref="X12168:AA12169"/>
    <mergeCell ref="A12170:C12171"/>
    <mergeCell ref="D12170:O12171"/>
    <mergeCell ref="P12170:S12171"/>
    <mergeCell ref="T12170:W12171"/>
    <mergeCell ref="X12170:AA12171"/>
    <mergeCell ref="A12172:C12173"/>
    <mergeCell ref="D12172:O12173"/>
    <mergeCell ref="P12172:S12173"/>
    <mergeCell ref="T12172:W12173"/>
    <mergeCell ref="X12172:AA12173"/>
    <mergeCell ref="A12174:AA12175"/>
    <mergeCell ref="A12176:C12177"/>
    <mergeCell ref="D12176:O12177"/>
    <mergeCell ref="P12176:S12177"/>
    <mergeCell ref="T12176:W12177"/>
    <mergeCell ref="X12176:AA12177"/>
    <mergeCell ref="A12146:C12147"/>
    <mergeCell ref="D12146:O12147"/>
    <mergeCell ref="P12146:S12147"/>
    <mergeCell ref="T12146:W12147"/>
    <mergeCell ref="X12146:AA12147"/>
    <mergeCell ref="A12148:C12149"/>
    <mergeCell ref="D12148:O12149"/>
    <mergeCell ref="P12148:S12149"/>
    <mergeCell ref="T12148:W12149"/>
    <mergeCell ref="X12148:AA12149"/>
    <mergeCell ref="A12150:AA12151"/>
    <mergeCell ref="A12152:C12153"/>
    <mergeCell ref="D12152:O12153"/>
    <mergeCell ref="P12152:S12153"/>
    <mergeCell ref="T12152:W12153"/>
    <mergeCell ref="X12152:AA12153"/>
    <mergeCell ref="A12154:C12155"/>
    <mergeCell ref="D12154:O12155"/>
    <mergeCell ref="P12154:S12155"/>
    <mergeCell ref="T12154:W12155"/>
    <mergeCell ref="X12154:AA12155"/>
    <mergeCell ref="A12156:C12157"/>
    <mergeCell ref="D12156:O12157"/>
    <mergeCell ref="P12156:S12157"/>
    <mergeCell ref="T12156:W12157"/>
    <mergeCell ref="X12156:AA12157"/>
    <mergeCell ref="A12158:C12159"/>
    <mergeCell ref="D12158:O12159"/>
    <mergeCell ref="P12158:S12159"/>
    <mergeCell ref="T12158:W12159"/>
    <mergeCell ref="X12158:AA12159"/>
    <mergeCell ref="A12160:C12161"/>
    <mergeCell ref="D12160:O12161"/>
    <mergeCell ref="P12160:S12161"/>
    <mergeCell ref="T12160:W12161"/>
    <mergeCell ref="X12160:AA12161"/>
    <mergeCell ref="A12132:C12133"/>
    <mergeCell ref="D12132:O12133"/>
    <mergeCell ref="P12132:S12133"/>
    <mergeCell ref="T12132:W12133"/>
    <mergeCell ref="X12132:AA12133"/>
    <mergeCell ref="A12134:C12135"/>
    <mergeCell ref="D12134:O12135"/>
    <mergeCell ref="P12134:S12135"/>
    <mergeCell ref="T12134:W12135"/>
    <mergeCell ref="X12134:AA12135"/>
    <mergeCell ref="A12136:C12137"/>
    <mergeCell ref="D12136:O12137"/>
    <mergeCell ref="P12136:S12137"/>
    <mergeCell ref="T12136:W12137"/>
    <mergeCell ref="X12136:AA12137"/>
    <mergeCell ref="A12138:C12139"/>
    <mergeCell ref="D12138:O12139"/>
    <mergeCell ref="P12138:S12139"/>
    <mergeCell ref="T12138:W12139"/>
    <mergeCell ref="X12138:AA12139"/>
    <mergeCell ref="A12140:C12141"/>
    <mergeCell ref="D12140:O12141"/>
    <mergeCell ref="P12140:S12141"/>
    <mergeCell ref="T12140:W12141"/>
    <mergeCell ref="X12140:AA12141"/>
    <mergeCell ref="A12142:C12143"/>
    <mergeCell ref="D12142:O12143"/>
    <mergeCell ref="P12142:S12143"/>
    <mergeCell ref="T12142:W12143"/>
    <mergeCell ref="X12142:AA12143"/>
    <mergeCell ref="A12144:C12145"/>
    <mergeCell ref="D12144:O12145"/>
    <mergeCell ref="P12144:S12145"/>
    <mergeCell ref="T12144:W12145"/>
    <mergeCell ref="X12144:AA12145"/>
    <mergeCell ref="A12114:AA12115"/>
    <mergeCell ref="A12116:AA12117"/>
    <mergeCell ref="A12118:C12119"/>
    <mergeCell ref="D12118:O12119"/>
    <mergeCell ref="P12118:S12119"/>
    <mergeCell ref="T12118:W12119"/>
    <mergeCell ref="X12118:AA12119"/>
    <mergeCell ref="A12120:C12121"/>
    <mergeCell ref="D12120:O12121"/>
    <mergeCell ref="P12120:S12121"/>
    <mergeCell ref="T12120:W12121"/>
    <mergeCell ref="X12120:AA12121"/>
    <mergeCell ref="A12122:C12123"/>
    <mergeCell ref="D12122:O12123"/>
    <mergeCell ref="P12122:S12123"/>
    <mergeCell ref="T12122:W12123"/>
    <mergeCell ref="X12122:AA12123"/>
    <mergeCell ref="A12124:C12125"/>
    <mergeCell ref="D12124:O12125"/>
    <mergeCell ref="P12124:S12125"/>
    <mergeCell ref="T12124:W12125"/>
    <mergeCell ref="X12124:AA12125"/>
    <mergeCell ref="A12126:AA12127"/>
    <mergeCell ref="A12128:C12129"/>
    <mergeCell ref="D12128:O12129"/>
    <mergeCell ref="P12128:S12129"/>
    <mergeCell ref="T12128:W12129"/>
    <mergeCell ref="X12128:AA12129"/>
    <mergeCell ref="A12130:C12131"/>
    <mergeCell ref="D12130:O12131"/>
    <mergeCell ref="P12130:S12131"/>
    <mergeCell ref="T12130:W12131"/>
    <mergeCell ref="X12130:AA12131"/>
    <mergeCell ref="A12100:C12101"/>
    <mergeCell ref="D12100:O12101"/>
    <mergeCell ref="P12100:S12101"/>
    <mergeCell ref="T12100:W12101"/>
    <mergeCell ref="X12100:AA12101"/>
    <mergeCell ref="A12102:C12103"/>
    <mergeCell ref="D12102:O12103"/>
    <mergeCell ref="P12102:S12103"/>
    <mergeCell ref="T12102:W12103"/>
    <mergeCell ref="X12102:AA12103"/>
    <mergeCell ref="A12104:C12105"/>
    <mergeCell ref="D12104:O12105"/>
    <mergeCell ref="P12104:S12105"/>
    <mergeCell ref="T12104:W12105"/>
    <mergeCell ref="X12104:AA12105"/>
    <mergeCell ref="A12106:C12107"/>
    <mergeCell ref="D12106:O12107"/>
    <mergeCell ref="P12106:S12107"/>
    <mergeCell ref="T12106:W12107"/>
    <mergeCell ref="X12106:AA12107"/>
    <mergeCell ref="A12108:C12109"/>
    <mergeCell ref="D12108:O12109"/>
    <mergeCell ref="P12108:S12109"/>
    <mergeCell ref="T12108:W12109"/>
    <mergeCell ref="X12108:AA12109"/>
    <mergeCell ref="A12110:C12111"/>
    <mergeCell ref="D12110:O12111"/>
    <mergeCell ref="P12110:S12111"/>
    <mergeCell ref="T12110:W12111"/>
    <mergeCell ref="X12110:AA12111"/>
    <mergeCell ref="A12112:C12113"/>
    <mergeCell ref="D12112:O12113"/>
    <mergeCell ref="P12112:S12113"/>
    <mergeCell ref="T12112:W12113"/>
    <mergeCell ref="X12112:AA12113"/>
    <mergeCell ref="A12086:C12087"/>
    <mergeCell ref="D12086:O12087"/>
    <mergeCell ref="P12086:S12087"/>
    <mergeCell ref="T12086:W12087"/>
    <mergeCell ref="X12086:AA12087"/>
    <mergeCell ref="A12088:C12089"/>
    <mergeCell ref="D12088:O12089"/>
    <mergeCell ref="P12088:S12089"/>
    <mergeCell ref="T12088:W12089"/>
    <mergeCell ref="X12088:AA12089"/>
    <mergeCell ref="A12090:C12091"/>
    <mergeCell ref="D12090:O12091"/>
    <mergeCell ref="P12090:S12091"/>
    <mergeCell ref="T12090:W12091"/>
    <mergeCell ref="X12090:AA12091"/>
    <mergeCell ref="A12092:C12093"/>
    <mergeCell ref="D12092:O12093"/>
    <mergeCell ref="P12092:S12093"/>
    <mergeCell ref="T12092:W12093"/>
    <mergeCell ref="X12092:AA12093"/>
    <mergeCell ref="A12094:C12095"/>
    <mergeCell ref="D12094:O12095"/>
    <mergeCell ref="P12094:S12095"/>
    <mergeCell ref="T12094:W12095"/>
    <mergeCell ref="X12094:AA12095"/>
    <mergeCell ref="A12096:C12097"/>
    <mergeCell ref="D12096:O12097"/>
    <mergeCell ref="P12096:S12097"/>
    <mergeCell ref="T12096:W12097"/>
    <mergeCell ref="X12096:AA12097"/>
    <mergeCell ref="A12098:C12099"/>
    <mergeCell ref="D12098:O12099"/>
    <mergeCell ref="P12098:S12099"/>
    <mergeCell ref="T12098:W12099"/>
    <mergeCell ref="X12098:AA12099"/>
    <mergeCell ref="A12072:C12073"/>
    <mergeCell ref="D12072:O12073"/>
    <mergeCell ref="P12072:S12073"/>
    <mergeCell ref="T12072:W12073"/>
    <mergeCell ref="X12072:AA12073"/>
    <mergeCell ref="A12074:C12075"/>
    <mergeCell ref="D12074:O12075"/>
    <mergeCell ref="P12074:S12075"/>
    <mergeCell ref="T12074:W12075"/>
    <mergeCell ref="X12074:AA12075"/>
    <mergeCell ref="A12076:C12077"/>
    <mergeCell ref="D12076:O12077"/>
    <mergeCell ref="P12076:S12077"/>
    <mergeCell ref="T12076:W12077"/>
    <mergeCell ref="X12076:AA12077"/>
    <mergeCell ref="A12078:C12079"/>
    <mergeCell ref="D12078:O12079"/>
    <mergeCell ref="P12078:S12079"/>
    <mergeCell ref="T12078:W12079"/>
    <mergeCell ref="X12078:AA12079"/>
    <mergeCell ref="A12080:C12081"/>
    <mergeCell ref="D12080:O12081"/>
    <mergeCell ref="P12080:S12081"/>
    <mergeCell ref="T12080:W12081"/>
    <mergeCell ref="X12080:AA12081"/>
    <mergeCell ref="A12082:C12083"/>
    <mergeCell ref="D12082:O12083"/>
    <mergeCell ref="P12082:S12083"/>
    <mergeCell ref="T12082:W12083"/>
    <mergeCell ref="X12082:AA12083"/>
    <mergeCell ref="A12084:C12085"/>
    <mergeCell ref="D12084:O12085"/>
    <mergeCell ref="P12084:S12085"/>
    <mergeCell ref="T12084:W12085"/>
    <mergeCell ref="X12084:AA12085"/>
    <mergeCell ref="A12058:C12059"/>
    <mergeCell ref="D12058:O12059"/>
    <mergeCell ref="P12058:S12059"/>
    <mergeCell ref="T12058:W12059"/>
    <mergeCell ref="X12058:AA12059"/>
    <mergeCell ref="A12060:C12061"/>
    <mergeCell ref="D12060:O12061"/>
    <mergeCell ref="P12060:S12061"/>
    <mergeCell ref="T12060:W12061"/>
    <mergeCell ref="X12060:AA12061"/>
    <mergeCell ref="A12062:C12063"/>
    <mergeCell ref="D12062:O12063"/>
    <mergeCell ref="P12062:S12063"/>
    <mergeCell ref="T12062:W12063"/>
    <mergeCell ref="X12062:AA12063"/>
    <mergeCell ref="A12064:C12065"/>
    <mergeCell ref="D12064:O12065"/>
    <mergeCell ref="P12064:S12065"/>
    <mergeCell ref="T12064:W12065"/>
    <mergeCell ref="X12064:AA12065"/>
    <mergeCell ref="A12066:C12067"/>
    <mergeCell ref="D12066:O12067"/>
    <mergeCell ref="P12066:S12067"/>
    <mergeCell ref="T12066:W12067"/>
    <mergeCell ref="X12066:AA12067"/>
    <mergeCell ref="A12068:C12069"/>
    <mergeCell ref="D12068:O12069"/>
    <mergeCell ref="P12068:S12069"/>
    <mergeCell ref="T12068:W12069"/>
    <mergeCell ref="X12068:AA12069"/>
    <mergeCell ref="A12070:C12071"/>
    <mergeCell ref="D12070:O12071"/>
    <mergeCell ref="P12070:S12071"/>
    <mergeCell ref="T12070:W12071"/>
    <mergeCell ref="X12070:AA12071"/>
    <mergeCell ref="A12044:C12045"/>
    <mergeCell ref="D12044:O12045"/>
    <mergeCell ref="P12044:S12045"/>
    <mergeCell ref="T12044:W12045"/>
    <mergeCell ref="X12044:AA12045"/>
    <mergeCell ref="A12046:C12047"/>
    <mergeCell ref="D12046:O12047"/>
    <mergeCell ref="P12046:S12047"/>
    <mergeCell ref="T12046:W12047"/>
    <mergeCell ref="X12046:AA12047"/>
    <mergeCell ref="A12048:C12049"/>
    <mergeCell ref="D12048:O12049"/>
    <mergeCell ref="P12048:S12049"/>
    <mergeCell ref="T12048:W12049"/>
    <mergeCell ref="X12048:AA12049"/>
    <mergeCell ref="A12050:C12051"/>
    <mergeCell ref="D12050:O12051"/>
    <mergeCell ref="P12050:S12051"/>
    <mergeCell ref="T12050:W12051"/>
    <mergeCell ref="X12050:AA12051"/>
    <mergeCell ref="A12052:C12053"/>
    <mergeCell ref="D12052:O12053"/>
    <mergeCell ref="P12052:S12053"/>
    <mergeCell ref="T12052:W12053"/>
    <mergeCell ref="X12052:AA12053"/>
    <mergeCell ref="A12054:C12055"/>
    <mergeCell ref="D12054:O12055"/>
    <mergeCell ref="P12054:S12055"/>
    <mergeCell ref="T12054:W12055"/>
    <mergeCell ref="X12054:AA12055"/>
    <mergeCell ref="A12056:C12057"/>
    <mergeCell ref="D12056:O12057"/>
    <mergeCell ref="P12056:S12057"/>
    <mergeCell ref="T12056:W12057"/>
    <mergeCell ref="X12056:AA12057"/>
    <mergeCell ref="A12030:C12031"/>
    <mergeCell ref="D12030:O12031"/>
    <mergeCell ref="P12030:S12031"/>
    <mergeCell ref="T12030:W12031"/>
    <mergeCell ref="X12030:AA12031"/>
    <mergeCell ref="A12032:C12033"/>
    <mergeCell ref="D12032:O12033"/>
    <mergeCell ref="P12032:S12033"/>
    <mergeCell ref="T12032:W12033"/>
    <mergeCell ref="X12032:AA12033"/>
    <mergeCell ref="A12034:C12035"/>
    <mergeCell ref="D12034:O12035"/>
    <mergeCell ref="P12034:S12035"/>
    <mergeCell ref="T12034:W12035"/>
    <mergeCell ref="X12034:AA12035"/>
    <mergeCell ref="A12036:C12037"/>
    <mergeCell ref="D12036:O12037"/>
    <mergeCell ref="P12036:S12037"/>
    <mergeCell ref="T12036:W12037"/>
    <mergeCell ref="X12036:AA12037"/>
    <mergeCell ref="A12038:C12039"/>
    <mergeCell ref="D12038:O12039"/>
    <mergeCell ref="P12038:S12039"/>
    <mergeCell ref="T12038:W12039"/>
    <mergeCell ref="X12038:AA12039"/>
    <mergeCell ref="A12040:C12041"/>
    <mergeCell ref="D12040:O12041"/>
    <mergeCell ref="P12040:S12041"/>
    <mergeCell ref="T12040:W12041"/>
    <mergeCell ref="X12040:AA12041"/>
    <mergeCell ref="A12042:C12043"/>
    <mergeCell ref="D12042:O12043"/>
    <mergeCell ref="P12042:S12043"/>
    <mergeCell ref="T12042:W12043"/>
    <mergeCell ref="X12042:AA12043"/>
    <mergeCell ref="A12016:C12017"/>
    <mergeCell ref="D12016:O12017"/>
    <mergeCell ref="P12016:S12017"/>
    <mergeCell ref="T12016:W12017"/>
    <mergeCell ref="X12016:AA12017"/>
    <mergeCell ref="A12018:C12019"/>
    <mergeCell ref="D12018:O12019"/>
    <mergeCell ref="P12018:S12019"/>
    <mergeCell ref="T12018:W12019"/>
    <mergeCell ref="X12018:AA12019"/>
    <mergeCell ref="A12020:C12021"/>
    <mergeCell ref="D12020:O12021"/>
    <mergeCell ref="P12020:S12021"/>
    <mergeCell ref="T12020:W12021"/>
    <mergeCell ref="X12020:AA12021"/>
    <mergeCell ref="A12022:C12023"/>
    <mergeCell ref="D12022:O12023"/>
    <mergeCell ref="P12022:S12023"/>
    <mergeCell ref="T12022:W12023"/>
    <mergeCell ref="X12022:AA12023"/>
    <mergeCell ref="A12024:C12025"/>
    <mergeCell ref="D12024:O12025"/>
    <mergeCell ref="P12024:S12025"/>
    <mergeCell ref="T12024:W12025"/>
    <mergeCell ref="X12024:AA12025"/>
    <mergeCell ref="A12026:C12027"/>
    <mergeCell ref="D12026:O12027"/>
    <mergeCell ref="P12026:S12027"/>
    <mergeCell ref="T12026:W12027"/>
    <mergeCell ref="X12026:AA12027"/>
    <mergeCell ref="A12028:C12029"/>
    <mergeCell ref="D12028:O12029"/>
    <mergeCell ref="P12028:S12029"/>
    <mergeCell ref="T12028:W12029"/>
    <mergeCell ref="X12028:AA12029"/>
    <mergeCell ref="A12002:C12003"/>
    <mergeCell ref="D12002:O12003"/>
    <mergeCell ref="P12002:S12003"/>
    <mergeCell ref="T12002:W12003"/>
    <mergeCell ref="X12002:AA12003"/>
    <mergeCell ref="A12004:C12005"/>
    <mergeCell ref="D12004:O12005"/>
    <mergeCell ref="P12004:S12005"/>
    <mergeCell ref="T12004:W12005"/>
    <mergeCell ref="X12004:AA12005"/>
    <mergeCell ref="A12006:C12007"/>
    <mergeCell ref="D12006:O12007"/>
    <mergeCell ref="P12006:S12007"/>
    <mergeCell ref="T12006:W12007"/>
    <mergeCell ref="X12006:AA12007"/>
    <mergeCell ref="A12008:C12009"/>
    <mergeCell ref="D12008:O12009"/>
    <mergeCell ref="P12008:S12009"/>
    <mergeCell ref="T12008:W12009"/>
    <mergeCell ref="X12008:AA12009"/>
    <mergeCell ref="A12010:C12011"/>
    <mergeCell ref="D12010:O12011"/>
    <mergeCell ref="P12010:S12011"/>
    <mergeCell ref="T12010:W12011"/>
    <mergeCell ref="X12010:AA12011"/>
    <mergeCell ref="A12012:C12013"/>
    <mergeCell ref="D12012:O12013"/>
    <mergeCell ref="P12012:S12013"/>
    <mergeCell ref="T12012:W12013"/>
    <mergeCell ref="X12012:AA12013"/>
    <mergeCell ref="A12014:C12015"/>
    <mergeCell ref="D12014:O12015"/>
    <mergeCell ref="P12014:S12015"/>
    <mergeCell ref="T12014:W12015"/>
    <mergeCell ref="X12014:AA12015"/>
    <mergeCell ref="A11988:C11989"/>
    <mergeCell ref="D11988:O11989"/>
    <mergeCell ref="P11988:S11989"/>
    <mergeCell ref="T11988:W11989"/>
    <mergeCell ref="X11988:AA11989"/>
    <mergeCell ref="A11990:C11991"/>
    <mergeCell ref="D11990:O11991"/>
    <mergeCell ref="P11990:S11991"/>
    <mergeCell ref="T11990:W11991"/>
    <mergeCell ref="X11990:AA11991"/>
    <mergeCell ref="A11992:C11993"/>
    <mergeCell ref="D11992:O11993"/>
    <mergeCell ref="P11992:S11993"/>
    <mergeCell ref="T11992:W11993"/>
    <mergeCell ref="X11992:AA11993"/>
    <mergeCell ref="A11994:C11995"/>
    <mergeCell ref="D11994:O11995"/>
    <mergeCell ref="P11994:S11995"/>
    <mergeCell ref="T11994:W11995"/>
    <mergeCell ref="X11994:AA11995"/>
    <mergeCell ref="A11996:C11997"/>
    <mergeCell ref="D11996:O11997"/>
    <mergeCell ref="P11996:S11997"/>
    <mergeCell ref="T11996:W11997"/>
    <mergeCell ref="X11996:AA11997"/>
    <mergeCell ref="A11998:C11999"/>
    <mergeCell ref="D11998:O11999"/>
    <mergeCell ref="P11998:S11999"/>
    <mergeCell ref="T11998:W11999"/>
    <mergeCell ref="X11998:AA11999"/>
    <mergeCell ref="A12000:C12001"/>
    <mergeCell ref="D12000:O12001"/>
    <mergeCell ref="P12000:S12001"/>
    <mergeCell ref="T12000:W12001"/>
    <mergeCell ref="X12000:AA12001"/>
    <mergeCell ref="A11974:C11975"/>
    <mergeCell ref="D11974:O11975"/>
    <mergeCell ref="P11974:S11975"/>
    <mergeCell ref="T11974:W11975"/>
    <mergeCell ref="X11974:AA11975"/>
    <mergeCell ref="A11976:C11977"/>
    <mergeCell ref="D11976:O11977"/>
    <mergeCell ref="P11976:S11977"/>
    <mergeCell ref="T11976:W11977"/>
    <mergeCell ref="X11976:AA11977"/>
    <mergeCell ref="A11978:C11979"/>
    <mergeCell ref="D11978:O11979"/>
    <mergeCell ref="P11978:S11979"/>
    <mergeCell ref="T11978:W11979"/>
    <mergeCell ref="X11978:AA11979"/>
    <mergeCell ref="A11980:C11981"/>
    <mergeCell ref="D11980:O11981"/>
    <mergeCell ref="P11980:S11981"/>
    <mergeCell ref="T11980:W11981"/>
    <mergeCell ref="X11980:AA11981"/>
    <mergeCell ref="A11982:C11983"/>
    <mergeCell ref="D11982:O11983"/>
    <mergeCell ref="P11982:S11983"/>
    <mergeCell ref="T11982:W11983"/>
    <mergeCell ref="X11982:AA11983"/>
    <mergeCell ref="A11984:C11985"/>
    <mergeCell ref="D11984:O11985"/>
    <mergeCell ref="P11984:S11985"/>
    <mergeCell ref="T11984:W11985"/>
    <mergeCell ref="X11984:AA11985"/>
    <mergeCell ref="A11986:C11987"/>
    <mergeCell ref="D11986:O11987"/>
    <mergeCell ref="P11986:S11987"/>
    <mergeCell ref="T11986:W11987"/>
    <mergeCell ref="X11986:AA11987"/>
    <mergeCell ref="A11960:C11961"/>
    <mergeCell ref="D11960:O11961"/>
    <mergeCell ref="P11960:S11961"/>
    <mergeCell ref="T11960:W11961"/>
    <mergeCell ref="X11960:AA11961"/>
    <mergeCell ref="A11962:C11963"/>
    <mergeCell ref="D11962:O11963"/>
    <mergeCell ref="P11962:S11963"/>
    <mergeCell ref="T11962:W11963"/>
    <mergeCell ref="X11962:AA11963"/>
    <mergeCell ref="A11964:C11965"/>
    <mergeCell ref="D11964:O11965"/>
    <mergeCell ref="P11964:S11965"/>
    <mergeCell ref="T11964:W11965"/>
    <mergeCell ref="X11964:AA11965"/>
    <mergeCell ref="A11966:C11967"/>
    <mergeCell ref="D11966:O11967"/>
    <mergeCell ref="P11966:S11967"/>
    <mergeCell ref="T11966:W11967"/>
    <mergeCell ref="X11966:AA11967"/>
    <mergeCell ref="A11968:C11969"/>
    <mergeCell ref="D11968:O11969"/>
    <mergeCell ref="P11968:S11969"/>
    <mergeCell ref="T11968:W11969"/>
    <mergeCell ref="X11968:AA11969"/>
    <mergeCell ref="A11970:C11971"/>
    <mergeCell ref="D11970:O11971"/>
    <mergeCell ref="P11970:S11971"/>
    <mergeCell ref="T11970:W11971"/>
    <mergeCell ref="X11970:AA11971"/>
    <mergeCell ref="A11972:C11973"/>
    <mergeCell ref="D11972:O11973"/>
    <mergeCell ref="P11972:S11973"/>
    <mergeCell ref="T11972:W11973"/>
    <mergeCell ref="X11972:AA11973"/>
    <mergeCell ref="A11946:C11947"/>
    <mergeCell ref="D11946:O11947"/>
    <mergeCell ref="P11946:S11947"/>
    <mergeCell ref="T11946:W11947"/>
    <mergeCell ref="X11946:AA11947"/>
    <mergeCell ref="A11948:C11949"/>
    <mergeCell ref="D11948:O11949"/>
    <mergeCell ref="P11948:S11949"/>
    <mergeCell ref="T11948:W11949"/>
    <mergeCell ref="X11948:AA11949"/>
    <mergeCell ref="A11950:C11951"/>
    <mergeCell ref="D11950:O11951"/>
    <mergeCell ref="P11950:S11951"/>
    <mergeCell ref="T11950:W11951"/>
    <mergeCell ref="X11950:AA11951"/>
    <mergeCell ref="A11952:C11953"/>
    <mergeCell ref="D11952:O11953"/>
    <mergeCell ref="P11952:S11953"/>
    <mergeCell ref="T11952:W11953"/>
    <mergeCell ref="X11952:AA11953"/>
    <mergeCell ref="A11954:C11955"/>
    <mergeCell ref="D11954:O11955"/>
    <mergeCell ref="P11954:S11955"/>
    <mergeCell ref="T11954:W11955"/>
    <mergeCell ref="X11954:AA11955"/>
    <mergeCell ref="A11956:C11957"/>
    <mergeCell ref="D11956:O11957"/>
    <mergeCell ref="P11956:S11957"/>
    <mergeCell ref="T11956:W11957"/>
    <mergeCell ref="X11956:AA11957"/>
    <mergeCell ref="A11958:C11959"/>
    <mergeCell ref="D11958:O11959"/>
    <mergeCell ref="P11958:S11959"/>
    <mergeCell ref="T11958:W11959"/>
    <mergeCell ref="X11958:AA11959"/>
    <mergeCell ref="A11932:C11933"/>
    <mergeCell ref="D11932:O11933"/>
    <mergeCell ref="P11932:S11933"/>
    <mergeCell ref="T11932:W11933"/>
    <mergeCell ref="X11932:AA11933"/>
    <mergeCell ref="A11934:C11935"/>
    <mergeCell ref="D11934:O11935"/>
    <mergeCell ref="P11934:S11935"/>
    <mergeCell ref="T11934:W11935"/>
    <mergeCell ref="X11934:AA11935"/>
    <mergeCell ref="A11936:C11937"/>
    <mergeCell ref="D11936:O11937"/>
    <mergeCell ref="P11936:S11937"/>
    <mergeCell ref="T11936:W11937"/>
    <mergeCell ref="X11936:AA11937"/>
    <mergeCell ref="A11938:C11939"/>
    <mergeCell ref="D11938:O11939"/>
    <mergeCell ref="P11938:S11939"/>
    <mergeCell ref="T11938:W11939"/>
    <mergeCell ref="X11938:AA11939"/>
    <mergeCell ref="A11940:C11941"/>
    <mergeCell ref="D11940:O11941"/>
    <mergeCell ref="P11940:S11941"/>
    <mergeCell ref="T11940:W11941"/>
    <mergeCell ref="X11940:AA11941"/>
    <mergeCell ref="A11942:C11943"/>
    <mergeCell ref="D11942:O11943"/>
    <mergeCell ref="P11942:S11943"/>
    <mergeCell ref="T11942:W11943"/>
    <mergeCell ref="X11942:AA11943"/>
    <mergeCell ref="A11944:C11945"/>
    <mergeCell ref="D11944:O11945"/>
    <mergeCell ref="P11944:S11945"/>
    <mergeCell ref="T11944:W11945"/>
    <mergeCell ref="X11944:AA11945"/>
    <mergeCell ref="A11918:C11919"/>
    <mergeCell ref="D11918:O11919"/>
    <mergeCell ref="P11918:S11919"/>
    <mergeCell ref="T11918:W11919"/>
    <mergeCell ref="X11918:AA11919"/>
    <mergeCell ref="A11920:C11921"/>
    <mergeCell ref="D11920:O11921"/>
    <mergeCell ref="P11920:S11921"/>
    <mergeCell ref="T11920:W11921"/>
    <mergeCell ref="X11920:AA11921"/>
    <mergeCell ref="A11922:C11923"/>
    <mergeCell ref="D11922:O11923"/>
    <mergeCell ref="P11922:S11923"/>
    <mergeCell ref="T11922:W11923"/>
    <mergeCell ref="X11922:AA11923"/>
    <mergeCell ref="A11924:C11925"/>
    <mergeCell ref="D11924:O11925"/>
    <mergeCell ref="P11924:S11925"/>
    <mergeCell ref="T11924:W11925"/>
    <mergeCell ref="X11924:AA11925"/>
    <mergeCell ref="A11926:C11927"/>
    <mergeCell ref="D11926:O11927"/>
    <mergeCell ref="P11926:S11927"/>
    <mergeCell ref="T11926:W11927"/>
    <mergeCell ref="X11926:AA11927"/>
    <mergeCell ref="A11928:C11929"/>
    <mergeCell ref="D11928:O11929"/>
    <mergeCell ref="P11928:S11929"/>
    <mergeCell ref="T11928:W11929"/>
    <mergeCell ref="X11928:AA11929"/>
    <mergeCell ref="A11930:C11931"/>
    <mergeCell ref="D11930:O11931"/>
    <mergeCell ref="P11930:S11931"/>
    <mergeCell ref="T11930:W11931"/>
    <mergeCell ref="X11930:AA11931"/>
    <mergeCell ref="A11904:C11905"/>
    <mergeCell ref="D11904:O11905"/>
    <mergeCell ref="P11904:S11905"/>
    <mergeCell ref="T11904:W11905"/>
    <mergeCell ref="X11904:AA11905"/>
    <mergeCell ref="A11906:C11907"/>
    <mergeCell ref="D11906:O11907"/>
    <mergeCell ref="P11906:S11907"/>
    <mergeCell ref="T11906:W11907"/>
    <mergeCell ref="X11906:AA11907"/>
    <mergeCell ref="A11908:C11909"/>
    <mergeCell ref="D11908:O11909"/>
    <mergeCell ref="P11908:S11909"/>
    <mergeCell ref="T11908:W11909"/>
    <mergeCell ref="X11908:AA11909"/>
    <mergeCell ref="A11910:C11911"/>
    <mergeCell ref="D11910:O11911"/>
    <mergeCell ref="P11910:S11911"/>
    <mergeCell ref="T11910:W11911"/>
    <mergeCell ref="X11910:AA11911"/>
    <mergeCell ref="A11912:C11913"/>
    <mergeCell ref="D11912:O11913"/>
    <mergeCell ref="P11912:S11913"/>
    <mergeCell ref="T11912:W11913"/>
    <mergeCell ref="X11912:AA11913"/>
    <mergeCell ref="A11914:C11915"/>
    <mergeCell ref="D11914:O11915"/>
    <mergeCell ref="P11914:S11915"/>
    <mergeCell ref="T11914:W11915"/>
    <mergeCell ref="X11914:AA11915"/>
    <mergeCell ref="A11916:C11917"/>
    <mergeCell ref="D11916:O11917"/>
    <mergeCell ref="P11916:S11917"/>
    <mergeCell ref="T11916:W11917"/>
    <mergeCell ref="X11916:AA11917"/>
    <mergeCell ref="A11890:C11891"/>
    <mergeCell ref="D11890:O11891"/>
    <mergeCell ref="P11890:S11891"/>
    <mergeCell ref="T11890:W11891"/>
    <mergeCell ref="X11890:AA11891"/>
    <mergeCell ref="A11892:C11893"/>
    <mergeCell ref="D11892:O11893"/>
    <mergeCell ref="P11892:S11893"/>
    <mergeCell ref="T11892:W11893"/>
    <mergeCell ref="X11892:AA11893"/>
    <mergeCell ref="A11894:C11895"/>
    <mergeCell ref="D11894:O11895"/>
    <mergeCell ref="P11894:S11895"/>
    <mergeCell ref="T11894:W11895"/>
    <mergeCell ref="X11894:AA11895"/>
    <mergeCell ref="A11896:C11897"/>
    <mergeCell ref="D11896:O11897"/>
    <mergeCell ref="P11896:S11897"/>
    <mergeCell ref="T11896:W11897"/>
    <mergeCell ref="X11896:AA11897"/>
    <mergeCell ref="A11898:C11899"/>
    <mergeCell ref="D11898:O11899"/>
    <mergeCell ref="P11898:S11899"/>
    <mergeCell ref="T11898:W11899"/>
    <mergeCell ref="X11898:AA11899"/>
    <mergeCell ref="A11900:C11901"/>
    <mergeCell ref="D11900:O11901"/>
    <mergeCell ref="P11900:S11901"/>
    <mergeCell ref="T11900:W11901"/>
    <mergeCell ref="X11900:AA11901"/>
    <mergeCell ref="A11902:C11903"/>
    <mergeCell ref="D11902:O11903"/>
    <mergeCell ref="P11902:S11903"/>
    <mergeCell ref="T11902:W11903"/>
    <mergeCell ref="X11902:AA11903"/>
    <mergeCell ref="A11876:C11877"/>
    <mergeCell ref="D11876:O11877"/>
    <mergeCell ref="P11876:S11877"/>
    <mergeCell ref="T11876:W11877"/>
    <mergeCell ref="X11876:AA11877"/>
    <mergeCell ref="A11878:C11879"/>
    <mergeCell ref="D11878:O11879"/>
    <mergeCell ref="P11878:S11879"/>
    <mergeCell ref="T11878:W11879"/>
    <mergeCell ref="X11878:AA11879"/>
    <mergeCell ref="A11880:C11881"/>
    <mergeCell ref="D11880:O11881"/>
    <mergeCell ref="P11880:S11881"/>
    <mergeCell ref="T11880:W11881"/>
    <mergeCell ref="X11880:AA11881"/>
    <mergeCell ref="A11882:C11883"/>
    <mergeCell ref="D11882:O11883"/>
    <mergeCell ref="P11882:S11883"/>
    <mergeCell ref="T11882:W11883"/>
    <mergeCell ref="X11882:AA11883"/>
    <mergeCell ref="A11884:C11885"/>
    <mergeCell ref="D11884:O11885"/>
    <mergeCell ref="P11884:S11885"/>
    <mergeCell ref="T11884:W11885"/>
    <mergeCell ref="X11884:AA11885"/>
    <mergeCell ref="A11886:C11887"/>
    <mergeCell ref="D11886:O11887"/>
    <mergeCell ref="P11886:S11887"/>
    <mergeCell ref="T11886:W11887"/>
    <mergeCell ref="X11886:AA11887"/>
    <mergeCell ref="A11888:C11889"/>
    <mergeCell ref="D11888:O11889"/>
    <mergeCell ref="P11888:S11889"/>
    <mergeCell ref="T11888:W11889"/>
    <mergeCell ref="X11888:AA11889"/>
    <mergeCell ref="A11862:C11863"/>
    <mergeCell ref="D11862:O11863"/>
    <mergeCell ref="P11862:S11863"/>
    <mergeCell ref="T11862:W11863"/>
    <mergeCell ref="X11862:AA11863"/>
    <mergeCell ref="A11864:C11865"/>
    <mergeCell ref="D11864:O11865"/>
    <mergeCell ref="P11864:S11865"/>
    <mergeCell ref="T11864:W11865"/>
    <mergeCell ref="X11864:AA11865"/>
    <mergeCell ref="A11866:C11867"/>
    <mergeCell ref="D11866:O11867"/>
    <mergeCell ref="P11866:S11867"/>
    <mergeCell ref="T11866:W11867"/>
    <mergeCell ref="X11866:AA11867"/>
    <mergeCell ref="A11868:C11869"/>
    <mergeCell ref="D11868:O11869"/>
    <mergeCell ref="P11868:S11869"/>
    <mergeCell ref="T11868:W11869"/>
    <mergeCell ref="X11868:AA11869"/>
    <mergeCell ref="A11870:C11871"/>
    <mergeCell ref="D11870:O11871"/>
    <mergeCell ref="P11870:S11871"/>
    <mergeCell ref="T11870:W11871"/>
    <mergeCell ref="X11870:AA11871"/>
    <mergeCell ref="A11872:C11873"/>
    <mergeCell ref="D11872:O11873"/>
    <mergeCell ref="P11872:S11873"/>
    <mergeCell ref="T11872:W11873"/>
    <mergeCell ref="X11872:AA11873"/>
    <mergeCell ref="A11874:C11875"/>
    <mergeCell ref="D11874:O11875"/>
    <mergeCell ref="P11874:S11875"/>
    <mergeCell ref="T11874:W11875"/>
    <mergeCell ref="X11874:AA11875"/>
    <mergeCell ref="A11848:C11849"/>
    <mergeCell ref="D11848:O11849"/>
    <mergeCell ref="P11848:S11849"/>
    <mergeCell ref="T11848:W11849"/>
    <mergeCell ref="X11848:AA11849"/>
    <mergeCell ref="A11850:C11851"/>
    <mergeCell ref="D11850:O11851"/>
    <mergeCell ref="P11850:S11851"/>
    <mergeCell ref="T11850:W11851"/>
    <mergeCell ref="X11850:AA11851"/>
    <mergeCell ref="A11852:C11853"/>
    <mergeCell ref="D11852:O11853"/>
    <mergeCell ref="P11852:S11853"/>
    <mergeCell ref="T11852:W11853"/>
    <mergeCell ref="X11852:AA11853"/>
    <mergeCell ref="A11854:C11855"/>
    <mergeCell ref="D11854:O11855"/>
    <mergeCell ref="P11854:S11855"/>
    <mergeCell ref="T11854:W11855"/>
    <mergeCell ref="X11854:AA11855"/>
    <mergeCell ref="A11856:C11857"/>
    <mergeCell ref="D11856:O11857"/>
    <mergeCell ref="P11856:S11857"/>
    <mergeCell ref="T11856:W11857"/>
    <mergeCell ref="X11856:AA11857"/>
    <mergeCell ref="A11858:C11859"/>
    <mergeCell ref="D11858:O11859"/>
    <mergeCell ref="P11858:S11859"/>
    <mergeCell ref="T11858:W11859"/>
    <mergeCell ref="X11858:AA11859"/>
    <mergeCell ref="A11860:C11861"/>
    <mergeCell ref="D11860:O11861"/>
    <mergeCell ref="P11860:S11861"/>
    <mergeCell ref="T11860:W11861"/>
    <mergeCell ref="X11860:AA11861"/>
    <mergeCell ref="A11834:C11835"/>
    <mergeCell ref="D11834:O11835"/>
    <mergeCell ref="P11834:S11835"/>
    <mergeCell ref="T11834:W11835"/>
    <mergeCell ref="X11834:AA11835"/>
    <mergeCell ref="A11836:C11837"/>
    <mergeCell ref="D11836:O11837"/>
    <mergeCell ref="P11836:S11837"/>
    <mergeCell ref="T11836:W11837"/>
    <mergeCell ref="X11836:AA11837"/>
    <mergeCell ref="A11838:C11839"/>
    <mergeCell ref="D11838:O11839"/>
    <mergeCell ref="P11838:S11839"/>
    <mergeCell ref="T11838:W11839"/>
    <mergeCell ref="X11838:AA11839"/>
    <mergeCell ref="A11840:C11841"/>
    <mergeCell ref="D11840:O11841"/>
    <mergeCell ref="P11840:S11841"/>
    <mergeCell ref="T11840:W11841"/>
    <mergeCell ref="X11840:AA11841"/>
    <mergeCell ref="A11842:C11843"/>
    <mergeCell ref="D11842:O11843"/>
    <mergeCell ref="P11842:S11843"/>
    <mergeCell ref="T11842:W11843"/>
    <mergeCell ref="X11842:AA11843"/>
    <mergeCell ref="A11844:C11845"/>
    <mergeCell ref="D11844:O11845"/>
    <mergeCell ref="P11844:S11845"/>
    <mergeCell ref="T11844:W11845"/>
    <mergeCell ref="X11844:AA11845"/>
    <mergeCell ref="A11846:C11847"/>
    <mergeCell ref="D11846:O11847"/>
    <mergeCell ref="P11846:S11847"/>
    <mergeCell ref="T11846:W11847"/>
    <mergeCell ref="X11846:AA11847"/>
    <mergeCell ref="A11820:C11821"/>
    <mergeCell ref="D11820:O11821"/>
    <mergeCell ref="P11820:S11821"/>
    <mergeCell ref="T11820:W11821"/>
    <mergeCell ref="X11820:AA11821"/>
    <mergeCell ref="A11822:C11823"/>
    <mergeCell ref="D11822:O11823"/>
    <mergeCell ref="P11822:S11823"/>
    <mergeCell ref="T11822:W11823"/>
    <mergeCell ref="X11822:AA11823"/>
    <mergeCell ref="A11824:C11825"/>
    <mergeCell ref="D11824:O11825"/>
    <mergeCell ref="P11824:S11825"/>
    <mergeCell ref="T11824:W11825"/>
    <mergeCell ref="X11824:AA11825"/>
    <mergeCell ref="A11826:C11827"/>
    <mergeCell ref="D11826:O11827"/>
    <mergeCell ref="P11826:S11827"/>
    <mergeCell ref="T11826:W11827"/>
    <mergeCell ref="X11826:AA11827"/>
    <mergeCell ref="A11828:C11829"/>
    <mergeCell ref="D11828:O11829"/>
    <mergeCell ref="P11828:S11829"/>
    <mergeCell ref="T11828:W11829"/>
    <mergeCell ref="X11828:AA11829"/>
    <mergeCell ref="A11830:C11831"/>
    <mergeCell ref="D11830:O11831"/>
    <mergeCell ref="P11830:S11831"/>
    <mergeCell ref="T11830:W11831"/>
    <mergeCell ref="X11830:AA11831"/>
    <mergeCell ref="A11832:C11833"/>
    <mergeCell ref="D11832:O11833"/>
    <mergeCell ref="P11832:S11833"/>
    <mergeCell ref="T11832:W11833"/>
    <mergeCell ref="X11832:AA11833"/>
    <mergeCell ref="A11806:C11807"/>
    <mergeCell ref="D11806:O11807"/>
    <mergeCell ref="P11806:S11807"/>
    <mergeCell ref="T11806:W11807"/>
    <mergeCell ref="X11806:AA11807"/>
    <mergeCell ref="A11808:C11809"/>
    <mergeCell ref="D11808:O11809"/>
    <mergeCell ref="P11808:S11809"/>
    <mergeCell ref="T11808:W11809"/>
    <mergeCell ref="X11808:AA11809"/>
    <mergeCell ref="A11810:C11811"/>
    <mergeCell ref="D11810:O11811"/>
    <mergeCell ref="P11810:S11811"/>
    <mergeCell ref="T11810:W11811"/>
    <mergeCell ref="X11810:AA11811"/>
    <mergeCell ref="A11812:C11813"/>
    <mergeCell ref="D11812:O11813"/>
    <mergeCell ref="P11812:S11813"/>
    <mergeCell ref="T11812:W11813"/>
    <mergeCell ref="X11812:AA11813"/>
    <mergeCell ref="A11814:C11815"/>
    <mergeCell ref="D11814:O11815"/>
    <mergeCell ref="P11814:S11815"/>
    <mergeCell ref="T11814:W11815"/>
    <mergeCell ref="X11814:AA11815"/>
    <mergeCell ref="A11816:C11817"/>
    <mergeCell ref="D11816:O11817"/>
    <mergeCell ref="P11816:S11817"/>
    <mergeCell ref="T11816:W11817"/>
    <mergeCell ref="X11816:AA11817"/>
    <mergeCell ref="A11818:C11819"/>
    <mergeCell ref="D11818:O11819"/>
    <mergeCell ref="P11818:S11819"/>
    <mergeCell ref="T11818:W11819"/>
    <mergeCell ref="X11818:AA11819"/>
    <mergeCell ref="A11792:C11793"/>
    <mergeCell ref="D11792:O11793"/>
    <mergeCell ref="P11792:S11793"/>
    <mergeCell ref="T11792:W11793"/>
    <mergeCell ref="X11792:AA11793"/>
    <mergeCell ref="A11794:C11795"/>
    <mergeCell ref="D11794:O11795"/>
    <mergeCell ref="P11794:S11795"/>
    <mergeCell ref="T11794:W11795"/>
    <mergeCell ref="X11794:AA11795"/>
    <mergeCell ref="A11796:C11797"/>
    <mergeCell ref="D11796:O11797"/>
    <mergeCell ref="P11796:S11797"/>
    <mergeCell ref="T11796:W11797"/>
    <mergeCell ref="X11796:AA11797"/>
    <mergeCell ref="A11798:C11799"/>
    <mergeCell ref="D11798:O11799"/>
    <mergeCell ref="P11798:S11799"/>
    <mergeCell ref="T11798:W11799"/>
    <mergeCell ref="X11798:AA11799"/>
    <mergeCell ref="A11800:C11801"/>
    <mergeCell ref="D11800:O11801"/>
    <mergeCell ref="P11800:S11801"/>
    <mergeCell ref="T11800:W11801"/>
    <mergeCell ref="X11800:AA11801"/>
    <mergeCell ref="A11802:C11803"/>
    <mergeCell ref="D11802:O11803"/>
    <mergeCell ref="P11802:S11803"/>
    <mergeCell ref="T11802:W11803"/>
    <mergeCell ref="X11802:AA11803"/>
    <mergeCell ref="A11804:C11805"/>
    <mergeCell ref="D11804:O11805"/>
    <mergeCell ref="P11804:S11805"/>
    <mergeCell ref="T11804:W11805"/>
    <mergeCell ref="X11804:AA11805"/>
    <mergeCell ref="A11778:C11779"/>
    <mergeCell ref="D11778:O11779"/>
    <mergeCell ref="P11778:S11779"/>
    <mergeCell ref="T11778:W11779"/>
    <mergeCell ref="X11778:AA11779"/>
    <mergeCell ref="A11780:C11781"/>
    <mergeCell ref="D11780:O11781"/>
    <mergeCell ref="P11780:S11781"/>
    <mergeCell ref="T11780:W11781"/>
    <mergeCell ref="X11780:AA11781"/>
    <mergeCell ref="A11782:C11783"/>
    <mergeCell ref="D11782:O11783"/>
    <mergeCell ref="P11782:S11783"/>
    <mergeCell ref="T11782:W11783"/>
    <mergeCell ref="X11782:AA11783"/>
    <mergeCell ref="A11784:C11785"/>
    <mergeCell ref="D11784:O11785"/>
    <mergeCell ref="P11784:S11785"/>
    <mergeCell ref="T11784:W11785"/>
    <mergeCell ref="X11784:AA11785"/>
    <mergeCell ref="A11786:C11787"/>
    <mergeCell ref="D11786:O11787"/>
    <mergeCell ref="P11786:S11787"/>
    <mergeCell ref="T11786:W11787"/>
    <mergeCell ref="X11786:AA11787"/>
    <mergeCell ref="A11788:C11789"/>
    <mergeCell ref="D11788:O11789"/>
    <mergeCell ref="P11788:S11789"/>
    <mergeCell ref="T11788:W11789"/>
    <mergeCell ref="X11788:AA11789"/>
    <mergeCell ref="A11790:C11791"/>
    <mergeCell ref="D11790:O11791"/>
    <mergeCell ref="P11790:S11791"/>
    <mergeCell ref="T11790:W11791"/>
    <mergeCell ref="X11790:AA11791"/>
    <mergeCell ref="A11764:C11765"/>
    <mergeCell ref="D11764:O11765"/>
    <mergeCell ref="P11764:S11765"/>
    <mergeCell ref="T11764:W11765"/>
    <mergeCell ref="X11764:AA11765"/>
    <mergeCell ref="A11766:C11767"/>
    <mergeCell ref="D11766:O11767"/>
    <mergeCell ref="P11766:S11767"/>
    <mergeCell ref="T11766:W11767"/>
    <mergeCell ref="X11766:AA11767"/>
    <mergeCell ref="A11768:C11769"/>
    <mergeCell ref="D11768:O11769"/>
    <mergeCell ref="P11768:S11769"/>
    <mergeCell ref="T11768:W11769"/>
    <mergeCell ref="X11768:AA11769"/>
    <mergeCell ref="A11770:C11771"/>
    <mergeCell ref="D11770:O11771"/>
    <mergeCell ref="P11770:S11771"/>
    <mergeCell ref="T11770:W11771"/>
    <mergeCell ref="X11770:AA11771"/>
    <mergeCell ref="A11772:C11773"/>
    <mergeCell ref="D11772:O11773"/>
    <mergeCell ref="P11772:S11773"/>
    <mergeCell ref="T11772:W11773"/>
    <mergeCell ref="X11772:AA11773"/>
    <mergeCell ref="A11774:C11775"/>
    <mergeCell ref="D11774:O11775"/>
    <mergeCell ref="P11774:S11775"/>
    <mergeCell ref="T11774:W11775"/>
    <mergeCell ref="X11774:AA11775"/>
    <mergeCell ref="A11776:C11777"/>
    <mergeCell ref="D11776:O11777"/>
    <mergeCell ref="P11776:S11777"/>
    <mergeCell ref="T11776:W11777"/>
    <mergeCell ref="X11776:AA11777"/>
    <mergeCell ref="A11750:C11751"/>
    <mergeCell ref="D11750:O11751"/>
    <mergeCell ref="P11750:S11751"/>
    <mergeCell ref="T11750:W11751"/>
    <mergeCell ref="X11750:AA11751"/>
    <mergeCell ref="A11752:C11753"/>
    <mergeCell ref="D11752:O11753"/>
    <mergeCell ref="P11752:S11753"/>
    <mergeCell ref="T11752:W11753"/>
    <mergeCell ref="X11752:AA11753"/>
    <mergeCell ref="A11754:C11755"/>
    <mergeCell ref="D11754:O11755"/>
    <mergeCell ref="P11754:S11755"/>
    <mergeCell ref="T11754:W11755"/>
    <mergeCell ref="X11754:AA11755"/>
    <mergeCell ref="A11756:C11757"/>
    <mergeCell ref="D11756:O11757"/>
    <mergeCell ref="P11756:S11757"/>
    <mergeCell ref="T11756:W11757"/>
    <mergeCell ref="X11756:AA11757"/>
    <mergeCell ref="A11758:C11759"/>
    <mergeCell ref="D11758:O11759"/>
    <mergeCell ref="P11758:S11759"/>
    <mergeCell ref="T11758:W11759"/>
    <mergeCell ref="X11758:AA11759"/>
    <mergeCell ref="A11760:C11761"/>
    <mergeCell ref="D11760:O11761"/>
    <mergeCell ref="P11760:S11761"/>
    <mergeCell ref="T11760:W11761"/>
    <mergeCell ref="X11760:AA11761"/>
    <mergeCell ref="A11762:C11763"/>
    <mergeCell ref="D11762:O11763"/>
    <mergeCell ref="P11762:S11763"/>
    <mergeCell ref="T11762:W11763"/>
    <mergeCell ref="X11762:AA11763"/>
    <mergeCell ref="A11736:C11737"/>
    <mergeCell ref="D11736:O11737"/>
    <mergeCell ref="P11736:S11737"/>
    <mergeCell ref="T11736:W11737"/>
    <mergeCell ref="X11736:AA11737"/>
    <mergeCell ref="A11738:C11739"/>
    <mergeCell ref="D11738:O11739"/>
    <mergeCell ref="P11738:S11739"/>
    <mergeCell ref="T11738:W11739"/>
    <mergeCell ref="X11738:AA11739"/>
    <mergeCell ref="A11740:C11741"/>
    <mergeCell ref="D11740:O11741"/>
    <mergeCell ref="P11740:S11741"/>
    <mergeCell ref="T11740:W11741"/>
    <mergeCell ref="X11740:AA11741"/>
    <mergeCell ref="A11742:C11743"/>
    <mergeCell ref="D11742:O11743"/>
    <mergeCell ref="P11742:S11743"/>
    <mergeCell ref="T11742:W11743"/>
    <mergeCell ref="X11742:AA11743"/>
    <mergeCell ref="A11744:C11745"/>
    <mergeCell ref="D11744:O11745"/>
    <mergeCell ref="P11744:S11745"/>
    <mergeCell ref="T11744:W11745"/>
    <mergeCell ref="X11744:AA11745"/>
    <mergeCell ref="A11746:C11747"/>
    <mergeCell ref="D11746:O11747"/>
    <mergeCell ref="P11746:S11747"/>
    <mergeCell ref="T11746:W11747"/>
    <mergeCell ref="X11746:AA11747"/>
    <mergeCell ref="A11748:C11749"/>
    <mergeCell ref="D11748:O11749"/>
    <mergeCell ref="P11748:S11749"/>
    <mergeCell ref="T11748:W11749"/>
    <mergeCell ref="X11748:AA11749"/>
    <mergeCell ref="A11722:C11723"/>
    <mergeCell ref="D11722:O11723"/>
    <mergeCell ref="P11722:S11723"/>
    <mergeCell ref="T11722:W11723"/>
    <mergeCell ref="X11722:AA11723"/>
    <mergeCell ref="A11724:C11725"/>
    <mergeCell ref="D11724:O11725"/>
    <mergeCell ref="P11724:S11725"/>
    <mergeCell ref="T11724:W11725"/>
    <mergeCell ref="X11724:AA11725"/>
    <mergeCell ref="A11726:C11727"/>
    <mergeCell ref="D11726:O11727"/>
    <mergeCell ref="P11726:S11727"/>
    <mergeCell ref="T11726:W11727"/>
    <mergeCell ref="X11726:AA11727"/>
    <mergeCell ref="A11728:C11729"/>
    <mergeCell ref="D11728:O11729"/>
    <mergeCell ref="P11728:S11729"/>
    <mergeCell ref="T11728:W11729"/>
    <mergeCell ref="X11728:AA11729"/>
    <mergeCell ref="A11730:C11731"/>
    <mergeCell ref="D11730:O11731"/>
    <mergeCell ref="P11730:S11731"/>
    <mergeCell ref="T11730:W11731"/>
    <mergeCell ref="X11730:AA11731"/>
    <mergeCell ref="A11732:C11733"/>
    <mergeCell ref="D11732:O11733"/>
    <mergeCell ref="P11732:S11733"/>
    <mergeCell ref="T11732:W11733"/>
    <mergeCell ref="X11732:AA11733"/>
    <mergeCell ref="A11734:C11735"/>
    <mergeCell ref="D11734:O11735"/>
    <mergeCell ref="P11734:S11735"/>
    <mergeCell ref="T11734:W11735"/>
    <mergeCell ref="X11734:AA11735"/>
    <mergeCell ref="A11708:C11709"/>
    <mergeCell ref="D11708:O11709"/>
    <mergeCell ref="P11708:S11709"/>
    <mergeCell ref="T11708:W11709"/>
    <mergeCell ref="X11708:AA11709"/>
    <mergeCell ref="A11710:C11711"/>
    <mergeCell ref="D11710:O11711"/>
    <mergeCell ref="P11710:S11711"/>
    <mergeCell ref="T11710:W11711"/>
    <mergeCell ref="X11710:AA11711"/>
    <mergeCell ref="A11712:C11713"/>
    <mergeCell ref="D11712:O11713"/>
    <mergeCell ref="P11712:S11713"/>
    <mergeCell ref="T11712:W11713"/>
    <mergeCell ref="X11712:AA11713"/>
    <mergeCell ref="A11714:C11715"/>
    <mergeCell ref="D11714:O11715"/>
    <mergeCell ref="P11714:S11715"/>
    <mergeCell ref="T11714:W11715"/>
    <mergeCell ref="X11714:AA11715"/>
    <mergeCell ref="A11716:C11717"/>
    <mergeCell ref="D11716:O11717"/>
    <mergeCell ref="P11716:S11717"/>
    <mergeCell ref="T11716:W11717"/>
    <mergeCell ref="X11716:AA11717"/>
    <mergeCell ref="A11718:C11719"/>
    <mergeCell ref="D11718:O11719"/>
    <mergeCell ref="P11718:S11719"/>
    <mergeCell ref="T11718:W11719"/>
    <mergeCell ref="X11718:AA11719"/>
    <mergeCell ref="A11720:C11721"/>
    <mergeCell ref="D11720:O11721"/>
    <mergeCell ref="P11720:S11721"/>
    <mergeCell ref="T11720:W11721"/>
    <mergeCell ref="X11720:AA11721"/>
    <mergeCell ref="A11694:C11695"/>
    <mergeCell ref="D11694:O11695"/>
    <mergeCell ref="P11694:S11695"/>
    <mergeCell ref="T11694:W11695"/>
    <mergeCell ref="X11694:AA11695"/>
    <mergeCell ref="A11696:C11697"/>
    <mergeCell ref="D11696:O11697"/>
    <mergeCell ref="P11696:S11697"/>
    <mergeCell ref="T11696:W11697"/>
    <mergeCell ref="X11696:AA11697"/>
    <mergeCell ref="A11698:C11699"/>
    <mergeCell ref="D11698:O11699"/>
    <mergeCell ref="P11698:S11699"/>
    <mergeCell ref="T11698:W11699"/>
    <mergeCell ref="X11698:AA11699"/>
    <mergeCell ref="A11700:C11701"/>
    <mergeCell ref="D11700:O11701"/>
    <mergeCell ref="P11700:S11701"/>
    <mergeCell ref="T11700:W11701"/>
    <mergeCell ref="X11700:AA11701"/>
    <mergeCell ref="A11702:C11703"/>
    <mergeCell ref="D11702:O11703"/>
    <mergeCell ref="P11702:S11703"/>
    <mergeCell ref="T11702:W11703"/>
    <mergeCell ref="X11702:AA11703"/>
    <mergeCell ref="A11704:C11705"/>
    <mergeCell ref="D11704:O11705"/>
    <mergeCell ref="P11704:S11705"/>
    <mergeCell ref="T11704:W11705"/>
    <mergeCell ref="X11704:AA11705"/>
    <mergeCell ref="A11706:C11707"/>
    <mergeCell ref="D11706:O11707"/>
    <mergeCell ref="P11706:S11707"/>
    <mergeCell ref="T11706:W11707"/>
    <mergeCell ref="X11706:AA11707"/>
    <mergeCell ref="A11680:C11681"/>
    <mergeCell ref="D11680:O11681"/>
    <mergeCell ref="P11680:S11681"/>
    <mergeCell ref="T11680:W11681"/>
    <mergeCell ref="X11680:AA11681"/>
    <mergeCell ref="A11682:C11683"/>
    <mergeCell ref="D11682:O11683"/>
    <mergeCell ref="P11682:S11683"/>
    <mergeCell ref="T11682:W11683"/>
    <mergeCell ref="X11682:AA11683"/>
    <mergeCell ref="A11684:C11685"/>
    <mergeCell ref="D11684:O11685"/>
    <mergeCell ref="P11684:S11685"/>
    <mergeCell ref="T11684:W11685"/>
    <mergeCell ref="X11684:AA11685"/>
    <mergeCell ref="A11686:C11687"/>
    <mergeCell ref="D11686:O11687"/>
    <mergeCell ref="P11686:S11687"/>
    <mergeCell ref="T11686:W11687"/>
    <mergeCell ref="X11686:AA11687"/>
    <mergeCell ref="A11688:C11689"/>
    <mergeCell ref="D11688:O11689"/>
    <mergeCell ref="P11688:S11689"/>
    <mergeCell ref="T11688:W11689"/>
    <mergeCell ref="X11688:AA11689"/>
    <mergeCell ref="A11690:C11691"/>
    <mergeCell ref="D11690:O11691"/>
    <mergeCell ref="P11690:S11691"/>
    <mergeCell ref="T11690:W11691"/>
    <mergeCell ref="X11690:AA11691"/>
    <mergeCell ref="A11692:C11693"/>
    <mergeCell ref="D11692:O11693"/>
    <mergeCell ref="P11692:S11693"/>
    <mergeCell ref="T11692:W11693"/>
    <mergeCell ref="X11692:AA11693"/>
    <mergeCell ref="A11666:C11667"/>
    <mergeCell ref="D11666:O11667"/>
    <mergeCell ref="P11666:S11667"/>
    <mergeCell ref="T11666:W11667"/>
    <mergeCell ref="X11666:AA11667"/>
    <mergeCell ref="A11668:C11669"/>
    <mergeCell ref="D11668:O11669"/>
    <mergeCell ref="P11668:S11669"/>
    <mergeCell ref="T11668:W11669"/>
    <mergeCell ref="X11668:AA11669"/>
    <mergeCell ref="A11670:C11671"/>
    <mergeCell ref="D11670:O11671"/>
    <mergeCell ref="P11670:S11671"/>
    <mergeCell ref="T11670:W11671"/>
    <mergeCell ref="X11670:AA11671"/>
    <mergeCell ref="A11672:C11673"/>
    <mergeCell ref="D11672:O11673"/>
    <mergeCell ref="P11672:S11673"/>
    <mergeCell ref="T11672:W11673"/>
    <mergeCell ref="X11672:AA11673"/>
    <mergeCell ref="A11674:C11675"/>
    <mergeCell ref="D11674:O11675"/>
    <mergeCell ref="P11674:S11675"/>
    <mergeCell ref="T11674:W11675"/>
    <mergeCell ref="X11674:AA11675"/>
    <mergeCell ref="A11676:C11677"/>
    <mergeCell ref="D11676:O11677"/>
    <mergeCell ref="P11676:S11677"/>
    <mergeCell ref="T11676:W11677"/>
    <mergeCell ref="X11676:AA11677"/>
    <mergeCell ref="A11678:C11679"/>
    <mergeCell ref="D11678:O11679"/>
    <mergeCell ref="P11678:S11679"/>
    <mergeCell ref="T11678:W11679"/>
    <mergeCell ref="X11678:AA11679"/>
    <mergeCell ref="A11652:C11653"/>
    <mergeCell ref="D11652:O11653"/>
    <mergeCell ref="P11652:S11653"/>
    <mergeCell ref="T11652:W11653"/>
    <mergeCell ref="X11652:AA11653"/>
    <mergeCell ref="A11654:C11655"/>
    <mergeCell ref="D11654:O11655"/>
    <mergeCell ref="P11654:S11655"/>
    <mergeCell ref="T11654:W11655"/>
    <mergeCell ref="X11654:AA11655"/>
    <mergeCell ref="A11656:C11657"/>
    <mergeCell ref="D11656:O11657"/>
    <mergeCell ref="P11656:S11657"/>
    <mergeCell ref="T11656:W11657"/>
    <mergeCell ref="X11656:AA11657"/>
    <mergeCell ref="A11658:C11659"/>
    <mergeCell ref="D11658:O11659"/>
    <mergeCell ref="P11658:S11659"/>
    <mergeCell ref="T11658:W11659"/>
    <mergeCell ref="X11658:AA11659"/>
    <mergeCell ref="A11660:C11661"/>
    <mergeCell ref="D11660:O11661"/>
    <mergeCell ref="P11660:S11661"/>
    <mergeCell ref="T11660:W11661"/>
    <mergeCell ref="X11660:AA11661"/>
    <mergeCell ref="A11662:C11663"/>
    <mergeCell ref="D11662:O11663"/>
    <mergeCell ref="P11662:S11663"/>
    <mergeCell ref="T11662:W11663"/>
    <mergeCell ref="X11662:AA11663"/>
    <mergeCell ref="A11664:C11665"/>
    <mergeCell ref="D11664:O11665"/>
    <mergeCell ref="P11664:S11665"/>
    <mergeCell ref="T11664:W11665"/>
    <mergeCell ref="X11664:AA11665"/>
    <mergeCell ref="A11638:C11639"/>
    <mergeCell ref="D11638:O11639"/>
    <mergeCell ref="P11638:S11639"/>
    <mergeCell ref="T11638:W11639"/>
    <mergeCell ref="X11638:AA11639"/>
    <mergeCell ref="A11640:C11641"/>
    <mergeCell ref="D11640:O11641"/>
    <mergeCell ref="P11640:S11641"/>
    <mergeCell ref="T11640:W11641"/>
    <mergeCell ref="X11640:AA11641"/>
    <mergeCell ref="A11642:C11643"/>
    <mergeCell ref="D11642:O11643"/>
    <mergeCell ref="P11642:S11643"/>
    <mergeCell ref="T11642:W11643"/>
    <mergeCell ref="X11642:AA11643"/>
    <mergeCell ref="A11644:C11645"/>
    <mergeCell ref="D11644:O11645"/>
    <mergeCell ref="P11644:S11645"/>
    <mergeCell ref="T11644:W11645"/>
    <mergeCell ref="X11644:AA11645"/>
    <mergeCell ref="A11646:C11647"/>
    <mergeCell ref="D11646:O11647"/>
    <mergeCell ref="P11646:S11647"/>
    <mergeCell ref="T11646:W11647"/>
    <mergeCell ref="X11646:AA11647"/>
    <mergeCell ref="A11648:C11649"/>
    <mergeCell ref="D11648:O11649"/>
    <mergeCell ref="P11648:S11649"/>
    <mergeCell ref="T11648:W11649"/>
    <mergeCell ref="X11648:AA11649"/>
    <mergeCell ref="A11650:C11651"/>
    <mergeCell ref="D11650:O11651"/>
    <mergeCell ref="P11650:S11651"/>
    <mergeCell ref="T11650:W11651"/>
    <mergeCell ref="X11650:AA11651"/>
    <mergeCell ref="A11624:C11625"/>
    <mergeCell ref="D11624:O11625"/>
    <mergeCell ref="P11624:S11625"/>
    <mergeCell ref="T11624:W11625"/>
    <mergeCell ref="X11624:AA11625"/>
    <mergeCell ref="A11626:C11627"/>
    <mergeCell ref="D11626:O11627"/>
    <mergeCell ref="P11626:S11627"/>
    <mergeCell ref="T11626:W11627"/>
    <mergeCell ref="X11626:AA11627"/>
    <mergeCell ref="A11628:C11629"/>
    <mergeCell ref="D11628:O11629"/>
    <mergeCell ref="P11628:S11629"/>
    <mergeCell ref="T11628:W11629"/>
    <mergeCell ref="X11628:AA11629"/>
    <mergeCell ref="A11630:C11631"/>
    <mergeCell ref="D11630:O11631"/>
    <mergeCell ref="P11630:S11631"/>
    <mergeCell ref="T11630:W11631"/>
    <mergeCell ref="X11630:AA11631"/>
    <mergeCell ref="A11632:C11633"/>
    <mergeCell ref="D11632:O11633"/>
    <mergeCell ref="P11632:S11633"/>
    <mergeCell ref="T11632:W11633"/>
    <mergeCell ref="X11632:AA11633"/>
    <mergeCell ref="A11634:C11635"/>
    <mergeCell ref="D11634:O11635"/>
    <mergeCell ref="P11634:S11635"/>
    <mergeCell ref="T11634:W11635"/>
    <mergeCell ref="X11634:AA11635"/>
    <mergeCell ref="A11636:C11637"/>
    <mergeCell ref="D11636:O11637"/>
    <mergeCell ref="P11636:S11637"/>
    <mergeCell ref="T11636:W11637"/>
    <mergeCell ref="X11636:AA11637"/>
    <mergeCell ref="A11610:C11611"/>
    <mergeCell ref="D11610:O11611"/>
    <mergeCell ref="P11610:S11611"/>
    <mergeCell ref="T11610:W11611"/>
    <mergeCell ref="X11610:AA11611"/>
    <mergeCell ref="A11612:C11613"/>
    <mergeCell ref="D11612:O11613"/>
    <mergeCell ref="P11612:S11613"/>
    <mergeCell ref="T11612:W11613"/>
    <mergeCell ref="X11612:AA11613"/>
    <mergeCell ref="A11614:C11615"/>
    <mergeCell ref="D11614:O11615"/>
    <mergeCell ref="P11614:S11615"/>
    <mergeCell ref="T11614:W11615"/>
    <mergeCell ref="X11614:AA11615"/>
    <mergeCell ref="A11616:C11617"/>
    <mergeCell ref="D11616:O11617"/>
    <mergeCell ref="P11616:S11617"/>
    <mergeCell ref="T11616:W11617"/>
    <mergeCell ref="X11616:AA11617"/>
    <mergeCell ref="A11618:C11619"/>
    <mergeCell ref="D11618:O11619"/>
    <mergeCell ref="P11618:S11619"/>
    <mergeCell ref="T11618:W11619"/>
    <mergeCell ref="X11618:AA11619"/>
    <mergeCell ref="A11620:C11621"/>
    <mergeCell ref="D11620:O11621"/>
    <mergeCell ref="P11620:S11621"/>
    <mergeCell ref="T11620:W11621"/>
    <mergeCell ref="X11620:AA11621"/>
    <mergeCell ref="A11622:C11623"/>
    <mergeCell ref="D11622:O11623"/>
    <mergeCell ref="P11622:S11623"/>
    <mergeCell ref="T11622:W11623"/>
    <mergeCell ref="X11622:AA11623"/>
    <mergeCell ref="A11596:C11597"/>
    <mergeCell ref="D11596:O11597"/>
    <mergeCell ref="P11596:S11597"/>
    <mergeCell ref="T11596:W11597"/>
    <mergeCell ref="X11596:AA11597"/>
    <mergeCell ref="A11598:C11599"/>
    <mergeCell ref="D11598:O11599"/>
    <mergeCell ref="P11598:S11599"/>
    <mergeCell ref="T11598:W11599"/>
    <mergeCell ref="X11598:AA11599"/>
    <mergeCell ref="A11600:C11601"/>
    <mergeCell ref="D11600:O11601"/>
    <mergeCell ref="P11600:S11601"/>
    <mergeCell ref="T11600:W11601"/>
    <mergeCell ref="X11600:AA11601"/>
    <mergeCell ref="A11602:C11603"/>
    <mergeCell ref="D11602:O11603"/>
    <mergeCell ref="P11602:S11603"/>
    <mergeCell ref="T11602:W11603"/>
    <mergeCell ref="X11602:AA11603"/>
    <mergeCell ref="A11604:C11605"/>
    <mergeCell ref="D11604:O11605"/>
    <mergeCell ref="P11604:S11605"/>
    <mergeCell ref="T11604:W11605"/>
    <mergeCell ref="X11604:AA11605"/>
    <mergeCell ref="A11606:C11607"/>
    <mergeCell ref="D11606:O11607"/>
    <mergeCell ref="P11606:S11607"/>
    <mergeCell ref="T11606:W11607"/>
    <mergeCell ref="X11606:AA11607"/>
    <mergeCell ref="A11608:C11609"/>
    <mergeCell ref="D11608:O11609"/>
    <mergeCell ref="P11608:S11609"/>
    <mergeCell ref="T11608:W11609"/>
    <mergeCell ref="X11608:AA11609"/>
    <mergeCell ref="A11582:C11583"/>
    <mergeCell ref="D11582:O11583"/>
    <mergeCell ref="P11582:S11583"/>
    <mergeCell ref="T11582:W11583"/>
    <mergeCell ref="X11582:AA11583"/>
    <mergeCell ref="A11584:C11585"/>
    <mergeCell ref="D11584:O11585"/>
    <mergeCell ref="P11584:S11585"/>
    <mergeCell ref="T11584:W11585"/>
    <mergeCell ref="X11584:AA11585"/>
    <mergeCell ref="A11586:C11587"/>
    <mergeCell ref="D11586:O11587"/>
    <mergeCell ref="P11586:S11587"/>
    <mergeCell ref="T11586:W11587"/>
    <mergeCell ref="X11586:AA11587"/>
    <mergeCell ref="A11588:C11589"/>
    <mergeCell ref="D11588:O11589"/>
    <mergeCell ref="P11588:S11589"/>
    <mergeCell ref="T11588:W11589"/>
    <mergeCell ref="X11588:AA11589"/>
    <mergeCell ref="A11590:C11591"/>
    <mergeCell ref="D11590:O11591"/>
    <mergeCell ref="P11590:S11591"/>
    <mergeCell ref="T11590:W11591"/>
    <mergeCell ref="X11590:AA11591"/>
    <mergeCell ref="A11592:C11593"/>
    <mergeCell ref="D11592:O11593"/>
    <mergeCell ref="P11592:S11593"/>
    <mergeCell ref="T11592:W11593"/>
    <mergeCell ref="X11592:AA11593"/>
    <mergeCell ref="A11594:C11595"/>
    <mergeCell ref="D11594:O11595"/>
    <mergeCell ref="P11594:S11595"/>
    <mergeCell ref="T11594:W11595"/>
    <mergeCell ref="X11594:AA11595"/>
    <mergeCell ref="A11568:C11569"/>
    <mergeCell ref="D11568:O11569"/>
    <mergeCell ref="P11568:S11569"/>
    <mergeCell ref="T11568:W11569"/>
    <mergeCell ref="X11568:AA11569"/>
    <mergeCell ref="A11570:C11571"/>
    <mergeCell ref="D11570:O11571"/>
    <mergeCell ref="P11570:S11571"/>
    <mergeCell ref="T11570:W11571"/>
    <mergeCell ref="X11570:AA11571"/>
    <mergeCell ref="A11572:C11573"/>
    <mergeCell ref="D11572:O11573"/>
    <mergeCell ref="P11572:S11573"/>
    <mergeCell ref="T11572:W11573"/>
    <mergeCell ref="X11572:AA11573"/>
    <mergeCell ref="A11574:C11575"/>
    <mergeCell ref="D11574:O11575"/>
    <mergeCell ref="P11574:S11575"/>
    <mergeCell ref="T11574:W11575"/>
    <mergeCell ref="X11574:AA11575"/>
    <mergeCell ref="A11576:C11577"/>
    <mergeCell ref="D11576:O11577"/>
    <mergeCell ref="P11576:S11577"/>
    <mergeCell ref="T11576:W11577"/>
    <mergeCell ref="X11576:AA11577"/>
    <mergeCell ref="A11578:C11579"/>
    <mergeCell ref="D11578:O11579"/>
    <mergeCell ref="P11578:S11579"/>
    <mergeCell ref="T11578:W11579"/>
    <mergeCell ref="X11578:AA11579"/>
    <mergeCell ref="A11580:C11581"/>
    <mergeCell ref="D11580:O11581"/>
    <mergeCell ref="P11580:S11581"/>
    <mergeCell ref="T11580:W11581"/>
    <mergeCell ref="X11580:AA11581"/>
    <mergeCell ref="A11554:C11555"/>
    <mergeCell ref="D11554:O11555"/>
    <mergeCell ref="P11554:S11555"/>
    <mergeCell ref="T11554:W11555"/>
    <mergeCell ref="X11554:AA11555"/>
    <mergeCell ref="A11556:C11557"/>
    <mergeCell ref="D11556:O11557"/>
    <mergeCell ref="P11556:S11557"/>
    <mergeCell ref="T11556:W11557"/>
    <mergeCell ref="X11556:AA11557"/>
    <mergeCell ref="A11558:C11559"/>
    <mergeCell ref="D11558:O11559"/>
    <mergeCell ref="P11558:S11559"/>
    <mergeCell ref="T11558:W11559"/>
    <mergeCell ref="X11558:AA11559"/>
    <mergeCell ref="A11560:C11561"/>
    <mergeCell ref="D11560:O11561"/>
    <mergeCell ref="P11560:S11561"/>
    <mergeCell ref="T11560:W11561"/>
    <mergeCell ref="X11560:AA11561"/>
    <mergeCell ref="A11562:C11563"/>
    <mergeCell ref="D11562:O11563"/>
    <mergeCell ref="P11562:S11563"/>
    <mergeCell ref="T11562:W11563"/>
    <mergeCell ref="X11562:AA11563"/>
    <mergeCell ref="A11564:C11565"/>
    <mergeCell ref="D11564:O11565"/>
    <mergeCell ref="P11564:S11565"/>
    <mergeCell ref="T11564:W11565"/>
    <mergeCell ref="X11564:AA11565"/>
    <mergeCell ref="A11566:C11567"/>
    <mergeCell ref="D11566:O11567"/>
    <mergeCell ref="P11566:S11567"/>
    <mergeCell ref="T11566:W11567"/>
    <mergeCell ref="X11566:AA11567"/>
    <mergeCell ref="A11540:C11541"/>
    <mergeCell ref="D11540:O11541"/>
    <mergeCell ref="P11540:S11541"/>
    <mergeCell ref="T11540:W11541"/>
    <mergeCell ref="X11540:AA11541"/>
    <mergeCell ref="A11542:C11543"/>
    <mergeCell ref="D11542:O11543"/>
    <mergeCell ref="P11542:S11543"/>
    <mergeCell ref="T11542:W11543"/>
    <mergeCell ref="X11542:AA11543"/>
    <mergeCell ref="A11544:C11545"/>
    <mergeCell ref="D11544:O11545"/>
    <mergeCell ref="P11544:S11545"/>
    <mergeCell ref="T11544:W11545"/>
    <mergeCell ref="X11544:AA11545"/>
    <mergeCell ref="A11546:C11547"/>
    <mergeCell ref="D11546:O11547"/>
    <mergeCell ref="P11546:S11547"/>
    <mergeCell ref="T11546:W11547"/>
    <mergeCell ref="X11546:AA11547"/>
    <mergeCell ref="A11548:C11549"/>
    <mergeCell ref="D11548:O11549"/>
    <mergeCell ref="P11548:S11549"/>
    <mergeCell ref="T11548:W11549"/>
    <mergeCell ref="X11548:AA11549"/>
    <mergeCell ref="A11550:C11551"/>
    <mergeCell ref="D11550:O11551"/>
    <mergeCell ref="P11550:S11551"/>
    <mergeCell ref="T11550:W11551"/>
    <mergeCell ref="X11550:AA11551"/>
    <mergeCell ref="A11552:C11553"/>
    <mergeCell ref="D11552:O11553"/>
    <mergeCell ref="P11552:S11553"/>
    <mergeCell ref="T11552:W11553"/>
    <mergeCell ref="X11552:AA11553"/>
    <mergeCell ref="A11526:C11527"/>
    <mergeCell ref="D11526:O11527"/>
    <mergeCell ref="P11526:S11527"/>
    <mergeCell ref="T11526:W11527"/>
    <mergeCell ref="X11526:AA11527"/>
    <mergeCell ref="A11528:C11529"/>
    <mergeCell ref="D11528:O11529"/>
    <mergeCell ref="P11528:S11529"/>
    <mergeCell ref="T11528:W11529"/>
    <mergeCell ref="X11528:AA11529"/>
    <mergeCell ref="A11530:C11531"/>
    <mergeCell ref="D11530:O11531"/>
    <mergeCell ref="P11530:S11531"/>
    <mergeCell ref="T11530:W11531"/>
    <mergeCell ref="X11530:AA11531"/>
    <mergeCell ref="A11532:C11533"/>
    <mergeCell ref="D11532:O11533"/>
    <mergeCell ref="P11532:S11533"/>
    <mergeCell ref="T11532:W11533"/>
    <mergeCell ref="X11532:AA11533"/>
    <mergeCell ref="A11534:C11535"/>
    <mergeCell ref="D11534:O11535"/>
    <mergeCell ref="P11534:S11535"/>
    <mergeCell ref="T11534:W11535"/>
    <mergeCell ref="X11534:AA11535"/>
    <mergeCell ref="A11536:C11537"/>
    <mergeCell ref="D11536:O11537"/>
    <mergeCell ref="P11536:S11537"/>
    <mergeCell ref="T11536:W11537"/>
    <mergeCell ref="X11536:AA11537"/>
    <mergeCell ref="A11538:C11539"/>
    <mergeCell ref="D11538:O11539"/>
    <mergeCell ref="P11538:S11539"/>
    <mergeCell ref="T11538:W11539"/>
    <mergeCell ref="X11538:AA11539"/>
    <mergeCell ref="A11512:C11513"/>
    <mergeCell ref="D11512:O11513"/>
    <mergeCell ref="P11512:S11513"/>
    <mergeCell ref="T11512:W11513"/>
    <mergeCell ref="X11512:AA11513"/>
    <mergeCell ref="A11514:C11515"/>
    <mergeCell ref="D11514:O11515"/>
    <mergeCell ref="P11514:S11515"/>
    <mergeCell ref="T11514:W11515"/>
    <mergeCell ref="X11514:AA11515"/>
    <mergeCell ref="A11516:C11517"/>
    <mergeCell ref="D11516:O11517"/>
    <mergeCell ref="P11516:S11517"/>
    <mergeCell ref="T11516:W11517"/>
    <mergeCell ref="X11516:AA11517"/>
    <mergeCell ref="A11518:C11519"/>
    <mergeCell ref="D11518:O11519"/>
    <mergeCell ref="P11518:S11519"/>
    <mergeCell ref="T11518:W11519"/>
    <mergeCell ref="X11518:AA11519"/>
    <mergeCell ref="A11520:C11521"/>
    <mergeCell ref="D11520:O11521"/>
    <mergeCell ref="P11520:S11521"/>
    <mergeCell ref="T11520:W11521"/>
    <mergeCell ref="X11520:AA11521"/>
    <mergeCell ref="A11522:C11523"/>
    <mergeCell ref="D11522:O11523"/>
    <mergeCell ref="P11522:S11523"/>
    <mergeCell ref="T11522:W11523"/>
    <mergeCell ref="X11522:AA11523"/>
    <mergeCell ref="A11524:C11525"/>
    <mergeCell ref="D11524:O11525"/>
    <mergeCell ref="P11524:S11525"/>
    <mergeCell ref="T11524:W11525"/>
    <mergeCell ref="X11524:AA11525"/>
    <mergeCell ref="A11498:C11499"/>
    <mergeCell ref="D11498:O11499"/>
    <mergeCell ref="P11498:S11499"/>
    <mergeCell ref="T11498:W11499"/>
    <mergeCell ref="X11498:AA11499"/>
    <mergeCell ref="A11500:C11501"/>
    <mergeCell ref="D11500:O11501"/>
    <mergeCell ref="P11500:S11501"/>
    <mergeCell ref="T11500:W11501"/>
    <mergeCell ref="X11500:AA11501"/>
    <mergeCell ref="A11502:C11503"/>
    <mergeCell ref="D11502:O11503"/>
    <mergeCell ref="P11502:S11503"/>
    <mergeCell ref="T11502:W11503"/>
    <mergeCell ref="X11502:AA11503"/>
    <mergeCell ref="A11504:C11505"/>
    <mergeCell ref="D11504:O11505"/>
    <mergeCell ref="P11504:S11505"/>
    <mergeCell ref="T11504:W11505"/>
    <mergeCell ref="X11504:AA11505"/>
    <mergeCell ref="A11506:C11507"/>
    <mergeCell ref="D11506:O11507"/>
    <mergeCell ref="P11506:S11507"/>
    <mergeCell ref="T11506:W11507"/>
    <mergeCell ref="X11506:AA11507"/>
    <mergeCell ref="A11508:C11509"/>
    <mergeCell ref="D11508:O11509"/>
    <mergeCell ref="P11508:S11509"/>
    <mergeCell ref="T11508:W11509"/>
    <mergeCell ref="X11508:AA11509"/>
    <mergeCell ref="A11510:C11511"/>
    <mergeCell ref="D11510:O11511"/>
    <mergeCell ref="P11510:S11511"/>
    <mergeCell ref="T11510:W11511"/>
    <mergeCell ref="X11510:AA11511"/>
    <mergeCell ref="A11484:C11485"/>
    <mergeCell ref="D11484:O11485"/>
    <mergeCell ref="P11484:S11485"/>
    <mergeCell ref="T11484:W11485"/>
    <mergeCell ref="X11484:AA11485"/>
    <mergeCell ref="A11486:C11487"/>
    <mergeCell ref="D11486:O11487"/>
    <mergeCell ref="P11486:S11487"/>
    <mergeCell ref="T11486:W11487"/>
    <mergeCell ref="X11486:AA11487"/>
    <mergeCell ref="A11488:C11489"/>
    <mergeCell ref="D11488:O11489"/>
    <mergeCell ref="P11488:S11489"/>
    <mergeCell ref="T11488:W11489"/>
    <mergeCell ref="X11488:AA11489"/>
    <mergeCell ref="A11490:C11491"/>
    <mergeCell ref="D11490:O11491"/>
    <mergeCell ref="P11490:S11491"/>
    <mergeCell ref="T11490:W11491"/>
    <mergeCell ref="X11490:AA11491"/>
    <mergeCell ref="A11492:C11493"/>
    <mergeCell ref="D11492:O11493"/>
    <mergeCell ref="P11492:S11493"/>
    <mergeCell ref="T11492:W11493"/>
    <mergeCell ref="X11492:AA11493"/>
    <mergeCell ref="A11494:C11495"/>
    <mergeCell ref="D11494:O11495"/>
    <mergeCell ref="P11494:S11495"/>
    <mergeCell ref="T11494:W11495"/>
    <mergeCell ref="X11494:AA11495"/>
    <mergeCell ref="A11496:C11497"/>
    <mergeCell ref="D11496:O11497"/>
    <mergeCell ref="P11496:S11497"/>
    <mergeCell ref="T11496:W11497"/>
    <mergeCell ref="X11496:AA11497"/>
    <mergeCell ref="A11470:C11471"/>
    <mergeCell ref="D11470:O11471"/>
    <mergeCell ref="P11470:S11471"/>
    <mergeCell ref="T11470:W11471"/>
    <mergeCell ref="X11470:AA11471"/>
    <mergeCell ref="A11472:C11473"/>
    <mergeCell ref="D11472:O11473"/>
    <mergeCell ref="P11472:S11473"/>
    <mergeCell ref="T11472:W11473"/>
    <mergeCell ref="X11472:AA11473"/>
    <mergeCell ref="A11474:C11475"/>
    <mergeCell ref="D11474:O11475"/>
    <mergeCell ref="P11474:S11475"/>
    <mergeCell ref="T11474:W11475"/>
    <mergeCell ref="X11474:AA11475"/>
    <mergeCell ref="A11476:C11477"/>
    <mergeCell ref="D11476:O11477"/>
    <mergeCell ref="P11476:S11477"/>
    <mergeCell ref="T11476:W11477"/>
    <mergeCell ref="X11476:AA11477"/>
    <mergeCell ref="A11478:C11479"/>
    <mergeCell ref="D11478:O11479"/>
    <mergeCell ref="P11478:S11479"/>
    <mergeCell ref="T11478:W11479"/>
    <mergeCell ref="X11478:AA11479"/>
    <mergeCell ref="A11480:C11481"/>
    <mergeCell ref="D11480:O11481"/>
    <mergeCell ref="P11480:S11481"/>
    <mergeCell ref="T11480:W11481"/>
    <mergeCell ref="X11480:AA11481"/>
    <mergeCell ref="A11482:C11483"/>
    <mergeCell ref="D11482:O11483"/>
    <mergeCell ref="P11482:S11483"/>
    <mergeCell ref="T11482:W11483"/>
    <mergeCell ref="X11482:AA11483"/>
    <mergeCell ref="A11456:C11457"/>
    <mergeCell ref="D11456:O11457"/>
    <mergeCell ref="P11456:S11457"/>
    <mergeCell ref="T11456:W11457"/>
    <mergeCell ref="X11456:AA11457"/>
    <mergeCell ref="A11458:C11459"/>
    <mergeCell ref="D11458:O11459"/>
    <mergeCell ref="P11458:S11459"/>
    <mergeCell ref="T11458:W11459"/>
    <mergeCell ref="X11458:AA11459"/>
    <mergeCell ref="A11460:C11461"/>
    <mergeCell ref="D11460:O11461"/>
    <mergeCell ref="P11460:S11461"/>
    <mergeCell ref="T11460:W11461"/>
    <mergeCell ref="X11460:AA11461"/>
    <mergeCell ref="A11462:C11463"/>
    <mergeCell ref="D11462:O11463"/>
    <mergeCell ref="P11462:S11463"/>
    <mergeCell ref="T11462:W11463"/>
    <mergeCell ref="X11462:AA11463"/>
    <mergeCell ref="A11464:C11465"/>
    <mergeCell ref="D11464:O11465"/>
    <mergeCell ref="P11464:S11465"/>
    <mergeCell ref="T11464:W11465"/>
    <mergeCell ref="X11464:AA11465"/>
    <mergeCell ref="A11466:C11467"/>
    <mergeCell ref="D11466:O11467"/>
    <mergeCell ref="P11466:S11467"/>
    <mergeCell ref="T11466:W11467"/>
    <mergeCell ref="X11466:AA11467"/>
    <mergeCell ref="A11468:C11469"/>
    <mergeCell ref="D11468:O11469"/>
    <mergeCell ref="P11468:S11469"/>
    <mergeCell ref="T11468:W11469"/>
    <mergeCell ref="X11468:AA11469"/>
    <mergeCell ref="A11442:C11443"/>
    <mergeCell ref="D11442:O11443"/>
    <mergeCell ref="P11442:S11443"/>
    <mergeCell ref="T11442:W11443"/>
    <mergeCell ref="X11442:AA11443"/>
    <mergeCell ref="A11444:C11445"/>
    <mergeCell ref="D11444:O11445"/>
    <mergeCell ref="P11444:S11445"/>
    <mergeCell ref="T11444:W11445"/>
    <mergeCell ref="X11444:AA11445"/>
    <mergeCell ref="A11446:C11447"/>
    <mergeCell ref="D11446:O11447"/>
    <mergeCell ref="P11446:S11447"/>
    <mergeCell ref="T11446:W11447"/>
    <mergeCell ref="X11446:AA11447"/>
    <mergeCell ref="A11448:C11449"/>
    <mergeCell ref="D11448:O11449"/>
    <mergeCell ref="P11448:S11449"/>
    <mergeCell ref="T11448:W11449"/>
    <mergeCell ref="X11448:AA11449"/>
    <mergeCell ref="A11450:C11451"/>
    <mergeCell ref="D11450:O11451"/>
    <mergeCell ref="P11450:S11451"/>
    <mergeCell ref="T11450:W11451"/>
    <mergeCell ref="X11450:AA11451"/>
    <mergeCell ref="A11452:C11453"/>
    <mergeCell ref="D11452:O11453"/>
    <mergeCell ref="P11452:S11453"/>
    <mergeCell ref="T11452:W11453"/>
    <mergeCell ref="X11452:AA11453"/>
    <mergeCell ref="A11454:C11455"/>
    <mergeCell ref="D11454:O11455"/>
    <mergeCell ref="P11454:S11455"/>
    <mergeCell ref="T11454:W11455"/>
    <mergeCell ref="X11454:AA11455"/>
    <mergeCell ref="A11428:C11429"/>
    <mergeCell ref="D11428:O11429"/>
    <mergeCell ref="P11428:S11429"/>
    <mergeCell ref="T11428:W11429"/>
    <mergeCell ref="X11428:AA11429"/>
    <mergeCell ref="A11430:C11431"/>
    <mergeCell ref="D11430:O11431"/>
    <mergeCell ref="P11430:S11431"/>
    <mergeCell ref="T11430:W11431"/>
    <mergeCell ref="X11430:AA11431"/>
    <mergeCell ref="A11432:C11433"/>
    <mergeCell ref="D11432:O11433"/>
    <mergeCell ref="P11432:S11433"/>
    <mergeCell ref="T11432:W11433"/>
    <mergeCell ref="X11432:AA11433"/>
    <mergeCell ref="A11434:C11435"/>
    <mergeCell ref="D11434:O11435"/>
    <mergeCell ref="P11434:S11435"/>
    <mergeCell ref="T11434:W11435"/>
    <mergeCell ref="X11434:AA11435"/>
    <mergeCell ref="A11436:C11437"/>
    <mergeCell ref="D11436:O11437"/>
    <mergeCell ref="P11436:S11437"/>
    <mergeCell ref="T11436:W11437"/>
    <mergeCell ref="X11436:AA11437"/>
    <mergeCell ref="A11438:C11439"/>
    <mergeCell ref="D11438:O11439"/>
    <mergeCell ref="P11438:S11439"/>
    <mergeCell ref="T11438:W11439"/>
    <mergeCell ref="X11438:AA11439"/>
    <mergeCell ref="A11440:C11441"/>
    <mergeCell ref="D11440:O11441"/>
    <mergeCell ref="P11440:S11441"/>
    <mergeCell ref="T11440:W11441"/>
    <mergeCell ref="X11440:AA11441"/>
    <mergeCell ref="A11414:C11415"/>
    <mergeCell ref="D11414:O11415"/>
    <mergeCell ref="P11414:S11415"/>
    <mergeCell ref="T11414:W11415"/>
    <mergeCell ref="X11414:AA11415"/>
    <mergeCell ref="A11416:C11417"/>
    <mergeCell ref="D11416:O11417"/>
    <mergeCell ref="P11416:S11417"/>
    <mergeCell ref="T11416:W11417"/>
    <mergeCell ref="X11416:AA11417"/>
    <mergeCell ref="A11418:C11419"/>
    <mergeCell ref="D11418:O11419"/>
    <mergeCell ref="P11418:S11419"/>
    <mergeCell ref="T11418:W11419"/>
    <mergeCell ref="X11418:AA11419"/>
    <mergeCell ref="A11420:C11421"/>
    <mergeCell ref="D11420:O11421"/>
    <mergeCell ref="P11420:S11421"/>
    <mergeCell ref="T11420:W11421"/>
    <mergeCell ref="X11420:AA11421"/>
    <mergeCell ref="A11422:C11423"/>
    <mergeCell ref="D11422:O11423"/>
    <mergeCell ref="P11422:S11423"/>
    <mergeCell ref="T11422:W11423"/>
    <mergeCell ref="X11422:AA11423"/>
    <mergeCell ref="A11424:C11425"/>
    <mergeCell ref="D11424:O11425"/>
    <mergeCell ref="P11424:S11425"/>
    <mergeCell ref="T11424:W11425"/>
    <mergeCell ref="X11424:AA11425"/>
    <mergeCell ref="A11426:C11427"/>
    <mergeCell ref="D11426:O11427"/>
    <mergeCell ref="P11426:S11427"/>
    <mergeCell ref="T11426:W11427"/>
    <mergeCell ref="X11426:AA11427"/>
    <mergeCell ref="A11400:C11401"/>
    <mergeCell ref="D11400:O11401"/>
    <mergeCell ref="P11400:S11401"/>
    <mergeCell ref="T11400:W11401"/>
    <mergeCell ref="X11400:AA11401"/>
    <mergeCell ref="A11402:C11403"/>
    <mergeCell ref="D11402:O11403"/>
    <mergeCell ref="P11402:S11403"/>
    <mergeCell ref="T11402:W11403"/>
    <mergeCell ref="X11402:AA11403"/>
    <mergeCell ref="A11404:C11405"/>
    <mergeCell ref="D11404:O11405"/>
    <mergeCell ref="P11404:S11405"/>
    <mergeCell ref="T11404:W11405"/>
    <mergeCell ref="X11404:AA11405"/>
    <mergeCell ref="A11406:C11407"/>
    <mergeCell ref="D11406:O11407"/>
    <mergeCell ref="P11406:S11407"/>
    <mergeCell ref="T11406:W11407"/>
    <mergeCell ref="X11406:AA11407"/>
    <mergeCell ref="A11408:C11409"/>
    <mergeCell ref="D11408:O11409"/>
    <mergeCell ref="P11408:S11409"/>
    <mergeCell ref="T11408:W11409"/>
    <mergeCell ref="X11408:AA11409"/>
    <mergeCell ref="A11410:C11411"/>
    <mergeCell ref="D11410:O11411"/>
    <mergeCell ref="P11410:S11411"/>
    <mergeCell ref="T11410:W11411"/>
    <mergeCell ref="X11410:AA11411"/>
    <mergeCell ref="A11412:C11413"/>
    <mergeCell ref="D11412:O11413"/>
    <mergeCell ref="P11412:S11413"/>
    <mergeCell ref="T11412:W11413"/>
    <mergeCell ref="X11412:AA11413"/>
    <mergeCell ref="A11386:C11387"/>
    <mergeCell ref="D11386:O11387"/>
    <mergeCell ref="P11386:S11387"/>
    <mergeCell ref="T11386:W11387"/>
    <mergeCell ref="X11386:AA11387"/>
    <mergeCell ref="A11388:C11389"/>
    <mergeCell ref="D11388:O11389"/>
    <mergeCell ref="P11388:S11389"/>
    <mergeCell ref="T11388:W11389"/>
    <mergeCell ref="X11388:AA11389"/>
    <mergeCell ref="A11390:C11391"/>
    <mergeCell ref="D11390:O11391"/>
    <mergeCell ref="P11390:S11391"/>
    <mergeCell ref="T11390:W11391"/>
    <mergeCell ref="X11390:AA11391"/>
    <mergeCell ref="A11392:C11393"/>
    <mergeCell ref="D11392:O11393"/>
    <mergeCell ref="P11392:S11393"/>
    <mergeCell ref="T11392:W11393"/>
    <mergeCell ref="X11392:AA11393"/>
    <mergeCell ref="A11394:C11395"/>
    <mergeCell ref="D11394:O11395"/>
    <mergeCell ref="P11394:S11395"/>
    <mergeCell ref="T11394:W11395"/>
    <mergeCell ref="X11394:AA11395"/>
    <mergeCell ref="A11396:C11397"/>
    <mergeCell ref="D11396:O11397"/>
    <mergeCell ref="P11396:S11397"/>
    <mergeCell ref="T11396:W11397"/>
    <mergeCell ref="X11396:AA11397"/>
    <mergeCell ref="A11398:C11399"/>
    <mergeCell ref="D11398:O11399"/>
    <mergeCell ref="P11398:S11399"/>
    <mergeCell ref="T11398:W11399"/>
    <mergeCell ref="X11398:AA11399"/>
    <mergeCell ref="A11372:C11373"/>
    <mergeCell ref="D11372:O11373"/>
    <mergeCell ref="P11372:S11373"/>
    <mergeCell ref="T11372:W11373"/>
    <mergeCell ref="X11372:AA11373"/>
    <mergeCell ref="A11374:C11375"/>
    <mergeCell ref="D11374:O11375"/>
    <mergeCell ref="P11374:S11375"/>
    <mergeCell ref="T11374:W11375"/>
    <mergeCell ref="X11374:AA11375"/>
    <mergeCell ref="A11376:C11377"/>
    <mergeCell ref="D11376:O11377"/>
    <mergeCell ref="P11376:S11377"/>
    <mergeCell ref="T11376:W11377"/>
    <mergeCell ref="X11376:AA11377"/>
    <mergeCell ref="A11378:C11379"/>
    <mergeCell ref="D11378:O11379"/>
    <mergeCell ref="P11378:S11379"/>
    <mergeCell ref="T11378:W11379"/>
    <mergeCell ref="X11378:AA11379"/>
    <mergeCell ref="A11380:C11381"/>
    <mergeCell ref="D11380:O11381"/>
    <mergeCell ref="P11380:S11381"/>
    <mergeCell ref="T11380:W11381"/>
    <mergeCell ref="X11380:AA11381"/>
    <mergeCell ref="A11382:C11383"/>
    <mergeCell ref="D11382:O11383"/>
    <mergeCell ref="P11382:S11383"/>
    <mergeCell ref="T11382:W11383"/>
    <mergeCell ref="X11382:AA11383"/>
    <mergeCell ref="A11384:C11385"/>
    <mergeCell ref="D11384:O11385"/>
    <mergeCell ref="P11384:S11385"/>
    <mergeCell ref="T11384:W11385"/>
    <mergeCell ref="X11384:AA11385"/>
    <mergeCell ref="A11358:C11359"/>
    <mergeCell ref="D11358:O11359"/>
    <mergeCell ref="P11358:S11359"/>
    <mergeCell ref="T11358:W11359"/>
    <mergeCell ref="X11358:AA11359"/>
    <mergeCell ref="A11360:C11361"/>
    <mergeCell ref="D11360:O11361"/>
    <mergeCell ref="P11360:S11361"/>
    <mergeCell ref="T11360:W11361"/>
    <mergeCell ref="X11360:AA11361"/>
    <mergeCell ref="A11362:C11363"/>
    <mergeCell ref="D11362:O11363"/>
    <mergeCell ref="P11362:S11363"/>
    <mergeCell ref="T11362:W11363"/>
    <mergeCell ref="X11362:AA11363"/>
    <mergeCell ref="A11364:C11365"/>
    <mergeCell ref="D11364:O11365"/>
    <mergeCell ref="P11364:S11365"/>
    <mergeCell ref="T11364:W11365"/>
    <mergeCell ref="X11364:AA11365"/>
    <mergeCell ref="A11366:C11367"/>
    <mergeCell ref="D11366:O11367"/>
    <mergeCell ref="P11366:S11367"/>
    <mergeCell ref="T11366:W11367"/>
    <mergeCell ref="X11366:AA11367"/>
    <mergeCell ref="A11368:C11369"/>
    <mergeCell ref="D11368:O11369"/>
    <mergeCell ref="P11368:S11369"/>
    <mergeCell ref="T11368:W11369"/>
    <mergeCell ref="X11368:AA11369"/>
    <mergeCell ref="A11370:C11371"/>
    <mergeCell ref="D11370:O11371"/>
    <mergeCell ref="P11370:S11371"/>
    <mergeCell ref="T11370:W11371"/>
    <mergeCell ref="X11370:AA11371"/>
    <mergeCell ref="A11342:AA11343"/>
    <mergeCell ref="A11344:C11345"/>
    <mergeCell ref="D11344:O11345"/>
    <mergeCell ref="P11344:S11345"/>
    <mergeCell ref="T11344:W11345"/>
    <mergeCell ref="X11344:AA11345"/>
    <mergeCell ref="A11346:C11347"/>
    <mergeCell ref="D11346:O11347"/>
    <mergeCell ref="P11346:S11347"/>
    <mergeCell ref="T11346:W11347"/>
    <mergeCell ref="X11346:AA11347"/>
    <mergeCell ref="A11348:C11349"/>
    <mergeCell ref="D11348:O11349"/>
    <mergeCell ref="P11348:S11349"/>
    <mergeCell ref="T11348:W11349"/>
    <mergeCell ref="X11348:AA11349"/>
    <mergeCell ref="A11350:C11351"/>
    <mergeCell ref="D11350:O11351"/>
    <mergeCell ref="P11350:S11351"/>
    <mergeCell ref="T11350:W11351"/>
    <mergeCell ref="X11350:AA11351"/>
    <mergeCell ref="A11352:C11353"/>
    <mergeCell ref="D11352:O11353"/>
    <mergeCell ref="P11352:S11353"/>
    <mergeCell ref="T11352:W11353"/>
    <mergeCell ref="X11352:AA11353"/>
    <mergeCell ref="A11354:C11355"/>
    <mergeCell ref="D11354:O11355"/>
    <mergeCell ref="P11354:S11355"/>
    <mergeCell ref="T11354:W11355"/>
    <mergeCell ref="X11354:AA11355"/>
    <mergeCell ref="A11356:C11357"/>
    <mergeCell ref="D11356:O11357"/>
    <mergeCell ref="P11356:S11357"/>
    <mergeCell ref="T11356:W11357"/>
    <mergeCell ref="X11356:AA11357"/>
    <mergeCell ref="A11326:C11327"/>
    <mergeCell ref="D11326:O11327"/>
    <mergeCell ref="P11326:S11327"/>
    <mergeCell ref="T11326:W11327"/>
    <mergeCell ref="X11326:AA11327"/>
    <mergeCell ref="A11328:C11329"/>
    <mergeCell ref="D11328:O11329"/>
    <mergeCell ref="P11328:S11329"/>
    <mergeCell ref="T11328:W11329"/>
    <mergeCell ref="X11328:AA11329"/>
    <mergeCell ref="A11330:C11331"/>
    <mergeCell ref="D11330:O11331"/>
    <mergeCell ref="P11330:S11331"/>
    <mergeCell ref="T11330:W11331"/>
    <mergeCell ref="X11330:AA11331"/>
    <mergeCell ref="A11332:AA11333"/>
    <mergeCell ref="A11334:C11335"/>
    <mergeCell ref="D11334:O11335"/>
    <mergeCell ref="P11334:S11335"/>
    <mergeCell ref="T11334:W11335"/>
    <mergeCell ref="X11334:AA11335"/>
    <mergeCell ref="A11336:C11337"/>
    <mergeCell ref="D11336:O11337"/>
    <mergeCell ref="P11336:S11337"/>
    <mergeCell ref="T11336:W11337"/>
    <mergeCell ref="X11336:AA11337"/>
    <mergeCell ref="A11338:C11339"/>
    <mergeCell ref="D11338:O11339"/>
    <mergeCell ref="P11338:S11339"/>
    <mergeCell ref="T11338:W11339"/>
    <mergeCell ref="X11338:AA11339"/>
    <mergeCell ref="A11340:C11341"/>
    <mergeCell ref="D11340:O11341"/>
    <mergeCell ref="P11340:S11341"/>
    <mergeCell ref="T11340:W11341"/>
    <mergeCell ref="X11340:AA11341"/>
    <mergeCell ref="A11312:C11313"/>
    <mergeCell ref="D11312:O11313"/>
    <mergeCell ref="P11312:S11313"/>
    <mergeCell ref="T11312:W11313"/>
    <mergeCell ref="X11312:AA11313"/>
    <mergeCell ref="A11314:C11315"/>
    <mergeCell ref="D11314:O11315"/>
    <mergeCell ref="P11314:S11315"/>
    <mergeCell ref="T11314:W11315"/>
    <mergeCell ref="X11314:AA11315"/>
    <mergeCell ref="A11316:C11317"/>
    <mergeCell ref="D11316:O11317"/>
    <mergeCell ref="P11316:S11317"/>
    <mergeCell ref="T11316:W11317"/>
    <mergeCell ref="X11316:AA11317"/>
    <mergeCell ref="A11318:C11319"/>
    <mergeCell ref="D11318:O11319"/>
    <mergeCell ref="P11318:S11319"/>
    <mergeCell ref="T11318:W11319"/>
    <mergeCell ref="X11318:AA11319"/>
    <mergeCell ref="A11320:C11321"/>
    <mergeCell ref="D11320:O11321"/>
    <mergeCell ref="P11320:S11321"/>
    <mergeCell ref="T11320:W11321"/>
    <mergeCell ref="X11320:AA11321"/>
    <mergeCell ref="A11322:C11323"/>
    <mergeCell ref="D11322:O11323"/>
    <mergeCell ref="P11322:S11323"/>
    <mergeCell ref="T11322:W11323"/>
    <mergeCell ref="X11322:AA11323"/>
    <mergeCell ref="A11324:C11325"/>
    <mergeCell ref="D11324:O11325"/>
    <mergeCell ref="P11324:S11325"/>
    <mergeCell ref="T11324:W11325"/>
    <mergeCell ref="X11324:AA11325"/>
    <mergeCell ref="A11296:C11297"/>
    <mergeCell ref="D11296:O11297"/>
    <mergeCell ref="P11296:S11297"/>
    <mergeCell ref="T11296:W11297"/>
    <mergeCell ref="X11296:AA11297"/>
    <mergeCell ref="A11298:C11299"/>
    <mergeCell ref="D11298:O11299"/>
    <mergeCell ref="P11298:S11299"/>
    <mergeCell ref="T11298:W11299"/>
    <mergeCell ref="X11298:AA11299"/>
    <mergeCell ref="A11300:C11301"/>
    <mergeCell ref="D11300:O11301"/>
    <mergeCell ref="P11300:S11301"/>
    <mergeCell ref="T11300:W11301"/>
    <mergeCell ref="X11300:AA11301"/>
    <mergeCell ref="A11302:AA11303"/>
    <mergeCell ref="A11304:C11305"/>
    <mergeCell ref="D11304:O11305"/>
    <mergeCell ref="P11304:S11305"/>
    <mergeCell ref="T11304:W11305"/>
    <mergeCell ref="X11304:AA11305"/>
    <mergeCell ref="A11306:C11307"/>
    <mergeCell ref="D11306:O11307"/>
    <mergeCell ref="P11306:S11307"/>
    <mergeCell ref="T11306:W11307"/>
    <mergeCell ref="X11306:AA11307"/>
    <mergeCell ref="A11308:C11309"/>
    <mergeCell ref="D11308:O11309"/>
    <mergeCell ref="P11308:S11309"/>
    <mergeCell ref="T11308:W11309"/>
    <mergeCell ref="X11308:AA11309"/>
    <mergeCell ref="A11310:C11311"/>
    <mergeCell ref="D11310:O11311"/>
    <mergeCell ref="P11310:S11311"/>
    <mergeCell ref="T11310:W11311"/>
    <mergeCell ref="X11310:AA11311"/>
    <mergeCell ref="A11282:C11283"/>
    <mergeCell ref="D11282:O11283"/>
    <mergeCell ref="P11282:S11283"/>
    <mergeCell ref="T11282:W11283"/>
    <mergeCell ref="X11282:AA11283"/>
    <mergeCell ref="A11284:C11285"/>
    <mergeCell ref="D11284:O11285"/>
    <mergeCell ref="P11284:S11285"/>
    <mergeCell ref="T11284:W11285"/>
    <mergeCell ref="X11284:AA11285"/>
    <mergeCell ref="A11286:C11287"/>
    <mergeCell ref="D11286:O11287"/>
    <mergeCell ref="P11286:S11287"/>
    <mergeCell ref="T11286:W11287"/>
    <mergeCell ref="X11286:AA11287"/>
    <mergeCell ref="A11288:C11289"/>
    <mergeCell ref="D11288:O11289"/>
    <mergeCell ref="P11288:S11289"/>
    <mergeCell ref="T11288:W11289"/>
    <mergeCell ref="X11288:AA11289"/>
    <mergeCell ref="A11290:C11291"/>
    <mergeCell ref="D11290:O11291"/>
    <mergeCell ref="P11290:S11291"/>
    <mergeCell ref="T11290:W11291"/>
    <mergeCell ref="X11290:AA11291"/>
    <mergeCell ref="A11292:C11293"/>
    <mergeCell ref="D11292:O11293"/>
    <mergeCell ref="P11292:S11293"/>
    <mergeCell ref="T11292:W11293"/>
    <mergeCell ref="X11292:AA11293"/>
    <mergeCell ref="A11294:C11295"/>
    <mergeCell ref="D11294:O11295"/>
    <mergeCell ref="P11294:S11295"/>
    <mergeCell ref="T11294:W11295"/>
    <mergeCell ref="X11294:AA11295"/>
    <mergeCell ref="A11268:C11269"/>
    <mergeCell ref="D11268:O11269"/>
    <mergeCell ref="P11268:S11269"/>
    <mergeCell ref="T11268:W11269"/>
    <mergeCell ref="X11268:AA11269"/>
    <mergeCell ref="A11270:C11271"/>
    <mergeCell ref="D11270:O11271"/>
    <mergeCell ref="P11270:S11271"/>
    <mergeCell ref="T11270:W11271"/>
    <mergeCell ref="X11270:AA11271"/>
    <mergeCell ref="A11272:C11273"/>
    <mergeCell ref="D11272:O11273"/>
    <mergeCell ref="P11272:S11273"/>
    <mergeCell ref="T11272:W11273"/>
    <mergeCell ref="X11272:AA11273"/>
    <mergeCell ref="A11274:C11275"/>
    <mergeCell ref="D11274:O11275"/>
    <mergeCell ref="P11274:S11275"/>
    <mergeCell ref="T11274:W11275"/>
    <mergeCell ref="X11274:AA11275"/>
    <mergeCell ref="A11276:C11277"/>
    <mergeCell ref="D11276:O11277"/>
    <mergeCell ref="P11276:S11277"/>
    <mergeCell ref="T11276:W11277"/>
    <mergeCell ref="X11276:AA11277"/>
    <mergeCell ref="A11278:C11279"/>
    <mergeCell ref="D11278:O11279"/>
    <mergeCell ref="P11278:S11279"/>
    <mergeCell ref="T11278:W11279"/>
    <mergeCell ref="X11278:AA11279"/>
    <mergeCell ref="A11280:C11281"/>
    <mergeCell ref="D11280:O11281"/>
    <mergeCell ref="P11280:S11281"/>
    <mergeCell ref="T11280:W11281"/>
    <mergeCell ref="X11280:AA11281"/>
    <mergeCell ref="A11254:C11255"/>
    <mergeCell ref="D11254:O11255"/>
    <mergeCell ref="P11254:S11255"/>
    <mergeCell ref="T11254:W11255"/>
    <mergeCell ref="X11254:AA11255"/>
    <mergeCell ref="A11256:C11257"/>
    <mergeCell ref="D11256:O11257"/>
    <mergeCell ref="P11256:S11257"/>
    <mergeCell ref="T11256:W11257"/>
    <mergeCell ref="X11256:AA11257"/>
    <mergeCell ref="A11258:C11259"/>
    <mergeCell ref="D11258:O11259"/>
    <mergeCell ref="P11258:S11259"/>
    <mergeCell ref="T11258:W11259"/>
    <mergeCell ref="X11258:AA11259"/>
    <mergeCell ref="A11260:C11261"/>
    <mergeCell ref="D11260:O11261"/>
    <mergeCell ref="P11260:S11261"/>
    <mergeCell ref="T11260:W11261"/>
    <mergeCell ref="X11260:AA11261"/>
    <mergeCell ref="A11262:C11263"/>
    <mergeCell ref="D11262:O11263"/>
    <mergeCell ref="P11262:S11263"/>
    <mergeCell ref="T11262:W11263"/>
    <mergeCell ref="X11262:AA11263"/>
    <mergeCell ref="A11264:C11265"/>
    <mergeCell ref="D11264:O11265"/>
    <mergeCell ref="P11264:S11265"/>
    <mergeCell ref="T11264:W11265"/>
    <mergeCell ref="X11264:AA11265"/>
    <mergeCell ref="A11266:C11267"/>
    <mergeCell ref="D11266:O11267"/>
    <mergeCell ref="P11266:S11267"/>
    <mergeCell ref="T11266:W11267"/>
    <mergeCell ref="X11266:AA11267"/>
    <mergeCell ref="A11238:C11239"/>
    <mergeCell ref="D11238:O11239"/>
    <mergeCell ref="P11238:S11239"/>
    <mergeCell ref="T11238:W11239"/>
    <mergeCell ref="X11238:AA11239"/>
    <mergeCell ref="A11240:AA11241"/>
    <mergeCell ref="A11242:C11243"/>
    <mergeCell ref="D11242:O11243"/>
    <mergeCell ref="P11242:S11243"/>
    <mergeCell ref="T11242:W11243"/>
    <mergeCell ref="X11242:AA11243"/>
    <mergeCell ref="A11244:C11245"/>
    <mergeCell ref="D11244:O11245"/>
    <mergeCell ref="P11244:S11245"/>
    <mergeCell ref="T11244:W11245"/>
    <mergeCell ref="X11244:AA11245"/>
    <mergeCell ref="A11246:C11247"/>
    <mergeCell ref="D11246:O11247"/>
    <mergeCell ref="P11246:S11247"/>
    <mergeCell ref="T11246:W11247"/>
    <mergeCell ref="X11246:AA11247"/>
    <mergeCell ref="A11248:C11249"/>
    <mergeCell ref="D11248:O11249"/>
    <mergeCell ref="P11248:S11249"/>
    <mergeCell ref="T11248:W11249"/>
    <mergeCell ref="X11248:AA11249"/>
    <mergeCell ref="A11250:C11251"/>
    <mergeCell ref="D11250:O11251"/>
    <mergeCell ref="P11250:S11251"/>
    <mergeCell ref="T11250:W11251"/>
    <mergeCell ref="X11250:AA11251"/>
    <mergeCell ref="A11252:C11253"/>
    <mergeCell ref="D11252:O11253"/>
    <mergeCell ref="P11252:S11253"/>
    <mergeCell ref="T11252:W11253"/>
    <mergeCell ref="X11252:AA11253"/>
    <mergeCell ref="A11224:C11225"/>
    <mergeCell ref="D11224:O11225"/>
    <mergeCell ref="P11224:S11225"/>
    <mergeCell ref="T11224:W11225"/>
    <mergeCell ref="X11224:AA11225"/>
    <mergeCell ref="A11226:C11227"/>
    <mergeCell ref="D11226:O11227"/>
    <mergeCell ref="P11226:S11227"/>
    <mergeCell ref="T11226:W11227"/>
    <mergeCell ref="X11226:AA11227"/>
    <mergeCell ref="A11228:C11229"/>
    <mergeCell ref="D11228:O11229"/>
    <mergeCell ref="P11228:S11229"/>
    <mergeCell ref="T11228:W11229"/>
    <mergeCell ref="X11228:AA11229"/>
    <mergeCell ref="A11230:C11231"/>
    <mergeCell ref="D11230:O11231"/>
    <mergeCell ref="P11230:S11231"/>
    <mergeCell ref="T11230:W11231"/>
    <mergeCell ref="X11230:AA11231"/>
    <mergeCell ref="A11232:C11233"/>
    <mergeCell ref="D11232:O11233"/>
    <mergeCell ref="P11232:S11233"/>
    <mergeCell ref="T11232:W11233"/>
    <mergeCell ref="X11232:AA11233"/>
    <mergeCell ref="A11234:C11235"/>
    <mergeCell ref="D11234:O11235"/>
    <mergeCell ref="P11234:S11235"/>
    <mergeCell ref="T11234:W11235"/>
    <mergeCell ref="X11234:AA11235"/>
    <mergeCell ref="A11236:C11237"/>
    <mergeCell ref="D11236:O11237"/>
    <mergeCell ref="P11236:S11237"/>
    <mergeCell ref="T11236:W11237"/>
    <mergeCell ref="X11236:AA11237"/>
    <mergeCell ref="A11210:C11211"/>
    <mergeCell ref="D11210:O11211"/>
    <mergeCell ref="P11210:S11211"/>
    <mergeCell ref="T11210:W11211"/>
    <mergeCell ref="X11210:AA11211"/>
    <mergeCell ref="A11212:C11213"/>
    <mergeCell ref="D11212:O11213"/>
    <mergeCell ref="P11212:S11213"/>
    <mergeCell ref="T11212:W11213"/>
    <mergeCell ref="X11212:AA11213"/>
    <mergeCell ref="A11214:C11215"/>
    <mergeCell ref="D11214:O11215"/>
    <mergeCell ref="P11214:S11215"/>
    <mergeCell ref="T11214:W11215"/>
    <mergeCell ref="X11214:AA11215"/>
    <mergeCell ref="A11216:C11217"/>
    <mergeCell ref="D11216:O11217"/>
    <mergeCell ref="P11216:S11217"/>
    <mergeCell ref="T11216:W11217"/>
    <mergeCell ref="X11216:AA11217"/>
    <mergeCell ref="A11218:C11219"/>
    <mergeCell ref="D11218:O11219"/>
    <mergeCell ref="P11218:S11219"/>
    <mergeCell ref="T11218:W11219"/>
    <mergeCell ref="X11218:AA11219"/>
    <mergeCell ref="A11220:C11221"/>
    <mergeCell ref="D11220:O11221"/>
    <mergeCell ref="P11220:S11221"/>
    <mergeCell ref="T11220:W11221"/>
    <mergeCell ref="X11220:AA11221"/>
    <mergeCell ref="A11222:C11223"/>
    <mergeCell ref="D11222:O11223"/>
    <mergeCell ref="P11222:S11223"/>
    <mergeCell ref="T11222:W11223"/>
    <mergeCell ref="X11222:AA11223"/>
    <mergeCell ref="A11196:C11197"/>
    <mergeCell ref="D11196:O11197"/>
    <mergeCell ref="P11196:S11197"/>
    <mergeCell ref="T11196:W11197"/>
    <mergeCell ref="X11196:AA11197"/>
    <mergeCell ref="A11198:C11199"/>
    <mergeCell ref="D11198:O11199"/>
    <mergeCell ref="P11198:S11199"/>
    <mergeCell ref="T11198:W11199"/>
    <mergeCell ref="X11198:AA11199"/>
    <mergeCell ref="A11200:C11201"/>
    <mergeCell ref="D11200:O11201"/>
    <mergeCell ref="P11200:S11201"/>
    <mergeCell ref="T11200:W11201"/>
    <mergeCell ref="X11200:AA11201"/>
    <mergeCell ref="A11202:C11203"/>
    <mergeCell ref="D11202:O11203"/>
    <mergeCell ref="P11202:S11203"/>
    <mergeCell ref="T11202:W11203"/>
    <mergeCell ref="X11202:AA11203"/>
    <mergeCell ref="A11204:C11205"/>
    <mergeCell ref="D11204:O11205"/>
    <mergeCell ref="P11204:S11205"/>
    <mergeCell ref="T11204:W11205"/>
    <mergeCell ref="X11204:AA11205"/>
    <mergeCell ref="A11206:C11207"/>
    <mergeCell ref="D11206:O11207"/>
    <mergeCell ref="P11206:S11207"/>
    <mergeCell ref="T11206:W11207"/>
    <mergeCell ref="X11206:AA11207"/>
    <mergeCell ref="A11208:C11209"/>
    <mergeCell ref="D11208:O11209"/>
    <mergeCell ref="P11208:S11209"/>
    <mergeCell ref="T11208:W11209"/>
    <mergeCell ref="X11208:AA11209"/>
    <mergeCell ref="A11182:C11183"/>
    <mergeCell ref="D11182:O11183"/>
    <mergeCell ref="P11182:S11183"/>
    <mergeCell ref="T11182:W11183"/>
    <mergeCell ref="X11182:AA11183"/>
    <mergeCell ref="A11184:C11185"/>
    <mergeCell ref="D11184:O11185"/>
    <mergeCell ref="P11184:S11185"/>
    <mergeCell ref="T11184:W11185"/>
    <mergeCell ref="X11184:AA11185"/>
    <mergeCell ref="A11186:C11187"/>
    <mergeCell ref="D11186:O11187"/>
    <mergeCell ref="P11186:S11187"/>
    <mergeCell ref="T11186:W11187"/>
    <mergeCell ref="X11186:AA11187"/>
    <mergeCell ref="A11188:C11189"/>
    <mergeCell ref="D11188:O11189"/>
    <mergeCell ref="P11188:S11189"/>
    <mergeCell ref="T11188:W11189"/>
    <mergeCell ref="X11188:AA11189"/>
    <mergeCell ref="A11190:C11191"/>
    <mergeCell ref="D11190:O11191"/>
    <mergeCell ref="P11190:S11191"/>
    <mergeCell ref="T11190:W11191"/>
    <mergeCell ref="X11190:AA11191"/>
    <mergeCell ref="A11192:C11193"/>
    <mergeCell ref="D11192:O11193"/>
    <mergeCell ref="P11192:S11193"/>
    <mergeCell ref="T11192:W11193"/>
    <mergeCell ref="X11192:AA11193"/>
    <mergeCell ref="A11194:C11195"/>
    <mergeCell ref="D11194:O11195"/>
    <mergeCell ref="P11194:S11195"/>
    <mergeCell ref="T11194:W11195"/>
    <mergeCell ref="X11194:AA11195"/>
    <mergeCell ref="A11168:C11169"/>
    <mergeCell ref="D11168:O11169"/>
    <mergeCell ref="P11168:S11169"/>
    <mergeCell ref="T11168:W11169"/>
    <mergeCell ref="X11168:AA11169"/>
    <mergeCell ref="A11170:C11171"/>
    <mergeCell ref="D11170:O11171"/>
    <mergeCell ref="P11170:S11171"/>
    <mergeCell ref="T11170:W11171"/>
    <mergeCell ref="X11170:AA11171"/>
    <mergeCell ref="A11172:C11173"/>
    <mergeCell ref="D11172:O11173"/>
    <mergeCell ref="P11172:S11173"/>
    <mergeCell ref="T11172:W11173"/>
    <mergeCell ref="X11172:AA11173"/>
    <mergeCell ref="A11174:C11175"/>
    <mergeCell ref="D11174:O11175"/>
    <mergeCell ref="P11174:S11175"/>
    <mergeCell ref="T11174:W11175"/>
    <mergeCell ref="X11174:AA11175"/>
    <mergeCell ref="A11176:C11177"/>
    <mergeCell ref="D11176:O11177"/>
    <mergeCell ref="P11176:S11177"/>
    <mergeCell ref="T11176:W11177"/>
    <mergeCell ref="X11176:AA11177"/>
    <mergeCell ref="A11178:C11179"/>
    <mergeCell ref="D11178:O11179"/>
    <mergeCell ref="P11178:S11179"/>
    <mergeCell ref="T11178:W11179"/>
    <mergeCell ref="X11178:AA11179"/>
    <mergeCell ref="A11180:C11181"/>
    <mergeCell ref="D11180:O11181"/>
    <mergeCell ref="P11180:S11181"/>
    <mergeCell ref="T11180:W11181"/>
    <mergeCell ref="X11180:AA11181"/>
    <mergeCell ref="A11154:C11155"/>
    <mergeCell ref="D11154:O11155"/>
    <mergeCell ref="P11154:S11155"/>
    <mergeCell ref="T11154:W11155"/>
    <mergeCell ref="X11154:AA11155"/>
    <mergeCell ref="A11156:C11157"/>
    <mergeCell ref="D11156:O11157"/>
    <mergeCell ref="P11156:S11157"/>
    <mergeCell ref="T11156:W11157"/>
    <mergeCell ref="X11156:AA11157"/>
    <mergeCell ref="A11158:C11159"/>
    <mergeCell ref="D11158:O11159"/>
    <mergeCell ref="P11158:S11159"/>
    <mergeCell ref="T11158:W11159"/>
    <mergeCell ref="X11158:AA11159"/>
    <mergeCell ref="A11160:C11161"/>
    <mergeCell ref="D11160:O11161"/>
    <mergeCell ref="P11160:S11161"/>
    <mergeCell ref="T11160:W11161"/>
    <mergeCell ref="X11160:AA11161"/>
    <mergeCell ref="A11162:C11163"/>
    <mergeCell ref="D11162:O11163"/>
    <mergeCell ref="P11162:S11163"/>
    <mergeCell ref="T11162:W11163"/>
    <mergeCell ref="X11162:AA11163"/>
    <mergeCell ref="A11164:C11165"/>
    <mergeCell ref="D11164:O11165"/>
    <mergeCell ref="P11164:S11165"/>
    <mergeCell ref="T11164:W11165"/>
    <mergeCell ref="X11164:AA11165"/>
    <mergeCell ref="A11166:C11167"/>
    <mergeCell ref="D11166:O11167"/>
    <mergeCell ref="P11166:S11167"/>
    <mergeCell ref="T11166:W11167"/>
    <mergeCell ref="X11166:AA11167"/>
    <mergeCell ref="A11140:C11141"/>
    <mergeCell ref="D11140:O11141"/>
    <mergeCell ref="P11140:S11141"/>
    <mergeCell ref="T11140:W11141"/>
    <mergeCell ref="X11140:AA11141"/>
    <mergeCell ref="A11142:C11143"/>
    <mergeCell ref="D11142:O11143"/>
    <mergeCell ref="P11142:S11143"/>
    <mergeCell ref="T11142:W11143"/>
    <mergeCell ref="X11142:AA11143"/>
    <mergeCell ref="A11144:C11145"/>
    <mergeCell ref="D11144:O11145"/>
    <mergeCell ref="P11144:S11145"/>
    <mergeCell ref="T11144:W11145"/>
    <mergeCell ref="X11144:AA11145"/>
    <mergeCell ref="A11146:C11147"/>
    <mergeCell ref="D11146:O11147"/>
    <mergeCell ref="P11146:S11147"/>
    <mergeCell ref="T11146:W11147"/>
    <mergeCell ref="X11146:AA11147"/>
    <mergeCell ref="A11148:C11149"/>
    <mergeCell ref="D11148:O11149"/>
    <mergeCell ref="P11148:S11149"/>
    <mergeCell ref="T11148:W11149"/>
    <mergeCell ref="X11148:AA11149"/>
    <mergeCell ref="A11150:C11151"/>
    <mergeCell ref="D11150:O11151"/>
    <mergeCell ref="P11150:S11151"/>
    <mergeCell ref="T11150:W11151"/>
    <mergeCell ref="X11150:AA11151"/>
    <mergeCell ref="A11152:C11153"/>
    <mergeCell ref="D11152:O11153"/>
    <mergeCell ref="P11152:S11153"/>
    <mergeCell ref="T11152:W11153"/>
    <mergeCell ref="X11152:AA11153"/>
    <mergeCell ref="A11126:C11127"/>
    <mergeCell ref="D11126:O11127"/>
    <mergeCell ref="P11126:S11127"/>
    <mergeCell ref="T11126:W11127"/>
    <mergeCell ref="X11126:AA11127"/>
    <mergeCell ref="A11128:C11129"/>
    <mergeCell ref="D11128:O11129"/>
    <mergeCell ref="P11128:S11129"/>
    <mergeCell ref="T11128:W11129"/>
    <mergeCell ref="X11128:AA11129"/>
    <mergeCell ref="A11130:C11131"/>
    <mergeCell ref="D11130:O11131"/>
    <mergeCell ref="P11130:S11131"/>
    <mergeCell ref="T11130:W11131"/>
    <mergeCell ref="X11130:AA11131"/>
    <mergeCell ref="A11132:C11133"/>
    <mergeCell ref="D11132:O11133"/>
    <mergeCell ref="P11132:S11133"/>
    <mergeCell ref="T11132:W11133"/>
    <mergeCell ref="X11132:AA11133"/>
    <mergeCell ref="A11134:C11135"/>
    <mergeCell ref="D11134:O11135"/>
    <mergeCell ref="P11134:S11135"/>
    <mergeCell ref="T11134:W11135"/>
    <mergeCell ref="X11134:AA11135"/>
    <mergeCell ref="A11136:C11137"/>
    <mergeCell ref="D11136:O11137"/>
    <mergeCell ref="P11136:S11137"/>
    <mergeCell ref="T11136:W11137"/>
    <mergeCell ref="X11136:AA11137"/>
    <mergeCell ref="A11138:C11139"/>
    <mergeCell ref="D11138:O11139"/>
    <mergeCell ref="P11138:S11139"/>
    <mergeCell ref="T11138:W11139"/>
    <mergeCell ref="X11138:AA11139"/>
    <mergeCell ref="A11112:C11113"/>
    <mergeCell ref="D11112:O11113"/>
    <mergeCell ref="P11112:S11113"/>
    <mergeCell ref="T11112:W11113"/>
    <mergeCell ref="X11112:AA11113"/>
    <mergeCell ref="A11114:C11115"/>
    <mergeCell ref="D11114:O11115"/>
    <mergeCell ref="P11114:S11115"/>
    <mergeCell ref="T11114:W11115"/>
    <mergeCell ref="X11114:AA11115"/>
    <mergeCell ref="A11116:C11117"/>
    <mergeCell ref="D11116:O11117"/>
    <mergeCell ref="P11116:S11117"/>
    <mergeCell ref="T11116:W11117"/>
    <mergeCell ref="X11116:AA11117"/>
    <mergeCell ref="A11118:C11119"/>
    <mergeCell ref="D11118:O11119"/>
    <mergeCell ref="P11118:S11119"/>
    <mergeCell ref="T11118:W11119"/>
    <mergeCell ref="X11118:AA11119"/>
    <mergeCell ref="A11120:C11121"/>
    <mergeCell ref="D11120:O11121"/>
    <mergeCell ref="P11120:S11121"/>
    <mergeCell ref="T11120:W11121"/>
    <mergeCell ref="X11120:AA11121"/>
    <mergeCell ref="A11122:C11123"/>
    <mergeCell ref="D11122:O11123"/>
    <mergeCell ref="P11122:S11123"/>
    <mergeCell ref="T11122:W11123"/>
    <mergeCell ref="X11122:AA11123"/>
    <mergeCell ref="A11124:C11125"/>
    <mergeCell ref="D11124:O11125"/>
    <mergeCell ref="P11124:S11125"/>
    <mergeCell ref="T11124:W11125"/>
    <mergeCell ref="X11124:AA11125"/>
    <mergeCell ref="A11098:C11099"/>
    <mergeCell ref="D11098:O11099"/>
    <mergeCell ref="P11098:S11099"/>
    <mergeCell ref="T11098:W11099"/>
    <mergeCell ref="X11098:AA11099"/>
    <mergeCell ref="A11100:C11101"/>
    <mergeCell ref="D11100:O11101"/>
    <mergeCell ref="P11100:S11101"/>
    <mergeCell ref="T11100:W11101"/>
    <mergeCell ref="X11100:AA11101"/>
    <mergeCell ref="A11102:C11103"/>
    <mergeCell ref="D11102:O11103"/>
    <mergeCell ref="P11102:S11103"/>
    <mergeCell ref="T11102:W11103"/>
    <mergeCell ref="X11102:AA11103"/>
    <mergeCell ref="A11104:C11105"/>
    <mergeCell ref="D11104:O11105"/>
    <mergeCell ref="P11104:S11105"/>
    <mergeCell ref="T11104:W11105"/>
    <mergeCell ref="X11104:AA11105"/>
    <mergeCell ref="A11106:C11107"/>
    <mergeCell ref="D11106:O11107"/>
    <mergeCell ref="P11106:S11107"/>
    <mergeCell ref="T11106:W11107"/>
    <mergeCell ref="X11106:AA11107"/>
    <mergeCell ref="A11108:C11109"/>
    <mergeCell ref="D11108:O11109"/>
    <mergeCell ref="P11108:S11109"/>
    <mergeCell ref="T11108:W11109"/>
    <mergeCell ref="X11108:AA11109"/>
    <mergeCell ref="A11110:C11111"/>
    <mergeCell ref="D11110:O11111"/>
    <mergeCell ref="P11110:S11111"/>
    <mergeCell ref="T11110:W11111"/>
    <mergeCell ref="X11110:AA11111"/>
    <mergeCell ref="A11084:C11085"/>
    <mergeCell ref="D11084:O11085"/>
    <mergeCell ref="P11084:S11085"/>
    <mergeCell ref="T11084:W11085"/>
    <mergeCell ref="X11084:AA11085"/>
    <mergeCell ref="A11086:C11087"/>
    <mergeCell ref="D11086:O11087"/>
    <mergeCell ref="P11086:S11087"/>
    <mergeCell ref="T11086:W11087"/>
    <mergeCell ref="X11086:AA11087"/>
    <mergeCell ref="A11088:C11089"/>
    <mergeCell ref="D11088:O11089"/>
    <mergeCell ref="P11088:S11089"/>
    <mergeCell ref="T11088:W11089"/>
    <mergeCell ref="X11088:AA11089"/>
    <mergeCell ref="A11090:C11091"/>
    <mergeCell ref="D11090:O11091"/>
    <mergeCell ref="P11090:S11091"/>
    <mergeCell ref="T11090:W11091"/>
    <mergeCell ref="X11090:AA11091"/>
    <mergeCell ref="A11092:C11093"/>
    <mergeCell ref="D11092:O11093"/>
    <mergeCell ref="P11092:S11093"/>
    <mergeCell ref="T11092:W11093"/>
    <mergeCell ref="X11092:AA11093"/>
    <mergeCell ref="A11094:C11095"/>
    <mergeCell ref="D11094:O11095"/>
    <mergeCell ref="P11094:S11095"/>
    <mergeCell ref="T11094:W11095"/>
    <mergeCell ref="X11094:AA11095"/>
    <mergeCell ref="A11096:C11097"/>
    <mergeCell ref="D11096:O11097"/>
    <mergeCell ref="P11096:S11097"/>
    <mergeCell ref="T11096:W11097"/>
    <mergeCell ref="X11096:AA11097"/>
    <mergeCell ref="A11070:C11071"/>
    <mergeCell ref="D11070:O11071"/>
    <mergeCell ref="P11070:S11071"/>
    <mergeCell ref="T11070:W11071"/>
    <mergeCell ref="X11070:AA11071"/>
    <mergeCell ref="A11072:C11073"/>
    <mergeCell ref="D11072:O11073"/>
    <mergeCell ref="P11072:S11073"/>
    <mergeCell ref="T11072:W11073"/>
    <mergeCell ref="X11072:AA11073"/>
    <mergeCell ref="A11074:C11075"/>
    <mergeCell ref="D11074:O11075"/>
    <mergeCell ref="P11074:S11075"/>
    <mergeCell ref="T11074:W11075"/>
    <mergeCell ref="X11074:AA11075"/>
    <mergeCell ref="A11076:C11077"/>
    <mergeCell ref="D11076:O11077"/>
    <mergeCell ref="P11076:S11077"/>
    <mergeCell ref="T11076:W11077"/>
    <mergeCell ref="X11076:AA11077"/>
    <mergeCell ref="A11078:C11079"/>
    <mergeCell ref="D11078:O11079"/>
    <mergeCell ref="P11078:S11079"/>
    <mergeCell ref="T11078:W11079"/>
    <mergeCell ref="X11078:AA11079"/>
    <mergeCell ref="A11080:C11081"/>
    <mergeCell ref="D11080:O11081"/>
    <mergeCell ref="P11080:S11081"/>
    <mergeCell ref="T11080:W11081"/>
    <mergeCell ref="X11080:AA11081"/>
    <mergeCell ref="A11082:C11083"/>
    <mergeCell ref="D11082:O11083"/>
    <mergeCell ref="P11082:S11083"/>
    <mergeCell ref="T11082:W11083"/>
    <mergeCell ref="X11082:AA11083"/>
    <mergeCell ref="A11056:C11057"/>
    <mergeCell ref="D11056:O11057"/>
    <mergeCell ref="P11056:S11057"/>
    <mergeCell ref="T11056:W11057"/>
    <mergeCell ref="X11056:AA11057"/>
    <mergeCell ref="A11058:C11059"/>
    <mergeCell ref="D11058:O11059"/>
    <mergeCell ref="P11058:S11059"/>
    <mergeCell ref="T11058:W11059"/>
    <mergeCell ref="X11058:AA11059"/>
    <mergeCell ref="A11060:C11061"/>
    <mergeCell ref="D11060:O11061"/>
    <mergeCell ref="P11060:S11061"/>
    <mergeCell ref="T11060:W11061"/>
    <mergeCell ref="X11060:AA11061"/>
    <mergeCell ref="A11062:C11063"/>
    <mergeCell ref="D11062:O11063"/>
    <mergeCell ref="P11062:S11063"/>
    <mergeCell ref="T11062:W11063"/>
    <mergeCell ref="X11062:AA11063"/>
    <mergeCell ref="A11064:C11065"/>
    <mergeCell ref="D11064:O11065"/>
    <mergeCell ref="P11064:S11065"/>
    <mergeCell ref="T11064:W11065"/>
    <mergeCell ref="X11064:AA11065"/>
    <mergeCell ref="A11066:C11067"/>
    <mergeCell ref="D11066:O11067"/>
    <mergeCell ref="P11066:S11067"/>
    <mergeCell ref="T11066:W11067"/>
    <mergeCell ref="X11066:AA11067"/>
    <mergeCell ref="A11068:C11069"/>
    <mergeCell ref="D11068:O11069"/>
    <mergeCell ref="P11068:S11069"/>
    <mergeCell ref="T11068:W11069"/>
    <mergeCell ref="X11068:AA11069"/>
    <mergeCell ref="A11042:C11043"/>
    <mergeCell ref="D11042:O11043"/>
    <mergeCell ref="P11042:S11043"/>
    <mergeCell ref="T11042:W11043"/>
    <mergeCell ref="X11042:AA11043"/>
    <mergeCell ref="A11044:C11045"/>
    <mergeCell ref="D11044:O11045"/>
    <mergeCell ref="P11044:S11045"/>
    <mergeCell ref="T11044:W11045"/>
    <mergeCell ref="X11044:AA11045"/>
    <mergeCell ref="A11046:C11047"/>
    <mergeCell ref="D11046:O11047"/>
    <mergeCell ref="P11046:S11047"/>
    <mergeCell ref="T11046:W11047"/>
    <mergeCell ref="X11046:AA11047"/>
    <mergeCell ref="A11048:C11049"/>
    <mergeCell ref="D11048:O11049"/>
    <mergeCell ref="P11048:S11049"/>
    <mergeCell ref="T11048:W11049"/>
    <mergeCell ref="X11048:AA11049"/>
    <mergeCell ref="A11050:C11051"/>
    <mergeCell ref="D11050:O11051"/>
    <mergeCell ref="P11050:S11051"/>
    <mergeCell ref="T11050:W11051"/>
    <mergeCell ref="X11050:AA11051"/>
    <mergeCell ref="A11052:C11053"/>
    <mergeCell ref="D11052:O11053"/>
    <mergeCell ref="P11052:S11053"/>
    <mergeCell ref="T11052:W11053"/>
    <mergeCell ref="X11052:AA11053"/>
    <mergeCell ref="A11054:C11055"/>
    <mergeCell ref="D11054:O11055"/>
    <mergeCell ref="P11054:S11055"/>
    <mergeCell ref="T11054:W11055"/>
    <mergeCell ref="X11054:AA11055"/>
    <mergeCell ref="A11026:C11027"/>
    <mergeCell ref="D11026:O11027"/>
    <mergeCell ref="P11026:S11027"/>
    <mergeCell ref="T11026:W11027"/>
    <mergeCell ref="X11026:AA11027"/>
    <mergeCell ref="A11028:C11029"/>
    <mergeCell ref="D11028:O11029"/>
    <mergeCell ref="P11028:S11029"/>
    <mergeCell ref="T11028:W11029"/>
    <mergeCell ref="X11028:AA11029"/>
    <mergeCell ref="A11030:C11031"/>
    <mergeCell ref="D11030:O11031"/>
    <mergeCell ref="P11030:S11031"/>
    <mergeCell ref="T11030:W11031"/>
    <mergeCell ref="X11030:AA11031"/>
    <mergeCell ref="A11032:C11033"/>
    <mergeCell ref="D11032:O11033"/>
    <mergeCell ref="P11032:S11033"/>
    <mergeCell ref="T11032:W11033"/>
    <mergeCell ref="X11032:AA11033"/>
    <mergeCell ref="A11034:C11035"/>
    <mergeCell ref="D11034:O11035"/>
    <mergeCell ref="P11034:S11035"/>
    <mergeCell ref="T11034:W11035"/>
    <mergeCell ref="X11034:AA11035"/>
    <mergeCell ref="A11036:AA11037"/>
    <mergeCell ref="A11038:C11039"/>
    <mergeCell ref="D11038:O11039"/>
    <mergeCell ref="P11038:S11039"/>
    <mergeCell ref="T11038:W11039"/>
    <mergeCell ref="X11038:AA11039"/>
    <mergeCell ref="A11040:C11041"/>
    <mergeCell ref="D11040:O11041"/>
    <mergeCell ref="P11040:S11041"/>
    <mergeCell ref="T11040:W11041"/>
    <mergeCell ref="X11040:AA11041"/>
    <mergeCell ref="A11012:C11013"/>
    <mergeCell ref="D11012:O11013"/>
    <mergeCell ref="P11012:S11013"/>
    <mergeCell ref="T11012:W11013"/>
    <mergeCell ref="X11012:AA11013"/>
    <mergeCell ref="A11014:C11015"/>
    <mergeCell ref="D11014:O11015"/>
    <mergeCell ref="P11014:S11015"/>
    <mergeCell ref="T11014:W11015"/>
    <mergeCell ref="X11014:AA11015"/>
    <mergeCell ref="A11016:C11017"/>
    <mergeCell ref="D11016:O11017"/>
    <mergeCell ref="P11016:S11017"/>
    <mergeCell ref="T11016:W11017"/>
    <mergeCell ref="X11016:AA11017"/>
    <mergeCell ref="A11018:C11019"/>
    <mergeCell ref="D11018:O11019"/>
    <mergeCell ref="P11018:S11019"/>
    <mergeCell ref="T11018:W11019"/>
    <mergeCell ref="X11018:AA11019"/>
    <mergeCell ref="A11020:C11021"/>
    <mergeCell ref="D11020:O11021"/>
    <mergeCell ref="P11020:S11021"/>
    <mergeCell ref="T11020:W11021"/>
    <mergeCell ref="X11020:AA11021"/>
    <mergeCell ref="A11022:C11023"/>
    <mergeCell ref="D11022:O11023"/>
    <mergeCell ref="P11022:S11023"/>
    <mergeCell ref="T11022:W11023"/>
    <mergeCell ref="X11022:AA11023"/>
    <mergeCell ref="A11024:C11025"/>
    <mergeCell ref="D11024:O11025"/>
    <mergeCell ref="P11024:S11025"/>
    <mergeCell ref="T11024:W11025"/>
    <mergeCell ref="X11024:AA11025"/>
    <mergeCell ref="A10998:C10999"/>
    <mergeCell ref="D10998:O10999"/>
    <mergeCell ref="P10998:S10999"/>
    <mergeCell ref="T10998:W10999"/>
    <mergeCell ref="X10998:AA10999"/>
    <mergeCell ref="A11000:C11001"/>
    <mergeCell ref="D11000:O11001"/>
    <mergeCell ref="P11000:S11001"/>
    <mergeCell ref="T11000:W11001"/>
    <mergeCell ref="X11000:AA11001"/>
    <mergeCell ref="A11002:C11003"/>
    <mergeCell ref="D11002:O11003"/>
    <mergeCell ref="P11002:S11003"/>
    <mergeCell ref="T11002:W11003"/>
    <mergeCell ref="X11002:AA11003"/>
    <mergeCell ref="A11004:C11005"/>
    <mergeCell ref="D11004:O11005"/>
    <mergeCell ref="P11004:S11005"/>
    <mergeCell ref="T11004:W11005"/>
    <mergeCell ref="X11004:AA11005"/>
    <mergeCell ref="A11006:C11007"/>
    <mergeCell ref="D11006:O11007"/>
    <mergeCell ref="P11006:S11007"/>
    <mergeCell ref="T11006:W11007"/>
    <mergeCell ref="X11006:AA11007"/>
    <mergeCell ref="A11008:C11009"/>
    <mergeCell ref="D11008:O11009"/>
    <mergeCell ref="P11008:S11009"/>
    <mergeCell ref="T11008:W11009"/>
    <mergeCell ref="X11008:AA11009"/>
    <mergeCell ref="A11010:C11011"/>
    <mergeCell ref="D11010:O11011"/>
    <mergeCell ref="P11010:S11011"/>
    <mergeCell ref="T11010:W11011"/>
    <mergeCell ref="X11010:AA11011"/>
    <mergeCell ref="A10984:C10985"/>
    <mergeCell ref="D10984:O10985"/>
    <mergeCell ref="P10984:S10985"/>
    <mergeCell ref="T10984:W10985"/>
    <mergeCell ref="X10984:AA10985"/>
    <mergeCell ref="A10986:C10987"/>
    <mergeCell ref="D10986:O10987"/>
    <mergeCell ref="P10986:S10987"/>
    <mergeCell ref="T10986:W10987"/>
    <mergeCell ref="X10986:AA10987"/>
    <mergeCell ref="A10988:C10989"/>
    <mergeCell ref="D10988:O10989"/>
    <mergeCell ref="P10988:S10989"/>
    <mergeCell ref="T10988:W10989"/>
    <mergeCell ref="X10988:AA10989"/>
    <mergeCell ref="A10990:C10991"/>
    <mergeCell ref="D10990:O10991"/>
    <mergeCell ref="P10990:S10991"/>
    <mergeCell ref="T10990:W10991"/>
    <mergeCell ref="X10990:AA10991"/>
    <mergeCell ref="A10992:C10993"/>
    <mergeCell ref="D10992:O10993"/>
    <mergeCell ref="P10992:S10993"/>
    <mergeCell ref="T10992:W10993"/>
    <mergeCell ref="X10992:AA10993"/>
    <mergeCell ref="A10994:C10995"/>
    <mergeCell ref="D10994:O10995"/>
    <mergeCell ref="P10994:S10995"/>
    <mergeCell ref="T10994:W10995"/>
    <mergeCell ref="X10994:AA10995"/>
    <mergeCell ref="A10996:C10997"/>
    <mergeCell ref="D10996:O10997"/>
    <mergeCell ref="P10996:S10997"/>
    <mergeCell ref="T10996:W10997"/>
    <mergeCell ref="X10996:AA10997"/>
    <mergeCell ref="A10970:C10971"/>
    <mergeCell ref="D10970:O10971"/>
    <mergeCell ref="P10970:S10971"/>
    <mergeCell ref="T10970:W10971"/>
    <mergeCell ref="X10970:AA10971"/>
    <mergeCell ref="A10972:C10973"/>
    <mergeCell ref="D10972:O10973"/>
    <mergeCell ref="P10972:S10973"/>
    <mergeCell ref="T10972:W10973"/>
    <mergeCell ref="X10972:AA10973"/>
    <mergeCell ref="A10974:C10975"/>
    <mergeCell ref="D10974:O10975"/>
    <mergeCell ref="P10974:S10975"/>
    <mergeCell ref="T10974:W10975"/>
    <mergeCell ref="X10974:AA10975"/>
    <mergeCell ref="A10976:C10977"/>
    <mergeCell ref="D10976:O10977"/>
    <mergeCell ref="P10976:S10977"/>
    <mergeCell ref="T10976:W10977"/>
    <mergeCell ref="X10976:AA10977"/>
    <mergeCell ref="A10978:C10979"/>
    <mergeCell ref="D10978:O10979"/>
    <mergeCell ref="P10978:S10979"/>
    <mergeCell ref="T10978:W10979"/>
    <mergeCell ref="X10978:AA10979"/>
    <mergeCell ref="A10980:C10981"/>
    <mergeCell ref="D10980:O10981"/>
    <mergeCell ref="P10980:S10981"/>
    <mergeCell ref="T10980:W10981"/>
    <mergeCell ref="X10980:AA10981"/>
    <mergeCell ref="A10982:C10983"/>
    <mergeCell ref="D10982:O10983"/>
    <mergeCell ref="P10982:S10983"/>
    <mergeCell ref="T10982:W10983"/>
    <mergeCell ref="X10982:AA10983"/>
    <mergeCell ref="A10956:C10957"/>
    <mergeCell ref="D10956:O10957"/>
    <mergeCell ref="P10956:S10957"/>
    <mergeCell ref="T10956:W10957"/>
    <mergeCell ref="X10956:AA10957"/>
    <mergeCell ref="A10958:C10959"/>
    <mergeCell ref="D10958:O10959"/>
    <mergeCell ref="P10958:S10959"/>
    <mergeCell ref="T10958:W10959"/>
    <mergeCell ref="X10958:AA10959"/>
    <mergeCell ref="A10960:C10961"/>
    <mergeCell ref="D10960:O10961"/>
    <mergeCell ref="P10960:S10961"/>
    <mergeCell ref="T10960:W10961"/>
    <mergeCell ref="X10960:AA10961"/>
    <mergeCell ref="A10962:C10963"/>
    <mergeCell ref="D10962:O10963"/>
    <mergeCell ref="P10962:S10963"/>
    <mergeCell ref="T10962:W10963"/>
    <mergeCell ref="X10962:AA10963"/>
    <mergeCell ref="A10964:C10965"/>
    <mergeCell ref="D10964:O10965"/>
    <mergeCell ref="P10964:S10965"/>
    <mergeCell ref="T10964:W10965"/>
    <mergeCell ref="X10964:AA10965"/>
    <mergeCell ref="A10966:C10967"/>
    <mergeCell ref="D10966:O10967"/>
    <mergeCell ref="P10966:S10967"/>
    <mergeCell ref="T10966:W10967"/>
    <mergeCell ref="X10966:AA10967"/>
    <mergeCell ref="A10968:C10969"/>
    <mergeCell ref="D10968:O10969"/>
    <mergeCell ref="P10968:S10969"/>
    <mergeCell ref="T10968:W10969"/>
    <mergeCell ref="X10968:AA10969"/>
    <mergeCell ref="A10942:C10943"/>
    <mergeCell ref="D10942:O10943"/>
    <mergeCell ref="P10942:S10943"/>
    <mergeCell ref="T10942:W10943"/>
    <mergeCell ref="X10942:AA10943"/>
    <mergeCell ref="A10944:C10945"/>
    <mergeCell ref="D10944:O10945"/>
    <mergeCell ref="P10944:S10945"/>
    <mergeCell ref="T10944:W10945"/>
    <mergeCell ref="X10944:AA10945"/>
    <mergeCell ref="A10946:C10947"/>
    <mergeCell ref="D10946:O10947"/>
    <mergeCell ref="P10946:S10947"/>
    <mergeCell ref="T10946:W10947"/>
    <mergeCell ref="X10946:AA10947"/>
    <mergeCell ref="A10948:C10949"/>
    <mergeCell ref="D10948:O10949"/>
    <mergeCell ref="P10948:S10949"/>
    <mergeCell ref="T10948:W10949"/>
    <mergeCell ref="X10948:AA10949"/>
    <mergeCell ref="A10950:C10951"/>
    <mergeCell ref="D10950:O10951"/>
    <mergeCell ref="P10950:S10951"/>
    <mergeCell ref="T10950:W10951"/>
    <mergeCell ref="X10950:AA10951"/>
    <mergeCell ref="A10952:C10953"/>
    <mergeCell ref="D10952:O10953"/>
    <mergeCell ref="P10952:S10953"/>
    <mergeCell ref="T10952:W10953"/>
    <mergeCell ref="X10952:AA10953"/>
    <mergeCell ref="A10954:C10955"/>
    <mergeCell ref="D10954:O10955"/>
    <mergeCell ref="P10954:S10955"/>
    <mergeCell ref="T10954:W10955"/>
    <mergeCell ref="X10954:AA10955"/>
    <mergeCell ref="A10928:C10929"/>
    <mergeCell ref="D10928:O10929"/>
    <mergeCell ref="P10928:S10929"/>
    <mergeCell ref="T10928:W10929"/>
    <mergeCell ref="X10928:AA10929"/>
    <mergeCell ref="A10930:C10931"/>
    <mergeCell ref="D10930:O10931"/>
    <mergeCell ref="P10930:S10931"/>
    <mergeCell ref="T10930:W10931"/>
    <mergeCell ref="X10930:AA10931"/>
    <mergeCell ref="A10932:C10933"/>
    <mergeCell ref="D10932:O10933"/>
    <mergeCell ref="P10932:S10933"/>
    <mergeCell ref="T10932:W10933"/>
    <mergeCell ref="X10932:AA10933"/>
    <mergeCell ref="A10934:C10935"/>
    <mergeCell ref="D10934:O10935"/>
    <mergeCell ref="P10934:S10935"/>
    <mergeCell ref="T10934:W10935"/>
    <mergeCell ref="X10934:AA10935"/>
    <mergeCell ref="A10936:C10937"/>
    <mergeCell ref="D10936:O10937"/>
    <mergeCell ref="P10936:S10937"/>
    <mergeCell ref="T10936:W10937"/>
    <mergeCell ref="X10936:AA10937"/>
    <mergeCell ref="A10938:C10939"/>
    <mergeCell ref="D10938:O10939"/>
    <mergeCell ref="P10938:S10939"/>
    <mergeCell ref="T10938:W10939"/>
    <mergeCell ref="X10938:AA10939"/>
    <mergeCell ref="A10940:C10941"/>
    <mergeCell ref="D10940:O10941"/>
    <mergeCell ref="P10940:S10941"/>
    <mergeCell ref="T10940:W10941"/>
    <mergeCell ref="X10940:AA10941"/>
    <mergeCell ref="A10914:C10915"/>
    <mergeCell ref="D10914:O10915"/>
    <mergeCell ref="P10914:S10915"/>
    <mergeCell ref="T10914:W10915"/>
    <mergeCell ref="X10914:AA10915"/>
    <mergeCell ref="A10916:C10917"/>
    <mergeCell ref="D10916:O10917"/>
    <mergeCell ref="P10916:S10917"/>
    <mergeCell ref="T10916:W10917"/>
    <mergeCell ref="X10916:AA10917"/>
    <mergeCell ref="A10918:C10919"/>
    <mergeCell ref="D10918:O10919"/>
    <mergeCell ref="P10918:S10919"/>
    <mergeCell ref="T10918:W10919"/>
    <mergeCell ref="X10918:AA10919"/>
    <mergeCell ref="A10920:C10921"/>
    <mergeCell ref="D10920:O10921"/>
    <mergeCell ref="P10920:S10921"/>
    <mergeCell ref="T10920:W10921"/>
    <mergeCell ref="X10920:AA10921"/>
    <mergeCell ref="A10922:C10923"/>
    <mergeCell ref="D10922:O10923"/>
    <mergeCell ref="P10922:S10923"/>
    <mergeCell ref="T10922:W10923"/>
    <mergeCell ref="X10922:AA10923"/>
    <mergeCell ref="A10924:C10925"/>
    <mergeCell ref="D10924:O10925"/>
    <mergeCell ref="P10924:S10925"/>
    <mergeCell ref="T10924:W10925"/>
    <mergeCell ref="X10924:AA10925"/>
    <mergeCell ref="A10926:C10927"/>
    <mergeCell ref="D10926:O10927"/>
    <mergeCell ref="P10926:S10927"/>
    <mergeCell ref="T10926:W10927"/>
    <mergeCell ref="X10926:AA10927"/>
    <mergeCell ref="A10900:C10901"/>
    <mergeCell ref="D10900:O10901"/>
    <mergeCell ref="P10900:S10901"/>
    <mergeCell ref="T10900:W10901"/>
    <mergeCell ref="X10900:AA10901"/>
    <mergeCell ref="A10902:C10903"/>
    <mergeCell ref="D10902:O10903"/>
    <mergeCell ref="P10902:S10903"/>
    <mergeCell ref="T10902:W10903"/>
    <mergeCell ref="X10902:AA10903"/>
    <mergeCell ref="A10904:C10905"/>
    <mergeCell ref="D10904:O10905"/>
    <mergeCell ref="P10904:S10905"/>
    <mergeCell ref="T10904:W10905"/>
    <mergeCell ref="X10904:AA10905"/>
    <mergeCell ref="A10906:C10907"/>
    <mergeCell ref="D10906:O10907"/>
    <mergeCell ref="P10906:S10907"/>
    <mergeCell ref="T10906:W10907"/>
    <mergeCell ref="X10906:AA10907"/>
    <mergeCell ref="A10908:C10909"/>
    <mergeCell ref="D10908:O10909"/>
    <mergeCell ref="P10908:S10909"/>
    <mergeCell ref="T10908:W10909"/>
    <mergeCell ref="X10908:AA10909"/>
    <mergeCell ref="A10910:C10911"/>
    <mergeCell ref="D10910:O10911"/>
    <mergeCell ref="P10910:S10911"/>
    <mergeCell ref="T10910:W10911"/>
    <mergeCell ref="X10910:AA10911"/>
    <mergeCell ref="A10912:C10913"/>
    <mergeCell ref="D10912:O10913"/>
    <mergeCell ref="P10912:S10913"/>
    <mergeCell ref="T10912:W10913"/>
    <mergeCell ref="X10912:AA10913"/>
    <mergeCell ref="A10886:C10887"/>
    <mergeCell ref="D10886:O10887"/>
    <mergeCell ref="P10886:S10887"/>
    <mergeCell ref="T10886:W10887"/>
    <mergeCell ref="X10886:AA10887"/>
    <mergeCell ref="A10888:C10889"/>
    <mergeCell ref="D10888:O10889"/>
    <mergeCell ref="P10888:S10889"/>
    <mergeCell ref="T10888:W10889"/>
    <mergeCell ref="X10888:AA10889"/>
    <mergeCell ref="A10890:C10891"/>
    <mergeCell ref="D10890:O10891"/>
    <mergeCell ref="P10890:S10891"/>
    <mergeCell ref="T10890:W10891"/>
    <mergeCell ref="X10890:AA10891"/>
    <mergeCell ref="A10892:C10893"/>
    <mergeCell ref="D10892:O10893"/>
    <mergeCell ref="P10892:S10893"/>
    <mergeCell ref="T10892:W10893"/>
    <mergeCell ref="X10892:AA10893"/>
    <mergeCell ref="A10894:C10895"/>
    <mergeCell ref="D10894:O10895"/>
    <mergeCell ref="P10894:S10895"/>
    <mergeCell ref="T10894:W10895"/>
    <mergeCell ref="X10894:AA10895"/>
    <mergeCell ref="A10896:C10897"/>
    <mergeCell ref="D10896:O10897"/>
    <mergeCell ref="P10896:S10897"/>
    <mergeCell ref="T10896:W10897"/>
    <mergeCell ref="X10896:AA10897"/>
    <mergeCell ref="A10898:C10899"/>
    <mergeCell ref="D10898:O10899"/>
    <mergeCell ref="P10898:S10899"/>
    <mergeCell ref="T10898:W10899"/>
    <mergeCell ref="X10898:AA10899"/>
    <mergeCell ref="A10872:C10873"/>
    <mergeCell ref="D10872:O10873"/>
    <mergeCell ref="P10872:S10873"/>
    <mergeCell ref="T10872:W10873"/>
    <mergeCell ref="X10872:AA10873"/>
    <mergeCell ref="A10874:C10875"/>
    <mergeCell ref="D10874:O10875"/>
    <mergeCell ref="P10874:S10875"/>
    <mergeCell ref="T10874:W10875"/>
    <mergeCell ref="X10874:AA10875"/>
    <mergeCell ref="A10876:C10877"/>
    <mergeCell ref="D10876:O10877"/>
    <mergeCell ref="P10876:S10877"/>
    <mergeCell ref="T10876:W10877"/>
    <mergeCell ref="X10876:AA10877"/>
    <mergeCell ref="A10878:C10879"/>
    <mergeCell ref="D10878:O10879"/>
    <mergeCell ref="P10878:S10879"/>
    <mergeCell ref="T10878:W10879"/>
    <mergeCell ref="X10878:AA10879"/>
    <mergeCell ref="A10880:C10881"/>
    <mergeCell ref="D10880:O10881"/>
    <mergeCell ref="P10880:S10881"/>
    <mergeCell ref="T10880:W10881"/>
    <mergeCell ref="X10880:AA10881"/>
    <mergeCell ref="A10882:C10883"/>
    <mergeCell ref="D10882:O10883"/>
    <mergeCell ref="P10882:S10883"/>
    <mergeCell ref="T10882:W10883"/>
    <mergeCell ref="X10882:AA10883"/>
    <mergeCell ref="A10884:C10885"/>
    <mergeCell ref="D10884:O10885"/>
    <mergeCell ref="P10884:S10885"/>
    <mergeCell ref="T10884:W10885"/>
    <mergeCell ref="X10884:AA10885"/>
    <mergeCell ref="A10854:C10855"/>
    <mergeCell ref="D10854:O10855"/>
    <mergeCell ref="P10854:S10855"/>
    <mergeCell ref="T10854:W10855"/>
    <mergeCell ref="X10854:AA10855"/>
    <mergeCell ref="A10856:C10857"/>
    <mergeCell ref="D10856:O10857"/>
    <mergeCell ref="P10856:S10857"/>
    <mergeCell ref="T10856:W10857"/>
    <mergeCell ref="X10856:AA10857"/>
    <mergeCell ref="A10858:AA10859"/>
    <mergeCell ref="A10860:C10861"/>
    <mergeCell ref="D10860:O10861"/>
    <mergeCell ref="P10860:S10861"/>
    <mergeCell ref="T10860:W10861"/>
    <mergeCell ref="X10860:AA10861"/>
    <mergeCell ref="A10862:AA10863"/>
    <mergeCell ref="A10864:AA10865"/>
    <mergeCell ref="A10866:C10867"/>
    <mergeCell ref="D10866:O10867"/>
    <mergeCell ref="P10866:S10867"/>
    <mergeCell ref="T10866:W10867"/>
    <mergeCell ref="X10866:AA10867"/>
    <mergeCell ref="A10868:C10869"/>
    <mergeCell ref="D10868:O10869"/>
    <mergeCell ref="P10868:S10869"/>
    <mergeCell ref="T10868:W10869"/>
    <mergeCell ref="X10868:AA10869"/>
    <mergeCell ref="A10870:C10871"/>
    <mergeCell ref="D10870:O10871"/>
    <mergeCell ref="P10870:S10871"/>
    <mergeCell ref="T10870:W10871"/>
    <mergeCell ref="X10870:AA10871"/>
    <mergeCell ref="A10838:C10839"/>
    <mergeCell ref="D10838:O10839"/>
    <mergeCell ref="P10838:S10839"/>
    <mergeCell ref="T10838:W10839"/>
    <mergeCell ref="X10838:AA10839"/>
    <mergeCell ref="A10840:C10841"/>
    <mergeCell ref="D10840:O10841"/>
    <mergeCell ref="P10840:S10841"/>
    <mergeCell ref="T10840:W10841"/>
    <mergeCell ref="X10840:AA10841"/>
    <mergeCell ref="A10842:C10843"/>
    <mergeCell ref="D10842:O10843"/>
    <mergeCell ref="P10842:S10843"/>
    <mergeCell ref="T10842:W10843"/>
    <mergeCell ref="X10842:AA10843"/>
    <mergeCell ref="A10844:AA10845"/>
    <mergeCell ref="A10846:C10847"/>
    <mergeCell ref="D10846:O10847"/>
    <mergeCell ref="P10846:S10847"/>
    <mergeCell ref="T10846:W10847"/>
    <mergeCell ref="X10846:AA10847"/>
    <mergeCell ref="A10848:C10849"/>
    <mergeCell ref="D10848:O10849"/>
    <mergeCell ref="P10848:S10849"/>
    <mergeCell ref="T10848:W10849"/>
    <mergeCell ref="X10848:AA10849"/>
    <mergeCell ref="A10850:C10851"/>
    <mergeCell ref="D10850:O10851"/>
    <mergeCell ref="P10850:S10851"/>
    <mergeCell ref="T10850:W10851"/>
    <mergeCell ref="X10850:AA10851"/>
    <mergeCell ref="A10852:C10853"/>
    <mergeCell ref="D10852:O10853"/>
    <mergeCell ref="P10852:S10853"/>
    <mergeCell ref="T10852:W10853"/>
    <mergeCell ref="X10852:AA10853"/>
    <mergeCell ref="A10822:C10823"/>
    <mergeCell ref="D10822:O10823"/>
    <mergeCell ref="P10822:S10823"/>
    <mergeCell ref="T10822:W10823"/>
    <mergeCell ref="X10822:AA10823"/>
    <mergeCell ref="A10824:C10825"/>
    <mergeCell ref="D10824:O10825"/>
    <mergeCell ref="P10824:S10825"/>
    <mergeCell ref="T10824:W10825"/>
    <mergeCell ref="X10824:AA10825"/>
    <mergeCell ref="A10826:C10827"/>
    <mergeCell ref="D10826:O10827"/>
    <mergeCell ref="P10826:S10827"/>
    <mergeCell ref="T10826:W10827"/>
    <mergeCell ref="X10826:AA10827"/>
    <mergeCell ref="A10828:C10829"/>
    <mergeCell ref="D10828:O10829"/>
    <mergeCell ref="P10828:S10829"/>
    <mergeCell ref="T10828:W10829"/>
    <mergeCell ref="X10828:AA10829"/>
    <mergeCell ref="A10830:C10831"/>
    <mergeCell ref="D10830:O10831"/>
    <mergeCell ref="P10830:S10831"/>
    <mergeCell ref="T10830:W10831"/>
    <mergeCell ref="X10830:AA10831"/>
    <mergeCell ref="A10832:C10833"/>
    <mergeCell ref="D10832:O10833"/>
    <mergeCell ref="P10832:S10833"/>
    <mergeCell ref="T10832:W10833"/>
    <mergeCell ref="X10832:AA10833"/>
    <mergeCell ref="A10834:AA10835"/>
    <mergeCell ref="A10836:C10837"/>
    <mergeCell ref="D10836:O10837"/>
    <mergeCell ref="P10836:S10837"/>
    <mergeCell ref="T10836:W10837"/>
    <mergeCell ref="X10836:AA10837"/>
    <mergeCell ref="A10808:C10809"/>
    <mergeCell ref="D10808:O10809"/>
    <mergeCell ref="P10808:S10809"/>
    <mergeCell ref="T10808:W10809"/>
    <mergeCell ref="X10808:AA10809"/>
    <mergeCell ref="A10810:C10811"/>
    <mergeCell ref="D10810:O10811"/>
    <mergeCell ref="P10810:S10811"/>
    <mergeCell ref="T10810:W10811"/>
    <mergeCell ref="X10810:AA10811"/>
    <mergeCell ref="A10812:C10813"/>
    <mergeCell ref="D10812:O10813"/>
    <mergeCell ref="P10812:S10813"/>
    <mergeCell ref="T10812:W10813"/>
    <mergeCell ref="X10812:AA10813"/>
    <mergeCell ref="A10814:C10815"/>
    <mergeCell ref="D10814:O10815"/>
    <mergeCell ref="P10814:S10815"/>
    <mergeCell ref="T10814:W10815"/>
    <mergeCell ref="X10814:AA10815"/>
    <mergeCell ref="A10816:C10817"/>
    <mergeCell ref="D10816:O10817"/>
    <mergeCell ref="P10816:S10817"/>
    <mergeCell ref="T10816:W10817"/>
    <mergeCell ref="X10816:AA10817"/>
    <mergeCell ref="A10818:C10819"/>
    <mergeCell ref="D10818:O10819"/>
    <mergeCell ref="P10818:S10819"/>
    <mergeCell ref="T10818:W10819"/>
    <mergeCell ref="X10818:AA10819"/>
    <mergeCell ref="A10820:C10821"/>
    <mergeCell ref="D10820:O10821"/>
    <mergeCell ref="P10820:S10821"/>
    <mergeCell ref="T10820:W10821"/>
    <mergeCell ref="X10820:AA10821"/>
    <mergeCell ref="A10794:C10795"/>
    <mergeCell ref="D10794:O10795"/>
    <mergeCell ref="P10794:S10795"/>
    <mergeCell ref="T10794:W10795"/>
    <mergeCell ref="X10794:AA10795"/>
    <mergeCell ref="A10796:C10797"/>
    <mergeCell ref="D10796:O10797"/>
    <mergeCell ref="P10796:S10797"/>
    <mergeCell ref="T10796:W10797"/>
    <mergeCell ref="X10796:AA10797"/>
    <mergeCell ref="A10798:C10799"/>
    <mergeCell ref="D10798:O10799"/>
    <mergeCell ref="P10798:S10799"/>
    <mergeCell ref="T10798:W10799"/>
    <mergeCell ref="X10798:AA10799"/>
    <mergeCell ref="A10800:C10801"/>
    <mergeCell ref="D10800:O10801"/>
    <mergeCell ref="P10800:S10801"/>
    <mergeCell ref="T10800:W10801"/>
    <mergeCell ref="X10800:AA10801"/>
    <mergeCell ref="A10802:C10803"/>
    <mergeCell ref="D10802:O10803"/>
    <mergeCell ref="P10802:S10803"/>
    <mergeCell ref="T10802:W10803"/>
    <mergeCell ref="X10802:AA10803"/>
    <mergeCell ref="A10804:C10805"/>
    <mergeCell ref="D10804:O10805"/>
    <mergeCell ref="P10804:S10805"/>
    <mergeCell ref="T10804:W10805"/>
    <mergeCell ref="X10804:AA10805"/>
    <mergeCell ref="A10806:C10807"/>
    <mergeCell ref="D10806:O10807"/>
    <mergeCell ref="P10806:S10807"/>
    <mergeCell ref="T10806:W10807"/>
    <mergeCell ref="X10806:AA10807"/>
    <mergeCell ref="A10780:C10781"/>
    <mergeCell ref="D10780:O10781"/>
    <mergeCell ref="P10780:S10781"/>
    <mergeCell ref="T10780:W10781"/>
    <mergeCell ref="X10780:AA10781"/>
    <mergeCell ref="A10782:C10783"/>
    <mergeCell ref="D10782:O10783"/>
    <mergeCell ref="P10782:S10783"/>
    <mergeCell ref="T10782:W10783"/>
    <mergeCell ref="X10782:AA10783"/>
    <mergeCell ref="A10784:C10785"/>
    <mergeCell ref="D10784:O10785"/>
    <mergeCell ref="P10784:S10785"/>
    <mergeCell ref="T10784:W10785"/>
    <mergeCell ref="X10784:AA10785"/>
    <mergeCell ref="A10786:C10787"/>
    <mergeCell ref="D10786:O10787"/>
    <mergeCell ref="P10786:S10787"/>
    <mergeCell ref="T10786:W10787"/>
    <mergeCell ref="X10786:AA10787"/>
    <mergeCell ref="A10788:C10789"/>
    <mergeCell ref="D10788:O10789"/>
    <mergeCell ref="P10788:S10789"/>
    <mergeCell ref="T10788:W10789"/>
    <mergeCell ref="X10788:AA10789"/>
    <mergeCell ref="A10790:C10791"/>
    <mergeCell ref="D10790:O10791"/>
    <mergeCell ref="P10790:S10791"/>
    <mergeCell ref="T10790:W10791"/>
    <mergeCell ref="X10790:AA10791"/>
    <mergeCell ref="A10792:C10793"/>
    <mergeCell ref="D10792:O10793"/>
    <mergeCell ref="P10792:S10793"/>
    <mergeCell ref="T10792:W10793"/>
    <mergeCell ref="X10792:AA10793"/>
    <mergeCell ref="A10764:C10765"/>
    <mergeCell ref="D10764:O10765"/>
    <mergeCell ref="P10764:S10765"/>
    <mergeCell ref="T10764:W10765"/>
    <mergeCell ref="X10764:AA10765"/>
    <mergeCell ref="A10766:C10767"/>
    <mergeCell ref="D10766:O10767"/>
    <mergeCell ref="P10766:S10767"/>
    <mergeCell ref="T10766:W10767"/>
    <mergeCell ref="X10766:AA10767"/>
    <mergeCell ref="A10768:C10769"/>
    <mergeCell ref="D10768:O10769"/>
    <mergeCell ref="P10768:S10769"/>
    <mergeCell ref="T10768:W10769"/>
    <mergeCell ref="X10768:AA10769"/>
    <mergeCell ref="A10770:C10771"/>
    <mergeCell ref="D10770:O10771"/>
    <mergeCell ref="P10770:S10771"/>
    <mergeCell ref="T10770:W10771"/>
    <mergeCell ref="X10770:AA10771"/>
    <mergeCell ref="A10772:C10773"/>
    <mergeCell ref="D10772:O10773"/>
    <mergeCell ref="P10772:S10773"/>
    <mergeCell ref="T10772:W10773"/>
    <mergeCell ref="X10772:AA10773"/>
    <mergeCell ref="A10774:AA10775"/>
    <mergeCell ref="A10776:C10777"/>
    <mergeCell ref="D10776:O10777"/>
    <mergeCell ref="P10776:S10777"/>
    <mergeCell ref="T10776:W10777"/>
    <mergeCell ref="X10776:AA10777"/>
    <mergeCell ref="A10778:C10779"/>
    <mergeCell ref="D10778:O10779"/>
    <mergeCell ref="P10778:S10779"/>
    <mergeCell ref="T10778:W10779"/>
    <mergeCell ref="X10778:AA10779"/>
    <mergeCell ref="A10750:C10751"/>
    <mergeCell ref="D10750:O10751"/>
    <mergeCell ref="P10750:S10751"/>
    <mergeCell ref="T10750:W10751"/>
    <mergeCell ref="X10750:AA10751"/>
    <mergeCell ref="A10752:C10753"/>
    <mergeCell ref="D10752:O10753"/>
    <mergeCell ref="P10752:S10753"/>
    <mergeCell ref="T10752:W10753"/>
    <mergeCell ref="X10752:AA10753"/>
    <mergeCell ref="A10754:C10755"/>
    <mergeCell ref="D10754:O10755"/>
    <mergeCell ref="P10754:S10755"/>
    <mergeCell ref="T10754:W10755"/>
    <mergeCell ref="X10754:AA10755"/>
    <mergeCell ref="A10756:C10757"/>
    <mergeCell ref="D10756:O10757"/>
    <mergeCell ref="P10756:S10757"/>
    <mergeCell ref="T10756:W10757"/>
    <mergeCell ref="X10756:AA10757"/>
    <mergeCell ref="A10758:C10759"/>
    <mergeCell ref="D10758:O10759"/>
    <mergeCell ref="P10758:S10759"/>
    <mergeCell ref="T10758:W10759"/>
    <mergeCell ref="X10758:AA10759"/>
    <mergeCell ref="A10760:C10761"/>
    <mergeCell ref="D10760:O10761"/>
    <mergeCell ref="P10760:S10761"/>
    <mergeCell ref="T10760:W10761"/>
    <mergeCell ref="X10760:AA10761"/>
    <mergeCell ref="A10762:C10763"/>
    <mergeCell ref="D10762:O10763"/>
    <mergeCell ref="P10762:S10763"/>
    <mergeCell ref="T10762:W10763"/>
    <mergeCell ref="X10762:AA10763"/>
    <mergeCell ref="A10736:C10737"/>
    <mergeCell ref="D10736:O10737"/>
    <mergeCell ref="P10736:S10737"/>
    <mergeCell ref="T10736:W10737"/>
    <mergeCell ref="X10736:AA10737"/>
    <mergeCell ref="A10738:C10739"/>
    <mergeCell ref="D10738:O10739"/>
    <mergeCell ref="P10738:S10739"/>
    <mergeCell ref="T10738:W10739"/>
    <mergeCell ref="X10738:AA10739"/>
    <mergeCell ref="A10740:C10741"/>
    <mergeCell ref="D10740:O10741"/>
    <mergeCell ref="P10740:S10741"/>
    <mergeCell ref="T10740:W10741"/>
    <mergeCell ref="X10740:AA10741"/>
    <mergeCell ref="A10742:C10743"/>
    <mergeCell ref="D10742:O10743"/>
    <mergeCell ref="P10742:S10743"/>
    <mergeCell ref="T10742:W10743"/>
    <mergeCell ref="X10742:AA10743"/>
    <mergeCell ref="A10744:C10745"/>
    <mergeCell ref="D10744:O10745"/>
    <mergeCell ref="P10744:S10745"/>
    <mergeCell ref="T10744:W10745"/>
    <mergeCell ref="X10744:AA10745"/>
    <mergeCell ref="A10746:C10747"/>
    <mergeCell ref="D10746:O10747"/>
    <mergeCell ref="P10746:S10747"/>
    <mergeCell ref="T10746:W10747"/>
    <mergeCell ref="X10746:AA10747"/>
    <mergeCell ref="A10748:C10749"/>
    <mergeCell ref="D10748:O10749"/>
    <mergeCell ref="P10748:S10749"/>
    <mergeCell ref="T10748:W10749"/>
    <mergeCell ref="X10748:AA10749"/>
    <mergeCell ref="A10722:C10723"/>
    <mergeCell ref="D10722:O10723"/>
    <mergeCell ref="P10722:S10723"/>
    <mergeCell ref="T10722:W10723"/>
    <mergeCell ref="X10722:AA10723"/>
    <mergeCell ref="A10724:C10725"/>
    <mergeCell ref="D10724:O10725"/>
    <mergeCell ref="P10724:S10725"/>
    <mergeCell ref="T10724:W10725"/>
    <mergeCell ref="X10724:AA10725"/>
    <mergeCell ref="A10726:C10727"/>
    <mergeCell ref="D10726:O10727"/>
    <mergeCell ref="P10726:S10727"/>
    <mergeCell ref="T10726:W10727"/>
    <mergeCell ref="X10726:AA10727"/>
    <mergeCell ref="A10728:C10729"/>
    <mergeCell ref="D10728:O10729"/>
    <mergeCell ref="P10728:S10729"/>
    <mergeCell ref="T10728:W10729"/>
    <mergeCell ref="X10728:AA10729"/>
    <mergeCell ref="A10730:C10731"/>
    <mergeCell ref="D10730:O10731"/>
    <mergeCell ref="P10730:S10731"/>
    <mergeCell ref="T10730:W10731"/>
    <mergeCell ref="X10730:AA10731"/>
    <mergeCell ref="A10732:C10733"/>
    <mergeCell ref="D10732:O10733"/>
    <mergeCell ref="P10732:S10733"/>
    <mergeCell ref="T10732:W10733"/>
    <mergeCell ref="X10732:AA10733"/>
    <mergeCell ref="A10734:C10735"/>
    <mergeCell ref="D10734:O10735"/>
    <mergeCell ref="P10734:S10735"/>
    <mergeCell ref="T10734:W10735"/>
    <mergeCell ref="X10734:AA10735"/>
    <mergeCell ref="A10708:C10709"/>
    <mergeCell ref="D10708:O10709"/>
    <mergeCell ref="P10708:S10709"/>
    <mergeCell ref="T10708:W10709"/>
    <mergeCell ref="X10708:AA10709"/>
    <mergeCell ref="A10710:C10711"/>
    <mergeCell ref="D10710:O10711"/>
    <mergeCell ref="P10710:S10711"/>
    <mergeCell ref="T10710:W10711"/>
    <mergeCell ref="X10710:AA10711"/>
    <mergeCell ref="A10712:C10713"/>
    <mergeCell ref="D10712:O10713"/>
    <mergeCell ref="P10712:S10713"/>
    <mergeCell ref="T10712:W10713"/>
    <mergeCell ref="X10712:AA10713"/>
    <mergeCell ref="A10714:C10715"/>
    <mergeCell ref="D10714:O10715"/>
    <mergeCell ref="P10714:S10715"/>
    <mergeCell ref="T10714:W10715"/>
    <mergeCell ref="X10714:AA10715"/>
    <mergeCell ref="A10716:C10717"/>
    <mergeCell ref="D10716:O10717"/>
    <mergeCell ref="P10716:S10717"/>
    <mergeCell ref="T10716:W10717"/>
    <mergeCell ref="X10716:AA10717"/>
    <mergeCell ref="A10718:C10719"/>
    <mergeCell ref="D10718:O10719"/>
    <mergeCell ref="P10718:S10719"/>
    <mergeCell ref="T10718:W10719"/>
    <mergeCell ref="X10718:AA10719"/>
    <mergeCell ref="A10720:C10721"/>
    <mergeCell ref="D10720:O10721"/>
    <mergeCell ref="P10720:S10721"/>
    <mergeCell ref="T10720:W10721"/>
    <mergeCell ref="X10720:AA10721"/>
    <mergeCell ref="A10694:C10695"/>
    <mergeCell ref="D10694:O10695"/>
    <mergeCell ref="P10694:S10695"/>
    <mergeCell ref="T10694:W10695"/>
    <mergeCell ref="X10694:AA10695"/>
    <mergeCell ref="A10696:C10697"/>
    <mergeCell ref="D10696:O10697"/>
    <mergeCell ref="P10696:S10697"/>
    <mergeCell ref="T10696:W10697"/>
    <mergeCell ref="X10696:AA10697"/>
    <mergeCell ref="A10698:C10699"/>
    <mergeCell ref="D10698:O10699"/>
    <mergeCell ref="P10698:S10699"/>
    <mergeCell ref="T10698:W10699"/>
    <mergeCell ref="X10698:AA10699"/>
    <mergeCell ref="A10700:C10701"/>
    <mergeCell ref="D10700:O10701"/>
    <mergeCell ref="P10700:S10701"/>
    <mergeCell ref="T10700:W10701"/>
    <mergeCell ref="X10700:AA10701"/>
    <mergeCell ref="A10702:C10703"/>
    <mergeCell ref="D10702:O10703"/>
    <mergeCell ref="P10702:S10703"/>
    <mergeCell ref="T10702:W10703"/>
    <mergeCell ref="X10702:AA10703"/>
    <mergeCell ref="A10704:C10705"/>
    <mergeCell ref="D10704:O10705"/>
    <mergeCell ref="P10704:S10705"/>
    <mergeCell ref="T10704:W10705"/>
    <mergeCell ref="X10704:AA10705"/>
    <mergeCell ref="A10706:C10707"/>
    <mergeCell ref="D10706:O10707"/>
    <mergeCell ref="P10706:S10707"/>
    <mergeCell ref="T10706:W10707"/>
    <mergeCell ref="X10706:AA10707"/>
    <mergeCell ref="A10678:C10679"/>
    <mergeCell ref="D10678:O10679"/>
    <mergeCell ref="P10678:S10679"/>
    <mergeCell ref="T10678:W10679"/>
    <mergeCell ref="X10678:AA10679"/>
    <mergeCell ref="A10680:C10681"/>
    <mergeCell ref="D10680:O10681"/>
    <mergeCell ref="P10680:S10681"/>
    <mergeCell ref="T10680:W10681"/>
    <mergeCell ref="X10680:AA10681"/>
    <mergeCell ref="A10682:AA10683"/>
    <mergeCell ref="A10684:C10685"/>
    <mergeCell ref="D10684:O10685"/>
    <mergeCell ref="P10684:S10685"/>
    <mergeCell ref="T10684:W10685"/>
    <mergeCell ref="X10684:AA10685"/>
    <mergeCell ref="A10686:C10687"/>
    <mergeCell ref="D10686:O10687"/>
    <mergeCell ref="P10686:S10687"/>
    <mergeCell ref="T10686:W10687"/>
    <mergeCell ref="X10686:AA10687"/>
    <mergeCell ref="A10688:C10689"/>
    <mergeCell ref="D10688:O10689"/>
    <mergeCell ref="P10688:S10689"/>
    <mergeCell ref="T10688:W10689"/>
    <mergeCell ref="X10688:AA10689"/>
    <mergeCell ref="A10690:C10691"/>
    <mergeCell ref="D10690:O10691"/>
    <mergeCell ref="P10690:S10691"/>
    <mergeCell ref="T10690:W10691"/>
    <mergeCell ref="X10690:AA10691"/>
    <mergeCell ref="A10692:C10693"/>
    <mergeCell ref="D10692:O10693"/>
    <mergeCell ref="P10692:S10693"/>
    <mergeCell ref="T10692:W10693"/>
    <mergeCell ref="X10692:AA10693"/>
    <mergeCell ref="A10662:C10663"/>
    <mergeCell ref="D10662:O10663"/>
    <mergeCell ref="P10662:S10663"/>
    <mergeCell ref="T10662:W10663"/>
    <mergeCell ref="X10662:AA10663"/>
    <mergeCell ref="A10664:C10665"/>
    <mergeCell ref="D10664:O10665"/>
    <mergeCell ref="P10664:S10665"/>
    <mergeCell ref="T10664:W10665"/>
    <mergeCell ref="X10664:AA10665"/>
    <mergeCell ref="A10666:C10667"/>
    <mergeCell ref="D10666:O10667"/>
    <mergeCell ref="P10666:S10667"/>
    <mergeCell ref="T10666:W10667"/>
    <mergeCell ref="X10666:AA10667"/>
    <mergeCell ref="A10668:C10669"/>
    <mergeCell ref="D10668:O10669"/>
    <mergeCell ref="P10668:S10669"/>
    <mergeCell ref="T10668:W10669"/>
    <mergeCell ref="X10668:AA10669"/>
    <mergeCell ref="A10670:AA10671"/>
    <mergeCell ref="A10672:C10673"/>
    <mergeCell ref="D10672:O10673"/>
    <mergeCell ref="P10672:S10673"/>
    <mergeCell ref="T10672:W10673"/>
    <mergeCell ref="X10672:AA10673"/>
    <mergeCell ref="A10674:C10675"/>
    <mergeCell ref="D10674:O10675"/>
    <mergeCell ref="P10674:S10675"/>
    <mergeCell ref="T10674:W10675"/>
    <mergeCell ref="X10674:AA10675"/>
    <mergeCell ref="A10676:C10677"/>
    <mergeCell ref="D10676:O10677"/>
    <mergeCell ref="P10676:S10677"/>
    <mergeCell ref="T10676:W10677"/>
    <mergeCell ref="X10676:AA10677"/>
    <mergeCell ref="A10644:AA10645"/>
    <mergeCell ref="A10646:AA10647"/>
    <mergeCell ref="A10648:AA10649"/>
    <mergeCell ref="A10650:C10651"/>
    <mergeCell ref="D10650:O10651"/>
    <mergeCell ref="P10650:S10651"/>
    <mergeCell ref="T10650:W10651"/>
    <mergeCell ref="X10650:AA10651"/>
    <mergeCell ref="A10652:C10653"/>
    <mergeCell ref="D10652:O10653"/>
    <mergeCell ref="P10652:S10653"/>
    <mergeCell ref="T10652:W10653"/>
    <mergeCell ref="X10652:AA10653"/>
    <mergeCell ref="A10654:C10655"/>
    <mergeCell ref="D10654:O10655"/>
    <mergeCell ref="P10654:S10655"/>
    <mergeCell ref="T10654:W10655"/>
    <mergeCell ref="X10654:AA10655"/>
    <mergeCell ref="A10656:C10657"/>
    <mergeCell ref="D10656:O10657"/>
    <mergeCell ref="P10656:S10657"/>
    <mergeCell ref="T10656:W10657"/>
    <mergeCell ref="X10656:AA10657"/>
    <mergeCell ref="A10658:C10659"/>
    <mergeCell ref="D10658:O10659"/>
    <mergeCell ref="P10658:S10659"/>
    <mergeCell ref="T10658:W10659"/>
    <mergeCell ref="X10658:AA10659"/>
    <mergeCell ref="A10660:C10661"/>
    <mergeCell ref="D10660:O10661"/>
    <mergeCell ref="P10660:S10661"/>
    <mergeCell ref="T10660:W10661"/>
    <mergeCell ref="X10660:AA10661"/>
    <mergeCell ref="A10630:C10631"/>
    <mergeCell ref="D10630:O10631"/>
    <mergeCell ref="P10630:S10631"/>
    <mergeCell ref="T10630:W10631"/>
    <mergeCell ref="X10630:AA10631"/>
    <mergeCell ref="A10632:C10633"/>
    <mergeCell ref="D10632:O10633"/>
    <mergeCell ref="P10632:S10633"/>
    <mergeCell ref="T10632:W10633"/>
    <mergeCell ref="X10632:AA10633"/>
    <mergeCell ref="A10634:C10635"/>
    <mergeCell ref="D10634:O10635"/>
    <mergeCell ref="P10634:S10635"/>
    <mergeCell ref="T10634:W10635"/>
    <mergeCell ref="X10634:AA10635"/>
    <mergeCell ref="A10636:C10637"/>
    <mergeCell ref="D10636:O10637"/>
    <mergeCell ref="P10636:S10637"/>
    <mergeCell ref="T10636:W10637"/>
    <mergeCell ref="X10636:AA10637"/>
    <mergeCell ref="A10638:C10639"/>
    <mergeCell ref="D10638:O10639"/>
    <mergeCell ref="P10638:S10639"/>
    <mergeCell ref="T10638:W10639"/>
    <mergeCell ref="X10638:AA10639"/>
    <mergeCell ref="A10640:C10641"/>
    <mergeCell ref="D10640:O10641"/>
    <mergeCell ref="P10640:S10641"/>
    <mergeCell ref="T10640:W10641"/>
    <mergeCell ref="X10640:AA10641"/>
    <mergeCell ref="A10642:C10643"/>
    <mergeCell ref="D10642:O10643"/>
    <mergeCell ref="P10642:S10643"/>
    <mergeCell ref="T10642:W10643"/>
    <mergeCell ref="X10642:AA10643"/>
    <mergeCell ref="A10614:AA10615"/>
    <mergeCell ref="A10616:C10617"/>
    <mergeCell ref="D10616:O10617"/>
    <mergeCell ref="P10616:S10617"/>
    <mergeCell ref="T10616:W10617"/>
    <mergeCell ref="X10616:AA10617"/>
    <mergeCell ref="A10618:C10619"/>
    <mergeCell ref="D10618:O10619"/>
    <mergeCell ref="P10618:S10619"/>
    <mergeCell ref="T10618:W10619"/>
    <mergeCell ref="X10618:AA10619"/>
    <mergeCell ref="A10620:C10621"/>
    <mergeCell ref="D10620:O10621"/>
    <mergeCell ref="P10620:S10621"/>
    <mergeCell ref="T10620:W10621"/>
    <mergeCell ref="X10620:AA10621"/>
    <mergeCell ref="A10622:C10623"/>
    <mergeCell ref="D10622:O10623"/>
    <mergeCell ref="P10622:S10623"/>
    <mergeCell ref="T10622:W10623"/>
    <mergeCell ref="X10622:AA10623"/>
    <mergeCell ref="A10624:C10625"/>
    <mergeCell ref="D10624:O10625"/>
    <mergeCell ref="P10624:S10625"/>
    <mergeCell ref="T10624:W10625"/>
    <mergeCell ref="X10624:AA10625"/>
    <mergeCell ref="A10626:C10627"/>
    <mergeCell ref="D10626:O10627"/>
    <mergeCell ref="P10626:S10627"/>
    <mergeCell ref="T10626:W10627"/>
    <mergeCell ref="X10626:AA10627"/>
    <mergeCell ref="A10628:C10629"/>
    <mergeCell ref="D10628:O10629"/>
    <mergeCell ref="P10628:S10629"/>
    <mergeCell ref="T10628:W10629"/>
    <mergeCell ref="X10628:AA10629"/>
    <mergeCell ref="A10600:C10601"/>
    <mergeCell ref="D10600:O10601"/>
    <mergeCell ref="P10600:S10601"/>
    <mergeCell ref="T10600:W10601"/>
    <mergeCell ref="X10600:AA10601"/>
    <mergeCell ref="A10602:C10603"/>
    <mergeCell ref="D10602:O10603"/>
    <mergeCell ref="P10602:S10603"/>
    <mergeCell ref="T10602:W10603"/>
    <mergeCell ref="X10602:AA10603"/>
    <mergeCell ref="A10604:C10605"/>
    <mergeCell ref="D10604:O10605"/>
    <mergeCell ref="P10604:S10605"/>
    <mergeCell ref="T10604:W10605"/>
    <mergeCell ref="X10604:AA10605"/>
    <mergeCell ref="A10606:C10607"/>
    <mergeCell ref="D10606:O10607"/>
    <mergeCell ref="P10606:S10607"/>
    <mergeCell ref="T10606:W10607"/>
    <mergeCell ref="X10606:AA10607"/>
    <mergeCell ref="A10608:C10609"/>
    <mergeCell ref="D10608:O10609"/>
    <mergeCell ref="P10608:S10609"/>
    <mergeCell ref="T10608:W10609"/>
    <mergeCell ref="X10608:AA10609"/>
    <mergeCell ref="A10610:C10611"/>
    <mergeCell ref="D10610:O10611"/>
    <mergeCell ref="P10610:S10611"/>
    <mergeCell ref="T10610:W10611"/>
    <mergeCell ref="X10610:AA10611"/>
    <mergeCell ref="A10612:C10613"/>
    <mergeCell ref="D10612:O10613"/>
    <mergeCell ref="P10612:S10613"/>
    <mergeCell ref="T10612:W10613"/>
    <mergeCell ref="X10612:AA10613"/>
    <mergeCell ref="A10586:C10587"/>
    <mergeCell ref="D10586:O10587"/>
    <mergeCell ref="P10586:S10587"/>
    <mergeCell ref="T10586:W10587"/>
    <mergeCell ref="X10586:AA10587"/>
    <mergeCell ref="A10588:C10589"/>
    <mergeCell ref="D10588:O10589"/>
    <mergeCell ref="P10588:S10589"/>
    <mergeCell ref="T10588:W10589"/>
    <mergeCell ref="X10588:AA10589"/>
    <mergeCell ref="A10590:C10591"/>
    <mergeCell ref="D10590:O10591"/>
    <mergeCell ref="P10590:S10591"/>
    <mergeCell ref="T10590:W10591"/>
    <mergeCell ref="X10590:AA10591"/>
    <mergeCell ref="A10592:C10593"/>
    <mergeCell ref="D10592:O10593"/>
    <mergeCell ref="P10592:S10593"/>
    <mergeCell ref="T10592:W10593"/>
    <mergeCell ref="X10592:AA10593"/>
    <mergeCell ref="A10594:C10595"/>
    <mergeCell ref="D10594:O10595"/>
    <mergeCell ref="P10594:S10595"/>
    <mergeCell ref="T10594:W10595"/>
    <mergeCell ref="X10594:AA10595"/>
    <mergeCell ref="A10596:C10597"/>
    <mergeCell ref="D10596:O10597"/>
    <mergeCell ref="P10596:S10597"/>
    <mergeCell ref="T10596:W10597"/>
    <mergeCell ref="X10596:AA10597"/>
    <mergeCell ref="A10598:C10599"/>
    <mergeCell ref="D10598:O10599"/>
    <mergeCell ref="P10598:S10599"/>
    <mergeCell ref="T10598:W10599"/>
    <mergeCell ref="X10598:AA10599"/>
    <mergeCell ref="A10572:C10573"/>
    <mergeCell ref="D10572:O10573"/>
    <mergeCell ref="P10572:S10573"/>
    <mergeCell ref="T10572:W10573"/>
    <mergeCell ref="X10572:AA10573"/>
    <mergeCell ref="A10574:C10575"/>
    <mergeCell ref="D10574:O10575"/>
    <mergeCell ref="P10574:S10575"/>
    <mergeCell ref="T10574:W10575"/>
    <mergeCell ref="X10574:AA10575"/>
    <mergeCell ref="A10576:C10577"/>
    <mergeCell ref="D10576:O10577"/>
    <mergeCell ref="P10576:S10577"/>
    <mergeCell ref="T10576:W10577"/>
    <mergeCell ref="X10576:AA10577"/>
    <mergeCell ref="A10578:C10579"/>
    <mergeCell ref="D10578:O10579"/>
    <mergeCell ref="P10578:S10579"/>
    <mergeCell ref="T10578:W10579"/>
    <mergeCell ref="X10578:AA10579"/>
    <mergeCell ref="A10580:C10581"/>
    <mergeCell ref="D10580:O10581"/>
    <mergeCell ref="P10580:S10581"/>
    <mergeCell ref="T10580:W10581"/>
    <mergeCell ref="X10580:AA10581"/>
    <mergeCell ref="A10582:C10583"/>
    <mergeCell ref="D10582:O10583"/>
    <mergeCell ref="P10582:S10583"/>
    <mergeCell ref="T10582:W10583"/>
    <mergeCell ref="X10582:AA10583"/>
    <mergeCell ref="A10584:C10585"/>
    <mergeCell ref="D10584:O10585"/>
    <mergeCell ref="P10584:S10585"/>
    <mergeCell ref="T10584:W10585"/>
    <mergeCell ref="X10584:AA10585"/>
    <mergeCell ref="A10558:C10559"/>
    <mergeCell ref="D10558:O10559"/>
    <mergeCell ref="P10558:S10559"/>
    <mergeCell ref="T10558:W10559"/>
    <mergeCell ref="X10558:AA10559"/>
    <mergeCell ref="A10560:C10561"/>
    <mergeCell ref="D10560:O10561"/>
    <mergeCell ref="P10560:S10561"/>
    <mergeCell ref="T10560:W10561"/>
    <mergeCell ref="X10560:AA10561"/>
    <mergeCell ref="A10562:C10563"/>
    <mergeCell ref="D10562:O10563"/>
    <mergeCell ref="P10562:S10563"/>
    <mergeCell ref="T10562:W10563"/>
    <mergeCell ref="X10562:AA10563"/>
    <mergeCell ref="A10564:C10565"/>
    <mergeCell ref="D10564:O10565"/>
    <mergeCell ref="P10564:S10565"/>
    <mergeCell ref="T10564:W10565"/>
    <mergeCell ref="X10564:AA10565"/>
    <mergeCell ref="A10566:C10567"/>
    <mergeCell ref="D10566:O10567"/>
    <mergeCell ref="P10566:S10567"/>
    <mergeCell ref="T10566:W10567"/>
    <mergeCell ref="X10566:AA10567"/>
    <mergeCell ref="A10568:C10569"/>
    <mergeCell ref="D10568:O10569"/>
    <mergeCell ref="P10568:S10569"/>
    <mergeCell ref="T10568:W10569"/>
    <mergeCell ref="X10568:AA10569"/>
    <mergeCell ref="A10570:C10571"/>
    <mergeCell ref="D10570:O10571"/>
    <mergeCell ref="P10570:S10571"/>
    <mergeCell ref="T10570:W10571"/>
    <mergeCell ref="X10570:AA10571"/>
    <mergeCell ref="A10544:C10545"/>
    <mergeCell ref="D10544:O10545"/>
    <mergeCell ref="P10544:S10545"/>
    <mergeCell ref="T10544:W10545"/>
    <mergeCell ref="X10544:AA10545"/>
    <mergeCell ref="A10546:C10547"/>
    <mergeCell ref="D10546:O10547"/>
    <mergeCell ref="P10546:S10547"/>
    <mergeCell ref="T10546:W10547"/>
    <mergeCell ref="X10546:AA10547"/>
    <mergeCell ref="A10548:C10549"/>
    <mergeCell ref="D10548:O10549"/>
    <mergeCell ref="P10548:S10549"/>
    <mergeCell ref="T10548:W10549"/>
    <mergeCell ref="X10548:AA10549"/>
    <mergeCell ref="A10550:C10551"/>
    <mergeCell ref="D10550:O10551"/>
    <mergeCell ref="P10550:S10551"/>
    <mergeCell ref="T10550:W10551"/>
    <mergeCell ref="X10550:AA10551"/>
    <mergeCell ref="A10552:C10553"/>
    <mergeCell ref="D10552:O10553"/>
    <mergeCell ref="P10552:S10553"/>
    <mergeCell ref="T10552:W10553"/>
    <mergeCell ref="X10552:AA10553"/>
    <mergeCell ref="A10554:C10555"/>
    <mergeCell ref="D10554:O10555"/>
    <mergeCell ref="P10554:S10555"/>
    <mergeCell ref="T10554:W10555"/>
    <mergeCell ref="X10554:AA10555"/>
    <mergeCell ref="A10556:C10557"/>
    <mergeCell ref="D10556:O10557"/>
    <mergeCell ref="P10556:S10557"/>
    <mergeCell ref="T10556:W10557"/>
    <mergeCell ref="X10556:AA10557"/>
    <mergeCell ref="A10530:C10531"/>
    <mergeCell ref="D10530:O10531"/>
    <mergeCell ref="P10530:S10531"/>
    <mergeCell ref="T10530:W10531"/>
    <mergeCell ref="X10530:AA10531"/>
    <mergeCell ref="A10532:C10533"/>
    <mergeCell ref="D10532:O10533"/>
    <mergeCell ref="P10532:S10533"/>
    <mergeCell ref="T10532:W10533"/>
    <mergeCell ref="X10532:AA10533"/>
    <mergeCell ref="A10534:C10535"/>
    <mergeCell ref="D10534:O10535"/>
    <mergeCell ref="P10534:S10535"/>
    <mergeCell ref="T10534:W10535"/>
    <mergeCell ref="X10534:AA10535"/>
    <mergeCell ref="A10536:C10537"/>
    <mergeCell ref="D10536:O10537"/>
    <mergeCell ref="P10536:S10537"/>
    <mergeCell ref="T10536:W10537"/>
    <mergeCell ref="X10536:AA10537"/>
    <mergeCell ref="A10538:C10539"/>
    <mergeCell ref="D10538:O10539"/>
    <mergeCell ref="P10538:S10539"/>
    <mergeCell ref="T10538:W10539"/>
    <mergeCell ref="X10538:AA10539"/>
    <mergeCell ref="A10540:C10541"/>
    <mergeCell ref="D10540:O10541"/>
    <mergeCell ref="P10540:S10541"/>
    <mergeCell ref="T10540:W10541"/>
    <mergeCell ref="X10540:AA10541"/>
    <mergeCell ref="A10542:C10543"/>
    <mergeCell ref="D10542:O10543"/>
    <mergeCell ref="P10542:S10543"/>
    <mergeCell ref="T10542:W10543"/>
    <mergeCell ref="X10542:AA10543"/>
    <mergeCell ref="A10516:C10517"/>
    <mergeCell ref="D10516:O10517"/>
    <mergeCell ref="P10516:S10517"/>
    <mergeCell ref="T10516:W10517"/>
    <mergeCell ref="X10516:AA10517"/>
    <mergeCell ref="A10518:C10519"/>
    <mergeCell ref="D10518:O10519"/>
    <mergeCell ref="P10518:S10519"/>
    <mergeCell ref="T10518:W10519"/>
    <mergeCell ref="X10518:AA10519"/>
    <mergeCell ref="A10520:C10521"/>
    <mergeCell ref="D10520:O10521"/>
    <mergeCell ref="P10520:S10521"/>
    <mergeCell ref="T10520:W10521"/>
    <mergeCell ref="X10520:AA10521"/>
    <mergeCell ref="A10522:C10523"/>
    <mergeCell ref="D10522:O10523"/>
    <mergeCell ref="P10522:S10523"/>
    <mergeCell ref="T10522:W10523"/>
    <mergeCell ref="X10522:AA10523"/>
    <mergeCell ref="A10524:C10525"/>
    <mergeCell ref="D10524:O10525"/>
    <mergeCell ref="P10524:S10525"/>
    <mergeCell ref="T10524:W10525"/>
    <mergeCell ref="X10524:AA10525"/>
    <mergeCell ref="A10526:C10527"/>
    <mergeCell ref="D10526:O10527"/>
    <mergeCell ref="P10526:S10527"/>
    <mergeCell ref="T10526:W10527"/>
    <mergeCell ref="X10526:AA10527"/>
    <mergeCell ref="A10528:C10529"/>
    <mergeCell ref="D10528:O10529"/>
    <mergeCell ref="P10528:S10529"/>
    <mergeCell ref="T10528:W10529"/>
    <mergeCell ref="X10528:AA10529"/>
    <mergeCell ref="A10502:C10503"/>
    <mergeCell ref="D10502:O10503"/>
    <mergeCell ref="P10502:S10503"/>
    <mergeCell ref="T10502:W10503"/>
    <mergeCell ref="X10502:AA10503"/>
    <mergeCell ref="A10504:C10505"/>
    <mergeCell ref="D10504:O10505"/>
    <mergeCell ref="P10504:S10505"/>
    <mergeCell ref="T10504:W10505"/>
    <mergeCell ref="X10504:AA10505"/>
    <mergeCell ref="A10506:C10507"/>
    <mergeCell ref="D10506:O10507"/>
    <mergeCell ref="P10506:S10507"/>
    <mergeCell ref="T10506:W10507"/>
    <mergeCell ref="X10506:AA10507"/>
    <mergeCell ref="A10508:C10509"/>
    <mergeCell ref="D10508:O10509"/>
    <mergeCell ref="P10508:S10509"/>
    <mergeCell ref="T10508:W10509"/>
    <mergeCell ref="X10508:AA10509"/>
    <mergeCell ref="A10510:C10511"/>
    <mergeCell ref="D10510:O10511"/>
    <mergeCell ref="P10510:S10511"/>
    <mergeCell ref="T10510:W10511"/>
    <mergeCell ref="X10510:AA10511"/>
    <mergeCell ref="A10512:C10513"/>
    <mergeCell ref="D10512:O10513"/>
    <mergeCell ref="P10512:S10513"/>
    <mergeCell ref="T10512:W10513"/>
    <mergeCell ref="X10512:AA10513"/>
    <mergeCell ref="A10514:C10515"/>
    <mergeCell ref="D10514:O10515"/>
    <mergeCell ref="P10514:S10515"/>
    <mergeCell ref="T10514:W10515"/>
    <mergeCell ref="X10514:AA10515"/>
    <mergeCell ref="A10488:C10489"/>
    <mergeCell ref="D10488:O10489"/>
    <mergeCell ref="P10488:S10489"/>
    <mergeCell ref="T10488:W10489"/>
    <mergeCell ref="X10488:AA10489"/>
    <mergeCell ref="A10490:C10491"/>
    <mergeCell ref="D10490:O10491"/>
    <mergeCell ref="P10490:S10491"/>
    <mergeCell ref="T10490:W10491"/>
    <mergeCell ref="X10490:AA10491"/>
    <mergeCell ref="A10492:C10493"/>
    <mergeCell ref="D10492:O10493"/>
    <mergeCell ref="P10492:S10493"/>
    <mergeCell ref="T10492:W10493"/>
    <mergeCell ref="X10492:AA10493"/>
    <mergeCell ref="A10494:C10495"/>
    <mergeCell ref="D10494:O10495"/>
    <mergeCell ref="P10494:S10495"/>
    <mergeCell ref="T10494:W10495"/>
    <mergeCell ref="X10494:AA10495"/>
    <mergeCell ref="A10496:C10497"/>
    <mergeCell ref="D10496:O10497"/>
    <mergeCell ref="P10496:S10497"/>
    <mergeCell ref="T10496:W10497"/>
    <mergeCell ref="X10496:AA10497"/>
    <mergeCell ref="A10498:C10499"/>
    <mergeCell ref="D10498:O10499"/>
    <mergeCell ref="P10498:S10499"/>
    <mergeCell ref="T10498:W10499"/>
    <mergeCell ref="X10498:AA10499"/>
    <mergeCell ref="A10500:C10501"/>
    <mergeCell ref="D10500:O10501"/>
    <mergeCell ref="P10500:S10501"/>
    <mergeCell ref="T10500:W10501"/>
    <mergeCell ref="X10500:AA10501"/>
    <mergeCell ref="A10474:C10475"/>
    <mergeCell ref="D10474:O10475"/>
    <mergeCell ref="P10474:S10475"/>
    <mergeCell ref="T10474:W10475"/>
    <mergeCell ref="X10474:AA10475"/>
    <mergeCell ref="A10476:C10477"/>
    <mergeCell ref="D10476:O10477"/>
    <mergeCell ref="P10476:S10477"/>
    <mergeCell ref="T10476:W10477"/>
    <mergeCell ref="X10476:AA10477"/>
    <mergeCell ref="A10478:C10479"/>
    <mergeCell ref="D10478:O10479"/>
    <mergeCell ref="P10478:S10479"/>
    <mergeCell ref="T10478:W10479"/>
    <mergeCell ref="X10478:AA10479"/>
    <mergeCell ref="A10480:C10481"/>
    <mergeCell ref="D10480:O10481"/>
    <mergeCell ref="P10480:S10481"/>
    <mergeCell ref="T10480:W10481"/>
    <mergeCell ref="X10480:AA10481"/>
    <mergeCell ref="A10482:C10483"/>
    <mergeCell ref="D10482:O10483"/>
    <mergeCell ref="P10482:S10483"/>
    <mergeCell ref="T10482:W10483"/>
    <mergeCell ref="X10482:AA10483"/>
    <mergeCell ref="A10484:C10485"/>
    <mergeCell ref="D10484:O10485"/>
    <mergeCell ref="P10484:S10485"/>
    <mergeCell ref="T10484:W10485"/>
    <mergeCell ref="X10484:AA10485"/>
    <mergeCell ref="A10486:C10487"/>
    <mergeCell ref="D10486:O10487"/>
    <mergeCell ref="P10486:S10487"/>
    <mergeCell ref="T10486:W10487"/>
    <mergeCell ref="X10486:AA10487"/>
    <mergeCell ref="A10460:C10461"/>
    <mergeCell ref="D10460:O10461"/>
    <mergeCell ref="P10460:S10461"/>
    <mergeCell ref="T10460:W10461"/>
    <mergeCell ref="X10460:AA10461"/>
    <mergeCell ref="A10462:C10463"/>
    <mergeCell ref="D10462:O10463"/>
    <mergeCell ref="P10462:S10463"/>
    <mergeCell ref="T10462:W10463"/>
    <mergeCell ref="X10462:AA10463"/>
    <mergeCell ref="A10464:C10465"/>
    <mergeCell ref="D10464:O10465"/>
    <mergeCell ref="P10464:S10465"/>
    <mergeCell ref="T10464:W10465"/>
    <mergeCell ref="X10464:AA10465"/>
    <mergeCell ref="A10466:C10467"/>
    <mergeCell ref="D10466:O10467"/>
    <mergeCell ref="P10466:S10467"/>
    <mergeCell ref="T10466:W10467"/>
    <mergeCell ref="X10466:AA10467"/>
    <mergeCell ref="A10468:C10469"/>
    <mergeCell ref="D10468:O10469"/>
    <mergeCell ref="P10468:S10469"/>
    <mergeCell ref="T10468:W10469"/>
    <mergeCell ref="X10468:AA10469"/>
    <mergeCell ref="A10470:C10471"/>
    <mergeCell ref="D10470:O10471"/>
    <mergeCell ref="P10470:S10471"/>
    <mergeCell ref="T10470:W10471"/>
    <mergeCell ref="X10470:AA10471"/>
    <mergeCell ref="A10472:C10473"/>
    <mergeCell ref="D10472:O10473"/>
    <mergeCell ref="P10472:S10473"/>
    <mergeCell ref="T10472:W10473"/>
    <mergeCell ref="X10472:AA10473"/>
    <mergeCell ref="A10446:C10447"/>
    <mergeCell ref="D10446:O10447"/>
    <mergeCell ref="P10446:S10447"/>
    <mergeCell ref="T10446:W10447"/>
    <mergeCell ref="X10446:AA10447"/>
    <mergeCell ref="A10448:C10449"/>
    <mergeCell ref="D10448:O10449"/>
    <mergeCell ref="P10448:S10449"/>
    <mergeCell ref="T10448:W10449"/>
    <mergeCell ref="X10448:AA10449"/>
    <mergeCell ref="A10450:C10451"/>
    <mergeCell ref="D10450:O10451"/>
    <mergeCell ref="P10450:S10451"/>
    <mergeCell ref="T10450:W10451"/>
    <mergeCell ref="X10450:AA10451"/>
    <mergeCell ref="A10452:C10453"/>
    <mergeCell ref="D10452:O10453"/>
    <mergeCell ref="P10452:S10453"/>
    <mergeCell ref="T10452:W10453"/>
    <mergeCell ref="X10452:AA10453"/>
    <mergeCell ref="A10454:C10455"/>
    <mergeCell ref="D10454:O10455"/>
    <mergeCell ref="P10454:S10455"/>
    <mergeCell ref="T10454:W10455"/>
    <mergeCell ref="X10454:AA10455"/>
    <mergeCell ref="A10456:C10457"/>
    <mergeCell ref="D10456:O10457"/>
    <mergeCell ref="P10456:S10457"/>
    <mergeCell ref="T10456:W10457"/>
    <mergeCell ref="X10456:AA10457"/>
    <mergeCell ref="A10458:C10459"/>
    <mergeCell ref="D10458:O10459"/>
    <mergeCell ref="P10458:S10459"/>
    <mergeCell ref="T10458:W10459"/>
    <mergeCell ref="X10458:AA10459"/>
    <mergeCell ref="A10432:C10433"/>
    <mergeCell ref="D10432:O10433"/>
    <mergeCell ref="P10432:S10433"/>
    <mergeCell ref="T10432:W10433"/>
    <mergeCell ref="X10432:AA10433"/>
    <mergeCell ref="A10434:C10435"/>
    <mergeCell ref="D10434:O10435"/>
    <mergeCell ref="P10434:S10435"/>
    <mergeCell ref="T10434:W10435"/>
    <mergeCell ref="X10434:AA10435"/>
    <mergeCell ref="A10436:C10437"/>
    <mergeCell ref="D10436:O10437"/>
    <mergeCell ref="P10436:S10437"/>
    <mergeCell ref="T10436:W10437"/>
    <mergeCell ref="X10436:AA10437"/>
    <mergeCell ref="A10438:C10439"/>
    <mergeCell ref="D10438:O10439"/>
    <mergeCell ref="P10438:S10439"/>
    <mergeCell ref="T10438:W10439"/>
    <mergeCell ref="X10438:AA10439"/>
    <mergeCell ref="A10440:C10441"/>
    <mergeCell ref="D10440:O10441"/>
    <mergeCell ref="P10440:S10441"/>
    <mergeCell ref="T10440:W10441"/>
    <mergeCell ref="X10440:AA10441"/>
    <mergeCell ref="A10442:C10443"/>
    <mergeCell ref="D10442:O10443"/>
    <mergeCell ref="P10442:S10443"/>
    <mergeCell ref="T10442:W10443"/>
    <mergeCell ref="X10442:AA10443"/>
    <mergeCell ref="A10444:C10445"/>
    <mergeCell ref="D10444:O10445"/>
    <mergeCell ref="P10444:S10445"/>
    <mergeCell ref="T10444:W10445"/>
    <mergeCell ref="X10444:AA10445"/>
    <mergeCell ref="A10418:C10419"/>
    <mergeCell ref="D10418:O10419"/>
    <mergeCell ref="P10418:S10419"/>
    <mergeCell ref="T10418:W10419"/>
    <mergeCell ref="X10418:AA10419"/>
    <mergeCell ref="A10420:C10421"/>
    <mergeCell ref="D10420:O10421"/>
    <mergeCell ref="P10420:S10421"/>
    <mergeCell ref="T10420:W10421"/>
    <mergeCell ref="X10420:AA10421"/>
    <mergeCell ref="A10422:C10423"/>
    <mergeCell ref="D10422:O10423"/>
    <mergeCell ref="P10422:S10423"/>
    <mergeCell ref="T10422:W10423"/>
    <mergeCell ref="X10422:AA10423"/>
    <mergeCell ref="A10424:C10425"/>
    <mergeCell ref="D10424:O10425"/>
    <mergeCell ref="P10424:S10425"/>
    <mergeCell ref="T10424:W10425"/>
    <mergeCell ref="X10424:AA10425"/>
    <mergeCell ref="A10426:C10427"/>
    <mergeCell ref="D10426:O10427"/>
    <mergeCell ref="P10426:S10427"/>
    <mergeCell ref="T10426:W10427"/>
    <mergeCell ref="X10426:AA10427"/>
    <mergeCell ref="A10428:C10429"/>
    <mergeCell ref="D10428:O10429"/>
    <mergeCell ref="P10428:S10429"/>
    <mergeCell ref="T10428:W10429"/>
    <mergeCell ref="X10428:AA10429"/>
    <mergeCell ref="A10430:C10431"/>
    <mergeCell ref="D10430:O10431"/>
    <mergeCell ref="P10430:S10431"/>
    <mergeCell ref="T10430:W10431"/>
    <mergeCell ref="X10430:AA10431"/>
    <mergeCell ref="A10404:C10405"/>
    <mergeCell ref="D10404:O10405"/>
    <mergeCell ref="P10404:S10405"/>
    <mergeCell ref="T10404:W10405"/>
    <mergeCell ref="X10404:AA10405"/>
    <mergeCell ref="A10406:C10407"/>
    <mergeCell ref="D10406:O10407"/>
    <mergeCell ref="P10406:S10407"/>
    <mergeCell ref="T10406:W10407"/>
    <mergeCell ref="X10406:AA10407"/>
    <mergeCell ref="A10408:C10409"/>
    <mergeCell ref="D10408:O10409"/>
    <mergeCell ref="P10408:S10409"/>
    <mergeCell ref="T10408:W10409"/>
    <mergeCell ref="X10408:AA10409"/>
    <mergeCell ref="A10410:C10411"/>
    <mergeCell ref="D10410:O10411"/>
    <mergeCell ref="P10410:S10411"/>
    <mergeCell ref="T10410:W10411"/>
    <mergeCell ref="X10410:AA10411"/>
    <mergeCell ref="A10412:C10413"/>
    <mergeCell ref="D10412:O10413"/>
    <mergeCell ref="P10412:S10413"/>
    <mergeCell ref="T10412:W10413"/>
    <mergeCell ref="X10412:AA10413"/>
    <mergeCell ref="A10414:C10415"/>
    <mergeCell ref="D10414:O10415"/>
    <mergeCell ref="P10414:S10415"/>
    <mergeCell ref="T10414:W10415"/>
    <mergeCell ref="X10414:AA10415"/>
    <mergeCell ref="A10416:C10417"/>
    <mergeCell ref="D10416:O10417"/>
    <mergeCell ref="P10416:S10417"/>
    <mergeCell ref="T10416:W10417"/>
    <mergeCell ref="X10416:AA10417"/>
    <mergeCell ref="A10390:C10391"/>
    <mergeCell ref="D10390:O10391"/>
    <mergeCell ref="P10390:S10391"/>
    <mergeCell ref="T10390:W10391"/>
    <mergeCell ref="X10390:AA10391"/>
    <mergeCell ref="A10392:C10393"/>
    <mergeCell ref="D10392:O10393"/>
    <mergeCell ref="P10392:S10393"/>
    <mergeCell ref="T10392:W10393"/>
    <mergeCell ref="X10392:AA10393"/>
    <mergeCell ref="A10394:C10395"/>
    <mergeCell ref="D10394:O10395"/>
    <mergeCell ref="P10394:S10395"/>
    <mergeCell ref="T10394:W10395"/>
    <mergeCell ref="X10394:AA10395"/>
    <mergeCell ref="A10396:C10397"/>
    <mergeCell ref="D10396:O10397"/>
    <mergeCell ref="P10396:S10397"/>
    <mergeCell ref="T10396:W10397"/>
    <mergeCell ref="X10396:AA10397"/>
    <mergeCell ref="A10398:C10399"/>
    <mergeCell ref="D10398:O10399"/>
    <mergeCell ref="P10398:S10399"/>
    <mergeCell ref="T10398:W10399"/>
    <mergeCell ref="X10398:AA10399"/>
    <mergeCell ref="A10400:C10401"/>
    <mergeCell ref="D10400:O10401"/>
    <mergeCell ref="P10400:S10401"/>
    <mergeCell ref="T10400:W10401"/>
    <mergeCell ref="X10400:AA10401"/>
    <mergeCell ref="A10402:C10403"/>
    <mergeCell ref="D10402:O10403"/>
    <mergeCell ref="P10402:S10403"/>
    <mergeCell ref="T10402:W10403"/>
    <mergeCell ref="X10402:AA10403"/>
    <mergeCell ref="A10376:C10377"/>
    <mergeCell ref="D10376:O10377"/>
    <mergeCell ref="P10376:S10377"/>
    <mergeCell ref="T10376:W10377"/>
    <mergeCell ref="X10376:AA10377"/>
    <mergeCell ref="A10378:C10379"/>
    <mergeCell ref="D10378:O10379"/>
    <mergeCell ref="P10378:S10379"/>
    <mergeCell ref="T10378:W10379"/>
    <mergeCell ref="X10378:AA10379"/>
    <mergeCell ref="A10380:C10381"/>
    <mergeCell ref="D10380:O10381"/>
    <mergeCell ref="P10380:S10381"/>
    <mergeCell ref="T10380:W10381"/>
    <mergeCell ref="X10380:AA10381"/>
    <mergeCell ref="A10382:C10383"/>
    <mergeCell ref="D10382:O10383"/>
    <mergeCell ref="P10382:S10383"/>
    <mergeCell ref="T10382:W10383"/>
    <mergeCell ref="X10382:AA10383"/>
    <mergeCell ref="A10384:C10385"/>
    <mergeCell ref="D10384:O10385"/>
    <mergeCell ref="P10384:S10385"/>
    <mergeCell ref="T10384:W10385"/>
    <mergeCell ref="X10384:AA10385"/>
    <mergeCell ref="A10386:C10387"/>
    <mergeCell ref="D10386:O10387"/>
    <mergeCell ref="P10386:S10387"/>
    <mergeCell ref="T10386:W10387"/>
    <mergeCell ref="X10386:AA10387"/>
    <mergeCell ref="A10388:C10389"/>
    <mergeCell ref="D10388:O10389"/>
    <mergeCell ref="P10388:S10389"/>
    <mergeCell ref="T10388:W10389"/>
    <mergeCell ref="X10388:AA10389"/>
    <mergeCell ref="A10362:C10363"/>
    <mergeCell ref="D10362:O10363"/>
    <mergeCell ref="P10362:S10363"/>
    <mergeCell ref="T10362:W10363"/>
    <mergeCell ref="X10362:AA10363"/>
    <mergeCell ref="A10364:C10365"/>
    <mergeCell ref="D10364:O10365"/>
    <mergeCell ref="P10364:S10365"/>
    <mergeCell ref="T10364:W10365"/>
    <mergeCell ref="X10364:AA10365"/>
    <mergeCell ref="A10366:C10367"/>
    <mergeCell ref="D10366:O10367"/>
    <mergeCell ref="P10366:S10367"/>
    <mergeCell ref="T10366:W10367"/>
    <mergeCell ref="X10366:AA10367"/>
    <mergeCell ref="A10368:C10369"/>
    <mergeCell ref="D10368:O10369"/>
    <mergeCell ref="P10368:S10369"/>
    <mergeCell ref="T10368:W10369"/>
    <mergeCell ref="X10368:AA10369"/>
    <mergeCell ref="A10370:C10371"/>
    <mergeCell ref="D10370:O10371"/>
    <mergeCell ref="P10370:S10371"/>
    <mergeCell ref="T10370:W10371"/>
    <mergeCell ref="X10370:AA10371"/>
    <mergeCell ref="A10372:C10373"/>
    <mergeCell ref="D10372:O10373"/>
    <mergeCell ref="P10372:S10373"/>
    <mergeCell ref="T10372:W10373"/>
    <mergeCell ref="X10372:AA10373"/>
    <mergeCell ref="A10374:C10375"/>
    <mergeCell ref="D10374:O10375"/>
    <mergeCell ref="P10374:S10375"/>
    <mergeCell ref="T10374:W10375"/>
    <mergeCell ref="X10374:AA10375"/>
    <mergeCell ref="A10348:C10349"/>
    <mergeCell ref="D10348:O10349"/>
    <mergeCell ref="P10348:S10349"/>
    <mergeCell ref="T10348:W10349"/>
    <mergeCell ref="X10348:AA10349"/>
    <mergeCell ref="A10350:C10351"/>
    <mergeCell ref="D10350:O10351"/>
    <mergeCell ref="P10350:S10351"/>
    <mergeCell ref="T10350:W10351"/>
    <mergeCell ref="X10350:AA10351"/>
    <mergeCell ref="A10352:C10353"/>
    <mergeCell ref="D10352:O10353"/>
    <mergeCell ref="P10352:S10353"/>
    <mergeCell ref="T10352:W10353"/>
    <mergeCell ref="X10352:AA10353"/>
    <mergeCell ref="A10354:C10355"/>
    <mergeCell ref="D10354:O10355"/>
    <mergeCell ref="P10354:S10355"/>
    <mergeCell ref="T10354:W10355"/>
    <mergeCell ref="X10354:AA10355"/>
    <mergeCell ref="A10356:C10357"/>
    <mergeCell ref="D10356:O10357"/>
    <mergeCell ref="P10356:S10357"/>
    <mergeCell ref="T10356:W10357"/>
    <mergeCell ref="X10356:AA10357"/>
    <mergeCell ref="A10358:C10359"/>
    <mergeCell ref="D10358:O10359"/>
    <mergeCell ref="P10358:S10359"/>
    <mergeCell ref="T10358:W10359"/>
    <mergeCell ref="X10358:AA10359"/>
    <mergeCell ref="A10360:C10361"/>
    <mergeCell ref="D10360:O10361"/>
    <mergeCell ref="P10360:S10361"/>
    <mergeCell ref="T10360:W10361"/>
    <mergeCell ref="X10360:AA10361"/>
    <mergeCell ref="A10334:C10335"/>
    <mergeCell ref="D10334:O10335"/>
    <mergeCell ref="P10334:S10335"/>
    <mergeCell ref="T10334:W10335"/>
    <mergeCell ref="X10334:AA10335"/>
    <mergeCell ref="A10336:C10337"/>
    <mergeCell ref="D10336:O10337"/>
    <mergeCell ref="P10336:S10337"/>
    <mergeCell ref="T10336:W10337"/>
    <mergeCell ref="X10336:AA10337"/>
    <mergeCell ref="A10338:C10339"/>
    <mergeCell ref="D10338:O10339"/>
    <mergeCell ref="P10338:S10339"/>
    <mergeCell ref="T10338:W10339"/>
    <mergeCell ref="X10338:AA10339"/>
    <mergeCell ref="A10340:C10341"/>
    <mergeCell ref="D10340:O10341"/>
    <mergeCell ref="P10340:S10341"/>
    <mergeCell ref="T10340:W10341"/>
    <mergeCell ref="X10340:AA10341"/>
    <mergeCell ref="A10342:C10343"/>
    <mergeCell ref="D10342:O10343"/>
    <mergeCell ref="P10342:S10343"/>
    <mergeCell ref="T10342:W10343"/>
    <mergeCell ref="X10342:AA10343"/>
    <mergeCell ref="A10344:C10345"/>
    <mergeCell ref="D10344:O10345"/>
    <mergeCell ref="P10344:S10345"/>
    <mergeCell ref="T10344:W10345"/>
    <mergeCell ref="X10344:AA10345"/>
    <mergeCell ref="A10346:C10347"/>
    <mergeCell ref="D10346:O10347"/>
    <mergeCell ref="P10346:S10347"/>
    <mergeCell ref="T10346:W10347"/>
    <mergeCell ref="X10346:AA10347"/>
    <mergeCell ref="A10320:C10321"/>
    <mergeCell ref="D10320:O10321"/>
    <mergeCell ref="P10320:S10321"/>
    <mergeCell ref="T10320:W10321"/>
    <mergeCell ref="X10320:AA10321"/>
    <mergeCell ref="A10322:C10323"/>
    <mergeCell ref="D10322:O10323"/>
    <mergeCell ref="P10322:S10323"/>
    <mergeCell ref="T10322:W10323"/>
    <mergeCell ref="X10322:AA10323"/>
    <mergeCell ref="A10324:C10325"/>
    <mergeCell ref="D10324:O10325"/>
    <mergeCell ref="P10324:S10325"/>
    <mergeCell ref="T10324:W10325"/>
    <mergeCell ref="X10324:AA10325"/>
    <mergeCell ref="A10326:C10327"/>
    <mergeCell ref="D10326:O10327"/>
    <mergeCell ref="P10326:S10327"/>
    <mergeCell ref="T10326:W10327"/>
    <mergeCell ref="X10326:AA10327"/>
    <mergeCell ref="A10328:C10329"/>
    <mergeCell ref="D10328:O10329"/>
    <mergeCell ref="P10328:S10329"/>
    <mergeCell ref="T10328:W10329"/>
    <mergeCell ref="X10328:AA10329"/>
    <mergeCell ref="A10330:C10331"/>
    <mergeCell ref="D10330:O10331"/>
    <mergeCell ref="P10330:S10331"/>
    <mergeCell ref="T10330:W10331"/>
    <mergeCell ref="X10330:AA10331"/>
    <mergeCell ref="A10332:C10333"/>
    <mergeCell ref="D10332:O10333"/>
    <mergeCell ref="P10332:S10333"/>
    <mergeCell ref="T10332:W10333"/>
    <mergeCell ref="X10332:AA10333"/>
    <mergeCell ref="A10306:C10307"/>
    <mergeCell ref="D10306:O10307"/>
    <mergeCell ref="P10306:S10307"/>
    <mergeCell ref="T10306:W10307"/>
    <mergeCell ref="X10306:AA10307"/>
    <mergeCell ref="A10308:C10309"/>
    <mergeCell ref="D10308:O10309"/>
    <mergeCell ref="P10308:S10309"/>
    <mergeCell ref="T10308:W10309"/>
    <mergeCell ref="X10308:AA10309"/>
    <mergeCell ref="A10310:C10311"/>
    <mergeCell ref="D10310:O10311"/>
    <mergeCell ref="P10310:S10311"/>
    <mergeCell ref="T10310:W10311"/>
    <mergeCell ref="X10310:AA10311"/>
    <mergeCell ref="A10312:C10313"/>
    <mergeCell ref="D10312:O10313"/>
    <mergeCell ref="P10312:S10313"/>
    <mergeCell ref="T10312:W10313"/>
    <mergeCell ref="X10312:AA10313"/>
    <mergeCell ref="A10314:C10315"/>
    <mergeCell ref="D10314:O10315"/>
    <mergeCell ref="P10314:S10315"/>
    <mergeCell ref="T10314:W10315"/>
    <mergeCell ref="X10314:AA10315"/>
    <mergeCell ref="A10316:C10317"/>
    <mergeCell ref="D10316:O10317"/>
    <mergeCell ref="P10316:S10317"/>
    <mergeCell ref="T10316:W10317"/>
    <mergeCell ref="X10316:AA10317"/>
    <mergeCell ref="A10318:C10319"/>
    <mergeCell ref="D10318:O10319"/>
    <mergeCell ref="P10318:S10319"/>
    <mergeCell ref="T10318:W10319"/>
    <mergeCell ref="X10318:AA10319"/>
    <mergeCell ref="A10292:C10293"/>
    <mergeCell ref="D10292:O10293"/>
    <mergeCell ref="P10292:S10293"/>
    <mergeCell ref="T10292:W10293"/>
    <mergeCell ref="X10292:AA10293"/>
    <mergeCell ref="A10294:C10295"/>
    <mergeCell ref="D10294:O10295"/>
    <mergeCell ref="P10294:S10295"/>
    <mergeCell ref="T10294:W10295"/>
    <mergeCell ref="X10294:AA10295"/>
    <mergeCell ref="A10296:C10297"/>
    <mergeCell ref="D10296:O10297"/>
    <mergeCell ref="P10296:S10297"/>
    <mergeCell ref="T10296:W10297"/>
    <mergeCell ref="X10296:AA10297"/>
    <mergeCell ref="A10298:C10299"/>
    <mergeCell ref="D10298:O10299"/>
    <mergeCell ref="P10298:S10299"/>
    <mergeCell ref="T10298:W10299"/>
    <mergeCell ref="X10298:AA10299"/>
    <mergeCell ref="A10300:C10301"/>
    <mergeCell ref="D10300:O10301"/>
    <mergeCell ref="P10300:S10301"/>
    <mergeCell ref="T10300:W10301"/>
    <mergeCell ref="X10300:AA10301"/>
    <mergeCell ref="A10302:C10303"/>
    <mergeCell ref="D10302:O10303"/>
    <mergeCell ref="P10302:S10303"/>
    <mergeCell ref="T10302:W10303"/>
    <mergeCell ref="X10302:AA10303"/>
    <mergeCell ref="A10304:C10305"/>
    <mergeCell ref="D10304:O10305"/>
    <mergeCell ref="P10304:S10305"/>
    <mergeCell ref="T10304:W10305"/>
    <mergeCell ref="X10304:AA10305"/>
    <mergeCell ref="A10278:C10279"/>
    <mergeCell ref="D10278:O10279"/>
    <mergeCell ref="P10278:S10279"/>
    <mergeCell ref="T10278:W10279"/>
    <mergeCell ref="X10278:AA10279"/>
    <mergeCell ref="A10280:C10281"/>
    <mergeCell ref="D10280:O10281"/>
    <mergeCell ref="P10280:S10281"/>
    <mergeCell ref="T10280:W10281"/>
    <mergeCell ref="X10280:AA10281"/>
    <mergeCell ref="A10282:C10283"/>
    <mergeCell ref="D10282:O10283"/>
    <mergeCell ref="P10282:S10283"/>
    <mergeCell ref="T10282:W10283"/>
    <mergeCell ref="X10282:AA10283"/>
    <mergeCell ref="A10284:C10285"/>
    <mergeCell ref="D10284:O10285"/>
    <mergeCell ref="P10284:S10285"/>
    <mergeCell ref="T10284:W10285"/>
    <mergeCell ref="X10284:AA10285"/>
    <mergeCell ref="A10286:C10287"/>
    <mergeCell ref="D10286:O10287"/>
    <mergeCell ref="P10286:S10287"/>
    <mergeCell ref="T10286:W10287"/>
    <mergeCell ref="X10286:AA10287"/>
    <mergeCell ref="A10288:C10289"/>
    <mergeCell ref="D10288:O10289"/>
    <mergeCell ref="P10288:S10289"/>
    <mergeCell ref="T10288:W10289"/>
    <mergeCell ref="X10288:AA10289"/>
    <mergeCell ref="A10290:C10291"/>
    <mergeCell ref="D10290:O10291"/>
    <mergeCell ref="P10290:S10291"/>
    <mergeCell ref="T10290:W10291"/>
    <mergeCell ref="X10290:AA10291"/>
    <mergeCell ref="A10264:C10265"/>
    <mergeCell ref="D10264:O10265"/>
    <mergeCell ref="P10264:S10265"/>
    <mergeCell ref="T10264:W10265"/>
    <mergeCell ref="X10264:AA10265"/>
    <mergeCell ref="A10266:C10267"/>
    <mergeCell ref="D10266:O10267"/>
    <mergeCell ref="P10266:S10267"/>
    <mergeCell ref="T10266:W10267"/>
    <mergeCell ref="X10266:AA10267"/>
    <mergeCell ref="A10268:C10269"/>
    <mergeCell ref="D10268:O10269"/>
    <mergeCell ref="P10268:S10269"/>
    <mergeCell ref="T10268:W10269"/>
    <mergeCell ref="X10268:AA10269"/>
    <mergeCell ref="A10270:C10271"/>
    <mergeCell ref="D10270:O10271"/>
    <mergeCell ref="P10270:S10271"/>
    <mergeCell ref="T10270:W10271"/>
    <mergeCell ref="X10270:AA10271"/>
    <mergeCell ref="A10272:C10273"/>
    <mergeCell ref="D10272:O10273"/>
    <mergeCell ref="P10272:S10273"/>
    <mergeCell ref="T10272:W10273"/>
    <mergeCell ref="X10272:AA10273"/>
    <mergeCell ref="A10274:C10275"/>
    <mergeCell ref="D10274:O10275"/>
    <mergeCell ref="P10274:S10275"/>
    <mergeCell ref="T10274:W10275"/>
    <mergeCell ref="X10274:AA10275"/>
    <mergeCell ref="A10276:C10277"/>
    <mergeCell ref="D10276:O10277"/>
    <mergeCell ref="P10276:S10277"/>
    <mergeCell ref="T10276:W10277"/>
    <mergeCell ref="X10276:AA10277"/>
    <mergeCell ref="A10250:C10251"/>
    <mergeCell ref="D10250:O10251"/>
    <mergeCell ref="P10250:S10251"/>
    <mergeCell ref="T10250:W10251"/>
    <mergeCell ref="X10250:AA10251"/>
    <mergeCell ref="A10252:C10253"/>
    <mergeCell ref="D10252:O10253"/>
    <mergeCell ref="P10252:S10253"/>
    <mergeCell ref="T10252:W10253"/>
    <mergeCell ref="X10252:AA10253"/>
    <mergeCell ref="A10254:C10255"/>
    <mergeCell ref="D10254:O10255"/>
    <mergeCell ref="P10254:S10255"/>
    <mergeCell ref="T10254:W10255"/>
    <mergeCell ref="X10254:AA10255"/>
    <mergeCell ref="A10256:C10257"/>
    <mergeCell ref="D10256:O10257"/>
    <mergeCell ref="P10256:S10257"/>
    <mergeCell ref="T10256:W10257"/>
    <mergeCell ref="X10256:AA10257"/>
    <mergeCell ref="A10258:C10259"/>
    <mergeCell ref="D10258:O10259"/>
    <mergeCell ref="P10258:S10259"/>
    <mergeCell ref="T10258:W10259"/>
    <mergeCell ref="X10258:AA10259"/>
    <mergeCell ref="A10260:C10261"/>
    <mergeCell ref="D10260:O10261"/>
    <mergeCell ref="P10260:S10261"/>
    <mergeCell ref="T10260:W10261"/>
    <mergeCell ref="X10260:AA10261"/>
    <mergeCell ref="A10262:C10263"/>
    <mergeCell ref="D10262:O10263"/>
    <mergeCell ref="P10262:S10263"/>
    <mergeCell ref="T10262:W10263"/>
    <mergeCell ref="X10262:AA10263"/>
    <mergeCell ref="A10236:C10237"/>
    <mergeCell ref="D10236:O10237"/>
    <mergeCell ref="P10236:S10237"/>
    <mergeCell ref="T10236:W10237"/>
    <mergeCell ref="X10236:AA10237"/>
    <mergeCell ref="A10238:C10239"/>
    <mergeCell ref="D10238:O10239"/>
    <mergeCell ref="P10238:S10239"/>
    <mergeCell ref="T10238:W10239"/>
    <mergeCell ref="X10238:AA10239"/>
    <mergeCell ref="A10240:C10241"/>
    <mergeCell ref="D10240:O10241"/>
    <mergeCell ref="P10240:S10241"/>
    <mergeCell ref="T10240:W10241"/>
    <mergeCell ref="X10240:AA10241"/>
    <mergeCell ref="A10242:C10243"/>
    <mergeCell ref="D10242:O10243"/>
    <mergeCell ref="P10242:S10243"/>
    <mergeCell ref="T10242:W10243"/>
    <mergeCell ref="X10242:AA10243"/>
    <mergeCell ref="A10244:C10245"/>
    <mergeCell ref="D10244:O10245"/>
    <mergeCell ref="P10244:S10245"/>
    <mergeCell ref="T10244:W10245"/>
    <mergeCell ref="X10244:AA10245"/>
    <mergeCell ref="A10246:C10247"/>
    <mergeCell ref="D10246:O10247"/>
    <mergeCell ref="P10246:S10247"/>
    <mergeCell ref="T10246:W10247"/>
    <mergeCell ref="X10246:AA10247"/>
    <mergeCell ref="A10248:C10249"/>
    <mergeCell ref="D10248:O10249"/>
    <mergeCell ref="P10248:S10249"/>
    <mergeCell ref="T10248:W10249"/>
    <mergeCell ref="X10248:AA10249"/>
    <mergeCell ref="A10222:C10223"/>
    <mergeCell ref="D10222:O10223"/>
    <mergeCell ref="P10222:S10223"/>
    <mergeCell ref="T10222:W10223"/>
    <mergeCell ref="X10222:AA10223"/>
    <mergeCell ref="A10224:C10225"/>
    <mergeCell ref="D10224:O10225"/>
    <mergeCell ref="P10224:S10225"/>
    <mergeCell ref="T10224:W10225"/>
    <mergeCell ref="X10224:AA10225"/>
    <mergeCell ref="A10226:C10227"/>
    <mergeCell ref="D10226:O10227"/>
    <mergeCell ref="P10226:S10227"/>
    <mergeCell ref="T10226:W10227"/>
    <mergeCell ref="X10226:AA10227"/>
    <mergeCell ref="A10228:C10229"/>
    <mergeCell ref="D10228:O10229"/>
    <mergeCell ref="P10228:S10229"/>
    <mergeCell ref="T10228:W10229"/>
    <mergeCell ref="X10228:AA10229"/>
    <mergeCell ref="A10230:C10231"/>
    <mergeCell ref="D10230:O10231"/>
    <mergeCell ref="P10230:S10231"/>
    <mergeCell ref="T10230:W10231"/>
    <mergeCell ref="X10230:AA10231"/>
    <mergeCell ref="A10232:C10233"/>
    <mergeCell ref="D10232:O10233"/>
    <mergeCell ref="P10232:S10233"/>
    <mergeCell ref="T10232:W10233"/>
    <mergeCell ref="X10232:AA10233"/>
    <mergeCell ref="A10234:C10235"/>
    <mergeCell ref="D10234:O10235"/>
    <mergeCell ref="P10234:S10235"/>
    <mergeCell ref="T10234:W10235"/>
    <mergeCell ref="X10234:AA10235"/>
    <mergeCell ref="A10208:C10209"/>
    <mergeCell ref="D10208:O10209"/>
    <mergeCell ref="P10208:S10209"/>
    <mergeCell ref="T10208:W10209"/>
    <mergeCell ref="X10208:AA10209"/>
    <mergeCell ref="A10210:C10211"/>
    <mergeCell ref="D10210:O10211"/>
    <mergeCell ref="P10210:S10211"/>
    <mergeCell ref="T10210:W10211"/>
    <mergeCell ref="X10210:AA10211"/>
    <mergeCell ref="A10212:C10213"/>
    <mergeCell ref="D10212:O10213"/>
    <mergeCell ref="P10212:S10213"/>
    <mergeCell ref="T10212:W10213"/>
    <mergeCell ref="X10212:AA10213"/>
    <mergeCell ref="A10214:C10215"/>
    <mergeCell ref="D10214:O10215"/>
    <mergeCell ref="P10214:S10215"/>
    <mergeCell ref="T10214:W10215"/>
    <mergeCell ref="X10214:AA10215"/>
    <mergeCell ref="A10216:C10217"/>
    <mergeCell ref="D10216:O10217"/>
    <mergeCell ref="P10216:S10217"/>
    <mergeCell ref="T10216:W10217"/>
    <mergeCell ref="X10216:AA10217"/>
    <mergeCell ref="A10218:C10219"/>
    <mergeCell ref="D10218:O10219"/>
    <mergeCell ref="P10218:S10219"/>
    <mergeCell ref="T10218:W10219"/>
    <mergeCell ref="X10218:AA10219"/>
    <mergeCell ref="A10220:C10221"/>
    <mergeCell ref="D10220:O10221"/>
    <mergeCell ref="P10220:S10221"/>
    <mergeCell ref="T10220:W10221"/>
    <mergeCell ref="X10220:AA10221"/>
    <mergeCell ref="A10194:C10195"/>
    <mergeCell ref="D10194:O10195"/>
    <mergeCell ref="P10194:S10195"/>
    <mergeCell ref="T10194:W10195"/>
    <mergeCell ref="X10194:AA10195"/>
    <mergeCell ref="A10196:C10197"/>
    <mergeCell ref="D10196:O10197"/>
    <mergeCell ref="P10196:S10197"/>
    <mergeCell ref="T10196:W10197"/>
    <mergeCell ref="X10196:AA10197"/>
    <mergeCell ref="A10198:C10199"/>
    <mergeCell ref="D10198:O10199"/>
    <mergeCell ref="P10198:S10199"/>
    <mergeCell ref="T10198:W10199"/>
    <mergeCell ref="X10198:AA10199"/>
    <mergeCell ref="A10200:C10201"/>
    <mergeCell ref="D10200:O10201"/>
    <mergeCell ref="P10200:S10201"/>
    <mergeCell ref="T10200:W10201"/>
    <mergeCell ref="X10200:AA10201"/>
    <mergeCell ref="A10202:C10203"/>
    <mergeCell ref="D10202:O10203"/>
    <mergeCell ref="P10202:S10203"/>
    <mergeCell ref="T10202:W10203"/>
    <mergeCell ref="X10202:AA10203"/>
    <mergeCell ref="A10204:C10205"/>
    <mergeCell ref="D10204:O10205"/>
    <mergeCell ref="P10204:S10205"/>
    <mergeCell ref="T10204:W10205"/>
    <mergeCell ref="X10204:AA10205"/>
    <mergeCell ref="A10206:C10207"/>
    <mergeCell ref="D10206:O10207"/>
    <mergeCell ref="P10206:S10207"/>
    <mergeCell ref="T10206:W10207"/>
    <mergeCell ref="X10206:AA10207"/>
    <mergeCell ref="A10180:C10181"/>
    <mergeCell ref="D10180:O10181"/>
    <mergeCell ref="P10180:S10181"/>
    <mergeCell ref="T10180:W10181"/>
    <mergeCell ref="X10180:AA10181"/>
    <mergeCell ref="A10182:C10183"/>
    <mergeCell ref="D10182:O10183"/>
    <mergeCell ref="P10182:S10183"/>
    <mergeCell ref="T10182:W10183"/>
    <mergeCell ref="X10182:AA10183"/>
    <mergeCell ref="A10184:C10185"/>
    <mergeCell ref="D10184:O10185"/>
    <mergeCell ref="P10184:S10185"/>
    <mergeCell ref="T10184:W10185"/>
    <mergeCell ref="X10184:AA10185"/>
    <mergeCell ref="A10186:C10187"/>
    <mergeCell ref="D10186:O10187"/>
    <mergeCell ref="P10186:S10187"/>
    <mergeCell ref="T10186:W10187"/>
    <mergeCell ref="X10186:AA10187"/>
    <mergeCell ref="A10188:C10189"/>
    <mergeCell ref="D10188:O10189"/>
    <mergeCell ref="P10188:S10189"/>
    <mergeCell ref="T10188:W10189"/>
    <mergeCell ref="X10188:AA10189"/>
    <mergeCell ref="A10190:C10191"/>
    <mergeCell ref="D10190:O10191"/>
    <mergeCell ref="P10190:S10191"/>
    <mergeCell ref="T10190:W10191"/>
    <mergeCell ref="X10190:AA10191"/>
    <mergeCell ref="A10192:C10193"/>
    <mergeCell ref="D10192:O10193"/>
    <mergeCell ref="P10192:S10193"/>
    <mergeCell ref="T10192:W10193"/>
    <mergeCell ref="X10192:AA10193"/>
    <mergeCell ref="A10166:C10167"/>
    <mergeCell ref="D10166:O10167"/>
    <mergeCell ref="P10166:S10167"/>
    <mergeCell ref="T10166:W10167"/>
    <mergeCell ref="X10166:AA10167"/>
    <mergeCell ref="A10168:C10169"/>
    <mergeCell ref="D10168:O10169"/>
    <mergeCell ref="P10168:S10169"/>
    <mergeCell ref="T10168:W10169"/>
    <mergeCell ref="X10168:AA10169"/>
    <mergeCell ref="A10170:C10171"/>
    <mergeCell ref="D10170:O10171"/>
    <mergeCell ref="P10170:S10171"/>
    <mergeCell ref="T10170:W10171"/>
    <mergeCell ref="X10170:AA10171"/>
    <mergeCell ref="A10172:C10173"/>
    <mergeCell ref="D10172:O10173"/>
    <mergeCell ref="P10172:S10173"/>
    <mergeCell ref="T10172:W10173"/>
    <mergeCell ref="X10172:AA10173"/>
    <mergeCell ref="A10174:C10175"/>
    <mergeCell ref="D10174:O10175"/>
    <mergeCell ref="P10174:S10175"/>
    <mergeCell ref="T10174:W10175"/>
    <mergeCell ref="X10174:AA10175"/>
    <mergeCell ref="A10176:C10177"/>
    <mergeCell ref="D10176:O10177"/>
    <mergeCell ref="P10176:S10177"/>
    <mergeCell ref="T10176:W10177"/>
    <mergeCell ref="X10176:AA10177"/>
    <mergeCell ref="A10178:C10179"/>
    <mergeCell ref="D10178:O10179"/>
    <mergeCell ref="P10178:S10179"/>
    <mergeCell ref="T10178:W10179"/>
    <mergeCell ref="X10178:AA10179"/>
    <mergeCell ref="A10152:C10153"/>
    <mergeCell ref="D10152:O10153"/>
    <mergeCell ref="P10152:S10153"/>
    <mergeCell ref="T10152:W10153"/>
    <mergeCell ref="X10152:AA10153"/>
    <mergeCell ref="A10154:C10155"/>
    <mergeCell ref="D10154:O10155"/>
    <mergeCell ref="P10154:S10155"/>
    <mergeCell ref="T10154:W10155"/>
    <mergeCell ref="X10154:AA10155"/>
    <mergeCell ref="A10156:C10157"/>
    <mergeCell ref="D10156:O10157"/>
    <mergeCell ref="P10156:S10157"/>
    <mergeCell ref="T10156:W10157"/>
    <mergeCell ref="X10156:AA10157"/>
    <mergeCell ref="A10158:C10159"/>
    <mergeCell ref="D10158:O10159"/>
    <mergeCell ref="P10158:S10159"/>
    <mergeCell ref="T10158:W10159"/>
    <mergeCell ref="X10158:AA10159"/>
    <mergeCell ref="A10160:C10161"/>
    <mergeCell ref="D10160:O10161"/>
    <mergeCell ref="P10160:S10161"/>
    <mergeCell ref="T10160:W10161"/>
    <mergeCell ref="X10160:AA10161"/>
    <mergeCell ref="A10162:C10163"/>
    <mergeCell ref="D10162:O10163"/>
    <mergeCell ref="P10162:S10163"/>
    <mergeCell ref="T10162:W10163"/>
    <mergeCell ref="X10162:AA10163"/>
    <mergeCell ref="A10164:C10165"/>
    <mergeCell ref="D10164:O10165"/>
    <mergeCell ref="P10164:S10165"/>
    <mergeCell ref="T10164:W10165"/>
    <mergeCell ref="X10164:AA10165"/>
    <mergeCell ref="A10138:C10139"/>
    <mergeCell ref="D10138:O10139"/>
    <mergeCell ref="P10138:S10139"/>
    <mergeCell ref="T10138:W10139"/>
    <mergeCell ref="X10138:AA10139"/>
    <mergeCell ref="A10140:C10141"/>
    <mergeCell ref="D10140:O10141"/>
    <mergeCell ref="P10140:S10141"/>
    <mergeCell ref="T10140:W10141"/>
    <mergeCell ref="X10140:AA10141"/>
    <mergeCell ref="A10142:C10143"/>
    <mergeCell ref="D10142:O10143"/>
    <mergeCell ref="P10142:S10143"/>
    <mergeCell ref="T10142:W10143"/>
    <mergeCell ref="X10142:AA10143"/>
    <mergeCell ref="A10144:C10145"/>
    <mergeCell ref="D10144:O10145"/>
    <mergeCell ref="P10144:S10145"/>
    <mergeCell ref="T10144:W10145"/>
    <mergeCell ref="X10144:AA10145"/>
    <mergeCell ref="A10146:C10147"/>
    <mergeCell ref="D10146:O10147"/>
    <mergeCell ref="P10146:S10147"/>
    <mergeCell ref="T10146:W10147"/>
    <mergeCell ref="X10146:AA10147"/>
    <mergeCell ref="A10148:C10149"/>
    <mergeCell ref="D10148:O10149"/>
    <mergeCell ref="P10148:S10149"/>
    <mergeCell ref="T10148:W10149"/>
    <mergeCell ref="X10148:AA10149"/>
    <mergeCell ref="A10150:C10151"/>
    <mergeCell ref="D10150:O10151"/>
    <mergeCell ref="P10150:S10151"/>
    <mergeCell ref="T10150:W10151"/>
    <mergeCell ref="X10150:AA10151"/>
    <mergeCell ref="A10124:C10125"/>
    <mergeCell ref="D10124:O10125"/>
    <mergeCell ref="P10124:S10125"/>
    <mergeCell ref="T10124:W10125"/>
    <mergeCell ref="X10124:AA10125"/>
    <mergeCell ref="A10126:C10127"/>
    <mergeCell ref="D10126:O10127"/>
    <mergeCell ref="P10126:S10127"/>
    <mergeCell ref="T10126:W10127"/>
    <mergeCell ref="X10126:AA10127"/>
    <mergeCell ref="A10128:C10129"/>
    <mergeCell ref="D10128:O10129"/>
    <mergeCell ref="P10128:S10129"/>
    <mergeCell ref="T10128:W10129"/>
    <mergeCell ref="X10128:AA10129"/>
    <mergeCell ref="A10130:C10131"/>
    <mergeCell ref="D10130:O10131"/>
    <mergeCell ref="P10130:S10131"/>
    <mergeCell ref="T10130:W10131"/>
    <mergeCell ref="X10130:AA10131"/>
    <mergeCell ref="A10132:C10133"/>
    <mergeCell ref="D10132:O10133"/>
    <mergeCell ref="P10132:S10133"/>
    <mergeCell ref="T10132:W10133"/>
    <mergeCell ref="X10132:AA10133"/>
    <mergeCell ref="A10134:C10135"/>
    <mergeCell ref="D10134:O10135"/>
    <mergeCell ref="P10134:S10135"/>
    <mergeCell ref="T10134:W10135"/>
    <mergeCell ref="X10134:AA10135"/>
    <mergeCell ref="A10136:C10137"/>
    <mergeCell ref="D10136:O10137"/>
    <mergeCell ref="P10136:S10137"/>
    <mergeCell ref="T10136:W10137"/>
    <mergeCell ref="X10136:AA10137"/>
    <mergeCell ref="A10110:C10111"/>
    <mergeCell ref="D10110:O10111"/>
    <mergeCell ref="P10110:S10111"/>
    <mergeCell ref="T10110:W10111"/>
    <mergeCell ref="X10110:AA10111"/>
    <mergeCell ref="A10112:C10113"/>
    <mergeCell ref="D10112:O10113"/>
    <mergeCell ref="P10112:S10113"/>
    <mergeCell ref="T10112:W10113"/>
    <mergeCell ref="X10112:AA10113"/>
    <mergeCell ref="A10114:C10115"/>
    <mergeCell ref="D10114:O10115"/>
    <mergeCell ref="P10114:S10115"/>
    <mergeCell ref="T10114:W10115"/>
    <mergeCell ref="X10114:AA10115"/>
    <mergeCell ref="A10116:C10117"/>
    <mergeCell ref="D10116:O10117"/>
    <mergeCell ref="P10116:S10117"/>
    <mergeCell ref="T10116:W10117"/>
    <mergeCell ref="X10116:AA10117"/>
    <mergeCell ref="A10118:C10119"/>
    <mergeCell ref="D10118:O10119"/>
    <mergeCell ref="P10118:S10119"/>
    <mergeCell ref="T10118:W10119"/>
    <mergeCell ref="X10118:AA10119"/>
    <mergeCell ref="A10120:C10121"/>
    <mergeCell ref="D10120:O10121"/>
    <mergeCell ref="P10120:S10121"/>
    <mergeCell ref="T10120:W10121"/>
    <mergeCell ref="X10120:AA10121"/>
    <mergeCell ref="A10122:C10123"/>
    <mergeCell ref="D10122:O10123"/>
    <mergeCell ref="P10122:S10123"/>
    <mergeCell ref="T10122:W10123"/>
    <mergeCell ref="X10122:AA10123"/>
    <mergeCell ref="A10096:C10097"/>
    <mergeCell ref="D10096:O10097"/>
    <mergeCell ref="P10096:S10097"/>
    <mergeCell ref="T10096:W10097"/>
    <mergeCell ref="X10096:AA10097"/>
    <mergeCell ref="A10098:C10099"/>
    <mergeCell ref="D10098:O10099"/>
    <mergeCell ref="P10098:S10099"/>
    <mergeCell ref="T10098:W10099"/>
    <mergeCell ref="X10098:AA10099"/>
    <mergeCell ref="A10100:C10101"/>
    <mergeCell ref="D10100:O10101"/>
    <mergeCell ref="P10100:S10101"/>
    <mergeCell ref="T10100:W10101"/>
    <mergeCell ref="X10100:AA10101"/>
    <mergeCell ref="A10102:C10103"/>
    <mergeCell ref="D10102:O10103"/>
    <mergeCell ref="P10102:S10103"/>
    <mergeCell ref="T10102:W10103"/>
    <mergeCell ref="X10102:AA10103"/>
    <mergeCell ref="A10104:C10105"/>
    <mergeCell ref="D10104:O10105"/>
    <mergeCell ref="P10104:S10105"/>
    <mergeCell ref="T10104:W10105"/>
    <mergeCell ref="X10104:AA10105"/>
    <mergeCell ref="A10106:C10107"/>
    <mergeCell ref="D10106:O10107"/>
    <mergeCell ref="P10106:S10107"/>
    <mergeCell ref="T10106:W10107"/>
    <mergeCell ref="X10106:AA10107"/>
    <mergeCell ref="A10108:C10109"/>
    <mergeCell ref="D10108:O10109"/>
    <mergeCell ref="P10108:S10109"/>
    <mergeCell ref="T10108:W10109"/>
    <mergeCell ref="X10108:AA10109"/>
    <mergeCell ref="A10082:C10083"/>
    <mergeCell ref="D10082:O10083"/>
    <mergeCell ref="P10082:S10083"/>
    <mergeCell ref="T10082:W10083"/>
    <mergeCell ref="X10082:AA10083"/>
    <mergeCell ref="A10084:C10085"/>
    <mergeCell ref="D10084:O10085"/>
    <mergeCell ref="P10084:S10085"/>
    <mergeCell ref="T10084:W10085"/>
    <mergeCell ref="X10084:AA10085"/>
    <mergeCell ref="A10086:C10087"/>
    <mergeCell ref="D10086:O10087"/>
    <mergeCell ref="P10086:S10087"/>
    <mergeCell ref="T10086:W10087"/>
    <mergeCell ref="X10086:AA10087"/>
    <mergeCell ref="A10088:C10089"/>
    <mergeCell ref="D10088:O10089"/>
    <mergeCell ref="P10088:S10089"/>
    <mergeCell ref="T10088:W10089"/>
    <mergeCell ref="X10088:AA10089"/>
    <mergeCell ref="A10090:C10091"/>
    <mergeCell ref="D10090:O10091"/>
    <mergeCell ref="P10090:S10091"/>
    <mergeCell ref="T10090:W10091"/>
    <mergeCell ref="X10090:AA10091"/>
    <mergeCell ref="A10092:C10093"/>
    <mergeCell ref="D10092:O10093"/>
    <mergeCell ref="P10092:S10093"/>
    <mergeCell ref="T10092:W10093"/>
    <mergeCell ref="X10092:AA10093"/>
    <mergeCell ref="A10094:C10095"/>
    <mergeCell ref="D10094:O10095"/>
    <mergeCell ref="P10094:S10095"/>
    <mergeCell ref="T10094:W10095"/>
    <mergeCell ref="X10094:AA10095"/>
    <mergeCell ref="A10068:C10069"/>
    <mergeCell ref="D10068:O10069"/>
    <mergeCell ref="P10068:S10069"/>
    <mergeCell ref="T10068:W10069"/>
    <mergeCell ref="X10068:AA10069"/>
    <mergeCell ref="A10070:C10071"/>
    <mergeCell ref="D10070:O10071"/>
    <mergeCell ref="P10070:S10071"/>
    <mergeCell ref="T10070:W10071"/>
    <mergeCell ref="X10070:AA10071"/>
    <mergeCell ref="A10072:C10073"/>
    <mergeCell ref="D10072:O10073"/>
    <mergeCell ref="P10072:S10073"/>
    <mergeCell ref="T10072:W10073"/>
    <mergeCell ref="X10072:AA10073"/>
    <mergeCell ref="A10074:C10075"/>
    <mergeCell ref="D10074:O10075"/>
    <mergeCell ref="P10074:S10075"/>
    <mergeCell ref="T10074:W10075"/>
    <mergeCell ref="X10074:AA10075"/>
    <mergeCell ref="A10076:C10077"/>
    <mergeCell ref="D10076:O10077"/>
    <mergeCell ref="P10076:S10077"/>
    <mergeCell ref="T10076:W10077"/>
    <mergeCell ref="X10076:AA10077"/>
    <mergeCell ref="A10078:C10079"/>
    <mergeCell ref="D10078:O10079"/>
    <mergeCell ref="P10078:S10079"/>
    <mergeCell ref="T10078:W10079"/>
    <mergeCell ref="X10078:AA10079"/>
    <mergeCell ref="A10080:C10081"/>
    <mergeCell ref="D10080:O10081"/>
    <mergeCell ref="P10080:S10081"/>
    <mergeCell ref="T10080:W10081"/>
    <mergeCell ref="X10080:AA10081"/>
    <mergeCell ref="A10054:C10055"/>
    <mergeCell ref="D10054:O10055"/>
    <mergeCell ref="P10054:S10055"/>
    <mergeCell ref="T10054:W10055"/>
    <mergeCell ref="X10054:AA10055"/>
    <mergeCell ref="A10056:C10057"/>
    <mergeCell ref="D10056:O10057"/>
    <mergeCell ref="P10056:S10057"/>
    <mergeCell ref="T10056:W10057"/>
    <mergeCell ref="X10056:AA10057"/>
    <mergeCell ref="A10058:C10059"/>
    <mergeCell ref="D10058:O10059"/>
    <mergeCell ref="P10058:S10059"/>
    <mergeCell ref="T10058:W10059"/>
    <mergeCell ref="X10058:AA10059"/>
    <mergeCell ref="A10060:C10061"/>
    <mergeCell ref="D10060:O10061"/>
    <mergeCell ref="P10060:S10061"/>
    <mergeCell ref="T10060:W10061"/>
    <mergeCell ref="X10060:AA10061"/>
    <mergeCell ref="A10062:C10063"/>
    <mergeCell ref="D10062:O10063"/>
    <mergeCell ref="P10062:S10063"/>
    <mergeCell ref="T10062:W10063"/>
    <mergeCell ref="X10062:AA10063"/>
    <mergeCell ref="A10064:C10065"/>
    <mergeCell ref="D10064:O10065"/>
    <mergeCell ref="P10064:S10065"/>
    <mergeCell ref="T10064:W10065"/>
    <mergeCell ref="X10064:AA10065"/>
    <mergeCell ref="A10066:C10067"/>
    <mergeCell ref="D10066:O10067"/>
    <mergeCell ref="P10066:S10067"/>
    <mergeCell ref="T10066:W10067"/>
    <mergeCell ref="X10066:AA10067"/>
    <mergeCell ref="A10040:C10041"/>
    <mergeCell ref="D10040:O10041"/>
    <mergeCell ref="P10040:S10041"/>
    <mergeCell ref="T10040:W10041"/>
    <mergeCell ref="X10040:AA10041"/>
    <mergeCell ref="A10042:C10043"/>
    <mergeCell ref="D10042:O10043"/>
    <mergeCell ref="P10042:S10043"/>
    <mergeCell ref="T10042:W10043"/>
    <mergeCell ref="X10042:AA10043"/>
    <mergeCell ref="A10044:C10045"/>
    <mergeCell ref="D10044:O10045"/>
    <mergeCell ref="P10044:S10045"/>
    <mergeCell ref="T10044:W10045"/>
    <mergeCell ref="X10044:AA10045"/>
    <mergeCell ref="A10046:C10047"/>
    <mergeCell ref="D10046:O10047"/>
    <mergeCell ref="P10046:S10047"/>
    <mergeCell ref="T10046:W10047"/>
    <mergeCell ref="X10046:AA10047"/>
    <mergeCell ref="A10048:C10049"/>
    <mergeCell ref="D10048:O10049"/>
    <mergeCell ref="P10048:S10049"/>
    <mergeCell ref="T10048:W10049"/>
    <mergeCell ref="X10048:AA10049"/>
    <mergeCell ref="A10050:C10051"/>
    <mergeCell ref="D10050:O10051"/>
    <mergeCell ref="P10050:S10051"/>
    <mergeCell ref="T10050:W10051"/>
    <mergeCell ref="X10050:AA10051"/>
    <mergeCell ref="A10052:C10053"/>
    <mergeCell ref="D10052:O10053"/>
    <mergeCell ref="P10052:S10053"/>
    <mergeCell ref="T10052:W10053"/>
    <mergeCell ref="X10052:AA10053"/>
    <mergeCell ref="A10026:C10027"/>
    <mergeCell ref="D10026:O10027"/>
    <mergeCell ref="P10026:S10027"/>
    <mergeCell ref="T10026:W10027"/>
    <mergeCell ref="X10026:AA10027"/>
    <mergeCell ref="A10028:C10029"/>
    <mergeCell ref="D10028:O10029"/>
    <mergeCell ref="P10028:S10029"/>
    <mergeCell ref="T10028:W10029"/>
    <mergeCell ref="X10028:AA10029"/>
    <mergeCell ref="A10030:C10031"/>
    <mergeCell ref="D10030:O10031"/>
    <mergeCell ref="P10030:S10031"/>
    <mergeCell ref="T10030:W10031"/>
    <mergeCell ref="X10030:AA10031"/>
    <mergeCell ref="A10032:C10033"/>
    <mergeCell ref="D10032:O10033"/>
    <mergeCell ref="P10032:S10033"/>
    <mergeCell ref="T10032:W10033"/>
    <mergeCell ref="X10032:AA10033"/>
    <mergeCell ref="A10034:C10035"/>
    <mergeCell ref="D10034:O10035"/>
    <mergeCell ref="P10034:S10035"/>
    <mergeCell ref="T10034:W10035"/>
    <mergeCell ref="X10034:AA10035"/>
    <mergeCell ref="A10036:C10037"/>
    <mergeCell ref="D10036:O10037"/>
    <mergeCell ref="P10036:S10037"/>
    <mergeCell ref="T10036:W10037"/>
    <mergeCell ref="X10036:AA10037"/>
    <mergeCell ref="A10038:C10039"/>
    <mergeCell ref="D10038:O10039"/>
    <mergeCell ref="P10038:S10039"/>
    <mergeCell ref="T10038:W10039"/>
    <mergeCell ref="X10038:AA10039"/>
    <mergeCell ref="A10012:C10013"/>
    <mergeCell ref="D10012:O10013"/>
    <mergeCell ref="P10012:S10013"/>
    <mergeCell ref="T10012:W10013"/>
    <mergeCell ref="X10012:AA10013"/>
    <mergeCell ref="A10014:C10015"/>
    <mergeCell ref="D10014:O10015"/>
    <mergeCell ref="P10014:S10015"/>
    <mergeCell ref="T10014:W10015"/>
    <mergeCell ref="X10014:AA10015"/>
    <mergeCell ref="A10016:C10017"/>
    <mergeCell ref="D10016:O10017"/>
    <mergeCell ref="P10016:S10017"/>
    <mergeCell ref="T10016:W10017"/>
    <mergeCell ref="X10016:AA10017"/>
    <mergeCell ref="A10018:C10019"/>
    <mergeCell ref="D10018:O10019"/>
    <mergeCell ref="P10018:S10019"/>
    <mergeCell ref="T10018:W10019"/>
    <mergeCell ref="X10018:AA10019"/>
    <mergeCell ref="A10020:C10021"/>
    <mergeCell ref="D10020:O10021"/>
    <mergeCell ref="P10020:S10021"/>
    <mergeCell ref="T10020:W10021"/>
    <mergeCell ref="X10020:AA10021"/>
    <mergeCell ref="A10022:C10023"/>
    <mergeCell ref="D10022:O10023"/>
    <mergeCell ref="P10022:S10023"/>
    <mergeCell ref="T10022:W10023"/>
    <mergeCell ref="X10022:AA10023"/>
    <mergeCell ref="A10024:C10025"/>
    <mergeCell ref="D10024:O10025"/>
    <mergeCell ref="P10024:S10025"/>
    <mergeCell ref="T10024:W10025"/>
    <mergeCell ref="X10024:AA10025"/>
    <mergeCell ref="A9998:C9999"/>
    <mergeCell ref="D9998:O9999"/>
    <mergeCell ref="P9998:S9999"/>
    <mergeCell ref="T9998:W9999"/>
    <mergeCell ref="X9998:AA9999"/>
    <mergeCell ref="A10000:C10001"/>
    <mergeCell ref="D10000:O10001"/>
    <mergeCell ref="P10000:S10001"/>
    <mergeCell ref="T10000:W10001"/>
    <mergeCell ref="X10000:AA10001"/>
    <mergeCell ref="A10002:C10003"/>
    <mergeCell ref="D10002:O10003"/>
    <mergeCell ref="P10002:S10003"/>
    <mergeCell ref="T10002:W10003"/>
    <mergeCell ref="X10002:AA10003"/>
    <mergeCell ref="A10004:C10005"/>
    <mergeCell ref="D10004:O10005"/>
    <mergeCell ref="P10004:S10005"/>
    <mergeCell ref="T10004:W10005"/>
    <mergeCell ref="X10004:AA10005"/>
    <mergeCell ref="A10006:C10007"/>
    <mergeCell ref="D10006:O10007"/>
    <mergeCell ref="P10006:S10007"/>
    <mergeCell ref="T10006:W10007"/>
    <mergeCell ref="X10006:AA10007"/>
    <mergeCell ref="A10008:C10009"/>
    <mergeCell ref="D10008:O10009"/>
    <mergeCell ref="P10008:S10009"/>
    <mergeCell ref="T10008:W10009"/>
    <mergeCell ref="X10008:AA10009"/>
    <mergeCell ref="A10010:C10011"/>
    <mergeCell ref="D10010:O10011"/>
    <mergeCell ref="P10010:S10011"/>
    <mergeCell ref="T10010:W10011"/>
    <mergeCell ref="X10010:AA10011"/>
    <mergeCell ref="A9984:C9985"/>
    <mergeCell ref="D9984:O9985"/>
    <mergeCell ref="P9984:S9985"/>
    <mergeCell ref="T9984:W9985"/>
    <mergeCell ref="X9984:AA9985"/>
    <mergeCell ref="A9986:C9987"/>
    <mergeCell ref="D9986:O9987"/>
    <mergeCell ref="P9986:S9987"/>
    <mergeCell ref="T9986:W9987"/>
    <mergeCell ref="X9986:AA9987"/>
    <mergeCell ref="A9988:C9989"/>
    <mergeCell ref="D9988:O9989"/>
    <mergeCell ref="P9988:S9989"/>
    <mergeCell ref="T9988:W9989"/>
    <mergeCell ref="X9988:AA9989"/>
    <mergeCell ref="A9990:C9991"/>
    <mergeCell ref="D9990:O9991"/>
    <mergeCell ref="P9990:S9991"/>
    <mergeCell ref="T9990:W9991"/>
    <mergeCell ref="X9990:AA9991"/>
    <mergeCell ref="A9992:C9993"/>
    <mergeCell ref="D9992:O9993"/>
    <mergeCell ref="P9992:S9993"/>
    <mergeCell ref="T9992:W9993"/>
    <mergeCell ref="X9992:AA9993"/>
    <mergeCell ref="A9994:C9995"/>
    <mergeCell ref="D9994:O9995"/>
    <mergeCell ref="P9994:S9995"/>
    <mergeCell ref="T9994:W9995"/>
    <mergeCell ref="X9994:AA9995"/>
    <mergeCell ref="A9996:C9997"/>
    <mergeCell ref="D9996:O9997"/>
    <mergeCell ref="P9996:S9997"/>
    <mergeCell ref="T9996:W9997"/>
    <mergeCell ref="X9996:AA9997"/>
    <mergeCell ref="A9970:C9971"/>
    <mergeCell ref="D9970:O9971"/>
    <mergeCell ref="P9970:S9971"/>
    <mergeCell ref="T9970:W9971"/>
    <mergeCell ref="X9970:AA9971"/>
    <mergeCell ref="A9972:C9973"/>
    <mergeCell ref="D9972:O9973"/>
    <mergeCell ref="P9972:S9973"/>
    <mergeCell ref="T9972:W9973"/>
    <mergeCell ref="X9972:AA9973"/>
    <mergeCell ref="A9974:C9975"/>
    <mergeCell ref="D9974:O9975"/>
    <mergeCell ref="P9974:S9975"/>
    <mergeCell ref="T9974:W9975"/>
    <mergeCell ref="X9974:AA9975"/>
    <mergeCell ref="A9976:C9977"/>
    <mergeCell ref="D9976:O9977"/>
    <mergeCell ref="P9976:S9977"/>
    <mergeCell ref="T9976:W9977"/>
    <mergeCell ref="X9976:AA9977"/>
    <mergeCell ref="A9978:C9979"/>
    <mergeCell ref="D9978:O9979"/>
    <mergeCell ref="P9978:S9979"/>
    <mergeCell ref="T9978:W9979"/>
    <mergeCell ref="X9978:AA9979"/>
    <mergeCell ref="A9980:C9981"/>
    <mergeCell ref="D9980:O9981"/>
    <mergeCell ref="P9980:S9981"/>
    <mergeCell ref="T9980:W9981"/>
    <mergeCell ref="X9980:AA9981"/>
    <mergeCell ref="A9982:C9983"/>
    <mergeCell ref="D9982:O9983"/>
    <mergeCell ref="P9982:S9983"/>
    <mergeCell ref="T9982:W9983"/>
    <mergeCell ref="X9982:AA9983"/>
    <mergeCell ref="A9956:C9957"/>
    <mergeCell ref="D9956:O9957"/>
    <mergeCell ref="P9956:S9957"/>
    <mergeCell ref="T9956:W9957"/>
    <mergeCell ref="X9956:AA9957"/>
    <mergeCell ref="A9958:C9959"/>
    <mergeCell ref="D9958:O9959"/>
    <mergeCell ref="P9958:S9959"/>
    <mergeCell ref="T9958:W9959"/>
    <mergeCell ref="X9958:AA9959"/>
    <mergeCell ref="A9960:C9961"/>
    <mergeCell ref="D9960:O9961"/>
    <mergeCell ref="P9960:S9961"/>
    <mergeCell ref="T9960:W9961"/>
    <mergeCell ref="X9960:AA9961"/>
    <mergeCell ref="A9962:C9963"/>
    <mergeCell ref="D9962:O9963"/>
    <mergeCell ref="P9962:S9963"/>
    <mergeCell ref="T9962:W9963"/>
    <mergeCell ref="X9962:AA9963"/>
    <mergeCell ref="A9964:C9965"/>
    <mergeCell ref="D9964:O9965"/>
    <mergeCell ref="P9964:S9965"/>
    <mergeCell ref="T9964:W9965"/>
    <mergeCell ref="X9964:AA9965"/>
    <mergeCell ref="A9966:C9967"/>
    <mergeCell ref="D9966:O9967"/>
    <mergeCell ref="P9966:S9967"/>
    <mergeCell ref="T9966:W9967"/>
    <mergeCell ref="X9966:AA9967"/>
    <mergeCell ref="A9968:C9969"/>
    <mergeCell ref="D9968:O9969"/>
    <mergeCell ref="P9968:S9969"/>
    <mergeCell ref="T9968:W9969"/>
    <mergeCell ref="X9968:AA9969"/>
    <mergeCell ref="A9942:C9943"/>
    <mergeCell ref="D9942:O9943"/>
    <mergeCell ref="P9942:S9943"/>
    <mergeCell ref="T9942:W9943"/>
    <mergeCell ref="X9942:AA9943"/>
    <mergeCell ref="A9944:C9945"/>
    <mergeCell ref="D9944:O9945"/>
    <mergeCell ref="P9944:S9945"/>
    <mergeCell ref="T9944:W9945"/>
    <mergeCell ref="X9944:AA9945"/>
    <mergeCell ref="A9946:C9947"/>
    <mergeCell ref="D9946:O9947"/>
    <mergeCell ref="P9946:S9947"/>
    <mergeCell ref="T9946:W9947"/>
    <mergeCell ref="X9946:AA9947"/>
    <mergeCell ref="A9948:C9949"/>
    <mergeCell ref="D9948:O9949"/>
    <mergeCell ref="P9948:S9949"/>
    <mergeCell ref="T9948:W9949"/>
    <mergeCell ref="X9948:AA9949"/>
    <mergeCell ref="A9950:C9951"/>
    <mergeCell ref="D9950:O9951"/>
    <mergeCell ref="P9950:S9951"/>
    <mergeCell ref="T9950:W9951"/>
    <mergeCell ref="X9950:AA9951"/>
    <mergeCell ref="A9952:C9953"/>
    <mergeCell ref="D9952:O9953"/>
    <mergeCell ref="P9952:S9953"/>
    <mergeCell ref="T9952:W9953"/>
    <mergeCell ref="X9952:AA9953"/>
    <mergeCell ref="A9954:C9955"/>
    <mergeCell ref="D9954:O9955"/>
    <mergeCell ref="P9954:S9955"/>
    <mergeCell ref="T9954:W9955"/>
    <mergeCell ref="X9954:AA9955"/>
    <mergeCell ref="A9928:C9929"/>
    <mergeCell ref="D9928:O9929"/>
    <mergeCell ref="P9928:S9929"/>
    <mergeCell ref="T9928:W9929"/>
    <mergeCell ref="X9928:AA9929"/>
    <mergeCell ref="A9930:C9931"/>
    <mergeCell ref="D9930:O9931"/>
    <mergeCell ref="P9930:S9931"/>
    <mergeCell ref="T9930:W9931"/>
    <mergeCell ref="X9930:AA9931"/>
    <mergeCell ref="A9932:C9933"/>
    <mergeCell ref="D9932:O9933"/>
    <mergeCell ref="P9932:S9933"/>
    <mergeCell ref="T9932:W9933"/>
    <mergeCell ref="X9932:AA9933"/>
    <mergeCell ref="A9934:C9935"/>
    <mergeCell ref="D9934:O9935"/>
    <mergeCell ref="P9934:S9935"/>
    <mergeCell ref="T9934:W9935"/>
    <mergeCell ref="X9934:AA9935"/>
    <mergeCell ref="A9936:C9937"/>
    <mergeCell ref="D9936:O9937"/>
    <mergeCell ref="P9936:S9937"/>
    <mergeCell ref="T9936:W9937"/>
    <mergeCell ref="X9936:AA9937"/>
    <mergeCell ref="A9938:C9939"/>
    <mergeCell ref="D9938:O9939"/>
    <mergeCell ref="P9938:S9939"/>
    <mergeCell ref="T9938:W9939"/>
    <mergeCell ref="X9938:AA9939"/>
    <mergeCell ref="A9940:C9941"/>
    <mergeCell ref="D9940:O9941"/>
    <mergeCell ref="P9940:S9941"/>
    <mergeCell ref="T9940:W9941"/>
    <mergeCell ref="X9940:AA9941"/>
    <mergeCell ref="A9914:C9915"/>
    <mergeCell ref="D9914:O9915"/>
    <mergeCell ref="P9914:S9915"/>
    <mergeCell ref="T9914:W9915"/>
    <mergeCell ref="X9914:AA9915"/>
    <mergeCell ref="A9916:C9917"/>
    <mergeCell ref="D9916:O9917"/>
    <mergeCell ref="P9916:S9917"/>
    <mergeCell ref="T9916:W9917"/>
    <mergeCell ref="X9916:AA9917"/>
    <mergeCell ref="A9918:C9919"/>
    <mergeCell ref="D9918:O9919"/>
    <mergeCell ref="P9918:S9919"/>
    <mergeCell ref="T9918:W9919"/>
    <mergeCell ref="X9918:AA9919"/>
    <mergeCell ref="A9920:C9921"/>
    <mergeCell ref="D9920:O9921"/>
    <mergeCell ref="P9920:S9921"/>
    <mergeCell ref="T9920:W9921"/>
    <mergeCell ref="X9920:AA9921"/>
    <mergeCell ref="A9922:C9923"/>
    <mergeCell ref="D9922:O9923"/>
    <mergeCell ref="P9922:S9923"/>
    <mergeCell ref="T9922:W9923"/>
    <mergeCell ref="X9922:AA9923"/>
    <mergeCell ref="A9924:C9925"/>
    <mergeCell ref="D9924:O9925"/>
    <mergeCell ref="P9924:S9925"/>
    <mergeCell ref="T9924:W9925"/>
    <mergeCell ref="X9924:AA9925"/>
    <mergeCell ref="A9926:C9927"/>
    <mergeCell ref="D9926:O9927"/>
    <mergeCell ref="P9926:S9927"/>
    <mergeCell ref="T9926:W9927"/>
    <mergeCell ref="X9926:AA9927"/>
    <mergeCell ref="A9900:C9901"/>
    <mergeCell ref="D9900:O9901"/>
    <mergeCell ref="P9900:S9901"/>
    <mergeCell ref="T9900:W9901"/>
    <mergeCell ref="X9900:AA9901"/>
    <mergeCell ref="A9902:C9903"/>
    <mergeCell ref="D9902:O9903"/>
    <mergeCell ref="P9902:S9903"/>
    <mergeCell ref="T9902:W9903"/>
    <mergeCell ref="X9902:AA9903"/>
    <mergeCell ref="A9904:C9905"/>
    <mergeCell ref="D9904:O9905"/>
    <mergeCell ref="P9904:S9905"/>
    <mergeCell ref="T9904:W9905"/>
    <mergeCell ref="X9904:AA9905"/>
    <mergeCell ref="A9906:C9907"/>
    <mergeCell ref="D9906:O9907"/>
    <mergeCell ref="P9906:S9907"/>
    <mergeCell ref="T9906:W9907"/>
    <mergeCell ref="X9906:AA9907"/>
    <mergeCell ref="A9908:C9909"/>
    <mergeCell ref="D9908:O9909"/>
    <mergeCell ref="P9908:S9909"/>
    <mergeCell ref="T9908:W9909"/>
    <mergeCell ref="X9908:AA9909"/>
    <mergeCell ref="A9910:C9911"/>
    <mergeCell ref="D9910:O9911"/>
    <mergeCell ref="P9910:S9911"/>
    <mergeCell ref="T9910:W9911"/>
    <mergeCell ref="X9910:AA9911"/>
    <mergeCell ref="A9912:C9913"/>
    <mergeCell ref="D9912:O9913"/>
    <mergeCell ref="P9912:S9913"/>
    <mergeCell ref="T9912:W9913"/>
    <mergeCell ref="X9912:AA9913"/>
    <mergeCell ref="A9886:C9887"/>
    <mergeCell ref="D9886:O9887"/>
    <mergeCell ref="P9886:S9887"/>
    <mergeCell ref="T9886:W9887"/>
    <mergeCell ref="X9886:AA9887"/>
    <mergeCell ref="A9888:C9889"/>
    <mergeCell ref="D9888:O9889"/>
    <mergeCell ref="P9888:S9889"/>
    <mergeCell ref="T9888:W9889"/>
    <mergeCell ref="X9888:AA9889"/>
    <mergeCell ref="A9890:C9891"/>
    <mergeCell ref="D9890:O9891"/>
    <mergeCell ref="P9890:S9891"/>
    <mergeCell ref="T9890:W9891"/>
    <mergeCell ref="X9890:AA9891"/>
    <mergeCell ref="A9892:C9893"/>
    <mergeCell ref="D9892:O9893"/>
    <mergeCell ref="P9892:S9893"/>
    <mergeCell ref="T9892:W9893"/>
    <mergeCell ref="X9892:AA9893"/>
    <mergeCell ref="A9894:C9895"/>
    <mergeCell ref="D9894:O9895"/>
    <mergeCell ref="P9894:S9895"/>
    <mergeCell ref="T9894:W9895"/>
    <mergeCell ref="X9894:AA9895"/>
    <mergeCell ref="A9896:C9897"/>
    <mergeCell ref="D9896:O9897"/>
    <mergeCell ref="P9896:S9897"/>
    <mergeCell ref="T9896:W9897"/>
    <mergeCell ref="X9896:AA9897"/>
    <mergeCell ref="A9898:C9899"/>
    <mergeCell ref="D9898:O9899"/>
    <mergeCell ref="P9898:S9899"/>
    <mergeCell ref="T9898:W9899"/>
    <mergeCell ref="X9898:AA9899"/>
    <mergeCell ref="A9872:C9873"/>
    <mergeCell ref="D9872:O9873"/>
    <mergeCell ref="P9872:S9873"/>
    <mergeCell ref="T9872:W9873"/>
    <mergeCell ref="X9872:AA9873"/>
    <mergeCell ref="A9874:C9875"/>
    <mergeCell ref="D9874:O9875"/>
    <mergeCell ref="P9874:S9875"/>
    <mergeCell ref="T9874:W9875"/>
    <mergeCell ref="X9874:AA9875"/>
    <mergeCell ref="A9876:C9877"/>
    <mergeCell ref="D9876:O9877"/>
    <mergeCell ref="P9876:S9877"/>
    <mergeCell ref="T9876:W9877"/>
    <mergeCell ref="X9876:AA9877"/>
    <mergeCell ref="A9878:C9879"/>
    <mergeCell ref="D9878:O9879"/>
    <mergeCell ref="P9878:S9879"/>
    <mergeCell ref="T9878:W9879"/>
    <mergeCell ref="X9878:AA9879"/>
    <mergeCell ref="A9880:C9881"/>
    <mergeCell ref="D9880:O9881"/>
    <mergeCell ref="P9880:S9881"/>
    <mergeCell ref="T9880:W9881"/>
    <mergeCell ref="X9880:AA9881"/>
    <mergeCell ref="A9882:C9883"/>
    <mergeCell ref="D9882:O9883"/>
    <mergeCell ref="P9882:S9883"/>
    <mergeCell ref="T9882:W9883"/>
    <mergeCell ref="X9882:AA9883"/>
    <mergeCell ref="A9884:C9885"/>
    <mergeCell ref="D9884:O9885"/>
    <mergeCell ref="P9884:S9885"/>
    <mergeCell ref="T9884:W9885"/>
    <mergeCell ref="X9884:AA9885"/>
    <mergeCell ref="A9856:C9857"/>
    <mergeCell ref="D9856:O9857"/>
    <mergeCell ref="P9856:S9857"/>
    <mergeCell ref="T9856:W9857"/>
    <mergeCell ref="X9856:AA9857"/>
    <mergeCell ref="A9858:C9859"/>
    <mergeCell ref="D9858:O9859"/>
    <mergeCell ref="P9858:S9859"/>
    <mergeCell ref="T9858:W9859"/>
    <mergeCell ref="X9858:AA9859"/>
    <mergeCell ref="A9860:C9861"/>
    <mergeCell ref="D9860:O9861"/>
    <mergeCell ref="P9860:S9861"/>
    <mergeCell ref="T9860:W9861"/>
    <mergeCell ref="X9860:AA9861"/>
    <mergeCell ref="A9862:AA9863"/>
    <mergeCell ref="A9864:C9865"/>
    <mergeCell ref="D9864:O9865"/>
    <mergeCell ref="P9864:S9865"/>
    <mergeCell ref="T9864:W9865"/>
    <mergeCell ref="X9864:AA9865"/>
    <mergeCell ref="A9866:C9867"/>
    <mergeCell ref="D9866:O9867"/>
    <mergeCell ref="P9866:S9867"/>
    <mergeCell ref="T9866:W9867"/>
    <mergeCell ref="X9866:AA9867"/>
    <mergeCell ref="A9868:C9869"/>
    <mergeCell ref="D9868:O9869"/>
    <mergeCell ref="P9868:S9869"/>
    <mergeCell ref="T9868:W9869"/>
    <mergeCell ref="X9868:AA9869"/>
    <mergeCell ref="A9870:C9871"/>
    <mergeCell ref="D9870:O9871"/>
    <mergeCell ref="P9870:S9871"/>
    <mergeCell ref="T9870:W9871"/>
    <mergeCell ref="X9870:AA9871"/>
    <mergeCell ref="A9840:AA9841"/>
    <mergeCell ref="A9842:C9843"/>
    <mergeCell ref="D9842:O9843"/>
    <mergeCell ref="P9842:S9843"/>
    <mergeCell ref="T9842:W9843"/>
    <mergeCell ref="X9842:AA9843"/>
    <mergeCell ref="A9844:C9845"/>
    <mergeCell ref="D9844:O9845"/>
    <mergeCell ref="P9844:S9845"/>
    <mergeCell ref="T9844:W9845"/>
    <mergeCell ref="X9844:AA9845"/>
    <mergeCell ref="A9846:C9847"/>
    <mergeCell ref="D9846:O9847"/>
    <mergeCell ref="P9846:S9847"/>
    <mergeCell ref="T9846:W9847"/>
    <mergeCell ref="X9846:AA9847"/>
    <mergeCell ref="A9848:C9849"/>
    <mergeCell ref="D9848:O9849"/>
    <mergeCell ref="P9848:S9849"/>
    <mergeCell ref="T9848:W9849"/>
    <mergeCell ref="X9848:AA9849"/>
    <mergeCell ref="A9850:C9851"/>
    <mergeCell ref="D9850:O9851"/>
    <mergeCell ref="P9850:S9851"/>
    <mergeCell ref="T9850:W9851"/>
    <mergeCell ref="X9850:AA9851"/>
    <mergeCell ref="A9852:C9853"/>
    <mergeCell ref="D9852:O9853"/>
    <mergeCell ref="P9852:S9853"/>
    <mergeCell ref="T9852:W9853"/>
    <mergeCell ref="X9852:AA9853"/>
    <mergeCell ref="A9854:C9855"/>
    <mergeCell ref="D9854:O9855"/>
    <mergeCell ref="P9854:S9855"/>
    <mergeCell ref="T9854:W9855"/>
    <mergeCell ref="X9854:AA9855"/>
    <mergeCell ref="A9824:C9825"/>
    <mergeCell ref="D9824:O9825"/>
    <mergeCell ref="P9824:S9825"/>
    <mergeCell ref="T9824:W9825"/>
    <mergeCell ref="X9824:AA9825"/>
    <mergeCell ref="A9826:C9827"/>
    <mergeCell ref="D9826:O9827"/>
    <mergeCell ref="P9826:S9827"/>
    <mergeCell ref="T9826:W9827"/>
    <mergeCell ref="X9826:AA9827"/>
    <mergeCell ref="A9828:AA9829"/>
    <mergeCell ref="A9830:C9831"/>
    <mergeCell ref="D9830:O9831"/>
    <mergeCell ref="P9830:S9831"/>
    <mergeCell ref="T9830:W9831"/>
    <mergeCell ref="X9830:AA9831"/>
    <mergeCell ref="A9832:C9833"/>
    <mergeCell ref="D9832:O9833"/>
    <mergeCell ref="P9832:S9833"/>
    <mergeCell ref="T9832:W9833"/>
    <mergeCell ref="X9832:AA9833"/>
    <mergeCell ref="A9834:C9835"/>
    <mergeCell ref="D9834:O9835"/>
    <mergeCell ref="P9834:S9835"/>
    <mergeCell ref="T9834:W9835"/>
    <mergeCell ref="X9834:AA9835"/>
    <mergeCell ref="A9836:C9837"/>
    <mergeCell ref="D9836:O9837"/>
    <mergeCell ref="P9836:S9837"/>
    <mergeCell ref="T9836:W9837"/>
    <mergeCell ref="X9836:AA9837"/>
    <mergeCell ref="A9838:C9839"/>
    <mergeCell ref="D9838:O9839"/>
    <mergeCell ref="P9838:S9839"/>
    <mergeCell ref="T9838:W9839"/>
    <mergeCell ref="X9838:AA9839"/>
    <mergeCell ref="A9808:C9809"/>
    <mergeCell ref="D9808:O9809"/>
    <mergeCell ref="P9808:S9809"/>
    <mergeCell ref="T9808:W9809"/>
    <mergeCell ref="X9808:AA9809"/>
    <mergeCell ref="A9810:C9811"/>
    <mergeCell ref="D9810:O9811"/>
    <mergeCell ref="P9810:S9811"/>
    <mergeCell ref="T9810:W9811"/>
    <mergeCell ref="X9810:AA9811"/>
    <mergeCell ref="A9812:C9813"/>
    <mergeCell ref="D9812:O9813"/>
    <mergeCell ref="P9812:S9813"/>
    <mergeCell ref="T9812:W9813"/>
    <mergeCell ref="X9812:AA9813"/>
    <mergeCell ref="A9814:C9815"/>
    <mergeCell ref="D9814:O9815"/>
    <mergeCell ref="P9814:S9815"/>
    <mergeCell ref="T9814:W9815"/>
    <mergeCell ref="X9814:AA9815"/>
    <mergeCell ref="A9816:C9817"/>
    <mergeCell ref="D9816:O9817"/>
    <mergeCell ref="P9816:S9817"/>
    <mergeCell ref="T9816:W9817"/>
    <mergeCell ref="X9816:AA9817"/>
    <mergeCell ref="A9818:AA9819"/>
    <mergeCell ref="A9820:C9821"/>
    <mergeCell ref="D9820:O9821"/>
    <mergeCell ref="P9820:S9821"/>
    <mergeCell ref="T9820:W9821"/>
    <mergeCell ref="X9820:AA9821"/>
    <mergeCell ref="A9822:C9823"/>
    <mergeCell ref="D9822:O9823"/>
    <mergeCell ref="P9822:S9823"/>
    <mergeCell ref="T9822:W9823"/>
    <mergeCell ref="X9822:AA9823"/>
    <mergeCell ref="A9794:C9795"/>
    <mergeCell ref="D9794:O9795"/>
    <mergeCell ref="P9794:S9795"/>
    <mergeCell ref="T9794:W9795"/>
    <mergeCell ref="X9794:AA9795"/>
    <mergeCell ref="A9796:C9797"/>
    <mergeCell ref="D9796:O9797"/>
    <mergeCell ref="P9796:S9797"/>
    <mergeCell ref="T9796:W9797"/>
    <mergeCell ref="X9796:AA9797"/>
    <mergeCell ref="A9798:C9799"/>
    <mergeCell ref="D9798:O9799"/>
    <mergeCell ref="P9798:S9799"/>
    <mergeCell ref="T9798:W9799"/>
    <mergeCell ref="X9798:AA9799"/>
    <mergeCell ref="A9800:C9801"/>
    <mergeCell ref="D9800:O9801"/>
    <mergeCell ref="P9800:S9801"/>
    <mergeCell ref="T9800:W9801"/>
    <mergeCell ref="X9800:AA9801"/>
    <mergeCell ref="A9802:C9803"/>
    <mergeCell ref="D9802:O9803"/>
    <mergeCell ref="P9802:S9803"/>
    <mergeCell ref="T9802:W9803"/>
    <mergeCell ref="X9802:AA9803"/>
    <mergeCell ref="A9804:C9805"/>
    <mergeCell ref="D9804:O9805"/>
    <mergeCell ref="P9804:S9805"/>
    <mergeCell ref="T9804:W9805"/>
    <mergeCell ref="X9804:AA9805"/>
    <mergeCell ref="A9806:C9807"/>
    <mergeCell ref="D9806:O9807"/>
    <mergeCell ref="P9806:S9807"/>
    <mergeCell ref="T9806:W9807"/>
    <mergeCell ref="X9806:AA9807"/>
    <mergeCell ref="A9778:C9779"/>
    <mergeCell ref="D9778:O9779"/>
    <mergeCell ref="P9778:S9779"/>
    <mergeCell ref="T9778:W9779"/>
    <mergeCell ref="X9778:AA9779"/>
    <mergeCell ref="A9780:C9781"/>
    <mergeCell ref="D9780:O9781"/>
    <mergeCell ref="P9780:S9781"/>
    <mergeCell ref="T9780:W9781"/>
    <mergeCell ref="X9780:AA9781"/>
    <mergeCell ref="A9782:C9783"/>
    <mergeCell ref="D9782:O9783"/>
    <mergeCell ref="P9782:S9783"/>
    <mergeCell ref="T9782:W9783"/>
    <mergeCell ref="X9782:AA9783"/>
    <mergeCell ref="A9784:C9785"/>
    <mergeCell ref="D9784:O9785"/>
    <mergeCell ref="P9784:S9785"/>
    <mergeCell ref="T9784:W9785"/>
    <mergeCell ref="X9784:AA9785"/>
    <mergeCell ref="A9786:AA9787"/>
    <mergeCell ref="A9788:C9789"/>
    <mergeCell ref="D9788:O9789"/>
    <mergeCell ref="P9788:S9789"/>
    <mergeCell ref="T9788:W9789"/>
    <mergeCell ref="X9788:AA9789"/>
    <mergeCell ref="A9790:C9791"/>
    <mergeCell ref="D9790:O9791"/>
    <mergeCell ref="P9790:S9791"/>
    <mergeCell ref="T9790:W9791"/>
    <mergeCell ref="X9790:AA9791"/>
    <mergeCell ref="A9792:C9793"/>
    <mergeCell ref="D9792:O9793"/>
    <mergeCell ref="P9792:S9793"/>
    <mergeCell ref="T9792:W9793"/>
    <mergeCell ref="X9792:AA9793"/>
    <mergeCell ref="A9764:C9765"/>
    <mergeCell ref="D9764:O9765"/>
    <mergeCell ref="P9764:S9765"/>
    <mergeCell ref="T9764:W9765"/>
    <mergeCell ref="X9764:AA9765"/>
    <mergeCell ref="A9766:C9767"/>
    <mergeCell ref="D9766:O9767"/>
    <mergeCell ref="P9766:S9767"/>
    <mergeCell ref="T9766:W9767"/>
    <mergeCell ref="X9766:AA9767"/>
    <mergeCell ref="A9768:C9769"/>
    <mergeCell ref="D9768:O9769"/>
    <mergeCell ref="P9768:S9769"/>
    <mergeCell ref="T9768:W9769"/>
    <mergeCell ref="X9768:AA9769"/>
    <mergeCell ref="A9770:C9771"/>
    <mergeCell ref="D9770:O9771"/>
    <mergeCell ref="P9770:S9771"/>
    <mergeCell ref="T9770:W9771"/>
    <mergeCell ref="X9770:AA9771"/>
    <mergeCell ref="A9772:C9773"/>
    <mergeCell ref="D9772:O9773"/>
    <mergeCell ref="P9772:S9773"/>
    <mergeCell ref="T9772:W9773"/>
    <mergeCell ref="X9772:AA9773"/>
    <mergeCell ref="A9774:C9775"/>
    <mergeCell ref="D9774:O9775"/>
    <mergeCell ref="P9774:S9775"/>
    <mergeCell ref="T9774:W9775"/>
    <mergeCell ref="X9774:AA9775"/>
    <mergeCell ref="A9776:C9777"/>
    <mergeCell ref="D9776:O9777"/>
    <mergeCell ref="P9776:S9777"/>
    <mergeCell ref="T9776:W9777"/>
    <mergeCell ref="X9776:AA9777"/>
    <mergeCell ref="A9750:C9751"/>
    <mergeCell ref="D9750:O9751"/>
    <mergeCell ref="P9750:S9751"/>
    <mergeCell ref="T9750:W9751"/>
    <mergeCell ref="X9750:AA9751"/>
    <mergeCell ref="A9752:C9753"/>
    <mergeCell ref="D9752:O9753"/>
    <mergeCell ref="P9752:S9753"/>
    <mergeCell ref="T9752:W9753"/>
    <mergeCell ref="X9752:AA9753"/>
    <mergeCell ref="A9754:C9755"/>
    <mergeCell ref="D9754:O9755"/>
    <mergeCell ref="P9754:S9755"/>
    <mergeCell ref="T9754:W9755"/>
    <mergeCell ref="X9754:AA9755"/>
    <mergeCell ref="A9756:C9757"/>
    <mergeCell ref="D9756:O9757"/>
    <mergeCell ref="P9756:S9757"/>
    <mergeCell ref="T9756:W9757"/>
    <mergeCell ref="X9756:AA9757"/>
    <mergeCell ref="A9758:C9759"/>
    <mergeCell ref="D9758:O9759"/>
    <mergeCell ref="P9758:S9759"/>
    <mergeCell ref="T9758:W9759"/>
    <mergeCell ref="X9758:AA9759"/>
    <mergeCell ref="A9760:C9761"/>
    <mergeCell ref="D9760:O9761"/>
    <mergeCell ref="P9760:S9761"/>
    <mergeCell ref="T9760:W9761"/>
    <mergeCell ref="X9760:AA9761"/>
    <mergeCell ref="A9762:C9763"/>
    <mergeCell ref="D9762:O9763"/>
    <mergeCell ref="P9762:S9763"/>
    <mergeCell ref="T9762:W9763"/>
    <mergeCell ref="X9762:AA9763"/>
    <mergeCell ref="A9736:C9737"/>
    <mergeCell ref="D9736:O9737"/>
    <mergeCell ref="P9736:S9737"/>
    <mergeCell ref="T9736:W9737"/>
    <mergeCell ref="X9736:AA9737"/>
    <mergeCell ref="A9738:C9739"/>
    <mergeCell ref="D9738:O9739"/>
    <mergeCell ref="P9738:S9739"/>
    <mergeCell ref="T9738:W9739"/>
    <mergeCell ref="X9738:AA9739"/>
    <mergeCell ref="A9740:C9741"/>
    <mergeCell ref="D9740:O9741"/>
    <mergeCell ref="P9740:S9741"/>
    <mergeCell ref="T9740:W9741"/>
    <mergeCell ref="X9740:AA9741"/>
    <mergeCell ref="A9742:C9743"/>
    <mergeCell ref="D9742:O9743"/>
    <mergeCell ref="P9742:S9743"/>
    <mergeCell ref="T9742:W9743"/>
    <mergeCell ref="X9742:AA9743"/>
    <mergeCell ref="A9744:C9745"/>
    <mergeCell ref="D9744:O9745"/>
    <mergeCell ref="P9744:S9745"/>
    <mergeCell ref="T9744:W9745"/>
    <mergeCell ref="X9744:AA9745"/>
    <mergeCell ref="A9746:C9747"/>
    <mergeCell ref="D9746:O9747"/>
    <mergeCell ref="P9746:S9747"/>
    <mergeCell ref="T9746:W9747"/>
    <mergeCell ref="X9746:AA9747"/>
    <mergeCell ref="A9748:C9749"/>
    <mergeCell ref="D9748:O9749"/>
    <mergeCell ref="P9748:S9749"/>
    <mergeCell ref="T9748:W9749"/>
    <mergeCell ref="X9748:AA9749"/>
    <mergeCell ref="A9720:AA9721"/>
    <mergeCell ref="A9722:C9723"/>
    <mergeCell ref="D9722:O9723"/>
    <mergeCell ref="P9722:S9723"/>
    <mergeCell ref="T9722:W9723"/>
    <mergeCell ref="X9722:AA9723"/>
    <mergeCell ref="A9724:C9725"/>
    <mergeCell ref="D9724:O9725"/>
    <mergeCell ref="P9724:S9725"/>
    <mergeCell ref="T9724:W9725"/>
    <mergeCell ref="X9724:AA9725"/>
    <mergeCell ref="A9726:C9727"/>
    <mergeCell ref="D9726:O9727"/>
    <mergeCell ref="P9726:S9727"/>
    <mergeCell ref="T9726:W9727"/>
    <mergeCell ref="X9726:AA9727"/>
    <mergeCell ref="A9728:C9729"/>
    <mergeCell ref="D9728:O9729"/>
    <mergeCell ref="P9728:S9729"/>
    <mergeCell ref="T9728:W9729"/>
    <mergeCell ref="X9728:AA9729"/>
    <mergeCell ref="A9730:C9731"/>
    <mergeCell ref="D9730:O9731"/>
    <mergeCell ref="P9730:S9731"/>
    <mergeCell ref="T9730:W9731"/>
    <mergeCell ref="X9730:AA9731"/>
    <mergeCell ref="A9732:C9733"/>
    <mergeCell ref="D9732:O9733"/>
    <mergeCell ref="P9732:S9733"/>
    <mergeCell ref="T9732:W9733"/>
    <mergeCell ref="X9732:AA9733"/>
    <mergeCell ref="A9734:C9735"/>
    <mergeCell ref="D9734:O9735"/>
    <mergeCell ref="P9734:S9735"/>
    <mergeCell ref="T9734:W9735"/>
    <mergeCell ref="X9734:AA9735"/>
    <mergeCell ref="A9706:C9707"/>
    <mergeCell ref="D9706:O9707"/>
    <mergeCell ref="P9706:S9707"/>
    <mergeCell ref="T9706:W9707"/>
    <mergeCell ref="X9706:AA9707"/>
    <mergeCell ref="A9708:C9709"/>
    <mergeCell ref="D9708:O9709"/>
    <mergeCell ref="P9708:S9709"/>
    <mergeCell ref="T9708:W9709"/>
    <mergeCell ref="X9708:AA9709"/>
    <mergeCell ref="A9710:C9711"/>
    <mergeCell ref="D9710:O9711"/>
    <mergeCell ref="P9710:S9711"/>
    <mergeCell ref="T9710:W9711"/>
    <mergeCell ref="X9710:AA9711"/>
    <mergeCell ref="A9712:C9713"/>
    <mergeCell ref="D9712:O9713"/>
    <mergeCell ref="P9712:S9713"/>
    <mergeCell ref="T9712:W9713"/>
    <mergeCell ref="X9712:AA9713"/>
    <mergeCell ref="A9714:C9715"/>
    <mergeCell ref="D9714:O9715"/>
    <mergeCell ref="P9714:S9715"/>
    <mergeCell ref="T9714:W9715"/>
    <mergeCell ref="X9714:AA9715"/>
    <mergeCell ref="A9716:C9717"/>
    <mergeCell ref="D9716:O9717"/>
    <mergeCell ref="P9716:S9717"/>
    <mergeCell ref="T9716:W9717"/>
    <mergeCell ref="X9716:AA9717"/>
    <mergeCell ref="A9718:C9719"/>
    <mergeCell ref="D9718:O9719"/>
    <mergeCell ref="P9718:S9719"/>
    <mergeCell ref="T9718:W9719"/>
    <mergeCell ref="X9718:AA9719"/>
    <mergeCell ref="A9692:C9693"/>
    <mergeCell ref="D9692:O9693"/>
    <mergeCell ref="P9692:S9693"/>
    <mergeCell ref="T9692:W9693"/>
    <mergeCell ref="X9692:AA9693"/>
    <mergeCell ref="A9694:C9695"/>
    <mergeCell ref="D9694:O9695"/>
    <mergeCell ref="P9694:S9695"/>
    <mergeCell ref="T9694:W9695"/>
    <mergeCell ref="X9694:AA9695"/>
    <mergeCell ref="A9696:C9697"/>
    <mergeCell ref="D9696:O9697"/>
    <mergeCell ref="P9696:S9697"/>
    <mergeCell ref="T9696:W9697"/>
    <mergeCell ref="X9696:AA9697"/>
    <mergeCell ref="A9698:C9699"/>
    <mergeCell ref="D9698:O9699"/>
    <mergeCell ref="P9698:S9699"/>
    <mergeCell ref="T9698:W9699"/>
    <mergeCell ref="X9698:AA9699"/>
    <mergeCell ref="A9700:C9701"/>
    <mergeCell ref="D9700:O9701"/>
    <mergeCell ref="P9700:S9701"/>
    <mergeCell ref="T9700:W9701"/>
    <mergeCell ref="X9700:AA9701"/>
    <mergeCell ref="A9702:C9703"/>
    <mergeCell ref="D9702:O9703"/>
    <mergeCell ref="P9702:S9703"/>
    <mergeCell ref="T9702:W9703"/>
    <mergeCell ref="X9702:AA9703"/>
    <mergeCell ref="A9704:C9705"/>
    <mergeCell ref="D9704:O9705"/>
    <mergeCell ref="P9704:S9705"/>
    <mergeCell ref="T9704:W9705"/>
    <mergeCell ref="X9704:AA9705"/>
    <mergeCell ref="A9678:C9679"/>
    <mergeCell ref="D9678:O9679"/>
    <mergeCell ref="P9678:S9679"/>
    <mergeCell ref="T9678:W9679"/>
    <mergeCell ref="X9678:AA9679"/>
    <mergeCell ref="A9680:C9681"/>
    <mergeCell ref="D9680:O9681"/>
    <mergeCell ref="P9680:S9681"/>
    <mergeCell ref="T9680:W9681"/>
    <mergeCell ref="X9680:AA9681"/>
    <mergeCell ref="A9682:C9683"/>
    <mergeCell ref="D9682:O9683"/>
    <mergeCell ref="P9682:S9683"/>
    <mergeCell ref="T9682:W9683"/>
    <mergeCell ref="X9682:AA9683"/>
    <mergeCell ref="A9684:C9685"/>
    <mergeCell ref="D9684:O9685"/>
    <mergeCell ref="P9684:S9685"/>
    <mergeCell ref="T9684:W9685"/>
    <mergeCell ref="X9684:AA9685"/>
    <mergeCell ref="A9686:C9687"/>
    <mergeCell ref="D9686:O9687"/>
    <mergeCell ref="P9686:S9687"/>
    <mergeCell ref="T9686:W9687"/>
    <mergeCell ref="X9686:AA9687"/>
    <mergeCell ref="A9688:C9689"/>
    <mergeCell ref="D9688:O9689"/>
    <mergeCell ref="P9688:S9689"/>
    <mergeCell ref="T9688:W9689"/>
    <mergeCell ref="X9688:AA9689"/>
    <mergeCell ref="A9690:C9691"/>
    <mergeCell ref="D9690:O9691"/>
    <mergeCell ref="P9690:S9691"/>
    <mergeCell ref="T9690:W9691"/>
    <mergeCell ref="X9690:AA9691"/>
    <mergeCell ref="A9664:C9665"/>
    <mergeCell ref="D9664:O9665"/>
    <mergeCell ref="P9664:S9665"/>
    <mergeCell ref="T9664:W9665"/>
    <mergeCell ref="X9664:AA9665"/>
    <mergeCell ref="A9666:C9667"/>
    <mergeCell ref="D9666:O9667"/>
    <mergeCell ref="P9666:S9667"/>
    <mergeCell ref="T9666:W9667"/>
    <mergeCell ref="X9666:AA9667"/>
    <mergeCell ref="A9668:C9669"/>
    <mergeCell ref="D9668:O9669"/>
    <mergeCell ref="P9668:S9669"/>
    <mergeCell ref="T9668:W9669"/>
    <mergeCell ref="X9668:AA9669"/>
    <mergeCell ref="A9670:C9671"/>
    <mergeCell ref="D9670:O9671"/>
    <mergeCell ref="P9670:S9671"/>
    <mergeCell ref="T9670:W9671"/>
    <mergeCell ref="X9670:AA9671"/>
    <mergeCell ref="A9672:C9673"/>
    <mergeCell ref="D9672:O9673"/>
    <mergeCell ref="P9672:S9673"/>
    <mergeCell ref="T9672:W9673"/>
    <mergeCell ref="X9672:AA9673"/>
    <mergeCell ref="A9674:C9675"/>
    <mergeCell ref="D9674:O9675"/>
    <mergeCell ref="P9674:S9675"/>
    <mergeCell ref="T9674:W9675"/>
    <mergeCell ref="X9674:AA9675"/>
    <mergeCell ref="A9676:C9677"/>
    <mergeCell ref="D9676:O9677"/>
    <mergeCell ref="P9676:S9677"/>
    <mergeCell ref="T9676:W9677"/>
    <mergeCell ref="X9676:AA9677"/>
    <mergeCell ref="A9650:C9651"/>
    <mergeCell ref="D9650:O9651"/>
    <mergeCell ref="P9650:S9651"/>
    <mergeCell ref="T9650:W9651"/>
    <mergeCell ref="X9650:AA9651"/>
    <mergeCell ref="A9652:C9653"/>
    <mergeCell ref="D9652:O9653"/>
    <mergeCell ref="P9652:S9653"/>
    <mergeCell ref="T9652:W9653"/>
    <mergeCell ref="X9652:AA9653"/>
    <mergeCell ref="A9654:C9655"/>
    <mergeCell ref="D9654:O9655"/>
    <mergeCell ref="P9654:S9655"/>
    <mergeCell ref="T9654:W9655"/>
    <mergeCell ref="X9654:AA9655"/>
    <mergeCell ref="A9656:C9657"/>
    <mergeCell ref="D9656:O9657"/>
    <mergeCell ref="P9656:S9657"/>
    <mergeCell ref="T9656:W9657"/>
    <mergeCell ref="X9656:AA9657"/>
    <mergeCell ref="A9658:C9659"/>
    <mergeCell ref="D9658:O9659"/>
    <mergeCell ref="P9658:S9659"/>
    <mergeCell ref="T9658:W9659"/>
    <mergeCell ref="X9658:AA9659"/>
    <mergeCell ref="A9660:C9661"/>
    <mergeCell ref="D9660:O9661"/>
    <mergeCell ref="P9660:S9661"/>
    <mergeCell ref="T9660:W9661"/>
    <mergeCell ref="X9660:AA9661"/>
    <mergeCell ref="A9662:C9663"/>
    <mergeCell ref="D9662:O9663"/>
    <mergeCell ref="P9662:S9663"/>
    <mergeCell ref="T9662:W9663"/>
    <mergeCell ref="X9662:AA9663"/>
    <mergeCell ref="A9636:C9637"/>
    <mergeCell ref="D9636:O9637"/>
    <mergeCell ref="P9636:S9637"/>
    <mergeCell ref="T9636:W9637"/>
    <mergeCell ref="X9636:AA9637"/>
    <mergeCell ref="A9638:C9639"/>
    <mergeCell ref="D9638:O9639"/>
    <mergeCell ref="P9638:S9639"/>
    <mergeCell ref="T9638:W9639"/>
    <mergeCell ref="X9638:AA9639"/>
    <mergeCell ref="A9640:C9641"/>
    <mergeCell ref="D9640:O9641"/>
    <mergeCell ref="P9640:S9641"/>
    <mergeCell ref="T9640:W9641"/>
    <mergeCell ref="X9640:AA9641"/>
    <mergeCell ref="A9642:C9643"/>
    <mergeCell ref="D9642:O9643"/>
    <mergeCell ref="P9642:S9643"/>
    <mergeCell ref="T9642:W9643"/>
    <mergeCell ref="X9642:AA9643"/>
    <mergeCell ref="A9644:C9645"/>
    <mergeCell ref="D9644:O9645"/>
    <mergeCell ref="P9644:S9645"/>
    <mergeCell ref="T9644:W9645"/>
    <mergeCell ref="X9644:AA9645"/>
    <mergeCell ref="A9646:C9647"/>
    <mergeCell ref="D9646:O9647"/>
    <mergeCell ref="P9646:S9647"/>
    <mergeCell ref="T9646:W9647"/>
    <mergeCell ref="X9646:AA9647"/>
    <mergeCell ref="A9648:C9649"/>
    <mergeCell ref="D9648:O9649"/>
    <mergeCell ref="P9648:S9649"/>
    <mergeCell ref="T9648:W9649"/>
    <mergeCell ref="X9648:AA9649"/>
    <mergeCell ref="A9622:C9623"/>
    <mergeCell ref="D9622:O9623"/>
    <mergeCell ref="P9622:S9623"/>
    <mergeCell ref="T9622:W9623"/>
    <mergeCell ref="X9622:AA9623"/>
    <mergeCell ref="A9624:C9625"/>
    <mergeCell ref="D9624:O9625"/>
    <mergeCell ref="P9624:S9625"/>
    <mergeCell ref="T9624:W9625"/>
    <mergeCell ref="X9624:AA9625"/>
    <mergeCell ref="A9626:C9627"/>
    <mergeCell ref="D9626:O9627"/>
    <mergeCell ref="P9626:S9627"/>
    <mergeCell ref="T9626:W9627"/>
    <mergeCell ref="X9626:AA9627"/>
    <mergeCell ref="A9628:C9629"/>
    <mergeCell ref="D9628:O9629"/>
    <mergeCell ref="P9628:S9629"/>
    <mergeCell ref="T9628:W9629"/>
    <mergeCell ref="X9628:AA9629"/>
    <mergeCell ref="A9630:C9631"/>
    <mergeCell ref="D9630:O9631"/>
    <mergeCell ref="P9630:S9631"/>
    <mergeCell ref="T9630:W9631"/>
    <mergeCell ref="X9630:AA9631"/>
    <mergeCell ref="A9632:C9633"/>
    <mergeCell ref="D9632:O9633"/>
    <mergeCell ref="P9632:S9633"/>
    <mergeCell ref="T9632:W9633"/>
    <mergeCell ref="X9632:AA9633"/>
    <mergeCell ref="A9634:C9635"/>
    <mergeCell ref="D9634:O9635"/>
    <mergeCell ref="P9634:S9635"/>
    <mergeCell ref="T9634:W9635"/>
    <mergeCell ref="X9634:AA9635"/>
    <mergeCell ref="A9608:C9609"/>
    <mergeCell ref="D9608:O9609"/>
    <mergeCell ref="P9608:S9609"/>
    <mergeCell ref="T9608:W9609"/>
    <mergeCell ref="X9608:AA9609"/>
    <mergeCell ref="A9610:C9611"/>
    <mergeCell ref="D9610:O9611"/>
    <mergeCell ref="P9610:S9611"/>
    <mergeCell ref="T9610:W9611"/>
    <mergeCell ref="X9610:AA9611"/>
    <mergeCell ref="A9612:C9613"/>
    <mergeCell ref="D9612:O9613"/>
    <mergeCell ref="P9612:S9613"/>
    <mergeCell ref="T9612:W9613"/>
    <mergeCell ref="X9612:AA9613"/>
    <mergeCell ref="A9614:C9615"/>
    <mergeCell ref="D9614:O9615"/>
    <mergeCell ref="P9614:S9615"/>
    <mergeCell ref="T9614:W9615"/>
    <mergeCell ref="X9614:AA9615"/>
    <mergeCell ref="A9616:C9617"/>
    <mergeCell ref="D9616:O9617"/>
    <mergeCell ref="P9616:S9617"/>
    <mergeCell ref="T9616:W9617"/>
    <mergeCell ref="X9616:AA9617"/>
    <mergeCell ref="A9618:C9619"/>
    <mergeCell ref="D9618:O9619"/>
    <mergeCell ref="P9618:S9619"/>
    <mergeCell ref="T9618:W9619"/>
    <mergeCell ref="X9618:AA9619"/>
    <mergeCell ref="A9620:C9621"/>
    <mergeCell ref="D9620:O9621"/>
    <mergeCell ref="P9620:S9621"/>
    <mergeCell ref="T9620:W9621"/>
    <mergeCell ref="X9620:AA9621"/>
    <mergeCell ref="A9594:C9595"/>
    <mergeCell ref="D9594:O9595"/>
    <mergeCell ref="P9594:S9595"/>
    <mergeCell ref="T9594:W9595"/>
    <mergeCell ref="X9594:AA9595"/>
    <mergeCell ref="A9596:C9597"/>
    <mergeCell ref="D9596:O9597"/>
    <mergeCell ref="P9596:S9597"/>
    <mergeCell ref="T9596:W9597"/>
    <mergeCell ref="X9596:AA9597"/>
    <mergeCell ref="A9598:C9599"/>
    <mergeCell ref="D9598:O9599"/>
    <mergeCell ref="P9598:S9599"/>
    <mergeCell ref="T9598:W9599"/>
    <mergeCell ref="X9598:AA9599"/>
    <mergeCell ref="A9600:C9601"/>
    <mergeCell ref="D9600:O9601"/>
    <mergeCell ref="P9600:S9601"/>
    <mergeCell ref="T9600:W9601"/>
    <mergeCell ref="X9600:AA9601"/>
    <mergeCell ref="A9602:C9603"/>
    <mergeCell ref="D9602:O9603"/>
    <mergeCell ref="P9602:S9603"/>
    <mergeCell ref="T9602:W9603"/>
    <mergeCell ref="X9602:AA9603"/>
    <mergeCell ref="A9604:C9605"/>
    <mergeCell ref="D9604:O9605"/>
    <mergeCell ref="P9604:S9605"/>
    <mergeCell ref="T9604:W9605"/>
    <mergeCell ref="X9604:AA9605"/>
    <mergeCell ref="A9606:C9607"/>
    <mergeCell ref="D9606:O9607"/>
    <mergeCell ref="P9606:S9607"/>
    <mergeCell ref="T9606:W9607"/>
    <mergeCell ref="X9606:AA9607"/>
    <mergeCell ref="A9580:C9581"/>
    <mergeCell ref="D9580:O9581"/>
    <mergeCell ref="P9580:S9581"/>
    <mergeCell ref="T9580:W9581"/>
    <mergeCell ref="X9580:AA9581"/>
    <mergeCell ref="A9582:C9583"/>
    <mergeCell ref="D9582:O9583"/>
    <mergeCell ref="P9582:S9583"/>
    <mergeCell ref="T9582:W9583"/>
    <mergeCell ref="X9582:AA9583"/>
    <mergeCell ref="A9584:C9585"/>
    <mergeCell ref="D9584:O9585"/>
    <mergeCell ref="P9584:S9585"/>
    <mergeCell ref="T9584:W9585"/>
    <mergeCell ref="X9584:AA9585"/>
    <mergeCell ref="A9586:C9587"/>
    <mergeCell ref="D9586:O9587"/>
    <mergeCell ref="P9586:S9587"/>
    <mergeCell ref="T9586:W9587"/>
    <mergeCell ref="X9586:AA9587"/>
    <mergeCell ref="A9588:C9589"/>
    <mergeCell ref="D9588:O9589"/>
    <mergeCell ref="P9588:S9589"/>
    <mergeCell ref="T9588:W9589"/>
    <mergeCell ref="X9588:AA9589"/>
    <mergeCell ref="A9590:C9591"/>
    <mergeCell ref="D9590:O9591"/>
    <mergeCell ref="P9590:S9591"/>
    <mergeCell ref="T9590:W9591"/>
    <mergeCell ref="X9590:AA9591"/>
    <mergeCell ref="A9592:C9593"/>
    <mergeCell ref="D9592:O9593"/>
    <mergeCell ref="P9592:S9593"/>
    <mergeCell ref="T9592:W9593"/>
    <mergeCell ref="X9592:AA9593"/>
    <mergeCell ref="A9566:C9567"/>
    <mergeCell ref="D9566:O9567"/>
    <mergeCell ref="P9566:S9567"/>
    <mergeCell ref="T9566:W9567"/>
    <mergeCell ref="X9566:AA9567"/>
    <mergeCell ref="A9568:C9569"/>
    <mergeCell ref="D9568:O9569"/>
    <mergeCell ref="P9568:S9569"/>
    <mergeCell ref="T9568:W9569"/>
    <mergeCell ref="X9568:AA9569"/>
    <mergeCell ref="A9570:C9571"/>
    <mergeCell ref="D9570:O9571"/>
    <mergeCell ref="P9570:S9571"/>
    <mergeCell ref="T9570:W9571"/>
    <mergeCell ref="X9570:AA9571"/>
    <mergeCell ref="A9572:C9573"/>
    <mergeCell ref="D9572:O9573"/>
    <mergeCell ref="P9572:S9573"/>
    <mergeCell ref="T9572:W9573"/>
    <mergeCell ref="X9572:AA9573"/>
    <mergeCell ref="A9574:C9575"/>
    <mergeCell ref="D9574:O9575"/>
    <mergeCell ref="P9574:S9575"/>
    <mergeCell ref="T9574:W9575"/>
    <mergeCell ref="X9574:AA9575"/>
    <mergeCell ref="A9576:C9577"/>
    <mergeCell ref="D9576:O9577"/>
    <mergeCell ref="P9576:S9577"/>
    <mergeCell ref="T9576:W9577"/>
    <mergeCell ref="X9576:AA9577"/>
    <mergeCell ref="A9578:C9579"/>
    <mergeCell ref="D9578:O9579"/>
    <mergeCell ref="P9578:S9579"/>
    <mergeCell ref="T9578:W9579"/>
    <mergeCell ref="X9578:AA9579"/>
    <mergeCell ref="A9552:C9553"/>
    <mergeCell ref="D9552:O9553"/>
    <mergeCell ref="P9552:S9553"/>
    <mergeCell ref="T9552:W9553"/>
    <mergeCell ref="X9552:AA9553"/>
    <mergeCell ref="A9554:C9555"/>
    <mergeCell ref="D9554:O9555"/>
    <mergeCell ref="P9554:S9555"/>
    <mergeCell ref="T9554:W9555"/>
    <mergeCell ref="X9554:AA9555"/>
    <mergeCell ref="A9556:C9557"/>
    <mergeCell ref="D9556:O9557"/>
    <mergeCell ref="P9556:S9557"/>
    <mergeCell ref="T9556:W9557"/>
    <mergeCell ref="X9556:AA9557"/>
    <mergeCell ref="A9558:C9559"/>
    <mergeCell ref="D9558:O9559"/>
    <mergeCell ref="P9558:S9559"/>
    <mergeCell ref="T9558:W9559"/>
    <mergeCell ref="X9558:AA9559"/>
    <mergeCell ref="A9560:C9561"/>
    <mergeCell ref="D9560:O9561"/>
    <mergeCell ref="P9560:S9561"/>
    <mergeCell ref="T9560:W9561"/>
    <mergeCell ref="X9560:AA9561"/>
    <mergeCell ref="A9562:C9563"/>
    <mergeCell ref="D9562:O9563"/>
    <mergeCell ref="P9562:S9563"/>
    <mergeCell ref="T9562:W9563"/>
    <mergeCell ref="X9562:AA9563"/>
    <mergeCell ref="A9564:C9565"/>
    <mergeCell ref="D9564:O9565"/>
    <mergeCell ref="P9564:S9565"/>
    <mergeCell ref="T9564:W9565"/>
    <mergeCell ref="X9564:AA9565"/>
    <mergeCell ref="A9538:C9539"/>
    <mergeCell ref="D9538:O9539"/>
    <mergeCell ref="P9538:S9539"/>
    <mergeCell ref="T9538:W9539"/>
    <mergeCell ref="X9538:AA9539"/>
    <mergeCell ref="A9540:C9541"/>
    <mergeCell ref="D9540:O9541"/>
    <mergeCell ref="P9540:S9541"/>
    <mergeCell ref="T9540:W9541"/>
    <mergeCell ref="X9540:AA9541"/>
    <mergeCell ref="A9542:C9543"/>
    <mergeCell ref="D9542:O9543"/>
    <mergeCell ref="P9542:S9543"/>
    <mergeCell ref="T9542:W9543"/>
    <mergeCell ref="X9542:AA9543"/>
    <mergeCell ref="A9544:C9545"/>
    <mergeCell ref="D9544:O9545"/>
    <mergeCell ref="P9544:S9545"/>
    <mergeCell ref="T9544:W9545"/>
    <mergeCell ref="X9544:AA9545"/>
    <mergeCell ref="A9546:C9547"/>
    <mergeCell ref="D9546:O9547"/>
    <mergeCell ref="P9546:S9547"/>
    <mergeCell ref="T9546:W9547"/>
    <mergeCell ref="X9546:AA9547"/>
    <mergeCell ref="A9548:C9549"/>
    <mergeCell ref="D9548:O9549"/>
    <mergeCell ref="P9548:S9549"/>
    <mergeCell ref="T9548:W9549"/>
    <mergeCell ref="X9548:AA9549"/>
    <mergeCell ref="A9550:C9551"/>
    <mergeCell ref="D9550:O9551"/>
    <mergeCell ref="P9550:S9551"/>
    <mergeCell ref="T9550:W9551"/>
    <mergeCell ref="X9550:AA9551"/>
    <mergeCell ref="A9524:C9525"/>
    <mergeCell ref="D9524:O9525"/>
    <mergeCell ref="P9524:S9525"/>
    <mergeCell ref="T9524:W9525"/>
    <mergeCell ref="X9524:AA9525"/>
    <mergeCell ref="A9526:C9527"/>
    <mergeCell ref="D9526:O9527"/>
    <mergeCell ref="P9526:S9527"/>
    <mergeCell ref="T9526:W9527"/>
    <mergeCell ref="X9526:AA9527"/>
    <mergeCell ref="A9528:C9529"/>
    <mergeCell ref="D9528:O9529"/>
    <mergeCell ref="P9528:S9529"/>
    <mergeCell ref="T9528:W9529"/>
    <mergeCell ref="X9528:AA9529"/>
    <mergeCell ref="A9530:C9531"/>
    <mergeCell ref="D9530:O9531"/>
    <mergeCell ref="P9530:S9531"/>
    <mergeCell ref="T9530:W9531"/>
    <mergeCell ref="X9530:AA9531"/>
    <mergeCell ref="A9532:C9533"/>
    <mergeCell ref="D9532:O9533"/>
    <mergeCell ref="P9532:S9533"/>
    <mergeCell ref="T9532:W9533"/>
    <mergeCell ref="X9532:AA9533"/>
    <mergeCell ref="A9534:C9535"/>
    <mergeCell ref="D9534:O9535"/>
    <mergeCell ref="P9534:S9535"/>
    <mergeCell ref="T9534:W9535"/>
    <mergeCell ref="X9534:AA9535"/>
    <mergeCell ref="A9536:C9537"/>
    <mergeCell ref="D9536:O9537"/>
    <mergeCell ref="P9536:S9537"/>
    <mergeCell ref="T9536:W9537"/>
    <mergeCell ref="X9536:AA9537"/>
    <mergeCell ref="A9510:C9511"/>
    <mergeCell ref="D9510:O9511"/>
    <mergeCell ref="P9510:S9511"/>
    <mergeCell ref="T9510:W9511"/>
    <mergeCell ref="X9510:AA9511"/>
    <mergeCell ref="A9512:C9513"/>
    <mergeCell ref="D9512:O9513"/>
    <mergeCell ref="P9512:S9513"/>
    <mergeCell ref="T9512:W9513"/>
    <mergeCell ref="X9512:AA9513"/>
    <mergeCell ref="A9514:C9515"/>
    <mergeCell ref="D9514:O9515"/>
    <mergeCell ref="P9514:S9515"/>
    <mergeCell ref="T9514:W9515"/>
    <mergeCell ref="X9514:AA9515"/>
    <mergeCell ref="A9516:C9517"/>
    <mergeCell ref="D9516:O9517"/>
    <mergeCell ref="P9516:S9517"/>
    <mergeCell ref="T9516:W9517"/>
    <mergeCell ref="X9516:AA9517"/>
    <mergeCell ref="A9518:C9519"/>
    <mergeCell ref="D9518:O9519"/>
    <mergeCell ref="P9518:S9519"/>
    <mergeCell ref="T9518:W9519"/>
    <mergeCell ref="X9518:AA9519"/>
    <mergeCell ref="A9520:C9521"/>
    <mergeCell ref="D9520:O9521"/>
    <mergeCell ref="P9520:S9521"/>
    <mergeCell ref="T9520:W9521"/>
    <mergeCell ref="X9520:AA9521"/>
    <mergeCell ref="A9522:C9523"/>
    <mergeCell ref="D9522:O9523"/>
    <mergeCell ref="P9522:S9523"/>
    <mergeCell ref="T9522:W9523"/>
    <mergeCell ref="X9522:AA9523"/>
    <mergeCell ref="A9496:C9497"/>
    <mergeCell ref="D9496:O9497"/>
    <mergeCell ref="P9496:S9497"/>
    <mergeCell ref="T9496:W9497"/>
    <mergeCell ref="X9496:AA9497"/>
    <mergeCell ref="A9498:C9499"/>
    <mergeCell ref="D9498:O9499"/>
    <mergeCell ref="P9498:S9499"/>
    <mergeCell ref="T9498:W9499"/>
    <mergeCell ref="X9498:AA9499"/>
    <mergeCell ref="A9500:C9501"/>
    <mergeCell ref="D9500:O9501"/>
    <mergeCell ref="P9500:S9501"/>
    <mergeCell ref="T9500:W9501"/>
    <mergeCell ref="X9500:AA9501"/>
    <mergeCell ref="A9502:C9503"/>
    <mergeCell ref="D9502:O9503"/>
    <mergeCell ref="P9502:S9503"/>
    <mergeCell ref="T9502:W9503"/>
    <mergeCell ref="X9502:AA9503"/>
    <mergeCell ref="A9504:C9505"/>
    <mergeCell ref="D9504:O9505"/>
    <mergeCell ref="P9504:S9505"/>
    <mergeCell ref="T9504:W9505"/>
    <mergeCell ref="X9504:AA9505"/>
    <mergeCell ref="A9506:C9507"/>
    <mergeCell ref="D9506:O9507"/>
    <mergeCell ref="P9506:S9507"/>
    <mergeCell ref="T9506:W9507"/>
    <mergeCell ref="X9506:AA9507"/>
    <mergeCell ref="A9508:C9509"/>
    <mergeCell ref="D9508:O9509"/>
    <mergeCell ref="P9508:S9509"/>
    <mergeCell ref="T9508:W9509"/>
    <mergeCell ref="X9508:AA9509"/>
    <mergeCell ref="A9482:C9483"/>
    <mergeCell ref="D9482:O9483"/>
    <mergeCell ref="P9482:S9483"/>
    <mergeCell ref="T9482:W9483"/>
    <mergeCell ref="X9482:AA9483"/>
    <mergeCell ref="A9484:C9485"/>
    <mergeCell ref="D9484:O9485"/>
    <mergeCell ref="P9484:S9485"/>
    <mergeCell ref="T9484:W9485"/>
    <mergeCell ref="X9484:AA9485"/>
    <mergeCell ref="A9486:C9487"/>
    <mergeCell ref="D9486:O9487"/>
    <mergeCell ref="P9486:S9487"/>
    <mergeCell ref="T9486:W9487"/>
    <mergeCell ref="X9486:AA9487"/>
    <mergeCell ref="A9488:C9489"/>
    <mergeCell ref="D9488:O9489"/>
    <mergeCell ref="P9488:S9489"/>
    <mergeCell ref="T9488:W9489"/>
    <mergeCell ref="X9488:AA9489"/>
    <mergeCell ref="A9490:C9491"/>
    <mergeCell ref="D9490:O9491"/>
    <mergeCell ref="P9490:S9491"/>
    <mergeCell ref="T9490:W9491"/>
    <mergeCell ref="X9490:AA9491"/>
    <mergeCell ref="A9492:C9493"/>
    <mergeCell ref="D9492:O9493"/>
    <mergeCell ref="P9492:S9493"/>
    <mergeCell ref="T9492:W9493"/>
    <mergeCell ref="X9492:AA9493"/>
    <mergeCell ref="A9494:C9495"/>
    <mergeCell ref="D9494:O9495"/>
    <mergeCell ref="P9494:S9495"/>
    <mergeCell ref="T9494:W9495"/>
    <mergeCell ref="X9494:AA9495"/>
    <mergeCell ref="A9468:C9469"/>
    <mergeCell ref="D9468:O9469"/>
    <mergeCell ref="P9468:S9469"/>
    <mergeCell ref="T9468:W9469"/>
    <mergeCell ref="X9468:AA9469"/>
    <mergeCell ref="A9470:C9471"/>
    <mergeCell ref="D9470:O9471"/>
    <mergeCell ref="P9470:S9471"/>
    <mergeCell ref="T9470:W9471"/>
    <mergeCell ref="X9470:AA9471"/>
    <mergeCell ref="A9472:C9473"/>
    <mergeCell ref="D9472:O9473"/>
    <mergeCell ref="P9472:S9473"/>
    <mergeCell ref="T9472:W9473"/>
    <mergeCell ref="X9472:AA9473"/>
    <mergeCell ref="A9474:C9475"/>
    <mergeCell ref="D9474:O9475"/>
    <mergeCell ref="P9474:S9475"/>
    <mergeCell ref="T9474:W9475"/>
    <mergeCell ref="X9474:AA9475"/>
    <mergeCell ref="A9476:C9477"/>
    <mergeCell ref="D9476:O9477"/>
    <mergeCell ref="P9476:S9477"/>
    <mergeCell ref="T9476:W9477"/>
    <mergeCell ref="X9476:AA9477"/>
    <mergeCell ref="A9478:C9479"/>
    <mergeCell ref="D9478:O9479"/>
    <mergeCell ref="P9478:S9479"/>
    <mergeCell ref="T9478:W9479"/>
    <mergeCell ref="X9478:AA9479"/>
    <mergeCell ref="A9480:C9481"/>
    <mergeCell ref="D9480:O9481"/>
    <mergeCell ref="P9480:S9481"/>
    <mergeCell ref="T9480:W9481"/>
    <mergeCell ref="X9480:AA9481"/>
    <mergeCell ref="A9454:C9455"/>
    <mergeCell ref="D9454:O9455"/>
    <mergeCell ref="P9454:S9455"/>
    <mergeCell ref="T9454:W9455"/>
    <mergeCell ref="X9454:AA9455"/>
    <mergeCell ref="A9456:C9457"/>
    <mergeCell ref="D9456:O9457"/>
    <mergeCell ref="P9456:S9457"/>
    <mergeCell ref="T9456:W9457"/>
    <mergeCell ref="X9456:AA9457"/>
    <mergeCell ref="A9458:C9459"/>
    <mergeCell ref="D9458:O9459"/>
    <mergeCell ref="P9458:S9459"/>
    <mergeCell ref="T9458:W9459"/>
    <mergeCell ref="X9458:AA9459"/>
    <mergeCell ref="A9460:C9461"/>
    <mergeCell ref="D9460:O9461"/>
    <mergeCell ref="P9460:S9461"/>
    <mergeCell ref="T9460:W9461"/>
    <mergeCell ref="X9460:AA9461"/>
    <mergeCell ref="A9462:C9463"/>
    <mergeCell ref="D9462:O9463"/>
    <mergeCell ref="P9462:S9463"/>
    <mergeCell ref="T9462:W9463"/>
    <mergeCell ref="X9462:AA9463"/>
    <mergeCell ref="A9464:C9465"/>
    <mergeCell ref="D9464:O9465"/>
    <mergeCell ref="P9464:S9465"/>
    <mergeCell ref="T9464:W9465"/>
    <mergeCell ref="X9464:AA9465"/>
    <mergeCell ref="A9466:C9467"/>
    <mergeCell ref="D9466:O9467"/>
    <mergeCell ref="P9466:S9467"/>
    <mergeCell ref="T9466:W9467"/>
    <mergeCell ref="X9466:AA9467"/>
    <mergeCell ref="A9440:C9441"/>
    <mergeCell ref="D9440:O9441"/>
    <mergeCell ref="P9440:S9441"/>
    <mergeCell ref="T9440:W9441"/>
    <mergeCell ref="X9440:AA9441"/>
    <mergeCell ref="A9442:C9443"/>
    <mergeCell ref="D9442:O9443"/>
    <mergeCell ref="P9442:S9443"/>
    <mergeCell ref="T9442:W9443"/>
    <mergeCell ref="X9442:AA9443"/>
    <mergeCell ref="A9444:C9445"/>
    <mergeCell ref="D9444:O9445"/>
    <mergeCell ref="P9444:S9445"/>
    <mergeCell ref="T9444:W9445"/>
    <mergeCell ref="X9444:AA9445"/>
    <mergeCell ref="A9446:C9447"/>
    <mergeCell ref="D9446:O9447"/>
    <mergeCell ref="P9446:S9447"/>
    <mergeCell ref="T9446:W9447"/>
    <mergeCell ref="X9446:AA9447"/>
    <mergeCell ref="A9448:C9449"/>
    <mergeCell ref="D9448:O9449"/>
    <mergeCell ref="P9448:S9449"/>
    <mergeCell ref="T9448:W9449"/>
    <mergeCell ref="X9448:AA9449"/>
    <mergeCell ref="A9450:C9451"/>
    <mergeCell ref="D9450:O9451"/>
    <mergeCell ref="P9450:S9451"/>
    <mergeCell ref="T9450:W9451"/>
    <mergeCell ref="X9450:AA9451"/>
    <mergeCell ref="A9452:C9453"/>
    <mergeCell ref="D9452:O9453"/>
    <mergeCell ref="P9452:S9453"/>
    <mergeCell ref="T9452:W9453"/>
    <mergeCell ref="X9452:AA9453"/>
    <mergeCell ref="A9426:C9427"/>
    <mergeCell ref="D9426:O9427"/>
    <mergeCell ref="P9426:S9427"/>
    <mergeCell ref="T9426:W9427"/>
    <mergeCell ref="X9426:AA9427"/>
    <mergeCell ref="A9428:C9429"/>
    <mergeCell ref="D9428:O9429"/>
    <mergeCell ref="P9428:S9429"/>
    <mergeCell ref="T9428:W9429"/>
    <mergeCell ref="X9428:AA9429"/>
    <mergeCell ref="A9430:C9431"/>
    <mergeCell ref="D9430:O9431"/>
    <mergeCell ref="P9430:S9431"/>
    <mergeCell ref="T9430:W9431"/>
    <mergeCell ref="X9430:AA9431"/>
    <mergeCell ref="A9432:C9433"/>
    <mergeCell ref="D9432:O9433"/>
    <mergeCell ref="P9432:S9433"/>
    <mergeCell ref="T9432:W9433"/>
    <mergeCell ref="X9432:AA9433"/>
    <mergeCell ref="A9434:C9435"/>
    <mergeCell ref="D9434:O9435"/>
    <mergeCell ref="P9434:S9435"/>
    <mergeCell ref="T9434:W9435"/>
    <mergeCell ref="X9434:AA9435"/>
    <mergeCell ref="A9436:C9437"/>
    <mergeCell ref="D9436:O9437"/>
    <mergeCell ref="P9436:S9437"/>
    <mergeCell ref="T9436:W9437"/>
    <mergeCell ref="X9436:AA9437"/>
    <mergeCell ref="A9438:C9439"/>
    <mergeCell ref="D9438:O9439"/>
    <mergeCell ref="P9438:S9439"/>
    <mergeCell ref="T9438:W9439"/>
    <mergeCell ref="X9438:AA9439"/>
    <mergeCell ref="A9412:C9413"/>
    <mergeCell ref="D9412:O9413"/>
    <mergeCell ref="P9412:S9413"/>
    <mergeCell ref="T9412:W9413"/>
    <mergeCell ref="X9412:AA9413"/>
    <mergeCell ref="A9414:C9415"/>
    <mergeCell ref="D9414:O9415"/>
    <mergeCell ref="P9414:S9415"/>
    <mergeCell ref="T9414:W9415"/>
    <mergeCell ref="X9414:AA9415"/>
    <mergeCell ref="A9416:C9417"/>
    <mergeCell ref="D9416:O9417"/>
    <mergeCell ref="P9416:S9417"/>
    <mergeCell ref="T9416:W9417"/>
    <mergeCell ref="X9416:AA9417"/>
    <mergeCell ref="A9418:C9419"/>
    <mergeCell ref="D9418:O9419"/>
    <mergeCell ref="P9418:S9419"/>
    <mergeCell ref="T9418:W9419"/>
    <mergeCell ref="X9418:AA9419"/>
    <mergeCell ref="A9420:C9421"/>
    <mergeCell ref="D9420:O9421"/>
    <mergeCell ref="P9420:S9421"/>
    <mergeCell ref="T9420:W9421"/>
    <mergeCell ref="X9420:AA9421"/>
    <mergeCell ref="A9422:C9423"/>
    <mergeCell ref="D9422:O9423"/>
    <mergeCell ref="P9422:S9423"/>
    <mergeCell ref="T9422:W9423"/>
    <mergeCell ref="X9422:AA9423"/>
    <mergeCell ref="A9424:C9425"/>
    <mergeCell ref="D9424:O9425"/>
    <mergeCell ref="P9424:S9425"/>
    <mergeCell ref="T9424:W9425"/>
    <mergeCell ref="X9424:AA9425"/>
    <mergeCell ref="A9398:C9399"/>
    <mergeCell ref="D9398:O9399"/>
    <mergeCell ref="P9398:S9399"/>
    <mergeCell ref="T9398:W9399"/>
    <mergeCell ref="X9398:AA9399"/>
    <mergeCell ref="A9400:C9401"/>
    <mergeCell ref="D9400:O9401"/>
    <mergeCell ref="P9400:S9401"/>
    <mergeCell ref="T9400:W9401"/>
    <mergeCell ref="X9400:AA9401"/>
    <mergeCell ref="A9402:C9403"/>
    <mergeCell ref="D9402:O9403"/>
    <mergeCell ref="P9402:S9403"/>
    <mergeCell ref="T9402:W9403"/>
    <mergeCell ref="X9402:AA9403"/>
    <mergeCell ref="A9404:C9405"/>
    <mergeCell ref="D9404:O9405"/>
    <mergeCell ref="P9404:S9405"/>
    <mergeCell ref="T9404:W9405"/>
    <mergeCell ref="X9404:AA9405"/>
    <mergeCell ref="A9406:C9407"/>
    <mergeCell ref="D9406:O9407"/>
    <mergeCell ref="P9406:S9407"/>
    <mergeCell ref="T9406:W9407"/>
    <mergeCell ref="X9406:AA9407"/>
    <mergeCell ref="A9408:C9409"/>
    <mergeCell ref="D9408:O9409"/>
    <mergeCell ref="P9408:S9409"/>
    <mergeCell ref="T9408:W9409"/>
    <mergeCell ref="X9408:AA9409"/>
    <mergeCell ref="A9410:C9411"/>
    <mergeCell ref="D9410:O9411"/>
    <mergeCell ref="P9410:S9411"/>
    <mergeCell ref="T9410:W9411"/>
    <mergeCell ref="X9410:AA9411"/>
    <mergeCell ref="A9384:C9385"/>
    <mergeCell ref="D9384:O9385"/>
    <mergeCell ref="P9384:S9385"/>
    <mergeCell ref="T9384:W9385"/>
    <mergeCell ref="X9384:AA9385"/>
    <mergeCell ref="A9386:C9387"/>
    <mergeCell ref="D9386:O9387"/>
    <mergeCell ref="P9386:S9387"/>
    <mergeCell ref="T9386:W9387"/>
    <mergeCell ref="X9386:AA9387"/>
    <mergeCell ref="A9388:C9389"/>
    <mergeCell ref="D9388:O9389"/>
    <mergeCell ref="P9388:S9389"/>
    <mergeCell ref="T9388:W9389"/>
    <mergeCell ref="X9388:AA9389"/>
    <mergeCell ref="A9390:C9391"/>
    <mergeCell ref="D9390:O9391"/>
    <mergeCell ref="P9390:S9391"/>
    <mergeCell ref="T9390:W9391"/>
    <mergeCell ref="X9390:AA9391"/>
    <mergeCell ref="A9392:C9393"/>
    <mergeCell ref="D9392:O9393"/>
    <mergeCell ref="P9392:S9393"/>
    <mergeCell ref="T9392:W9393"/>
    <mergeCell ref="X9392:AA9393"/>
    <mergeCell ref="A9394:C9395"/>
    <mergeCell ref="D9394:O9395"/>
    <mergeCell ref="P9394:S9395"/>
    <mergeCell ref="T9394:W9395"/>
    <mergeCell ref="X9394:AA9395"/>
    <mergeCell ref="A9396:C9397"/>
    <mergeCell ref="D9396:O9397"/>
    <mergeCell ref="P9396:S9397"/>
    <mergeCell ref="T9396:W9397"/>
    <mergeCell ref="X9396:AA9397"/>
    <mergeCell ref="A9370:C9371"/>
    <mergeCell ref="D9370:O9371"/>
    <mergeCell ref="P9370:S9371"/>
    <mergeCell ref="T9370:W9371"/>
    <mergeCell ref="X9370:AA9371"/>
    <mergeCell ref="A9372:C9373"/>
    <mergeCell ref="D9372:O9373"/>
    <mergeCell ref="P9372:S9373"/>
    <mergeCell ref="T9372:W9373"/>
    <mergeCell ref="X9372:AA9373"/>
    <mergeCell ref="A9374:C9375"/>
    <mergeCell ref="D9374:O9375"/>
    <mergeCell ref="P9374:S9375"/>
    <mergeCell ref="T9374:W9375"/>
    <mergeCell ref="X9374:AA9375"/>
    <mergeCell ref="A9376:C9377"/>
    <mergeCell ref="D9376:O9377"/>
    <mergeCell ref="P9376:S9377"/>
    <mergeCell ref="T9376:W9377"/>
    <mergeCell ref="X9376:AA9377"/>
    <mergeCell ref="A9378:C9379"/>
    <mergeCell ref="D9378:O9379"/>
    <mergeCell ref="P9378:S9379"/>
    <mergeCell ref="T9378:W9379"/>
    <mergeCell ref="X9378:AA9379"/>
    <mergeCell ref="A9380:C9381"/>
    <mergeCell ref="D9380:O9381"/>
    <mergeCell ref="P9380:S9381"/>
    <mergeCell ref="T9380:W9381"/>
    <mergeCell ref="X9380:AA9381"/>
    <mergeCell ref="A9382:C9383"/>
    <mergeCell ref="D9382:O9383"/>
    <mergeCell ref="P9382:S9383"/>
    <mergeCell ref="T9382:W9383"/>
    <mergeCell ref="X9382:AA9383"/>
    <mergeCell ref="A9356:C9357"/>
    <mergeCell ref="D9356:O9357"/>
    <mergeCell ref="P9356:S9357"/>
    <mergeCell ref="T9356:W9357"/>
    <mergeCell ref="X9356:AA9357"/>
    <mergeCell ref="A9358:C9359"/>
    <mergeCell ref="D9358:O9359"/>
    <mergeCell ref="P9358:S9359"/>
    <mergeCell ref="T9358:W9359"/>
    <mergeCell ref="X9358:AA9359"/>
    <mergeCell ref="A9360:C9361"/>
    <mergeCell ref="D9360:O9361"/>
    <mergeCell ref="P9360:S9361"/>
    <mergeCell ref="T9360:W9361"/>
    <mergeCell ref="X9360:AA9361"/>
    <mergeCell ref="A9362:C9363"/>
    <mergeCell ref="D9362:O9363"/>
    <mergeCell ref="P9362:S9363"/>
    <mergeCell ref="T9362:W9363"/>
    <mergeCell ref="X9362:AA9363"/>
    <mergeCell ref="A9364:C9365"/>
    <mergeCell ref="D9364:O9365"/>
    <mergeCell ref="P9364:S9365"/>
    <mergeCell ref="T9364:W9365"/>
    <mergeCell ref="X9364:AA9365"/>
    <mergeCell ref="A9366:C9367"/>
    <mergeCell ref="D9366:O9367"/>
    <mergeCell ref="P9366:S9367"/>
    <mergeCell ref="T9366:W9367"/>
    <mergeCell ref="X9366:AA9367"/>
    <mergeCell ref="A9368:C9369"/>
    <mergeCell ref="D9368:O9369"/>
    <mergeCell ref="P9368:S9369"/>
    <mergeCell ref="T9368:W9369"/>
    <mergeCell ref="X9368:AA9369"/>
    <mergeCell ref="A9342:C9343"/>
    <mergeCell ref="D9342:O9343"/>
    <mergeCell ref="P9342:S9343"/>
    <mergeCell ref="T9342:W9343"/>
    <mergeCell ref="X9342:AA9343"/>
    <mergeCell ref="A9344:C9345"/>
    <mergeCell ref="D9344:O9345"/>
    <mergeCell ref="P9344:S9345"/>
    <mergeCell ref="T9344:W9345"/>
    <mergeCell ref="X9344:AA9345"/>
    <mergeCell ref="A9346:C9347"/>
    <mergeCell ref="D9346:O9347"/>
    <mergeCell ref="P9346:S9347"/>
    <mergeCell ref="T9346:W9347"/>
    <mergeCell ref="X9346:AA9347"/>
    <mergeCell ref="A9348:C9349"/>
    <mergeCell ref="D9348:O9349"/>
    <mergeCell ref="P9348:S9349"/>
    <mergeCell ref="T9348:W9349"/>
    <mergeCell ref="X9348:AA9349"/>
    <mergeCell ref="A9350:C9351"/>
    <mergeCell ref="D9350:O9351"/>
    <mergeCell ref="P9350:S9351"/>
    <mergeCell ref="T9350:W9351"/>
    <mergeCell ref="X9350:AA9351"/>
    <mergeCell ref="A9352:C9353"/>
    <mergeCell ref="D9352:O9353"/>
    <mergeCell ref="P9352:S9353"/>
    <mergeCell ref="T9352:W9353"/>
    <mergeCell ref="X9352:AA9353"/>
    <mergeCell ref="A9354:C9355"/>
    <mergeCell ref="D9354:O9355"/>
    <mergeCell ref="P9354:S9355"/>
    <mergeCell ref="T9354:W9355"/>
    <mergeCell ref="X9354:AA9355"/>
    <mergeCell ref="A9328:C9329"/>
    <mergeCell ref="D9328:O9329"/>
    <mergeCell ref="P9328:S9329"/>
    <mergeCell ref="T9328:W9329"/>
    <mergeCell ref="X9328:AA9329"/>
    <mergeCell ref="A9330:C9331"/>
    <mergeCell ref="D9330:O9331"/>
    <mergeCell ref="P9330:S9331"/>
    <mergeCell ref="T9330:W9331"/>
    <mergeCell ref="X9330:AA9331"/>
    <mergeCell ref="A9332:C9333"/>
    <mergeCell ref="D9332:O9333"/>
    <mergeCell ref="P9332:S9333"/>
    <mergeCell ref="T9332:W9333"/>
    <mergeCell ref="X9332:AA9333"/>
    <mergeCell ref="A9334:C9335"/>
    <mergeCell ref="D9334:O9335"/>
    <mergeCell ref="P9334:S9335"/>
    <mergeCell ref="T9334:W9335"/>
    <mergeCell ref="X9334:AA9335"/>
    <mergeCell ref="A9336:C9337"/>
    <mergeCell ref="D9336:O9337"/>
    <mergeCell ref="P9336:S9337"/>
    <mergeCell ref="T9336:W9337"/>
    <mergeCell ref="X9336:AA9337"/>
    <mergeCell ref="A9338:C9339"/>
    <mergeCell ref="D9338:O9339"/>
    <mergeCell ref="P9338:S9339"/>
    <mergeCell ref="T9338:W9339"/>
    <mergeCell ref="X9338:AA9339"/>
    <mergeCell ref="A9340:C9341"/>
    <mergeCell ref="D9340:O9341"/>
    <mergeCell ref="P9340:S9341"/>
    <mergeCell ref="T9340:W9341"/>
    <mergeCell ref="X9340:AA9341"/>
    <mergeCell ref="A9314:C9315"/>
    <mergeCell ref="D9314:O9315"/>
    <mergeCell ref="P9314:S9315"/>
    <mergeCell ref="T9314:W9315"/>
    <mergeCell ref="X9314:AA9315"/>
    <mergeCell ref="A9316:C9317"/>
    <mergeCell ref="D9316:O9317"/>
    <mergeCell ref="P9316:S9317"/>
    <mergeCell ref="T9316:W9317"/>
    <mergeCell ref="X9316:AA9317"/>
    <mergeCell ref="A9318:C9319"/>
    <mergeCell ref="D9318:O9319"/>
    <mergeCell ref="P9318:S9319"/>
    <mergeCell ref="T9318:W9319"/>
    <mergeCell ref="X9318:AA9319"/>
    <mergeCell ref="A9320:C9321"/>
    <mergeCell ref="D9320:O9321"/>
    <mergeCell ref="P9320:S9321"/>
    <mergeCell ref="T9320:W9321"/>
    <mergeCell ref="X9320:AA9321"/>
    <mergeCell ref="A9322:C9323"/>
    <mergeCell ref="D9322:O9323"/>
    <mergeCell ref="P9322:S9323"/>
    <mergeCell ref="T9322:W9323"/>
    <mergeCell ref="X9322:AA9323"/>
    <mergeCell ref="A9324:C9325"/>
    <mergeCell ref="D9324:O9325"/>
    <mergeCell ref="P9324:S9325"/>
    <mergeCell ref="T9324:W9325"/>
    <mergeCell ref="X9324:AA9325"/>
    <mergeCell ref="A9326:C9327"/>
    <mergeCell ref="D9326:O9327"/>
    <mergeCell ref="P9326:S9327"/>
    <mergeCell ref="T9326:W9327"/>
    <mergeCell ref="X9326:AA9327"/>
    <mergeCell ref="A9300:C9301"/>
    <mergeCell ref="D9300:O9301"/>
    <mergeCell ref="P9300:S9301"/>
    <mergeCell ref="T9300:W9301"/>
    <mergeCell ref="X9300:AA9301"/>
    <mergeCell ref="A9302:C9303"/>
    <mergeCell ref="D9302:O9303"/>
    <mergeCell ref="P9302:S9303"/>
    <mergeCell ref="T9302:W9303"/>
    <mergeCell ref="X9302:AA9303"/>
    <mergeCell ref="A9304:C9305"/>
    <mergeCell ref="D9304:O9305"/>
    <mergeCell ref="P9304:S9305"/>
    <mergeCell ref="T9304:W9305"/>
    <mergeCell ref="X9304:AA9305"/>
    <mergeCell ref="A9306:C9307"/>
    <mergeCell ref="D9306:O9307"/>
    <mergeCell ref="P9306:S9307"/>
    <mergeCell ref="T9306:W9307"/>
    <mergeCell ref="X9306:AA9307"/>
    <mergeCell ref="A9308:C9309"/>
    <mergeCell ref="D9308:O9309"/>
    <mergeCell ref="P9308:S9309"/>
    <mergeCell ref="T9308:W9309"/>
    <mergeCell ref="X9308:AA9309"/>
    <mergeCell ref="A9310:C9311"/>
    <mergeCell ref="D9310:O9311"/>
    <mergeCell ref="P9310:S9311"/>
    <mergeCell ref="T9310:W9311"/>
    <mergeCell ref="X9310:AA9311"/>
    <mergeCell ref="A9312:C9313"/>
    <mergeCell ref="D9312:O9313"/>
    <mergeCell ref="P9312:S9313"/>
    <mergeCell ref="T9312:W9313"/>
    <mergeCell ref="X9312:AA9313"/>
    <mergeCell ref="A9286:C9287"/>
    <mergeCell ref="D9286:O9287"/>
    <mergeCell ref="P9286:S9287"/>
    <mergeCell ref="T9286:W9287"/>
    <mergeCell ref="X9286:AA9287"/>
    <mergeCell ref="A9288:C9289"/>
    <mergeCell ref="D9288:O9289"/>
    <mergeCell ref="P9288:S9289"/>
    <mergeCell ref="T9288:W9289"/>
    <mergeCell ref="X9288:AA9289"/>
    <mergeCell ref="A9290:C9291"/>
    <mergeCell ref="D9290:O9291"/>
    <mergeCell ref="P9290:S9291"/>
    <mergeCell ref="T9290:W9291"/>
    <mergeCell ref="X9290:AA9291"/>
    <mergeCell ref="A9292:C9293"/>
    <mergeCell ref="D9292:O9293"/>
    <mergeCell ref="P9292:S9293"/>
    <mergeCell ref="T9292:W9293"/>
    <mergeCell ref="X9292:AA9293"/>
    <mergeCell ref="A9294:C9295"/>
    <mergeCell ref="D9294:O9295"/>
    <mergeCell ref="P9294:S9295"/>
    <mergeCell ref="T9294:W9295"/>
    <mergeCell ref="X9294:AA9295"/>
    <mergeCell ref="A9296:C9297"/>
    <mergeCell ref="D9296:O9297"/>
    <mergeCell ref="P9296:S9297"/>
    <mergeCell ref="T9296:W9297"/>
    <mergeCell ref="X9296:AA9297"/>
    <mergeCell ref="A9298:C9299"/>
    <mergeCell ref="D9298:O9299"/>
    <mergeCell ref="P9298:S9299"/>
    <mergeCell ref="T9298:W9299"/>
    <mergeCell ref="X9298:AA9299"/>
    <mergeCell ref="A9272:C9273"/>
    <mergeCell ref="D9272:O9273"/>
    <mergeCell ref="P9272:S9273"/>
    <mergeCell ref="T9272:W9273"/>
    <mergeCell ref="X9272:AA9273"/>
    <mergeCell ref="A9274:C9275"/>
    <mergeCell ref="D9274:O9275"/>
    <mergeCell ref="P9274:S9275"/>
    <mergeCell ref="T9274:W9275"/>
    <mergeCell ref="X9274:AA9275"/>
    <mergeCell ref="A9276:C9277"/>
    <mergeCell ref="D9276:O9277"/>
    <mergeCell ref="P9276:S9277"/>
    <mergeCell ref="T9276:W9277"/>
    <mergeCell ref="X9276:AA9277"/>
    <mergeCell ref="A9278:C9279"/>
    <mergeCell ref="D9278:O9279"/>
    <mergeCell ref="P9278:S9279"/>
    <mergeCell ref="T9278:W9279"/>
    <mergeCell ref="X9278:AA9279"/>
    <mergeCell ref="A9280:C9281"/>
    <mergeCell ref="D9280:O9281"/>
    <mergeCell ref="P9280:S9281"/>
    <mergeCell ref="T9280:W9281"/>
    <mergeCell ref="X9280:AA9281"/>
    <mergeCell ref="A9282:C9283"/>
    <mergeCell ref="D9282:O9283"/>
    <mergeCell ref="P9282:S9283"/>
    <mergeCell ref="T9282:W9283"/>
    <mergeCell ref="X9282:AA9283"/>
    <mergeCell ref="A9284:C9285"/>
    <mergeCell ref="D9284:O9285"/>
    <mergeCell ref="P9284:S9285"/>
    <mergeCell ref="T9284:W9285"/>
    <mergeCell ref="X9284:AA9285"/>
    <mergeCell ref="A9258:C9259"/>
    <mergeCell ref="D9258:O9259"/>
    <mergeCell ref="P9258:S9259"/>
    <mergeCell ref="T9258:W9259"/>
    <mergeCell ref="X9258:AA9259"/>
    <mergeCell ref="A9260:C9261"/>
    <mergeCell ref="D9260:O9261"/>
    <mergeCell ref="P9260:S9261"/>
    <mergeCell ref="T9260:W9261"/>
    <mergeCell ref="X9260:AA9261"/>
    <mergeCell ref="A9262:C9263"/>
    <mergeCell ref="D9262:O9263"/>
    <mergeCell ref="P9262:S9263"/>
    <mergeCell ref="T9262:W9263"/>
    <mergeCell ref="X9262:AA9263"/>
    <mergeCell ref="A9264:C9265"/>
    <mergeCell ref="D9264:O9265"/>
    <mergeCell ref="P9264:S9265"/>
    <mergeCell ref="T9264:W9265"/>
    <mergeCell ref="X9264:AA9265"/>
    <mergeCell ref="A9266:C9267"/>
    <mergeCell ref="D9266:O9267"/>
    <mergeCell ref="P9266:S9267"/>
    <mergeCell ref="T9266:W9267"/>
    <mergeCell ref="X9266:AA9267"/>
    <mergeCell ref="A9268:C9269"/>
    <mergeCell ref="D9268:O9269"/>
    <mergeCell ref="P9268:S9269"/>
    <mergeCell ref="T9268:W9269"/>
    <mergeCell ref="X9268:AA9269"/>
    <mergeCell ref="A9270:C9271"/>
    <mergeCell ref="D9270:O9271"/>
    <mergeCell ref="P9270:S9271"/>
    <mergeCell ref="T9270:W9271"/>
    <mergeCell ref="X9270:AA9271"/>
    <mergeCell ref="A9244:C9245"/>
    <mergeCell ref="D9244:O9245"/>
    <mergeCell ref="P9244:S9245"/>
    <mergeCell ref="T9244:W9245"/>
    <mergeCell ref="X9244:AA9245"/>
    <mergeCell ref="A9246:C9247"/>
    <mergeCell ref="D9246:O9247"/>
    <mergeCell ref="P9246:S9247"/>
    <mergeCell ref="T9246:W9247"/>
    <mergeCell ref="X9246:AA9247"/>
    <mergeCell ref="A9248:C9249"/>
    <mergeCell ref="D9248:O9249"/>
    <mergeCell ref="P9248:S9249"/>
    <mergeCell ref="T9248:W9249"/>
    <mergeCell ref="X9248:AA9249"/>
    <mergeCell ref="A9250:C9251"/>
    <mergeCell ref="D9250:O9251"/>
    <mergeCell ref="P9250:S9251"/>
    <mergeCell ref="T9250:W9251"/>
    <mergeCell ref="X9250:AA9251"/>
    <mergeCell ref="A9252:C9253"/>
    <mergeCell ref="D9252:O9253"/>
    <mergeCell ref="P9252:S9253"/>
    <mergeCell ref="T9252:W9253"/>
    <mergeCell ref="X9252:AA9253"/>
    <mergeCell ref="A9254:C9255"/>
    <mergeCell ref="D9254:O9255"/>
    <mergeCell ref="P9254:S9255"/>
    <mergeCell ref="T9254:W9255"/>
    <mergeCell ref="X9254:AA9255"/>
    <mergeCell ref="A9256:C9257"/>
    <mergeCell ref="D9256:O9257"/>
    <mergeCell ref="P9256:S9257"/>
    <mergeCell ref="T9256:W9257"/>
    <mergeCell ref="X9256:AA9257"/>
    <mergeCell ref="A9230:C9231"/>
    <mergeCell ref="D9230:O9231"/>
    <mergeCell ref="P9230:S9231"/>
    <mergeCell ref="T9230:W9231"/>
    <mergeCell ref="X9230:AA9231"/>
    <mergeCell ref="A9232:C9233"/>
    <mergeCell ref="D9232:O9233"/>
    <mergeCell ref="P9232:S9233"/>
    <mergeCell ref="T9232:W9233"/>
    <mergeCell ref="X9232:AA9233"/>
    <mergeCell ref="A9234:C9235"/>
    <mergeCell ref="D9234:O9235"/>
    <mergeCell ref="P9234:S9235"/>
    <mergeCell ref="T9234:W9235"/>
    <mergeCell ref="X9234:AA9235"/>
    <mergeCell ref="A9236:C9237"/>
    <mergeCell ref="D9236:O9237"/>
    <mergeCell ref="P9236:S9237"/>
    <mergeCell ref="T9236:W9237"/>
    <mergeCell ref="X9236:AA9237"/>
    <mergeCell ref="A9238:C9239"/>
    <mergeCell ref="D9238:O9239"/>
    <mergeCell ref="P9238:S9239"/>
    <mergeCell ref="T9238:W9239"/>
    <mergeCell ref="X9238:AA9239"/>
    <mergeCell ref="A9240:C9241"/>
    <mergeCell ref="D9240:O9241"/>
    <mergeCell ref="P9240:S9241"/>
    <mergeCell ref="T9240:W9241"/>
    <mergeCell ref="X9240:AA9241"/>
    <mergeCell ref="A9242:C9243"/>
    <mergeCell ref="D9242:O9243"/>
    <mergeCell ref="P9242:S9243"/>
    <mergeCell ref="T9242:W9243"/>
    <mergeCell ref="X9242:AA9243"/>
    <mergeCell ref="A9216:C9217"/>
    <mergeCell ref="D9216:O9217"/>
    <mergeCell ref="P9216:S9217"/>
    <mergeCell ref="T9216:W9217"/>
    <mergeCell ref="X9216:AA9217"/>
    <mergeCell ref="A9218:C9219"/>
    <mergeCell ref="D9218:O9219"/>
    <mergeCell ref="P9218:S9219"/>
    <mergeCell ref="T9218:W9219"/>
    <mergeCell ref="X9218:AA9219"/>
    <mergeCell ref="A9220:C9221"/>
    <mergeCell ref="D9220:O9221"/>
    <mergeCell ref="P9220:S9221"/>
    <mergeCell ref="T9220:W9221"/>
    <mergeCell ref="X9220:AA9221"/>
    <mergeCell ref="A9222:C9223"/>
    <mergeCell ref="D9222:O9223"/>
    <mergeCell ref="P9222:S9223"/>
    <mergeCell ref="T9222:W9223"/>
    <mergeCell ref="X9222:AA9223"/>
    <mergeCell ref="A9224:C9225"/>
    <mergeCell ref="D9224:O9225"/>
    <mergeCell ref="P9224:S9225"/>
    <mergeCell ref="T9224:W9225"/>
    <mergeCell ref="X9224:AA9225"/>
    <mergeCell ref="A9226:C9227"/>
    <mergeCell ref="D9226:O9227"/>
    <mergeCell ref="P9226:S9227"/>
    <mergeCell ref="T9226:W9227"/>
    <mergeCell ref="X9226:AA9227"/>
    <mergeCell ref="A9228:C9229"/>
    <mergeCell ref="D9228:O9229"/>
    <mergeCell ref="P9228:S9229"/>
    <mergeCell ref="T9228:W9229"/>
    <mergeCell ref="X9228:AA9229"/>
    <mergeCell ref="A9202:C9203"/>
    <mergeCell ref="D9202:O9203"/>
    <mergeCell ref="P9202:S9203"/>
    <mergeCell ref="T9202:W9203"/>
    <mergeCell ref="X9202:AA9203"/>
    <mergeCell ref="A9204:C9205"/>
    <mergeCell ref="D9204:O9205"/>
    <mergeCell ref="P9204:S9205"/>
    <mergeCell ref="T9204:W9205"/>
    <mergeCell ref="X9204:AA9205"/>
    <mergeCell ref="A9206:C9207"/>
    <mergeCell ref="D9206:O9207"/>
    <mergeCell ref="P9206:S9207"/>
    <mergeCell ref="T9206:W9207"/>
    <mergeCell ref="X9206:AA9207"/>
    <mergeCell ref="A9208:C9209"/>
    <mergeCell ref="D9208:O9209"/>
    <mergeCell ref="P9208:S9209"/>
    <mergeCell ref="T9208:W9209"/>
    <mergeCell ref="X9208:AA9209"/>
    <mergeCell ref="A9210:C9211"/>
    <mergeCell ref="D9210:O9211"/>
    <mergeCell ref="P9210:S9211"/>
    <mergeCell ref="T9210:W9211"/>
    <mergeCell ref="X9210:AA9211"/>
    <mergeCell ref="A9212:C9213"/>
    <mergeCell ref="D9212:O9213"/>
    <mergeCell ref="P9212:S9213"/>
    <mergeCell ref="T9212:W9213"/>
    <mergeCell ref="X9212:AA9213"/>
    <mergeCell ref="A9214:C9215"/>
    <mergeCell ref="D9214:O9215"/>
    <mergeCell ref="P9214:S9215"/>
    <mergeCell ref="T9214:W9215"/>
    <mergeCell ref="X9214:AA9215"/>
    <mergeCell ref="A9188:C9189"/>
    <mergeCell ref="D9188:O9189"/>
    <mergeCell ref="P9188:S9189"/>
    <mergeCell ref="T9188:W9189"/>
    <mergeCell ref="X9188:AA9189"/>
    <mergeCell ref="A9190:C9191"/>
    <mergeCell ref="D9190:O9191"/>
    <mergeCell ref="P9190:S9191"/>
    <mergeCell ref="T9190:W9191"/>
    <mergeCell ref="X9190:AA9191"/>
    <mergeCell ref="A9192:C9193"/>
    <mergeCell ref="D9192:O9193"/>
    <mergeCell ref="P9192:S9193"/>
    <mergeCell ref="T9192:W9193"/>
    <mergeCell ref="X9192:AA9193"/>
    <mergeCell ref="A9194:C9195"/>
    <mergeCell ref="D9194:O9195"/>
    <mergeCell ref="P9194:S9195"/>
    <mergeCell ref="T9194:W9195"/>
    <mergeCell ref="X9194:AA9195"/>
    <mergeCell ref="A9196:C9197"/>
    <mergeCell ref="D9196:O9197"/>
    <mergeCell ref="P9196:S9197"/>
    <mergeCell ref="T9196:W9197"/>
    <mergeCell ref="X9196:AA9197"/>
    <mergeCell ref="A9198:C9199"/>
    <mergeCell ref="D9198:O9199"/>
    <mergeCell ref="P9198:S9199"/>
    <mergeCell ref="T9198:W9199"/>
    <mergeCell ref="X9198:AA9199"/>
    <mergeCell ref="A9200:C9201"/>
    <mergeCell ref="D9200:O9201"/>
    <mergeCell ref="P9200:S9201"/>
    <mergeCell ref="T9200:W9201"/>
    <mergeCell ref="X9200:AA9201"/>
    <mergeCell ref="A9174:C9175"/>
    <mergeCell ref="D9174:O9175"/>
    <mergeCell ref="P9174:S9175"/>
    <mergeCell ref="T9174:W9175"/>
    <mergeCell ref="X9174:AA9175"/>
    <mergeCell ref="A9176:C9177"/>
    <mergeCell ref="D9176:O9177"/>
    <mergeCell ref="P9176:S9177"/>
    <mergeCell ref="T9176:W9177"/>
    <mergeCell ref="X9176:AA9177"/>
    <mergeCell ref="A9178:C9179"/>
    <mergeCell ref="D9178:O9179"/>
    <mergeCell ref="P9178:S9179"/>
    <mergeCell ref="T9178:W9179"/>
    <mergeCell ref="X9178:AA9179"/>
    <mergeCell ref="A9180:C9181"/>
    <mergeCell ref="D9180:O9181"/>
    <mergeCell ref="P9180:S9181"/>
    <mergeCell ref="T9180:W9181"/>
    <mergeCell ref="X9180:AA9181"/>
    <mergeCell ref="A9182:C9183"/>
    <mergeCell ref="D9182:O9183"/>
    <mergeCell ref="P9182:S9183"/>
    <mergeCell ref="T9182:W9183"/>
    <mergeCell ref="X9182:AA9183"/>
    <mergeCell ref="A9184:C9185"/>
    <mergeCell ref="D9184:O9185"/>
    <mergeCell ref="P9184:S9185"/>
    <mergeCell ref="T9184:W9185"/>
    <mergeCell ref="X9184:AA9185"/>
    <mergeCell ref="A9186:C9187"/>
    <mergeCell ref="D9186:O9187"/>
    <mergeCell ref="P9186:S9187"/>
    <mergeCell ref="T9186:W9187"/>
    <mergeCell ref="X9186:AA9187"/>
    <mergeCell ref="A9160:C9161"/>
    <mergeCell ref="D9160:O9161"/>
    <mergeCell ref="P9160:S9161"/>
    <mergeCell ref="T9160:W9161"/>
    <mergeCell ref="X9160:AA9161"/>
    <mergeCell ref="A9162:C9163"/>
    <mergeCell ref="D9162:O9163"/>
    <mergeCell ref="P9162:S9163"/>
    <mergeCell ref="T9162:W9163"/>
    <mergeCell ref="X9162:AA9163"/>
    <mergeCell ref="A9164:C9165"/>
    <mergeCell ref="D9164:O9165"/>
    <mergeCell ref="P9164:S9165"/>
    <mergeCell ref="T9164:W9165"/>
    <mergeCell ref="X9164:AA9165"/>
    <mergeCell ref="A9166:C9167"/>
    <mergeCell ref="D9166:O9167"/>
    <mergeCell ref="P9166:S9167"/>
    <mergeCell ref="T9166:W9167"/>
    <mergeCell ref="X9166:AA9167"/>
    <mergeCell ref="A9168:C9169"/>
    <mergeCell ref="D9168:O9169"/>
    <mergeCell ref="P9168:S9169"/>
    <mergeCell ref="T9168:W9169"/>
    <mergeCell ref="X9168:AA9169"/>
    <mergeCell ref="A9170:C9171"/>
    <mergeCell ref="D9170:O9171"/>
    <mergeCell ref="P9170:S9171"/>
    <mergeCell ref="T9170:W9171"/>
    <mergeCell ref="X9170:AA9171"/>
    <mergeCell ref="A9172:C9173"/>
    <mergeCell ref="D9172:O9173"/>
    <mergeCell ref="P9172:S9173"/>
    <mergeCell ref="T9172:W9173"/>
    <mergeCell ref="X9172:AA9173"/>
    <mergeCell ref="A9146:C9147"/>
    <mergeCell ref="D9146:O9147"/>
    <mergeCell ref="P9146:S9147"/>
    <mergeCell ref="T9146:W9147"/>
    <mergeCell ref="X9146:AA9147"/>
    <mergeCell ref="A9148:C9149"/>
    <mergeCell ref="D9148:O9149"/>
    <mergeCell ref="P9148:S9149"/>
    <mergeCell ref="T9148:W9149"/>
    <mergeCell ref="X9148:AA9149"/>
    <mergeCell ref="A9150:C9151"/>
    <mergeCell ref="D9150:O9151"/>
    <mergeCell ref="P9150:S9151"/>
    <mergeCell ref="T9150:W9151"/>
    <mergeCell ref="X9150:AA9151"/>
    <mergeCell ref="A9152:C9153"/>
    <mergeCell ref="D9152:O9153"/>
    <mergeCell ref="P9152:S9153"/>
    <mergeCell ref="T9152:W9153"/>
    <mergeCell ref="X9152:AA9153"/>
    <mergeCell ref="A9154:C9155"/>
    <mergeCell ref="D9154:O9155"/>
    <mergeCell ref="P9154:S9155"/>
    <mergeCell ref="T9154:W9155"/>
    <mergeCell ref="X9154:AA9155"/>
    <mergeCell ref="A9156:C9157"/>
    <mergeCell ref="D9156:O9157"/>
    <mergeCell ref="P9156:S9157"/>
    <mergeCell ref="T9156:W9157"/>
    <mergeCell ref="X9156:AA9157"/>
    <mergeCell ref="A9158:C9159"/>
    <mergeCell ref="D9158:O9159"/>
    <mergeCell ref="P9158:S9159"/>
    <mergeCell ref="T9158:W9159"/>
    <mergeCell ref="X9158:AA9159"/>
    <mergeCell ref="A9132:C9133"/>
    <mergeCell ref="D9132:O9133"/>
    <mergeCell ref="P9132:S9133"/>
    <mergeCell ref="T9132:W9133"/>
    <mergeCell ref="X9132:AA9133"/>
    <mergeCell ref="A9134:C9135"/>
    <mergeCell ref="D9134:O9135"/>
    <mergeCell ref="P9134:S9135"/>
    <mergeCell ref="T9134:W9135"/>
    <mergeCell ref="X9134:AA9135"/>
    <mergeCell ref="A9136:C9137"/>
    <mergeCell ref="D9136:O9137"/>
    <mergeCell ref="P9136:S9137"/>
    <mergeCell ref="T9136:W9137"/>
    <mergeCell ref="X9136:AA9137"/>
    <mergeCell ref="A9138:C9139"/>
    <mergeCell ref="D9138:O9139"/>
    <mergeCell ref="P9138:S9139"/>
    <mergeCell ref="T9138:W9139"/>
    <mergeCell ref="X9138:AA9139"/>
    <mergeCell ref="A9140:C9141"/>
    <mergeCell ref="D9140:O9141"/>
    <mergeCell ref="P9140:S9141"/>
    <mergeCell ref="T9140:W9141"/>
    <mergeCell ref="X9140:AA9141"/>
    <mergeCell ref="A9142:C9143"/>
    <mergeCell ref="D9142:O9143"/>
    <mergeCell ref="P9142:S9143"/>
    <mergeCell ref="T9142:W9143"/>
    <mergeCell ref="X9142:AA9143"/>
    <mergeCell ref="A9144:C9145"/>
    <mergeCell ref="D9144:O9145"/>
    <mergeCell ref="P9144:S9145"/>
    <mergeCell ref="T9144:W9145"/>
    <mergeCell ref="X9144:AA9145"/>
    <mergeCell ref="A9118:C9119"/>
    <mergeCell ref="D9118:O9119"/>
    <mergeCell ref="P9118:S9119"/>
    <mergeCell ref="T9118:W9119"/>
    <mergeCell ref="X9118:AA9119"/>
    <mergeCell ref="A9120:C9121"/>
    <mergeCell ref="D9120:O9121"/>
    <mergeCell ref="P9120:S9121"/>
    <mergeCell ref="T9120:W9121"/>
    <mergeCell ref="X9120:AA9121"/>
    <mergeCell ref="A9122:C9123"/>
    <mergeCell ref="D9122:O9123"/>
    <mergeCell ref="P9122:S9123"/>
    <mergeCell ref="T9122:W9123"/>
    <mergeCell ref="X9122:AA9123"/>
    <mergeCell ref="A9124:C9125"/>
    <mergeCell ref="D9124:O9125"/>
    <mergeCell ref="P9124:S9125"/>
    <mergeCell ref="T9124:W9125"/>
    <mergeCell ref="X9124:AA9125"/>
    <mergeCell ref="A9126:C9127"/>
    <mergeCell ref="D9126:O9127"/>
    <mergeCell ref="P9126:S9127"/>
    <mergeCell ref="T9126:W9127"/>
    <mergeCell ref="X9126:AA9127"/>
    <mergeCell ref="A9128:C9129"/>
    <mergeCell ref="D9128:O9129"/>
    <mergeCell ref="P9128:S9129"/>
    <mergeCell ref="T9128:W9129"/>
    <mergeCell ref="X9128:AA9129"/>
    <mergeCell ref="A9130:C9131"/>
    <mergeCell ref="D9130:O9131"/>
    <mergeCell ref="P9130:S9131"/>
    <mergeCell ref="T9130:W9131"/>
    <mergeCell ref="X9130:AA9131"/>
    <mergeCell ref="A9104:C9105"/>
    <mergeCell ref="D9104:O9105"/>
    <mergeCell ref="P9104:S9105"/>
    <mergeCell ref="T9104:W9105"/>
    <mergeCell ref="X9104:AA9105"/>
    <mergeCell ref="A9106:C9107"/>
    <mergeCell ref="D9106:O9107"/>
    <mergeCell ref="P9106:S9107"/>
    <mergeCell ref="T9106:W9107"/>
    <mergeCell ref="X9106:AA9107"/>
    <mergeCell ref="A9108:C9109"/>
    <mergeCell ref="D9108:O9109"/>
    <mergeCell ref="P9108:S9109"/>
    <mergeCell ref="T9108:W9109"/>
    <mergeCell ref="X9108:AA9109"/>
    <mergeCell ref="A9110:C9111"/>
    <mergeCell ref="D9110:O9111"/>
    <mergeCell ref="P9110:S9111"/>
    <mergeCell ref="T9110:W9111"/>
    <mergeCell ref="X9110:AA9111"/>
    <mergeCell ref="A9112:C9113"/>
    <mergeCell ref="D9112:O9113"/>
    <mergeCell ref="P9112:S9113"/>
    <mergeCell ref="T9112:W9113"/>
    <mergeCell ref="X9112:AA9113"/>
    <mergeCell ref="A9114:C9115"/>
    <mergeCell ref="D9114:O9115"/>
    <mergeCell ref="P9114:S9115"/>
    <mergeCell ref="T9114:W9115"/>
    <mergeCell ref="X9114:AA9115"/>
    <mergeCell ref="A9116:C9117"/>
    <mergeCell ref="D9116:O9117"/>
    <mergeCell ref="P9116:S9117"/>
    <mergeCell ref="T9116:W9117"/>
    <mergeCell ref="X9116:AA9117"/>
    <mergeCell ref="A9090:C9091"/>
    <mergeCell ref="D9090:O9091"/>
    <mergeCell ref="P9090:S9091"/>
    <mergeCell ref="T9090:W9091"/>
    <mergeCell ref="X9090:AA9091"/>
    <mergeCell ref="A9092:C9093"/>
    <mergeCell ref="D9092:O9093"/>
    <mergeCell ref="P9092:S9093"/>
    <mergeCell ref="T9092:W9093"/>
    <mergeCell ref="X9092:AA9093"/>
    <mergeCell ref="A9094:C9095"/>
    <mergeCell ref="D9094:O9095"/>
    <mergeCell ref="P9094:S9095"/>
    <mergeCell ref="T9094:W9095"/>
    <mergeCell ref="X9094:AA9095"/>
    <mergeCell ref="A9096:C9097"/>
    <mergeCell ref="D9096:O9097"/>
    <mergeCell ref="P9096:S9097"/>
    <mergeCell ref="T9096:W9097"/>
    <mergeCell ref="X9096:AA9097"/>
    <mergeCell ref="A9098:C9099"/>
    <mergeCell ref="D9098:O9099"/>
    <mergeCell ref="P9098:S9099"/>
    <mergeCell ref="T9098:W9099"/>
    <mergeCell ref="X9098:AA9099"/>
    <mergeCell ref="A9100:C9101"/>
    <mergeCell ref="D9100:O9101"/>
    <mergeCell ref="P9100:S9101"/>
    <mergeCell ref="T9100:W9101"/>
    <mergeCell ref="X9100:AA9101"/>
    <mergeCell ref="A9102:C9103"/>
    <mergeCell ref="D9102:O9103"/>
    <mergeCell ref="P9102:S9103"/>
    <mergeCell ref="T9102:W9103"/>
    <mergeCell ref="X9102:AA9103"/>
    <mergeCell ref="A9076:C9077"/>
    <mergeCell ref="D9076:O9077"/>
    <mergeCell ref="P9076:S9077"/>
    <mergeCell ref="T9076:W9077"/>
    <mergeCell ref="X9076:AA9077"/>
    <mergeCell ref="A9078:C9079"/>
    <mergeCell ref="D9078:O9079"/>
    <mergeCell ref="P9078:S9079"/>
    <mergeCell ref="T9078:W9079"/>
    <mergeCell ref="X9078:AA9079"/>
    <mergeCell ref="A9080:C9081"/>
    <mergeCell ref="D9080:O9081"/>
    <mergeCell ref="P9080:S9081"/>
    <mergeCell ref="T9080:W9081"/>
    <mergeCell ref="X9080:AA9081"/>
    <mergeCell ref="A9082:C9083"/>
    <mergeCell ref="D9082:O9083"/>
    <mergeCell ref="P9082:S9083"/>
    <mergeCell ref="T9082:W9083"/>
    <mergeCell ref="X9082:AA9083"/>
    <mergeCell ref="A9084:C9085"/>
    <mergeCell ref="D9084:O9085"/>
    <mergeCell ref="P9084:S9085"/>
    <mergeCell ref="T9084:W9085"/>
    <mergeCell ref="X9084:AA9085"/>
    <mergeCell ref="A9086:C9087"/>
    <mergeCell ref="D9086:O9087"/>
    <mergeCell ref="P9086:S9087"/>
    <mergeCell ref="T9086:W9087"/>
    <mergeCell ref="X9086:AA9087"/>
    <mergeCell ref="A9088:C9089"/>
    <mergeCell ref="D9088:O9089"/>
    <mergeCell ref="P9088:S9089"/>
    <mergeCell ref="T9088:W9089"/>
    <mergeCell ref="X9088:AA9089"/>
    <mergeCell ref="A9062:C9063"/>
    <mergeCell ref="D9062:O9063"/>
    <mergeCell ref="P9062:S9063"/>
    <mergeCell ref="T9062:W9063"/>
    <mergeCell ref="X9062:AA9063"/>
    <mergeCell ref="A9064:C9065"/>
    <mergeCell ref="D9064:O9065"/>
    <mergeCell ref="P9064:S9065"/>
    <mergeCell ref="T9064:W9065"/>
    <mergeCell ref="X9064:AA9065"/>
    <mergeCell ref="A9066:C9067"/>
    <mergeCell ref="D9066:O9067"/>
    <mergeCell ref="P9066:S9067"/>
    <mergeCell ref="T9066:W9067"/>
    <mergeCell ref="X9066:AA9067"/>
    <mergeCell ref="A9068:C9069"/>
    <mergeCell ref="D9068:O9069"/>
    <mergeCell ref="P9068:S9069"/>
    <mergeCell ref="T9068:W9069"/>
    <mergeCell ref="X9068:AA9069"/>
    <mergeCell ref="A9070:C9071"/>
    <mergeCell ref="D9070:O9071"/>
    <mergeCell ref="P9070:S9071"/>
    <mergeCell ref="T9070:W9071"/>
    <mergeCell ref="X9070:AA9071"/>
    <mergeCell ref="A9072:C9073"/>
    <mergeCell ref="D9072:O9073"/>
    <mergeCell ref="P9072:S9073"/>
    <mergeCell ref="T9072:W9073"/>
    <mergeCell ref="X9072:AA9073"/>
    <mergeCell ref="A9074:C9075"/>
    <mergeCell ref="D9074:O9075"/>
    <mergeCell ref="P9074:S9075"/>
    <mergeCell ref="T9074:W9075"/>
    <mergeCell ref="X9074:AA9075"/>
    <mergeCell ref="A9048:C9049"/>
    <mergeCell ref="D9048:O9049"/>
    <mergeCell ref="P9048:S9049"/>
    <mergeCell ref="T9048:W9049"/>
    <mergeCell ref="X9048:AA9049"/>
    <mergeCell ref="A9050:C9051"/>
    <mergeCell ref="D9050:O9051"/>
    <mergeCell ref="P9050:S9051"/>
    <mergeCell ref="T9050:W9051"/>
    <mergeCell ref="X9050:AA9051"/>
    <mergeCell ref="A9052:C9053"/>
    <mergeCell ref="D9052:O9053"/>
    <mergeCell ref="P9052:S9053"/>
    <mergeCell ref="T9052:W9053"/>
    <mergeCell ref="X9052:AA9053"/>
    <mergeCell ref="A9054:C9055"/>
    <mergeCell ref="D9054:O9055"/>
    <mergeCell ref="P9054:S9055"/>
    <mergeCell ref="T9054:W9055"/>
    <mergeCell ref="X9054:AA9055"/>
    <mergeCell ref="A9056:C9057"/>
    <mergeCell ref="D9056:O9057"/>
    <mergeCell ref="P9056:S9057"/>
    <mergeCell ref="T9056:W9057"/>
    <mergeCell ref="X9056:AA9057"/>
    <mergeCell ref="A9058:C9059"/>
    <mergeCell ref="D9058:O9059"/>
    <mergeCell ref="P9058:S9059"/>
    <mergeCell ref="T9058:W9059"/>
    <mergeCell ref="X9058:AA9059"/>
    <mergeCell ref="A9060:C9061"/>
    <mergeCell ref="D9060:O9061"/>
    <mergeCell ref="P9060:S9061"/>
    <mergeCell ref="T9060:W9061"/>
    <mergeCell ref="X9060:AA9061"/>
    <mergeCell ref="A9034:C9035"/>
    <mergeCell ref="D9034:O9035"/>
    <mergeCell ref="P9034:S9035"/>
    <mergeCell ref="T9034:W9035"/>
    <mergeCell ref="X9034:AA9035"/>
    <mergeCell ref="A9036:C9037"/>
    <mergeCell ref="D9036:O9037"/>
    <mergeCell ref="P9036:S9037"/>
    <mergeCell ref="T9036:W9037"/>
    <mergeCell ref="X9036:AA9037"/>
    <mergeCell ref="A9038:C9039"/>
    <mergeCell ref="D9038:O9039"/>
    <mergeCell ref="P9038:S9039"/>
    <mergeCell ref="T9038:W9039"/>
    <mergeCell ref="X9038:AA9039"/>
    <mergeCell ref="A9040:C9041"/>
    <mergeCell ref="D9040:O9041"/>
    <mergeCell ref="P9040:S9041"/>
    <mergeCell ref="T9040:W9041"/>
    <mergeCell ref="X9040:AA9041"/>
    <mergeCell ref="A9042:C9043"/>
    <mergeCell ref="D9042:O9043"/>
    <mergeCell ref="P9042:S9043"/>
    <mergeCell ref="T9042:W9043"/>
    <mergeCell ref="X9042:AA9043"/>
    <mergeCell ref="A9044:C9045"/>
    <mergeCell ref="D9044:O9045"/>
    <mergeCell ref="P9044:S9045"/>
    <mergeCell ref="T9044:W9045"/>
    <mergeCell ref="X9044:AA9045"/>
    <mergeCell ref="A9046:C9047"/>
    <mergeCell ref="D9046:O9047"/>
    <mergeCell ref="P9046:S9047"/>
    <mergeCell ref="T9046:W9047"/>
    <mergeCell ref="X9046:AA9047"/>
    <mergeCell ref="A9020:C9021"/>
    <mergeCell ref="D9020:O9021"/>
    <mergeCell ref="P9020:S9021"/>
    <mergeCell ref="T9020:W9021"/>
    <mergeCell ref="X9020:AA9021"/>
    <mergeCell ref="A9022:C9023"/>
    <mergeCell ref="D9022:O9023"/>
    <mergeCell ref="P9022:S9023"/>
    <mergeCell ref="T9022:W9023"/>
    <mergeCell ref="X9022:AA9023"/>
    <mergeCell ref="A9024:C9025"/>
    <mergeCell ref="D9024:O9025"/>
    <mergeCell ref="P9024:S9025"/>
    <mergeCell ref="T9024:W9025"/>
    <mergeCell ref="X9024:AA9025"/>
    <mergeCell ref="A9026:C9027"/>
    <mergeCell ref="D9026:O9027"/>
    <mergeCell ref="P9026:S9027"/>
    <mergeCell ref="T9026:W9027"/>
    <mergeCell ref="X9026:AA9027"/>
    <mergeCell ref="A9028:C9029"/>
    <mergeCell ref="D9028:O9029"/>
    <mergeCell ref="P9028:S9029"/>
    <mergeCell ref="T9028:W9029"/>
    <mergeCell ref="X9028:AA9029"/>
    <mergeCell ref="A9030:C9031"/>
    <mergeCell ref="D9030:O9031"/>
    <mergeCell ref="P9030:S9031"/>
    <mergeCell ref="T9030:W9031"/>
    <mergeCell ref="X9030:AA9031"/>
    <mergeCell ref="A9032:C9033"/>
    <mergeCell ref="D9032:O9033"/>
    <mergeCell ref="P9032:S9033"/>
    <mergeCell ref="T9032:W9033"/>
    <mergeCell ref="X9032:AA9033"/>
    <mergeCell ref="A9006:C9007"/>
    <mergeCell ref="D9006:O9007"/>
    <mergeCell ref="P9006:S9007"/>
    <mergeCell ref="T9006:W9007"/>
    <mergeCell ref="X9006:AA9007"/>
    <mergeCell ref="A9008:C9009"/>
    <mergeCell ref="D9008:O9009"/>
    <mergeCell ref="P9008:S9009"/>
    <mergeCell ref="T9008:W9009"/>
    <mergeCell ref="X9008:AA9009"/>
    <mergeCell ref="A9010:C9011"/>
    <mergeCell ref="D9010:O9011"/>
    <mergeCell ref="P9010:S9011"/>
    <mergeCell ref="T9010:W9011"/>
    <mergeCell ref="X9010:AA9011"/>
    <mergeCell ref="A9012:C9013"/>
    <mergeCell ref="D9012:O9013"/>
    <mergeCell ref="P9012:S9013"/>
    <mergeCell ref="T9012:W9013"/>
    <mergeCell ref="X9012:AA9013"/>
    <mergeCell ref="A9014:C9015"/>
    <mergeCell ref="D9014:O9015"/>
    <mergeCell ref="P9014:S9015"/>
    <mergeCell ref="T9014:W9015"/>
    <mergeCell ref="X9014:AA9015"/>
    <mergeCell ref="A9016:C9017"/>
    <mergeCell ref="D9016:O9017"/>
    <mergeCell ref="P9016:S9017"/>
    <mergeCell ref="T9016:W9017"/>
    <mergeCell ref="X9016:AA9017"/>
    <mergeCell ref="A9018:C9019"/>
    <mergeCell ref="D9018:O9019"/>
    <mergeCell ref="P9018:S9019"/>
    <mergeCell ref="T9018:W9019"/>
    <mergeCell ref="X9018:AA9019"/>
    <mergeCell ref="A8992:C8993"/>
    <mergeCell ref="D8992:O8993"/>
    <mergeCell ref="P8992:S8993"/>
    <mergeCell ref="T8992:W8993"/>
    <mergeCell ref="X8992:AA8993"/>
    <mergeCell ref="A8994:C8995"/>
    <mergeCell ref="D8994:O8995"/>
    <mergeCell ref="P8994:S8995"/>
    <mergeCell ref="T8994:W8995"/>
    <mergeCell ref="X8994:AA8995"/>
    <mergeCell ref="A8996:C8997"/>
    <mergeCell ref="D8996:O8997"/>
    <mergeCell ref="P8996:S8997"/>
    <mergeCell ref="T8996:W8997"/>
    <mergeCell ref="X8996:AA8997"/>
    <mergeCell ref="A8998:C8999"/>
    <mergeCell ref="D8998:O8999"/>
    <mergeCell ref="P8998:S8999"/>
    <mergeCell ref="T8998:W8999"/>
    <mergeCell ref="X8998:AA8999"/>
    <mergeCell ref="A9000:C9001"/>
    <mergeCell ref="D9000:O9001"/>
    <mergeCell ref="P9000:S9001"/>
    <mergeCell ref="T9000:W9001"/>
    <mergeCell ref="X9000:AA9001"/>
    <mergeCell ref="A9002:C9003"/>
    <mergeCell ref="D9002:O9003"/>
    <mergeCell ref="P9002:S9003"/>
    <mergeCell ref="T9002:W9003"/>
    <mergeCell ref="X9002:AA9003"/>
    <mergeCell ref="A9004:C9005"/>
    <mergeCell ref="D9004:O9005"/>
    <mergeCell ref="P9004:S9005"/>
    <mergeCell ref="T9004:W9005"/>
    <mergeCell ref="X9004:AA9005"/>
    <mergeCell ref="A8978:C8979"/>
    <mergeCell ref="D8978:O8979"/>
    <mergeCell ref="P8978:S8979"/>
    <mergeCell ref="T8978:W8979"/>
    <mergeCell ref="X8978:AA8979"/>
    <mergeCell ref="A8980:C8981"/>
    <mergeCell ref="D8980:O8981"/>
    <mergeCell ref="P8980:S8981"/>
    <mergeCell ref="T8980:W8981"/>
    <mergeCell ref="X8980:AA8981"/>
    <mergeCell ref="A8982:C8983"/>
    <mergeCell ref="D8982:O8983"/>
    <mergeCell ref="P8982:S8983"/>
    <mergeCell ref="T8982:W8983"/>
    <mergeCell ref="X8982:AA8983"/>
    <mergeCell ref="A8984:C8985"/>
    <mergeCell ref="D8984:O8985"/>
    <mergeCell ref="P8984:S8985"/>
    <mergeCell ref="T8984:W8985"/>
    <mergeCell ref="X8984:AA8985"/>
    <mergeCell ref="A8986:C8987"/>
    <mergeCell ref="D8986:O8987"/>
    <mergeCell ref="P8986:S8987"/>
    <mergeCell ref="T8986:W8987"/>
    <mergeCell ref="X8986:AA8987"/>
    <mergeCell ref="A8988:C8989"/>
    <mergeCell ref="D8988:O8989"/>
    <mergeCell ref="P8988:S8989"/>
    <mergeCell ref="T8988:W8989"/>
    <mergeCell ref="X8988:AA8989"/>
    <mergeCell ref="A8990:C8991"/>
    <mergeCell ref="D8990:O8991"/>
    <mergeCell ref="P8990:S8991"/>
    <mergeCell ref="T8990:W8991"/>
    <mergeCell ref="X8990:AA8991"/>
    <mergeCell ref="A8964:C8965"/>
    <mergeCell ref="D8964:O8965"/>
    <mergeCell ref="P8964:S8965"/>
    <mergeCell ref="T8964:W8965"/>
    <mergeCell ref="X8964:AA8965"/>
    <mergeCell ref="A8966:C8967"/>
    <mergeCell ref="D8966:O8967"/>
    <mergeCell ref="P8966:S8967"/>
    <mergeCell ref="T8966:W8967"/>
    <mergeCell ref="X8966:AA8967"/>
    <mergeCell ref="A8968:C8969"/>
    <mergeCell ref="D8968:O8969"/>
    <mergeCell ref="P8968:S8969"/>
    <mergeCell ref="T8968:W8969"/>
    <mergeCell ref="X8968:AA8969"/>
    <mergeCell ref="A8970:C8971"/>
    <mergeCell ref="D8970:O8971"/>
    <mergeCell ref="P8970:S8971"/>
    <mergeCell ref="T8970:W8971"/>
    <mergeCell ref="X8970:AA8971"/>
    <mergeCell ref="A8972:C8973"/>
    <mergeCell ref="D8972:O8973"/>
    <mergeCell ref="P8972:S8973"/>
    <mergeCell ref="T8972:W8973"/>
    <mergeCell ref="X8972:AA8973"/>
    <mergeCell ref="A8974:C8975"/>
    <mergeCell ref="D8974:O8975"/>
    <mergeCell ref="P8974:S8975"/>
    <mergeCell ref="T8974:W8975"/>
    <mergeCell ref="X8974:AA8975"/>
    <mergeCell ref="A8976:C8977"/>
    <mergeCell ref="D8976:O8977"/>
    <mergeCell ref="P8976:S8977"/>
    <mergeCell ref="T8976:W8977"/>
    <mergeCell ref="X8976:AA8977"/>
    <mergeCell ref="A8950:C8951"/>
    <mergeCell ref="D8950:O8951"/>
    <mergeCell ref="P8950:S8951"/>
    <mergeCell ref="T8950:W8951"/>
    <mergeCell ref="X8950:AA8951"/>
    <mergeCell ref="A8952:C8953"/>
    <mergeCell ref="D8952:O8953"/>
    <mergeCell ref="P8952:S8953"/>
    <mergeCell ref="T8952:W8953"/>
    <mergeCell ref="X8952:AA8953"/>
    <mergeCell ref="A8954:C8955"/>
    <mergeCell ref="D8954:O8955"/>
    <mergeCell ref="P8954:S8955"/>
    <mergeCell ref="T8954:W8955"/>
    <mergeCell ref="X8954:AA8955"/>
    <mergeCell ref="A8956:C8957"/>
    <mergeCell ref="D8956:O8957"/>
    <mergeCell ref="P8956:S8957"/>
    <mergeCell ref="T8956:W8957"/>
    <mergeCell ref="X8956:AA8957"/>
    <mergeCell ref="A8958:C8959"/>
    <mergeCell ref="D8958:O8959"/>
    <mergeCell ref="P8958:S8959"/>
    <mergeCell ref="T8958:W8959"/>
    <mergeCell ref="X8958:AA8959"/>
    <mergeCell ref="A8960:C8961"/>
    <mergeCell ref="D8960:O8961"/>
    <mergeCell ref="P8960:S8961"/>
    <mergeCell ref="T8960:W8961"/>
    <mergeCell ref="X8960:AA8961"/>
    <mergeCell ref="A8962:C8963"/>
    <mergeCell ref="D8962:O8963"/>
    <mergeCell ref="P8962:S8963"/>
    <mergeCell ref="T8962:W8963"/>
    <mergeCell ref="X8962:AA8963"/>
    <mergeCell ref="A8936:C8937"/>
    <mergeCell ref="D8936:O8937"/>
    <mergeCell ref="P8936:S8937"/>
    <mergeCell ref="T8936:W8937"/>
    <mergeCell ref="X8936:AA8937"/>
    <mergeCell ref="A8938:C8939"/>
    <mergeCell ref="D8938:O8939"/>
    <mergeCell ref="P8938:S8939"/>
    <mergeCell ref="T8938:W8939"/>
    <mergeCell ref="X8938:AA8939"/>
    <mergeCell ref="A8940:C8941"/>
    <mergeCell ref="D8940:O8941"/>
    <mergeCell ref="P8940:S8941"/>
    <mergeCell ref="T8940:W8941"/>
    <mergeCell ref="X8940:AA8941"/>
    <mergeCell ref="A8942:C8943"/>
    <mergeCell ref="D8942:O8943"/>
    <mergeCell ref="P8942:S8943"/>
    <mergeCell ref="T8942:W8943"/>
    <mergeCell ref="X8942:AA8943"/>
    <mergeCell ref="A8944:C8945"/>
    <mergeCell ref="D8944:O8945"/>
    <mergeCell ref="P8944:S8945"/>
    <mergeCell ref="T8944:W8945"/>
    <mergeCell ref="X8944:AA8945"/>
    <mergeCell ref="A8946:C8947"/>
    <mergeCell ref="D8946:O8947"/>
    <mergeCell ref="P8946:S8947"/>
    <mergeCell ref="T8946:W8947"/>
    <mergeCell ref="X8946:AA8947"/>
    <mergeCell ref="A8948:C8949"/>
    <mergeCell ref="D8948:O8949"/>
    <mergeCell ref="P8948:S8949"/>
    <mergeCell ref="T8948:W8949"/>
    <mergeCell ref="X8948:AA8949"/>
    <mergeCell ref="A8922:C8923"/>
    <mergeCell ref="D8922:O8923"/>
    <mergeCell ref="P8922:S8923"/>
    <mergeCell ref="T8922:W8923"/>
    <mergeCell ref="X8922:AA8923"/>
    <mergeCell ref="A8924:C8925"/>
    <mergeCell ref="D8924:O8925"/>
    <mergeCell ref="P8924:S8925"/>
    <mergeCell ref="T8924:W8925"/>
    <mergeCell ref="X8924:AA8925"/>
    <mergeCell ref="A8926:C8927"/>
    <mergeCell ref="D8926:O8927"/>
    <mergeCell ref="P8926:S8927"/>
    <mergeCell ref="T8926:W8927"/>
    <mergeCell ref="X8926:AA8927"/>
    <mergeCell ref="A8928:C8929"/>
    <mergeCell ref="D8928:O8929"/>
    <mergeCell ref="P8928:S8929"/>
    <mergeCell ref="T8928:W8929"/>
    <mergeCell ref="X8928:AA8929"/>
    <mergeCell ref="A8930:C8931"/>
    <mergeCell ref="D8930:O8931"/>
    <mergeCell ref="P8930:S8931"/>
    <mergeCell ref="T8930:W8931"/>
    <mergeCell ref="X8930:AA8931"/>
    <mergeCell ref="A8932:C8933"/>
    <mergeCell ref="D8932:O8933"/>
    <mergeCell ref="P8932:S8933"/>
    <mergeCell ref="T8932:W8933"/>
    <mergeCell ref="X8932:AA8933"/>
    <mergeCell ref="A8934:C8935"/>
    <mergeCell ref="D8934:O8935"/>
    <mergeCell ref="P8934:S8935"/>
    <mergeCell ref="T8934:W8935"/>
    <mergeCell ref="X8934:AA8935"/>
    <mergeCell ref="A8906:C8907"/>
    <mergeCell ref="D8906:O8907"/>
    <mergeCell ref="P8906:S8907"/>
    <mergeCell ref="T8906:W8907"/>
    <mergeCell ref="X8906:AA8907"/>
    <mergeCell ref="A8908:C8909"/>
    <mergeCell ref="D8908:O8909"/>
    <mergeCell ref="P8908:S8909"/>
    <mergeCell ref="T8908:W8909"/>
    <mergeCell ref="X8908:AA8909"/>
    <mergeCell ref="A8910:C8911"/>
    <mergeCell ref="D8910:O8911"/>
    <mergeCell ref="P8910:S8911"/>
    <mergeCell ref="T8910:W8911"/>
    <mergeCell ref="X8910:AA8911"/>
    <mergeCell ref="A8912:C8913"/>
    <mergeCell ref="D8912:O8913"/>
    <mergeCell ref="P8912:S8913"/>
    <mergeCell ref="T8912:W8913"/>
    <mergeCell ref="X8912:AA8913"/>
    <mergeCell ref="A8914:C8915"/>
    <mergeCell ref="D8914:O8915"/>
    <mergeCell ref="P8914:S8915"/>
    <mergeCell ref="T8914:W8915"/>
    <mergeCell ref="X8914:AA8915"/>
    <mergeCell ref="A8916:C8917"/>
    <mergeCell ref="D8916:O8917"/>
    <mergeCell ref="P8916:S8917"/>
    <mergeCell ref="T8916:W8917"/>
    <mergeCell ref="X8916:AA8917"/>
    <mergeCell ref="A8918:AA8919"/>
    <mergeCell ref="A8920:C8921"/>
    <mergeCell ref="D8920:O8921"/>
    <mergeCell ref="P8920:S8921"/>
    <mergeCell ref="T8920:W8921"/>
    <mergeCell ref="X8920:AA8921"/>
    <mergeCell ref="A8892:C8893"/>
    <mergeCell ref="D8892:O8893"/>
    <mergeCell ref="P8892:S8893"/>
    <mergeCell ref="T8892:W8893"/>
    <mergeCell ref="X8892:AA8893"/>
    <mergeCell ref="A8894:C8895"/>
    <mergeCell ref="D8894:O8895"/>
    <mergeCell ref="P8894:S8895"/>
    <mergeCell ref="T8894:W8895"/>
    <mergeCell ref="X8894:AA8895"/>
    <mergeCell ref="A8896:C8897"/>
    <mergeCell ref="D8896:O8897"/>
    <mergeCell ref="P8896:S8897"/>
    <mergeCell ref="T8896:W8897"/>
    <mergeCell ref="X8896:AA8897"/>
    <mergeCell ref="A8898:C8899"/>
    <mergeCell ref="D8898:O8899"/>
    <mergeCell ref="P8898:S8899"/>
    <mergeCell ref="T8898:W8899"/>
    <mergeCell ref="X8898:AA8899"/>
    <mergeCell ref="A8900:C8901"/>
    <mergeCell ref="D8900:O8901"/>
    <mergeCell ref="P8900:S8901"/>
    <mergeCell ref="T8900:W8901"/>
    <mergeCell ref="X8900:AA8901"/>
    <mergeCell ref="A8902:C8903"/>
    <mergeCell ref="D8902:O8903"/>
    <mergeCell ref="P8902:S8903"/>
    <mergeCell ref="T8902:W8903"/>
    <mergeCell ref="X8902:AA8903"/>
    <mergeCell ref="A8904:C8905"/>
    <mergeCell ref="D8904:O8905"/>
    <mergeCell ref="P8904:S8905"/>
    <mergeCell ref="T8904:W8905"/>
    <mergeCell ref="X8904:AA8905"/>
    <mergeCell ref="A8874:C8875"/>
    <mergeCell ref="D8874:O8875"/>
    <mergeCell ref="P8874:S8875"/>
    <mergeCell ref="T8874:W8875"/>
    <mergeCell ref="X8874:AA8875"/>
    <mergeCell ref="A8876:C8877"/>
    <mergeCell ref="D8876:O8877"/>
    <mergeCell ref="P8876:S8877"/>
    <mergeCell ref="T8876:W8877"/>
    <mergeCell ref="X8876:AA8877"/>
    <mergeCell ref="A8878:AA8879"/>
    <mergeCell ref="A8880:C8881"/>
    <mergeCell ref="D8880:O8881"/>
    <mergeCell ref="P8880:S8881"/>
    <mergeCell ref="T8880:W8881"/>
    <mergeCell ref="X8880:AA8881"/>
    <mergeCell ref="A8882:C8883"/>
    <mergeCell ref="D8882:O8883"/>
    <mergeCell ref="P8882:S8883"/>
    <mergeCell ref="T8882:W8883"/>
    <mergeCell ref="X8882:AA8883"/>
    <mergeCell ref="A8884:C8885"/>
    <mergeCell ref="D8884:O8885"/>
    <mergeCell ref="P8884:S8885"/>
    <mergeCell ref="T8884:W8885"/>
    <mergeCell ref="X8884:AA8885"/>
    <mergeCell ref="A8886:AA8887"/>
    <mergeCell ref="A8888:C8889"/>
    <mergeCell ref="D8888:O8889"/>
    <mergeCell ref="P8888:S8889"/>
    <mergeCell ref="T8888:W8889"/>
    <mergeCell ref="X8888:AA8889"/>
    <mergeCell ref="A8890:C8891"/>
    <mergeCell ref="D8890:O8891"/>
    <mergeCell ref="P8890:S8891"/>
    <mergeCell ref="T8890:W8891"/>
    <mergeCell ref="X8890:AA8891"/>
    <mergeCell ref="A8858:C8859"/>
    <mergeCell ref="D8858:O8859"/>
    <mergeCell ref="P8858:S8859"/>
    <mergeCell ref="T8858:W8859"/>
    <mergeCell ref="X8858:AA8859"/>
    <mergeCell ref="A8860:C8861"/>
    <mergeCell ref="D8860:O8861"/>
    <mergeCell ref="P8860:S8861"/>
    <mergeCell ref="T8860:W8861"/>
    <mergeCell ref="X8860:AA8861"/>
    <mergeCell ref="A8862:C8863"/>
    <mergeCell ref="D8862:O8863"/>
    <mergeCell ref="P8862:S8863"/>
    <mergeCell ref="T8862:W8863"/>
    <mergeCell ref="X8862:AA8863"/>
    <mergeCell ref="A8864:C8865"/>
    <mergeCell ref="D8864:O8865"/>
    <mergeCell ref="P8864:S8865"/>
    <mergeCell ref="T8864:W8865"/>
    <mergeCell ref="X8864:AA8865"/>
    <mergeCell ref="A8866:C8867"/>
    <mergeCell ref="D8866:O8867"/>
    <mergeCell ref="P8866:S8867"/>
    <mergeCell ref="T8866:W8867"/>
    <mergeCell ref="X8866:AA8867"/>
    <mergeCell ref="A8868:AA8869"/>
    <mergeCell ref="A8870:C8871"/>
    <mergeCell ref="D8870:O8871"/>
    <mergeCell ref="P8870:S8871"/>
    <mergeCell ref="T8870:W8871"/>
    <mergeCell ref="X8870:AA8871"/>
    <mergeCell ref="A8872:C8873"/>
    <mergeCell ref="D8872:O8873"/>
    <mergeCell ref="P8872:S8873"/>
    <mergeCell ref="T8872:W8873"/>
    <mergeCell ref="X8872:AA8873"/>
    <mergeCell ref="A8844:C8845"/>
    <mergeCell ref="D8844:O8845"/>
    <mergeCell ref="P8844:S8845"/>
    <mergeCell ref="T8844:W8845"/>
    <mergeCell ref="X8844:AA8845"/>
    <mergeCell ref="A8846:C8847"/>
    <mergeCell ref="D8846:O8847"/>
    <mergeCell ref="P8846:S8847"/>
    <mergeCell ref="T8846:W8847"/>
    <mergeCell ref="X8846:AA8847"/>
    <mergeCell ref="A8848:C8849"/>
    <mergeCell ref="D8848:O8849"/>
    <mergeCell ref="P8848:S8849"/>
    <mergeCell ref="T8848:W8849"/>
    <mergeCell ref="X8848:AA8849"/>
    <mergeCell ref="A8850:C8851"/>
    <mergeCell ref="D8850:O8851"/>
    <mergeCell ref="P8850:S8851"/>
    <mergeCell ref="T8850:W8851"/>
    <mergeCell ref="X8850:AA8851"/>
    <mergeCell ref="A8852:C8853"/>
    <mergeCell ref="D8852:O8853"/>
    <mergeCell ref="P8852:S8853"/>
    <mergeCell ref="T8852:W8853"/>
    <mergeCell ref="X8852:AA8853"/>
    <mergeCell ref="A8854:C8855"/>
    <mergeCell ref="D8854:O8855"/>
    <mergeCell ref="P8854:S8855"/>
    <mergeCell ref="T8854:W8855"/>
    <mergeCell ref="X8854:AA8855"/>
    <mergeCell ref="A8856:C8857"/>
    <mergeCell ref="D8856:O8857"/>
    <mergeCell ref="P8856:S8857"/>
    <mergeCell ref="T8856:W8857"/>
    <mergeCell ref="X8856:AA8857"/>
    <mergeCell ref="A8830:C8831"/>
    <mergeCell ref="D8830:O8831"/>
    <mergeCell ref="P8830:S8831"/>
    <mergeCell ref="T8830:W8831"/>
    <mergeCell ref="X8830:AA8831"/>
    <mergeCell ref="A8832:C8833"/>
    <mergeCell ref="D8832:O8833"/>
    <mergeCell ref="P8832:S8833"/>
    <mergeCell ref="T8832:W8833"/>
    <mergeCell ref="X8832:AA8833"/>
    <mergeCell ref="A8834:C8835"/>
    <mergeCell ref="D8834:O8835"/>
    <mergeCell ref="P8834:S8835"/>
    <mergeCell ref="T8834:W8835"/>
    <mergeCell ref="X8834:AA8835"/>
    <mergeCell ref="A8836:C8837"/>
    <mergeCell ref="D8836:O8837"/>
    <mergeCell ref="P8836:S8837"/>
    <mergeCell ref="T8836:W8837"/>
    <mergeCell ref="X8836:AA8837"/>
    <mergeCell ref="A8838:C8839"/>
    <mergeCell ref="D8838:O8839"/>
    <mergeCell ref="P8838:S8839"/>
    <mergeCell ref="T8838:W8839"/>
    <mergeCell ref="X8838:AA8839"/>
    <mergeCell ref="A8840:C8841"/>
    <mergeCell ref="D8840:O8841"/>
    <mergeCell ref="P8840:S8841"/>
    <mergeCell ref="T8840:W8841"/>
    <mergeCell ref="X8840:AA8841"/>
    <mergeCell ref="A8842:C8843"/>
    <mergeCell ref="D8842:O8843"/>
    <mergeCell ref="P8842:S8843"/>
    <mergeCell ref="T8842:W8843"/>
    <mergeCell ref="X8842:AA8843"/>
    <mergeCell ref="A8816:C8817"/>
    <mergeCell ref="D8816:O8817"/>
    <mergeCell ref="P8816:S8817"/>
    <mergeCell ref="T8816:W8817"/>
    <mergeCell ref="X8816:AA8817"/>
    <mergeCell ref="A8818:C8819"/>
    <mergeCell ref="D8818:O8819"/>
    <mergeCell ref="P8818:S8819"/>
    <mergeCell ref="T8818:W8819"/>
    <mergeCell ref="X8818:AA8819"/>
    <mergeCell ref="A8820:C8821"/>
    <mergeCell ref="D8820:O8821"/>
    <mergeCell ref="P8820:S8821"/>
    <mergeCell ref="T8820:W8821"/>
    <mergeCell ref="X8820:AA8821"/>
    <mergeCell ref="A8822:C8823"/>
    <mergeCell ref="D8822:O8823"/>
    <mergeCell ref="P8822:S8823"/>
    <mergeCell ref="T8822:W8823"/>
    <mergeCell ref="X8822:AA8823"/>
    <mergeCell ref="A8824:C8825"/>
    <mergeCell ref="D8824:O8825"/>
    <mergeCell ref="P8824:S8825"/>
    <mergeCell ref="T8824:W8825"/>
    <mergeCell ref="X8824:AA8825"/>
    <mergeCell ref="A8826:C8827"/>
    <mergeCell ref="D8826:O8827"/>
    <mergeCell ref="P8826:S8827"/>
    <mergeCell ref="T8826:W8827"/>
    <mergeCell ref="X8826:AA8827"/>
    <mergeCell ref="A8828:C8829"/>
    <mergeCell ref="D8828:O8829"/>
    <mergeCell ref="P8828:S8829"/>
    <mergeCell ref="T8828:W8829"/>
    <mergeCell ref="X8828:AA8829"/>
    <mergeCell ref="A8802:C8803"/>
    <mergeCell ref="D8802:O8803"/>
    <mergeCell ref="P8802:S8803"/>
    <mergeCell ref="T8802:W8803"/>
    <mergeCell ref="X8802:AA8803"/>
    <mergeCell ref="A8804:C8805"/>
    <mergeCell ref="D8804:O8805"/>
    <mergeCell ref="P8804:S8805"/>
    <mergeCell ref="T8804:W8805"/>
    <mergeCell ref="X8804:AA8805"/>
    <mergeCell ref="A8806:C8807"/>
    <mergeCell ref="D8806:O8807"/>
    <mergeCell ref="P8806:S8807"/>
    <mergeCell ref="T8806:W8807"/>
    <mergeCell ref="X8806:AA8807"/>
    <mergeCell ref="A8808:C8809"/>
    <mergeCell ref="D8808:O8809"/>
    <mergeCell ref="P8808:S8809"/>
    <mergeCell ref="T8808:W8809"/>
    <mergeCell ref="X8808:AA8809"/>
    <mergeCell ref="A8810:C8811"/>
    <mergeCell ref="D8810:O8811"/>
    <mergeCell ref="P8810:S8811"/>
    <mergeCell ref="T8810:W8811"/>
    <mergeCell ref="X8810:AA8811"/>
    <mergeCell ref="A8812:C8813"/>
    <mergeCell ref="D8812:O8813"/>
    <mergeCell ref="P8812:S8813"/>
    <mergeCell ref="T8812:W8813"/>
    <mergeCell ref="X8812:AA8813"/>
    <mergeCell ref="A8814:C8815"/>
    <mergeCell ref="D8814:O8815"/>
    <mergeCell ref="P8814:S8815"/>
    <mergeCell ref="T8814:W8815"/>
    <mergeCell ref="X8814:AA8815"/>
    <mergeCell ref="A8788:C8789"/>
    <mergeCell ref="D8788:O8789"/>
    <mergeCell ref="P8788:S8789"/>
    <mergeCell ref="T8788:W8789"/>
    <mergeCell ref="X8788:AA8789"/>
    <mergeCell ref="A8790:C8791"/>
    <mergeCell ref="D8790:O8791"/>
    <mergeCell ref="P8790:S8791"/>
    <mergeCell ref="T8790:W8791"/>
    <mergeCell ref="X8790:AA8791"/>
    <mergeCell ref="A8792:C8793"/>
    <mergeCell ref="D8792:O8793"/>
    <mergeCell ref="P8792:S8793"/>
    <mergeCell ref="T8792:W8793"/>
    <mergeCell ref="X8792:AA8793"/>
    <mergeCell ref="A8794:C8795"/>
    <mergeCell ref="D8794:O8795"/>
    <mergeCell ref="P8794:S8795"/>
    <mergeCell ref="T8794:W8795"/>
    <mergeCell ref="X8794:AA8795"/>
    <mergeCell ref="A8796:C8797"/>
    <mergeCell ref="D8796:O8797"/>
    <mergeCell ref="P8796:S8797"/>
    <mergeCell ref="T8796:W8797"/>
    <mergeCell ref="X8796:AA8797"/>
    <mergeCell ref="A8798:C8799"/>
    <mergeCell ref="D8798:O8799"/>
    <mergeCell ref="P8798:S8799"/>
    <mergeCell ref="T8798:W8799"/>
    <mergeCell ref="X8798:AA8799"/>
    <mergeCell ref="A8800:C8801"/>
    <mergeCell ref="D8800:O8801"/>
    <mergeCell ref="P8800:S8801"/>
    <mergeCell ref="T8800:W8801"/>
    <mergeCell ref="X8800:AA8801"/>
    <mergeCell ref="A8774:C8775"/>
    <mergeCell ref="D8774:O8775"/>
    <mergeCell ref="P8774:S8775"/>
    <mergeCell ref="T8774:W8775"/>
    <mergeCell ref="X8774:AA8775"/>
    <mergeCell ref="A8776:C8777"/>
    <mergeCell ref="D8776:O8777"/>
    <mergeCell ref="P8776:S8777"/>
    <mergeCell ref="T8776:W8777"/>
    <mergeCell ref="X8776:AA8777"/>
    <mergeCell ref="A8778:C8779"/>
    <mergeCell ref="D8778:O8779"/>
    <mergeCell ref="P8778:S8779"/>
    <mergeCell ref="T8778:W8779"/>
    <mergeCell ref="X8778:AA8779"/>
    <mergeCell ref="A8780:C8781"/>
    <mergeCell ref="D8780:O8781"/>
    <mergeCell ref="P8780:S8781"/>
    <mergeCell ref="T8780:W8781"/>
    <mergeCell ref="X8780:AA8781"/>
    <mergeCell ref="A8782:C8783"/>
    <mergeCell ref="D8782:O8783"/>
    <mergeCell ref="P8782:S8783"/>
    <mergeCell ref="T8782:W8783"/>
    <mergeCell ref="X8782:AA8783"/>
    <mergeCell ref="A8784:C8785"/>
    <mergeCell ref="D8784:O8785"/>
    <mergeCell ref="P8784:S8785"/>
    <mergeCell ref="T8784:W8785"/>
    <mergeCell ref="X8784:AA8785"/>
    <mergeCell ref="A8786:C8787"/>
    <mergeCell ref="D8786:O8787"/>
    <mergeCell ref="P8786:S8787"/>
    <mergeCell ref="T8786:W8787"/>
    <mergeCell ref="X8786:AA8787"/>
    <mergeCell ref="A8760:C8761"/>
    <mergeCell ref="D8760:O8761"/>
    <mergeCell ref="P8760:S8761"/>
    <mergeCell ref="T8760:W8761"/>
    <mergeCell ref="X8760:AA8761"/>
    <mergeCell ref="A8762:C8763"/>
    <mergeCell ref="D8762:O8763"/>
    <mergeCell ref="P8762:S8763"/>
    <mergeCell ref="T8762:W8763"/>
    <mergeCell ref="X8762:AA8763"/>
    <mergeCell ref="A8764:C8765"/>
    <mergeCell ref="D8764:O8765"/>
    <mergeCell ref="P8764:S8765"/>
    <mergeCell ref="T8764:W8765"/>
    <mergeCell ref="X8764:AA8765"/>
    <mergeCell ref="A8766:C8767"/>
    <mergeCell ref="D8766:O8767"/>
    <mergeCell ref="P8766:S8767"/>
    <mergeCell ref="T8766:W8767"/>
    <mergeCell ref="X8766:AA8767"/>
    <mergeCell ref="A8768:C8769"/>
    <mergeCell ref="D8768:O8769"/>
    <mergeCell ref="P8768:S8769"/>
    <mergeCell ref="T8768:W8769"/>
    <mergeCell ref="X8768:AA8769"/>
    <mergeCell ref="A8770:C8771"/>
    <mergeCell ref="D8770:O8771"/>
    <mergeCell ref="P8770:S8771"/>
    <mergeCell ref="T8770:W8771"/>
    <mergeCell ref="X8770:AA8771"/>
    <mergeCell ref="A8772:C8773"/>
    <mergeCell ref="D8772:O8773"/>
    <mergeCell ref="P8772:S8773"/>
    <mergeCell ref="T8772:W8773"/>
    <mergeCell ref="X8772:AA8773"/>
    <mergeCell ref="A8746:C8747"/>
    <mergeCell ref="D8746:O8747"/>
    <mergeCell ref="P8746:S8747"/>
    <mergeCell ref="T8746:W8747"/>
    <mergeCell ref="X8746:AA8747"/>
    <mergeCell ref="A8748:C8749"/>
    <mergeCell ref="D8748:O8749"/>
    <mergeCell ref="P8748:S8749"/>
    <mergeCell ref="T8748:W8749"/>
    <mergeCell ref="X8748:AA8749"/>
    <mergeCell ref="A8750:C8751"/>
    <mergeCell ref="D8750:O8751"/>
    <mergeCell ref="P8750:S8751"/>
    <mergeCell ref="T8750:W8751"/>
    <mergeCell ref="X8750:AA8751"/>
    <mergeCell ref="A8752:C8753"/>
    <mergeCell ref="D8752:O8753"/>
    <mergeCell ref="P8752:S8753"/>
    <mergeCell ref="T8752:W8753"/>
    <mergeCell ref="X8752:AA8753"/>
    <mergeCell ref="A8754:C8755"/>
    <mergeCell ref="D8754:O8755"/>
    <mergeCell ref="P8754:S8755"/>
    <mergeCell ref="T8754:W8755"/>
    <mergeCell ref="X8754:AA8755"/>
    <mergeCell ref="A8756:C8757"/>
    <mergeCell ref="D8756:O8757"/>
    <mergeCell ref="P8756:S8757"/>
    <mergeCell ref="T8756:W8757"/>
    <mergeCell ref="X8756:AA8757"/>
    <mergeCell ref="A8758:C8759"/>
    <mergeCell ref="D8758:O8759"/>
    <mergeCell ref="P8758:S8759"/>
    <mergeCell ref="T8758:W8759"/>
    <mergeCell ref="X8758:AA8759"/>
    <mergeCell ref="A8732:C8733"/>
    <mergeCell ref="D8732:O8733"/>
    <mergeCell ref="P8732:S8733"/>
    <mergeCell ref="T8732:W8733"/>
    <mergeCell ref="X8732:AA8733"/>
    <mergeCell ref="A8734:C8735"/>
    <mergeCell ref="D8734:O8735"/>
    <mergeCell ref="P8734:S8735"/>
    <mergeCell ref="T8734:W8735"/>
    <mergeCell ref="X8734:AA8735"/>
    <mergeCell ref="A8736:C8737"/>
    <mergeCell ref="D8736:O8737"/>
    <mergeCell ref="P8736:S8737"/>
    <mergeCell ref="T8736:W8737"/>
    <mergeCell ref="X8736:AA8737"/>
    <mergeCell ref="A8738:C8739"/>
    <mergeCell ref="D8738:O8739"/>
    <mergeCell ref="P8738:S8739"/>
    <mergeCell ref="T8738:W8739"/>
    <mergeCell ref="X8738:AA8739"/>
    <mergeCell ref="A8740:C8741"/>
    <mergeCell ref="D8740:O8741"/>
    <mergeCell ref="P8740:S8741"/>
    <mergeCell ref="T8740:W8741"/>
    <mergeCell ref="X8740:AA8741"/>
    <mergeCell ref="A8742:C8743"/>
    <mergeCell ref="D8742:O8743"/>
    <mergeCell ref="P8742:S8743"/>
    <mergeCell ref="T8742:W8743"/>
    <mergeCell ref="X8742:AA8743"/>
    <mergeCell ref="A8744:C8745"/>
    <mergeCell ref="D8744:O8745"/>
    <mergeCell ref="P8744:S8745"/>
    <mergeCell ref="T8744:W8745"/>
    <mergeCell ref="X8744:AA8745"/>
    <mergeCell ref="A8718:C8719"/>
    <mergeCell ref="D8718:O8719"/>
    <mergeCell ref="P8718:S8719"/>
    <mergeCell ref="T8718:W8719"/>
    <mergeCell ref="X8718:AA8719"/>
    <mergeCell ref="A8720:C8721"/>
    <mergeCell ref="D8720:O8721"/>
    <mergeCell ref="P8720:S8721"/>
    <mergeCell ref="T8720:W8721"/>
    <mergeCell ref="X8720:AA8721"/>
    <mergeCell ref="A8722:C8723"/>
    <mergeCell ref="D8722:O8723"/>
    <mergeCell ref="P8722:S8723"/>
    <mergeCell ref="T8722:W8723"/>
    <mergeCell ref="X8722:AA8723"/>
    <mergeCell ref="A8724:C8725"/>
    <mergeCell ref="D8724:O8725"/>
    <mergeCell ref="P8724:S8725"/>
    <mergeCell ref="T8724:W8725"/>
    <mergeCell ref="X8724:AA8725"/>
    <mergeCell ref="A8726:C8727"/>
    <mergeCell ref="D8726:O8727"/>
    <mergeCell ref="P8726:S8727"/>
    <mergeCell ref="T8726:W8727"/>
    <mergeCell ref="X8726:AA8727"/>
    <mergeCell ref="A8728:C8729"/>
    <mergeCell ref="D8728:O8729"/>
    <mergeCell ref="P8728:S8729"/>
    <mergeCell ref="T8728:W8729"/>
    <mergeCell ref="X8728:AA8729"/>
    <mergeCell ref="A8730:C8731"/>
    <mergeCell ref="D8730:O8731"/>
    <mergeCell ref="P8730:S8731"/>
    <mergeCell ref="T8730:W8731"/>
    <mergeCell ref="X8730:AA8731"/>
    <mergeCell ref="A8702:AA8703"/>
    <mergeCell ref="A8704:C8705"/>
    <mergeCell ref="D8704:O8705"/>
    <mergeCell ref="P8704:S8705"/>
    <mergeCell ref="T8704:W8705"/>
    <mergeCell ref="X8704:AA8705"/>
    <mergeCell ref="A8706:C8707"/>
    <mergeCell ref="D8706:O8707"/>
    <mergeCell ref="P8706:S8707"/>
    <mergeCell ref="T8706:W8707"/>
    <mergeCell ref="X8706:AA8707"/>
    <mergeCell ref="A8708:C8709"/>
    <mergeCell ref="D8708:O8709"/>
    <mergeCell ref="P8708:S8709"/>
    <mergeCell ref="T8708:W8709"/>
    <mergeCell ref="X8708:AA8709"/>
    <mergeCell ref="A8710:C8711"/>
    <mergeCell ref="D8710:O8711"/>
    <mergeCell ref="P8710:S8711"/>
    <mergeCell ref="T8710:W8711"/>
    <mergeCell ref="X8710:AA8711"/>
    <mergeCell ref="A8712:C8713"/>
    <mergeCell ref="D8712:O8713"/>
    <mergeCell ref="P8712:S8713"/>
    <mergeCell ref="T8712:W8713"/>
    <mergeCell ref="X8712:AA8713"/>
    <mergeCell ref="A8714:C8715"/>
    <mergeCell ref="D8714:O8715"/>
    <mergeCell ref="P8714:S8715"/>
    <mergeCell ref="T8714:W8715"/>
    <mergeCell ref="X8714:AA8715"/>
    <mergeCell ref="A8716:C8717"/>
    <mergeCell ref="D8716:O8717"/>
    <mergeCell ref="P8716:S8717"/>
    <mergeCell ref="T8716:W8717"/>
    <mergeCell ref="X8716:AA8717"/>
    <mergeCell ref="A8688:C8689"/>
    <mergeCell ref="D8688:O8689"/>
    <mergeCell ref="P8688:S8689"/>
    <mergeCell ref="T8688:W8689"/>
    <mergeCell ref="X8688:AA8689"/>
    <mergeCell ref="A8690:C8691"/>
    <mergeCell ref="D8690:O8691"/>
    <mergeCell ref="P8690:S8691"/>
    <mergeCell ref="T8690:W8691"/>
    <mergeCell ref="X8690:AA8691"/>
    <mergeCell ref="A8692:C8693"/>
    <mergeCell ref="D8692:O8693"/>
    <mergeCell ref="P8692:S8693"/>
    <mergeCell ref="T8692:W8693"/>
    <mergeCell ref="X8692:AA8693"/>
    <mergeCell ref="A8694:C8695"/>
    <mergeCell ref="D8694:O8695"/>
    <mergeCell ref="P8694:S8695"/>
    <mergeCell ref="T8694:W8695"/>
    <mergeCell ref="X8694:AA8695"/>
    <mergeCell ref="A8696:C8697"/>
    <mergeCell ref="D8696:O8697"/>
    <mergeCell ref="P8696:S8697"/>
    <mergeCell ref="T8696:W8697"/>
    <mergeCell ref="X8696:AA8697"/>
    <mergeCell ref="A8698:C8699"/>
    <mergeCell ref="D8698:O8699"/>
    <mergeCell ref="P8698:S8699"/>
    <mergeCell ref="T8698:W8699"/>
    <mergeCell ref="X8698:AA8699"/>
    <mergeCell ref="A8700:C8701"/>
    <mergeCell ref="D8700:O8701"/>
    <mergeCell ref="P8700:S8701"/>
    <mergeCell ref="T8700:W8701"/>
    <mergeCell ref="X8700:AA8701"/>
    <mergeCell ref="A8674:C8675"/>
    <mergeCell ref="D8674:O8675"/>
    <mergeCell ref="P8674:S8675"/>
    <mergeCell ref="T8674:W8675"/>
    <mergeCell ref="X8674:AA8675"/>
    <mergeCell ref="A8676:C8677"/>
    <mergeCell ref="D8676:O8677"/>
    <mergeCell ref="P8676:S8677"/>
    <mergeCell ref="T8676:W8677"/>
    <mergeCell ref="X8676:AA8677"/>
    <mergeCell ref="A8678:C8679"/>
    <mergeCell ref="D8678:O8679"/>
    <mergeCell ref="P8678:S8679"/>
    <mergeCell ref="T8678:W8679"/>
    <mergeCell ref="X8678:AA8679"/>
    <mergeCell ref="A8680:C8681"/>
    <mergeCell ref="D8680:O8681"/>
    <mergeCell ref="P8680:S8681"/>
    <mergeCell ref="T8680:W8681"/>
    <mergeCell ref="X8680:AA8681"/>
    <mergeCell ref="A8682:C8683"/>
    <mergeCell ref="D8682:O8683"/>
    <mergeCell ref="P8682:S8683"/>
    <mergeCell ref="T8682:W8683"/>
    <mergeCell ref="X8682:AA8683"/>
    <mergeCell ref="A8684:C8685"/>
    <mergeCell ref="D8684:O8685"/>
    <mergeCell ref="P8684:S8685"/>
    <mergeCell ref="T8684:W8685"/>
    <mergeCell ref="X8684:AA8685"/>
    <mergeCell ref="A8686:C8687"/>
    <mergeCell ref="D8686:O8687"/>
    <mergeCell ref="P8686:S8687"/>
    <mergeCell ref="T8686:W8687"/>
    <mergeCell ref="X8686:AA8687"/>
    <mergeCell ref="A8656:AA8657"/>
    <mergeCell ref="A8658:C8659"/>
    <mergeCell ref="D8658:O8659"/>
    <mergeCell ref="P8658:S8659"/>
    <mergeCell ref="T8658:W8659"/>
    <mergeCell ref="X8658:AA8659"/>
    <mergeCell ref="A8660:AA8661"/>
    <mergeCell ref="A8662:C8663"/>
    <mergeCell ref="D8662:O8663"/>
    <mergeCell ref="P8662:S8663"/>
    <mergeCell ref="T8662:W8663"/>
    <mergeCell ref="X8662:AA8663"/>
    <mergeCell ref="A8664:C8665"/>
    <mergeCell ref="D8664:O8665"/>
    <mergeCell ref="P8664:S8665"/>
    <mergeCell ref="T8664:W8665"/>
    <mergeCell ref="X8664:AA8665"/>
    <mergeCell ref="A8666:C8667"/>
    <mergeCell ref="D8666:O8667"/>
    <mergeCell ref="P8666:S8667"/>
    <mergeCell ref="T8666:W8667"/>
    <mergeCell ref="X8666:AA8667"/>
    <mergeCell ref="A8668:C8669"/>
    <mergeCell ref="D8668:O8669"/>
    <mergeCell ref="P8668:S8669"/>
    <mergeCell ref="T8668:W8669"/>
    <mergeCell ref="X8668:AA8669"/>
    <mergeCell ref="A8670:C8671"/>
    <mergeCell ref="D8670:O8671"/>
    <mergeCell ref="P8670:S8671"/>
    <mergeCell ref="T8670:W8671"/>
    <mergeCell ref="X8670:AA8671"/>
    <mergeCell ref="A8672:C8673"/>
    <mergeCell ref="D8672:O8673"/>
    <mergeCell ref="P8672:S8673"/>
    <mergeCell ref="T8672:W8673"/>
    <mergeCell ref="X8672:AA8673"/>
    <mergeCell ref="A8642:C8643"/>
    <mergeCell ref="D8642:O8643"/>
    <mergeCell ref="P8642:S8643"/>
    <mergeCell ref="T8642:W8643"/>
    <mergeCell ref="X8642:AA8643"/>
    <mergeCell ref="A8644:C8645"/>
    <mergeCell ref="D8644:O8645"/>
    <mergeCell ref="P8644:S8645"/>
    <mergeCell ref="T8644:W8645"/>
    <mergeCell ref="X8644:AA8645"/>
    <mergeCell ref="A8646:C8647"/>
    <mergeCell ref="D8646:O8647"/>
    <mergeCell ref="P8646:S8647"/>
    <mergeCell ref="T8646:W8647"/>
    <mergeCell ref="X8646:AA8647"/>
    <mergeCell ref="A8648:C8649"/>
    <mergeCell ref="D8648:O8649"/>
    <mergeCell ref="P8648:S8649"/>
    <mergeCell ref="T8648:W8649"/>
    <mergeCell ref="X8648:AA8649"/>
    <mergeCell ref="A8650:C8651"/>
    <mergeCell ref="D8650:O8651"/>
    <mergeCell ref="P8650:S8651"/>
    <mergeCell ref="T8650:W8651"/>
    <mergeCell ref="X8650:AA8651"/>
    <mergeCell ref="A8652:C8653"/>
    <mergeCell ref="D8652:O8653"/>
    <mergeCell ref="P8652:S8653"/>
    <mergeCell ref="T8652:W8653"/>
    <mergeCell ref="X8652:AA8653"/>
    <mergeCell ref="A8654:C8655"/>
    <mergeCell ref="D8654:O8655"/>
    <mergeCell ref="P8654:S8655"/>
    <mergeCell ref="T8654:W8655"/>
    <mergeCell ref="X8654:AA8655"/>
    <mergeCell ref="A8628:C8629"/>
    <mergeCell ref="D8628:O8629"/>
    <mergeCell ref="P8628:S8629"/>
    <mergeCell ref="T8628:W8629"/>
    <mergeCell ref="X8628:AA8629"/>
    <mergeCell ref="A8630:C8631"/>
    <mergeCell ref="D8630:O8631"/>
    <mergeCell ref="P8630:S8631"/>
    <mergeCell ref="T8630:W8631"/>
    <mergeCell ref="X8630:AA8631"/>
    <mergeCell ref="A8632:C8633"/>
    <mergeCell ref="D8632:O8633"/>
    <mergeCell ref="P8632:S8633"/>
    <mergeCell ref="T8632:W8633"/>
    <mergeCell ref="X8632:AA8633"/>
    <mergeCell ref="A8634:C8635"/>
    <mergeCell ref="D8634:O8635"/>
    <mergeCell ref="P8634:S8635"/>
    <mergeCell ref="T8634:W8635"/>
    <mergeCell ref="X8634:AA8635"/>
    <mergeCell ref="A8636:C8637"/>
    <mergeCell ref="D8636:O8637"/>
    <mergeCell ref="P8636:S8637"/>
    <mergeCell ref="T8636:W8637"/>
    <mergeCell ref="X8636:AA8637"/>
    <mergeCell ref="A8638:C8639"/>
    <mergeCell ref="D8638:O8639"/>
    <mergeCell ref="P8638:S8639"/>
    <mergeCell ref="T8638:W8639"/>
    <mergeCell ref="X8638:AA8639"/>
    <mergeCell ref="A8640:C8641"/>
    <mergeCell ref="D8640:O8641"/>
    <mergeCell ref="P8640:S8641"/>
    <mergeCell ref="T8640:W8641"/>
    <mergeCell ref="X8640:AA8641"/>
    <mergeCell ref="A8612:C8613"/>
    <mergeCell ref="D8612:O8613"/>
    <mergeCell ref="P8612:S8613"/>
    <mergeCell ref="T8612:W8613"/>
    <mergeCell ref="X8612:AA8613"/>
    <mergeCell ref="A8614:AA8615"/>
    <mergeCell ref="A8616:C8617"/>
    <mergeCell ref="D8616:O8617"/>
    <mergeCell ref="P8616:S8617"/>
    <mergeCell ref="T8616:W8617"/>
    <mergeCell ref="X8616:AA8617"/>
    <mergeCell ref="A8618:C8619"/>
    <mergeCell ref="D8618:O8619"/>
    <mergeCell ref="P8618:S8619"/>
    <mergeCell ref="T8618:W8619"/>
    <mergeCell ref="X8618:AA8619"/>
    <mergeCell ref="A8620:C8621"/>
    <mergeCell ref="D8620:O8621"/>
    <mergeCell ref="P8620:S8621"/>
    <mergeCell ref="T8620:W8621"/>
    <mergeCell ref="X8620:AA8621"/>
    <mergeCell ref="A8622:C8623"/>
    <mergeCell ref="D8622:O8623"/>
    <mergeCell ref="P8622:S8623"/>
    <mergeCell ref="T8622:W8623"/>
    <mergeCell ref="X8622:AA8623"/>
    <mergeCell ref="A8624:C8625"/>
    <mergeCell ref="D8624:O8625"/>
    <mergeCell ref="P8624:S8625"/>
    <mergeCell ref="T8624:W8625"/>
    <mergeCell ref="X8624:AA8625"/>
    <mergeCell ref="A8626:C8627"/>
    <mergeCell ref="D8626:O8627"/>
    <mergeCell ref="P8626:S8627"/>
    <mergeCell ref="T8626:W8627"/>
    <mergeCell ref="X8626:AA8627"/>
    <mergeCell ref="A8596:C8597"/>
    <mergeCell ref="D8596:O8597"/>
    <mergeCell ref="P8596:S8597"/>
    <mergeCell ref="T8596:W8597"/>
    <mergeCell ref="X8596:AA8597"/>
    <mergeCell ref="A8598:C8599"/>
    <mergeCell ref="D8598:O8599"/>
    <mergeCell ref="P8598:S8599"/>
    <mergeCell ref="T8598:W8599"/>
    <mergeCell ref="X8598:AA8599"/>
    <mergeCell ref="A8600:C8601"/>
    <mergeCell ref="D8600:O8601"/>
    <mergeCell ref="P8600:S8601"/>
    <mergeCell ref="T8600:W8601"/>
    <mergeCell ref="X8600:AA8601"/>
    <mergeCell ref="A8602:C8603"/>
    <mergeCell ref="D8602:O8603"/>
    <mergeCell ref="P8602:S8603"/>
    <mergeCell ref="T8602:W8603"/>
    <mergeCell ref="X8602:AA8603"/>
    <mergeCell ref="A8604:C8605"/>
    <mergeCell ref="D8604:O8605"/>
    <mergeCell ref="P8604:S8605"/>
    <mergeCell ref="T8604:W8605"/>
    <mergeCell ref="X8604:AA8605"/>
    <mergeCell ref="A8606:C8607"/>
    <mergeCell ref="D8606:O8607"/>
    <mergeCell ref="P8606:S8607"/>
    <mergeCell ref="T8606:W8607"/>
    <mergeCell ref="X8606:AA8607"/>
    <mergeCell ref="A8608:AA8609"/>
    <mergeCell ref="A8610:C8611"/>
    <mergeCell ref="D8610:O8611"/>
    <mergeCell ref="P8610:S8611"/>
    <mergeCell ref="T8610:W8611"/>
    <mergeCell ref="X8610:AA8611"/>
    <mergeCell ref="A8580:C8581"/>
    <mergeCell ref="D8580:O8581"/>
    <mergeCell ref="P8580:S8581"/>
    <mergeCell ref="T8580:W8581"/>
    <mergeCell ref="X8580:AA8581"/>
    <mergeCell ref="A8582:C8583"/>
    <mergeCell ref="D8582:O8583"/>
    <mergeCell ref="P8582:S8583"/>
    <mergeCell ref="T8582:W8583"/>
    <mergeCell ref="X8582:AA8583"/>
    <mergeCell ref="A8584:C8585"/>
    <mergeCell ref="D8584:O8585"/>
    <mergeCell ref="P8584:S8585"/>
    <mergeCell ref="T8584:W8585"/>
    <mergeCell ref="X8584:AA8585"/>
    <mergeCell ref="A8586:C8587"/>
    <mergeCell ref="D8586:O8587"/>
    <mergeCell ref="P8586:S8587"/>
    <mergeCell ref="T8586:W8587"/>
    <mergeCell ref="X8586:AA8587"/>
    <mergeCell ref="A8588:AA8589"/>
    <mergeCell ref="A8590:C8591"/>
    <mergeCell ref="D8590:O8591"/>
    <mergeCell ref="P8590:S8591"/>
    <mergeCell ref="T8590:W8591"/>
    <mergeCell ref="X8590:AA8591"/>
    <mergeCell ref="A8592:C8593"/>
    <mergeCell ref="D8592:O8593"/>
    <mergeCell ref="P8592:S8593"/>
    <mergeCell ref="T8592:W8593"/>
    <mergeCell ref="X8592:AA8593"/>
    <mergeCell ref="A8594:C8595"/>
    <mergeCell ref="D8594:O8595"/>
    <mergeCell ref="P8594:S8595"/>
    <mergeCell ref="T8594:W8595"/>
    <mergeCell ref="X8594:AA8595"/>
    <mergeCell ref="A8566:C8567"/>
    <mergeCell ref="D8566:O8567"/>
    <mergeCell ref="P8566:S8567"/>
    <mergeCell ref="T8566:W8567"/>
    <mergeCell ref="X8566:AA8567"/>
    <mergeCell ref="A8568:C8569"/>
    <mergeCell ref="D8568:O8569"/>
    <mergeCell ref="P8568:S8569"/>
    <mergeCell ref="T8568:W8569"/>
    <mergeCell ref="X8568:AA8569"/>
    <mergeCell ref="A8570:C8571"/>
    <mergeCell ref="D8570:O8571"/>
    <mergeCell ref="P8570:S8571"/>
    <mergeCell ref="T8570:W8571"/>
    <mergeCell ref="X8570:AA8571"/>
    <mergeCell ref="A8572:C8573"/>
    <mergeCell ref="D8572:O8573"/>
    <mergeCell ref="P8572:S8573"/>
    <mergeCell ref="T8572:W8573"/>
    <mergeCell ref="X8572:AA8573"/>
    <mergeCell ref="A8574:C8575"/>
    <mergeCell ref="D8574:O8575"/>
    <mergeCell ref="P8574:S8575"/>
    <mergeCell ref="T8574:W8575"/>
    <mergeCell ref="X8574:AA8575"/>
    <mergeCell ref="A8576:C8577"/>
    <mergeCell ref="D8576:O8577"/>
    <mergeCell ref="P8576:S8577"/>
    <mergeCell ref="T8576:W8577"/>
    <mergeCell ref="X8576:AA8577"/>
    <mergeCell ref="A8578:C8579"/>
    <mergeCell ref="D8578:O8579"/>
    <mergeCell ref="P8578:S8579"/>
    <mergeCell ref="T8578:W8579"/>
    <mergeCell ref="X8578:AA8579"/>
    <mergeCell ref="A8548:C8549"/>
    <mergeCell ref="D8548:O8549"/>
    <mergeCell ref="P8548:S8549"/>
    <mergeCell ref="T8548:W8549"/>
    <mergeCell ref="X8548:AA8549"/>
    <mergeCell ref="A8550:AA8551"/>
    <mergeCell ref="A8552:C8553"/>
    <mergeCell ref="D8552:O8553"/>
    <mergeCell ref="P8552:S8553"/>
    <mergeCell ref="T8552:W8553"/>
    <mergeCell ref="X8552:AA8553"/>
    <mergeCell ref="A8554:AA8555"/>
    <mergeCell ref="A8556:C8557"/>
    <mergeCell ref="D8556:O8557"/>
    <mergeCell ref="P8556:S8557"/>
    <mergeCell ref="T8556:W8557"/>
    <mergeCell ref="X8556:AA8557"/>
    <mergeCell ref="A8558:C8559"/>
    <mergeCell ref="D8558:O8559"/>
    <mergeCell ref="P8558:S8559"/>
    <mergeCell ref="T8558:W8559"/>
    <mergeCell ref="X8558:AA8559"/>
    <mergeCell ref="A8560:AA8561"/>
    <mergeCell ref="A8562:C8563"/>
    <mergeCell ref="D8562:O8563"/>
    <mergeCell ref="P8562:S8563"/>
    <mergeCell ref="T8562:W8563"/>
    <mergeCell ref="X8562:AA8563"/>
    <mergeCell ref="A8564:C8565"/>
    <mergeCell ref="D8564:O8565"/>
    <mergeCell ref="P8564:S8565"/>
    <mergeCell ref="T8564:W8565"/>
    <mergeCell ref="X8564:AA8565"/>
    <mergeCell ref="A8534:C8535"/>
    <mergeCell ref="D8534:O8535"/>
    <mergeCell ref="P8534:S8535"/>
    <mergeCell ref="T8534:W8535"/>
    <mergeCell ref="X8534:AA8535"/>
    <mergeCell ref="A8536:C8537"/>
    <mergeCell ref="D8536:O8537"/>
    <mergeCell ref="P8536:S8537"/>
    <mergeCell ref="T8536:W8537"/>
    <mergeCell ref="X8536:AA8537"/>
    <mergeCell ref="A8538:C8539"/>
    <mergeCell ref="D8538:O8539"/>
    <mergeCell ref="P8538:S8539"/>
    <mergeCell ref="T8538:W8539"/>
    <mergeCell ref="X8538:AA8539"/>
    <mergeCell ref="A8540:C8541"/>
    <mergeCell ref="D8540:O8541"/>
    <mergeCell ref="P8540:S8541"/>
    <mergeCell ref="T8540:W8541"/>
    <mergeCell ref="X8540:AA8541"/>
    <mergeCell ref="A8542:C8543"/>
    <mergeCell ref="D8542:O8543"/>
    <mergeCell ref="P8542:S8543"/>
    <mergeCell ref="T8542:W8543"/>
    <mergeCell ref="X8542:AA8543"/>
    <mergeCell ref="A8544:C8545"/>
    <mergeCell ref="D8544:O8545"/>
    <mergeCell ref="P8544:S8545"/>
    <mergeCell ref="T8544:W8545"/>
    <mergeCell ref="X8544:AA8545"/>
    <mergeCell ref="A8546:C8547"/>
    <mergeCell ref="D8546:O8547"/>
    <mergeCell ref="P8546:S8547"/>
    <mergeCell ref="T8546:W8547"/>
    <mergeCell ref="X8546:AA8547"/>
    <mergeCell ref="A8520:C8521"/>
    <mergeCell ref="D8520:O8521"/>
    <mergeCell ref="P8520:S8521"/>
    <mergeCell ref="T8520:W8521"/>
    <mergeCell ref="X8520:AA8521"/>
    <mergeCell ref="A8522:C8523"/>
    <mergeCell ref="D8522:O8523"/>
    <mergeCell ref="P8522:S8523"/>
    <mergeCell ref="T8522:W8523"/>
    <mergeCell ref="X8522:AA8523"/>
    <mergeCell ref="A8524:C8525"/>
    <mergeCell ref="D8524:O8525"/>
    <mergeCell ref="P8524:S8525"/>
    <mergeCell ref="T8524:W8525"/>
    <mergeCell ref="X8524:AA8525"/>
    <mergeCell ref="A8526:C8527"/>
    <mergeCell ref="D8526:O8527"/>
    <mergeCell ref="P8526:S8527"/>
    <mergeCell ref="T8526:W8527"/>
    <mergeCell ref="X8526:AA8527"/>
    <mergeCell ref="A8528:C8529"/>
    <mergeCell ref="D8528:O8529"/>
    <mergeCell ref="P8528:S8529"/>
    <mergeCell ref="T8528:W8529"/>
    <mergeCell ref="X8528:AA8529"/>
    <mergeCell ref="A8530:C8531"/>
    <mergeCell ref="D8530:O8531"/>
    <mergeCell ref="P8530:S8531"/>
    <mergeCell ref="T8530:W8531"/>
    <mergeCell ref="X8530:AA8531"/>
    <mergeCell ref="A8532:C8533"/>
    <mergeCell ref="D8532:O8533"/>
    <mergeCell ref="P8532:S8533"/>
    <mergeCell ref="T8532:W8533"/>
    <mergeCell ref="X8532:AA8533"/>
    <mergeCell ref="A8506:C8507"/>
    <mergeCell ref="D8506:O8507"/>
    <mergeCell ref="P8506:S8507"/>
    <mergeCell ref="T8506:W8507"/>
    <mergeCell ref="X8506:AA8507"/>
    <mergeCell ref="A8508:C8509"/>
    <mergeCell ref="D8508:O8509"/>
    <mergeCell ref="P8508:S8509"/>
    <mergeCell ref="T8508:W8509"/>
    <mergeCell ref="X8508:AA8509"/>
    <mergeCell ref="A8510:C8511"/>
    <mergeCell ref="D8510:O8511"/>
    <mergeCell ref="P8510:S8511"/>
    <mergeCell ref="T8510:W8511"/>
    <mergeCell ref="X8510:AA8511"/>
    <mergeCell ref="A8512:C8513"/>
    <mergeCell ref="D8512:O8513"/>
    <mergeCell ref="P8512:S8513"/>
    <mergeCell ref="T8512:W8513"/>
    <mergeCell ref="X8512:AA8513"/>
    <mergeCell ref="A8514:C8515"/>
    <mergeCell ref="D8514:O8515"/>
    <mergeCell ref="P8514:S8515"/>
    <mergeCell ref="T8514:W8515"/>
    <mergeCell ref="X8514:AA8515"/>
    <mergeCell ref="A8516:C8517"/>
    <mergeCell ref="D8516:O8517"/>
    <mergeCell ref="P8516:S8517"/>
    <mergeCell ref="T8516:W8517"/>
    <mergeCell ref="X8516:AA8517"/>
    <mergeCell ref="A8518:C8519"/>
    <mergeCell ref="D8518:O8519"/>
    <mergeCell ref="P8518:S8519"/>
    <mergeCell ref="T8518:W8519"/>
    <mergeCell ref="X8518:AA8519"/>
    <mergeCell ref="A8492:C8493"/>
    <mergeCell ref="D8492:O8493"/>
    <mergeCell ref="P8492:S8493"/>
    <mergeCell ref="T8492:W8493"/>
    <mergeCell ref="X8492:AA8493"/>
    <mergeCell ref="A8494:C8495"/>
    <mergeCell ref="D8494:O8495"/>
    <mergeCell ref="P8494:S8495"/>
    <mergeCell ref="T8494:W8495"/>
    <mergeCell ref="X8494:AA8495"/>
    <mergeCell ref="A8496:C8497"/>
    <mergeCell ref="D8496:O8497"/>
    <mergeCell ref="P8496:S8497"/>
    <mergeCell ref="T8496:W8497"/>
    <mergeCell ref="X8496:AA8497"/>
    <mergeCell ref="A8498:C8499"/>
    <mergeCell ref="D8498:O8499"/>
    <mergeCell ref="P8498:S8499"/>
    <mergeCell ref="T8498:W8499"/>
    <mergeCell ref="X8498:AA8499"/>
    <mergeCell ref="A8500:C8501"/>
    <mergeCell ref="D8500:O8501"/>
    <mergeCell ref="P8500:S8501"/>
    <mergeCell ref="T8500:W8501"/>
    <mergeCell ref="X8500:AA8501"/>
    <mergeCell ref="A8502:C8503"/>
    <mergeCell ref="D8502:O8503"/>
    <mergeCell ref="P8502:S8503"/>
    <mergeCell ref="T8502:W8503"/>
    <mergeCell ref="X8502:AA8503"/>
    <mergeCell ref="A8504:C8505"/>
    <mergeCell ref="D8504:O8505"/>
    <mergeCell ref="P8504:S8505"/>
    <mergeCell ref="T8504:W8505"/>
    <mergeCell ref="X8504:AA8505"/>
    <mergeCell ref="A8476:AA8477"/>
    <mergeCell ref="A8478:C8479"/>
    <mergeCell ref="D8478:O8479"/>
    <mergeCell ref="P8478:S8479"/>
    <mergeCell ref="T8478:W8479"/>
    <mergeCell ref="X8478:AA8479"/>
    <mergeCell ref="A8480:C8481"/>
    <mergeCell ref="D8480:O8481"/>
    <mergeCell ref="P8480:S8481"/>
    <mergeCell ref="T8480:W8481"/>
    <mergeCell ref="X8480:AA8481"/>
    <mergeCell ref="A8482:C8483"/>
    <mergeCell ref="D8482:O8483"/>
    <mergeCell ref="P8482:S8483"/>
    <mergeCell ref="T8482:W8483"/>
    <mergeCell ref="X8482:AA8483"/>
    <mergeCell ref="A8484:C8485"/>
    <mergeCell ref="D8484:O8485"/>
    <mergeCell ref="P8484:S8485"/>
    <mergeCell ref="T8484:W8485"/>
    <mergeCell ref="X8484:AA8485"/>
    <mergeCell ref="A8486:C8487"/>
    <mergeCell ref="D8486:O8487"/>
    <mergeCell ref="P8486:S8487"/>
    <mergeCell ref="T8486:W8487"/>
    <mergeCell ref="X8486:AA8487"/>
    <mergeCell ref="A8488:C8489"/>
    <mergeCell ref="D8488:O8489"/>
    <mergeCell ref="P8488:S8489"/>
    <mergeCell ref="T8488:W8489"/>
    <mergeCell ref="X8488:AA8489"/>
    <mergeCell ref="A8490:C8491"/>
    <mergeCell ref="D8490:O8491"/>
    <mergeCell ref="P8490:S8491"/>
    <mergeCell ref="T8490:W8491"/>
    <mergeCell ref="X8490:AA8491"/>
    <mergeCell ref="A8462:C8463"/>
    <mergeCell ref="D8462:O8463"/>
    <mergeCell ref="P8462:S8463"/>
    <mergeCell ref="T8462:W8463"/>
    <mergeCell ref="X8462:AA8463"/>
    <mergeCell ref="A8464:C8465"/>
    <mergeCell ref="D8464:O8465"/>
    <mergeCell ref="P8464:S8465"/>
    <mergeCell ref="T8464:W8465"/>
    <mergeCell ref="X8464:AA8465"/>
    <mergeCell ref="A8466:C8467"/>
    <mergeCell ref="D8466:O8467"/>
    <mergeCell ref="P8466:S8467"/>
    <mergeCell ref="T8466:W8467"/>
    <mergeCell ref="X8466:AA8467"/>
    <mergeCell ref="A8468:C8469"/>
    <mergeCell ref="D8468:O8469"/>
    <mergeCell ref="P8468:S8469"/>
    <mergeCell ref="T8468:W8469"/>
    <mergeCell ref="X8468:AA8469"/>
    <mergeCell ref="A8470:C8471"/>
    <mergeCell ref="D8470:O8471"/>
    <mergeCell ref="P8470:S8471"/>
    <mergeCell ref="T8470:W8471"/>
    <mergeCell ref="X8470:AA8471"/>
    <mergeCell ref="A8472:C8473"/>
    <mergeCell ref="D8472:O8473"/>
    <mergeCell ref="P8472:S8473"/>
    <mergeCell ref="T8472:W8473"/>
    <mergeCell ref="X8472:AA8473"/>
    <mergeCell ref="A8474:C8475"/>
    <mergeCell ref="D8474:O8475"/>
    <mergeCell ref="P8474:S8475"/>
    <mergeCell ref="T8474:W8475"/>
    <mergeCell ref="X8474:AA8475"/>
    <mergeCell ref="A8448:C8449"/>
    <mergeCell ref="D8448:O8449"/>
    <mergeCell ref="P8448:S8449"/>
    <mergeCell ref="T8448:W8449"/>
    <mergeCell ref="X8448:AA8449"/>
    <mergeCell ref="A8450:C8451"/>
    <mergeCell ref="D8450:O8451"/>
    <mergeCell ref="P8450:S8451"/>
    <mergeCell ref="T8450:W8451"/>
    <mergeCell ref="X8450:AA8451"/>
    <mergeCell ref="A8452:C8453"/>
    <mergeCell ref="D8452:O8453"/>
    <mergeCell ref="P8452:S8453"/>
    <mergeCell ref="T8452:W8453"/>
    <mergeCell ref="X8452:AA8453"/>
    <mergeCell ref="A8454:C8455"/>
    <mergeCell ref="D8454:O8455"/>
    <mergeCell ref="P8454:S8455"/>
    <mergeCell ref="T8454:W8455"/>
    <mergeCell ref="X8454:AA8455"/>
    <mergeCell ref="A8456:C8457"/>
    <mergeCell ref="D8456:O8457"/>
    <mergeCell ref="P8456:S8457"/>
    <mergeCell ref="T8456:W8457"/>
    <mergeCell ref="X8456:AA8457"/>
    <mergeCell ref="A8458:C8459"/>
    <mergeCell ref="D8458:O8459"/>
    <mergeCell ref="P8458:S8459"/>
    <mergeCell ref="T8458:W8459"/>
    <mergeCell ref="X8458:AA8459"/>
    <mergeCell ref="A8460:C8461"/>
    <mergeCell ref="D8460:O8461"/>
    <mergeCell ref="P8460:S8461"/>
    <mergeCell ref="T8460:W8461"/>
    <mergeCell ref="X8460:AA8461"/>
    <mergeCell ref="A8434:C8435"/>
    <mergeCell ref="D8434:O8435"/>
    <mergeCell ref="P8434:S8435"/>
    <mergeCell ref="T8434:W8435"/>
    <mergeCell ref="X8434:AA8435"/>
    <mergeCell ref="A8436:C8437"/>
    <mergeCell ref="D8436:O8437"/>
    <mergeCell ref="P8436:S8437"/>
    <mergeCell ref="T8436:W8437"/>
    <mergeCell ref="X8436:AA8437"/>
    <mergeCell ref="A8438:C8439"/>
    <mergeCell ref="D8438:O8439"/>
    <mergeCell ref="P8438:S8439"/>
    <mergeCell ref="T8438:W8439"/>
    <mergeCell ref="X8438:AA8439"/>
    <mergeCell ref="A8440:C8441"/>
    <mergeCell ref="D8440:O8441"/>
    <mergeCell ref="P8440:S8441"/>
    <mergeCell ref="T8440:W8441"/>
    <mergeCell ref="X8440:AA8441"/>
    <mergeCell ref="A8442:C8443"/>
    <mergeCell ref="D8442:O8443"/>
    <mergeCell ref="P8442:S8443"/>
    <mergeCell ref="T8442:W8443"/>
    <mergeCell ref="X8442:AA8443"/>
    <mergeCell ref="A8444:C8445"/>
    <mergeCell ref="D8444:O8445"/>
    <mergeCell ref="P8444:S8445"/>
    <mergeCell ref="T8444:W8445"/>
    <mergeCell ref="X8444:AA8445"/>
    <mergeCell ref="A8446:C8447"/>
    <mergeCell ref="D8446:O8447"/>
    <mergeCell ref="P8446:S8447"/>
    <mergeCell ref="T8446:W8447"/>
    <mergeCell ref="X8446:AA8447"/>
    <mergeCell ref="A8420:C8421"/>
    <mergeCell ref="D8420:O8421"/>
    <mergeCell ref="P8420:S8421"/>
    <mergeCell ref="T8420:W8421"/>
    <mergeCell ref="X8420:AA8421"/>
    <mergeCell ref="A8422:C8423"/>
    <mergeCell ref="D8422:O8423"/>
    <mergeCell ref="P8422:S8423"/>
    <mergeCell ref="T8422:W8423"/>
    <mergeCell ref="X8422:AA8423"/>
    <mergeCell ref="A8424:C8425"/>
    <mergeCell ref="D8424:O8425"/>
    <mergeCell ref="P8424:S8425"/>
    <mergeCell ref="T8424:W8425"/>
    <mergeCell ref="X8424:AA8425"/>
    <mergeCell ref="A8426:C8427"/>
    <mergeCell ref="D8426:O8427"/>
    <mergeCell ref="P8426:S8427"/>
    <mergeCell ref="T8426:W8427"/>
    <mergeCell ref="X8426:AA8427"/>
    <mergeCell ref="A8428:C8429"/>
    <mergeCell ref="D8428:O8429"/>
    <mergeCell ref="P8428:S8429"/>
    <mergeCell ref="T8428:W8429"/>
    <mergeCell ref="X8428:AA8429"/>
    <mergeCell ref="A8430:C8431"/>
    <mergeCell ref="D8430:O8431"/>
    <mergeCell ref="P8430:S8431"/>
    <mergeCell ref="T8430:W8431"/>
    <mergeCell ref="X8430:AA8431"/>
    <mergeCell ref="A8432:C8433"/>
    <mergeCell ref="D8432:O8433"/>
    <mergeCell ref="P8432:S8433"/>
    <mergeCell ref="T8432:W8433"/>
    <mergeCell ref="X8432:AA8433"/>
    <mergeCell ref="A8406:C8407"/>
    <mergeCell ref="D8406:O8407"/>
    <mergeCell ref="P8406:S8407"/>
    <mergeCell ref="T8406:W8407"/>
    <mergeCell ref="X8406:AA8407"/>
    <mergeCell ref="A8408:C8409"/>
    <mergeCell ref="D8408:O8409"/>
    <mergeCell ref="P8408:S8409"/>
    <mergeCell ref="T8408:W8409"/>
    <mergeCell ref="X8408:AA8409"/>
    <mergeCell ref="A8410:C8411"/>
    <mergeCell ref="D8410:O8411"/>
    <mergeCell ref="P8410:S8411"/>
    <mergeCell ref="T8410:W8411"/>
    <mergeCell ref="X8410:AA8411"/>
    <mergeCell ref="A8412:C8413"/>
    <mergeCell ref="D8412:O8413"/>
    <mergeCell ref="P8412:S8413"/>
    <mergeCell ref="T8412:W8413"/>
    <mergeCell ref="X8412:AA8413"/>
    <mergeCell ref="A8414:C8415"/>
    <mergeCell ref="D8414:O8415"/>
    <mergeCell ref="P8414:S8415"/>
    <mergeCell ref="T8414:W8415"/>
    <mergeCell ref="X8414:AA8415"/>
    <mergeCell ref="A8416:C8417"/>
    <mergeCell ref="D8416:O8417"/>
    <mergeCell ref="P8416:S8417"/>
    <mergeCell ref="T8416:W8417"/>
    <mergeCell ref="X8416:AA8417"/>
    <mergeCell ref="A8418:C8419"/>
    <mergeCell ref="D8418:O8419"/>
    <mergeCell ref="P8418:S8419"/>
    <mergeCell ref="T8418:W8419"/>
    <mergeCell ref="X8418:AA8419"/>
    <mergeCell ref="A8392:C8393"/>
    <mergeCell ref="D8392:O8393"/>
    <mergeCell ref="P8392:S8393"/>
    <mergeCell ref="T8392:W8393"/>
    <mergeCell ref="X8392:AA8393"/>
    <mergeCell ref="A8394:C8395"/>
    <mergeCell ref="D8394:O8395"/>
    <mergeCell ref="P8394:S8395"/>
    <mergeCell ref="T8394:W8395"/>
    <mergeCell ref="X8394:AA8395"/>
    <mergeCell ref="A8396:C8397"/>
    <mergeCell ref="D8396:O8397"/>
    <mergeCell ref="P8396:S8397"/>
    <mergeCell ref="T8396:W8397"/>
    <mergeCell ref="X8396:AA8397"/>
    <mergeCell ref="A8398:C8399"/>
    <mergeCell ref="D8398:O8399"/>
    <mergeCell ref="P8398:S8399"/>
    <mergeCell ref="T8398:W8399"/>
    <mergeCell ref="X8398:AA8399"/>
    <mergeCell ref="A8400:C8401"/>
    <mergeCell ref="D8400:O8401"/>
    <mergeCell ref="P8400:S8401"/>
    <mergeCell ref="T8400:W8401"/>
    <mergeCell ref="X8400:AA8401"/>
    <mergeCell ref="A8402:C8403"/>
    <mergeCell ref="D8402:O8403"/>
    <mergeCell ref="P8402:S8403"/>
    <mergeCell ref="T8402:W8403"/>
    <mergeCell ref="X8402:AA8403"/>
    <mergeCell ref="A8404:C8405"/>
    <mergeCell ref="D8404:O8405"/>
    <mergeCell ref="P8404:S8405"/>
    <mergeCell ref="T8404:W8405"/>
    <mergeCell ref="X8404:AA8405"/>
    <mergeCell ref="A8378:C8379"/>
    <mergeCell ref="D8378:O8379"/>
    <mergeCell ref="P8378:S8379"/>
    <mergeCell ref="T8378:W8379"/>
    <mergeCell ref="X8378:AA8379"/>
    <mergeCell ref="A8380:C8381"/>
    <mergeCell ref="D8380:O8381"/>
    <mergeCell ref="P8380:S8381"/>
    <mergeCell ref="T8380:W8381"/>
    <mergeCell ref="X8380:AA8381"/>
    <mergeCell ref="A8382:C8383"/>
    <mergeCell ref="D8382:O8383"/>
    <mergeCell ref="P8382:S8383"/>
    <mergeCell ref="T8382:W8383"/>
    <mergeCell ref="X8382:AA8383"/>
    <mergeCell ref="A8384:C8385"/>
    <mergeCell ref="D8384:O8385"/>
    <mergeCell ref="P8384:S8385"/>
    <mergeCell ref="T8384:W8385"/>
    <mergeCell ref="X8384:AA8385"/>
    <mergeCell ref="A8386:C8387"/>
    <mergeCell ref="D8386:O8387"/>
    <mergeCell ref="P8386:S8387"/>
    <mergeCell ref="T8386:W8387"/>
    <mergeCell ref="X8386:AA8387"/>
    <mergeCell ref="A8388:C8389"/>
    <mergeCell ref="D8388:O8389"/>
    <mergeCell ref="P8388:S8389"/>
    <mergeCell ref="T8388:W8389"/>
    <mergeCell ref="X8388:AA8389"/>
    <mergeCell ref="A8390:C8391"/>
    <mergeCell ref="D8390:O8391"/>
    <mergeCell ref="P8390:S8391"/>
    <mergeCell ref="T8390:W8391"/>
    <mergeCell ref="X8390:AA8391"/>
    <mergeCell ref="A8364:C8365"/>
    <mergeCell ref="D8364:O8365"/>
    <mergeCell ref="P8364:S8365"/>
    <mergeCell ref="T8364:W8365"/>
    <mergeCell ref="X8364:AA8365"/>
    <mergeCell ref="A8366:C8367"/>
    <mergeCell ref="D8366:O8367"/>
    <mergeCell ref="P8366:S8367"/>
    <mergeCell ref="T8366:W8367"/>
    <mergeCell ref="X8366:AA8367"/>
    <mergeCell ref="A8368:C8369"/>
    <mergeCell ref="D8368:O8369"/>
    <mergeCell ref="P8368:S8369"/>
    <mergeCell ref="T8368:W8369"/>
    <mergeCell ref="X8368:AA8369"/>
    <mergeCell ref="A8370:C8371"/>
    <mergeCell ref="D8370:O8371"/>
    <mergeCell ref="P8370:S8371"/>
    <mergeCell ref="T8370:W8371"/>
    <mergeCell ref="X8370:AA8371"/>
    <mergeCell ref="A8372:C8373"/>
    <mergeCell ref="D8372:O8373"/>
    <mergeCell ref="P8372:S8373"/>
    <mergeCell ref="T8372:W8373"/>
    <mergeCell ref="X8372:AA8373"/>
    <mergeCell ref="A8374:C8375"/>
    <mergeCell ref="D8374:O8375"/>
    <mergeCell ref="P8374:S8375"/>
    <mergeCell ref="T8374:W8375"/>
    <mergeCell ref="X8374:AA8375"/>
    <mergeCell ref="A8376:C8377"/>
    <mergeCell ref="D8376:O8377"/>
    <mergeCell ref="P8376:S8377"/>
    <mergeCell ref="T8376:W8377"/>
    <mergeCell ref="X8376:AA8377"/>
    <mergeCell ref="A8350:C8351"/>
    <mergeCell ref="D8350:O8351"/>
    <mergeCell ref="P8350:S8351"/>
    <mergeCell ref="T8350:W8351"/>
    <mergeCell ref="X8350:AA8351"/>
    <mergeCell ref="A8352:C8353"/>
    <mergeCell ref="D8352:O8353"/>
    <mergeCell ref="P8352:S8353"/>
    <mergeCell ref="T8352:W8353"/>
    <mergeCell ref="X8352:AA8353"/>
    <mergeCell ref="A8354:C8355"/>
    <mergeCell ref="D8354:O8355"/>
    <mergeCell ref="P8354:S8355"/>
    <mergeCell ref="T8354:W8355"/>
    <mergeCell ref="X8354:AA8355"/>
    <mergeCell ref="A8356:C8357"/>
    <mergeCell ref="D8356:O8357"/>
    <mergeCell ref="P8356:S8357"/>
    <mergeCell ref="T8356:W8357"/>
    <mergeCell ref="X8356:AA8357"/>
    <mergeCell ref="A8358:C8359"/>
    <mergeCell ref="D8358:O8359"/>
    <mergeCell ref="P8358:S8359"/>
    <mergeCell ref="T8358:W8359"/>
    <mergeCell ref="X8358:AA8359"/>
    <mergeCell ref="A8360:C8361"/>
    <mergeCell ref="D8360:O8361"/>
    <mergeCell ref="P8360:S8361"/>
    <mergeCell ref="T8360:W8361"/>
    <mergeCell ref="X8360:AA8361"/>
    <mergeCell ref="A8362:C8363"/>
    <mergeCell ref="D8362:O8363"/>
    <mergeCell ref="P8362:S8363"/>
    <mergeCell ref="T8362:W8363"/>
    <mergeCell ref="X8362:AA8363"/>
    <mergeCell ref="A8336:C8337"/>
    <mergeCell ref="D8336:O8337"/>
    <mergeCell ref="P8336:S8337"/>
    <mergeCell ref="T8336:W8337"/>
    <mergeCell ref="X8336:AA8337"/>
    <mergeCell ref="A8338:C8339"/>
    <mergeCell ref="D8338:O8339"/>
    <mergeCell ref="P8338:S8339"/>
    <mergeCell ref="T8338:W8339"/>
    <mergeCell ref="X8338:AA8339"/>
    <mergeCell ref="A8340:C8341"/>
    <mergeCell ref="D8340:O8341"/>
    <mergeCell ref="P8340:S8341"/>
    <mergeCell ref="T8340:W8341"/>
    <mergeCell ref="X8340:AA8341"/>
    <mergeCell ref="A8342:C8343"/>
    <mergeCell ref="D8342:O8343"/>
    <mergeCell ref="P8342:S8343"/>
    <mergeCell ref="T8342:W8343"/>
    <mergeCell ref="X8342:AA8343"/>
    <mergeCell ref="A8344:C8345"/>
    <mergeCell ref="D8344:O8345"/>
    <mergeCell ref="P8344:S8345"/>
    <mergeCell ref="T8344:W8345"/>
    <mergeCell ref="X8344:AA8345"/>
    <mergeCell ref="A8346:C8347"/>
    <mergeCell ref="D8346:O8347"/>
    <mergeCell ref="P8346:S8347"/>
    <mergeCell ref="T8346:W8347"/>
    <mergeCell ref="X8346:AA8347"/>
    <mergeCell ref="A8348:C8349"/>
    <mergeCell ref="D8348:O8349"/>
    <mergeCell ref="P8348:S8349"/>
    <mergeCell ref="T8348:W8349"/>
    <mergeCell ref="X8348:AA8349"/>
    <mergeCell ref="A8322:C8323"/>
    <mergeCell ref="D8322:O8323"/>
    <mergeCell ref="P8322:S8323"/>
    <mergeCell ref="T8322:W8323"/>
    <mergeCell ref="X8322:AA8323"/>
    <mergeCell ref="A8324:C8325"/>
    <mergeCell ref="D8324:O8325"/>
    <mergeCell ref="P8324:S8325"/>
    <mergeCell ref="T8324:W8325"/>
    <mergeCell ref="X8324:AA8325"/>
    <mergeCell ref="A8326:C8327"/>
    <mergeCell ref="D8326:O8327"/>
    <mergeCell ref="P8326:S8327"/>
    <mergeCell ref="T8326:W8327"/>
    <mergeCell ref="X8326:AA8327"/>
    <mergeCell ref="A8328:C8329"/>
    <mergeCell ref="D8328:O8329"/>
    <mergeCell ref="P8328:S8329"/>
    <mergeCell ref="T8328:W8329"/>
    <mergeCell ref="X8328:AA8329"/>
    <mergeCell ref="A8330:C8331"/>
    <mergeCell ref="D8330:O8331"/>
    <mergeCell ref="P8330:S8331"/>
    <mergeCell ref="T8330:W8331"/>
    <mergeCell ref="X8330:AA8331"/>
    <mergeCell ref="A8332:C8333"/>
    <mergeCell ref="D8332:O8333"/>
    <mergeCell ref="P8332:S8333"/>
    <mergeCell ref="T8332:W8333"/>
    <mergeCell ref="X8332:AA8333"/>
    <mergeCell ref="A8334:C8335"/>
    <mergeCell ref="D8334:O8335"/>
    <mergeCell ref="P8334:S8335"/>
    <mergeCell ref="T8334:W8335"/>
    <mergeCell ref="X8334:AA8335"/>
    <mergeCell ref="A8308:C8309"/>
    <mergeCell ref="D8308:O8309"/>
    <mergeCell ref="P8308:S8309"/>
    <mergeCell ref="T8308:W8309"/>
    <mergeCell ref="X8308:AA8309"/>
    <mergeCell ref="A8310:C8311"/>
    <mergeCell ref="D8310:O8311"/>
    <mergeCell ref="P8310:S8311"/>
    <mergeCell ref="T8310:W8311"/>
    <mergeCell ref="X8310:AA8311"/>
    <mergeCell ref="A8312:C8313"/>
    <mergeCell ref="D8312:O8313"/>
    <mergeCell ref="P8312:S8313"/>
    <mergeCell ref="T8312:W8313"/>
    <mergeCell ref="X8312:AA8313"/>
    <mergeCell ref="A8314:C8315"/>
    <mergeCell ref="D8314:O8315"/>
    <mergeCell ref="P8314:S8315"/>
    <mergeCell ref="T8314:W8315"/>
    <mergeCell ref="X8314:AA8315"/>
    <mergeCell ref="A8316:C8317"/>
    <mergeCell ref="D8316:O8317"/>
    <mergeCell ref="P8316:S8317"/>
    <mergeCell ref="T8316:W8317"/>
    <mergeCell ref="X8316:AA8317"/>
    <mergeCell ref="A8318:C8319"/>
    <mergeCell ref="D8318:O8319"/>
    <mergeCell ref="P8318:S8319"/>
    <mergeCell ref="T8318:W8319"/>
    <mergeCell ref="X8318:AA8319"/>
    <mergeCell ref="A8320:C8321"/>
    <mergeCell ref="D8320:O8321"/>
    <mergeCell ref="P8320:S8321"/>
    <mergeCell ref="T8320:W8321"/>
    <mergeCell ref="X8320:AA8321"/>
    <mergeCell ref="A8294:C8295"/>
    <mergeCell ref="D8294:O8295"/>
    <mergeCell ref="P8294:S8295"/>
    <mergeCell ref="T8294:W8295"/>
    <mergeCell ref="X8294:AA8295"/>
    <mergeCell ref="A8296:C8297"/>
    <mergeCell ref="D8296:O8297"/>
    <mergeCell ref="P8296:S8297"/>
    <mergeCell ref="T8296:W8297"/>
    <mergeCell ref="X8296:AA8297"/>
    <mergeCell ref="A8298:C8299"/>
    <mergeCell ref="D8298:O8299"/>
    <mergeCell ref="P8298:S8299"/>
    <mergeCell ref="T8298:W8299"/>
    <mergeCell ref="X8298:AA8299"/>
    <mergeCell ref="A8300:C8301"/>
    <mergeCell ref="D8300:O8301"/>
    <mergeCell ref="P8300:S8301"/>
    <mergeCell ref="T8300:W8301"/>
    <mergeCell ref="X8300:AA8301"/>
    <mergeCell ref="A8302:C8303"/>
    <mergeCell ref="D8302:O8303"/>
    <mergeCell ref="P8302:S8303"/>
    <mergeCell ref="T8302:W8303"/>
    <mergeCell ref="X8302:AA8303"/>
    <mergeCell ref="A8304:C8305"/>
    <mergeCell ref="D8304:O8305"/>
    <mergeCell ref="P8304:S8305"/>
    <mergeCell ref="T8304:W8305"/>
    <mergeCell ref="X8304:AA8305"/>
    <mergeCell ref="A8306:C8307"/>
    <mergeCell ref="D8306:O8307"/>
    <mergeCell ref="P8306:S8307"/>
    <mergeCell ref="T8306:W8307"/>
    <mergeCell ref="X8306:AA8307"/>
    <mergeCell ref="A8280:C8281"/>
    <mergeCell ref="D8280:O8281"/>
    <mergeCell ref="P8280:S8281"/>
    <mergeCell ref="T8280:W8281"/>
    <mergeCell ref="X8280:AA8281"/>
    <mergeCell ref="A8282:C8283"/>
    <mergeCell ref="D8282:O8283"/>
    <mergeCell ref="P8282:S8283"/>
    <mergeCell ref="T8282:W8283"/>
    <mergeCell ref="X8282:AA8283"/>
    <mergeCell ref="A8284:C8285"/>
    <mergeCell ref="D8284:O8285"/>
    <mergeCell ref="P8284:S8285"/>
    <mergeCell ref="T8284:W8285"/>
    <mergeCell ref="X8284:AA8285"/>
    <mergeCell ref="A8286:C8287"/>
    <mergeCell ref="D8286:O8287"/>
    <mergeCell ref="P8286:S8287"/>
    <mergeCell ref="T8286:W8287"/>
    <mergeCell ref="X8286:AA8287"/>
    <mergeCell ref="A8288:C8289"/>
    <mergeCell ref="D8288:O8289"/>
    <mergeCell ref="P8288:S8289"/>
    <mergeCell ref="T8288:W8289"/>
    <mergeCell ref="X8288:AA8289"/>
    <mergeCell ref="A8290:C8291"/>
    <mergeCell ref="D8290:O8291"/>
    <mergeCell ref="P8290:S8291"/>
    <mergeCell ref="T8290:W8291"/>
    <mergeCell ref="X8290:AA8291"/>
    <mergeCell ref="A8292:C8293"/>
    <mergeCell ref="D8292:O8293"/>
    <mergeCell ref="P8292:S8293"/>
    <mergeCell ref="T8292:W8293"/>
    <mergeCell ref="X8292:AA8293"/>
    <mergeCell ref="A8266:C8267"/>
    <mergeCell ref="D8266:O8267"/>
    <mergeCell ref="P8266:S8267"/>
    <mergeCell ref="T8266:W8267"/>
    <mergeCell ref="X8266:AA8267"/>
    <mergeCell ref="A8268:C8269"/>
    <mergeCell ref="D8268:O8269"/>
    <mergeCell ref="P8268:S8269"/>
    <mergeCell ref="T8268:W8269"/>
    <mergeCell ref="X8268:AA8269"/>
    <mergeCell ref="A8270:C8271"/>
    <mergeCell ref="D8270:O8271"/>
    <mergeCell ref="P8270:S8271"/>
    <mergeCell ref="T8270:W8271"/>
    <mergeCell ref="X8270:AA8271"/>
    <mergeCell ref="A8272:C8273"/>
    <mergeCell ref="D8272:O8273"/>
    <mergeCell ref="P8272:S8273"/>
    <mergeCell ref="T8272:W8273"/>
    <mergeCell ref="X8272:AA8273"/>
    <mergeCell ref="A8274:C8275"/>
    <mergeCell ref="D8274:O8275"/>
    <mergeCell ref="P8274:S8275"/>
    <mergeCell ref="T8274:W8275"/>
    <mergeCell ref="X8274:AA8275"/>
    <mergeCell ref="A8276:C8277"/>
    <mergeCell ref="D8276:O8277"/>
    <mergeCell ref="P8276:S8277"/>
    <mergeCell ref="T8276:W8277"/>
    <mergeCell ref="X8276:AA8277"/>
    <mergeCell ref="A8278:C8279"/>
    <mergeCell ref="D8278:O8279"/>
    <mergeCell ref="P8278:S8279"/>
    <mergeCell ref="T8278:W8279"/>
    <mergeCell ref="X8278:AA8279"/>
    <mergeCell ref="A8252:C8253"/>
    <mergeCell ref="D8252:O8253"/>
    <mergeCell ref="P8252:S8253"/>
    <mergeCell ref="T8252:W8253"/>
    <mergeCell ref="X8252:AA8253"/>
    <mergeCell ref="A8254:C8255"/>
    <mergeCell ref="D8254:O8255"/>
    <mergeCell ref="P8254:S8255"/>
    <mergeCell ref="T8254:W8255"/>
    <mergeCell ref="X8254:AA8255"/>
    <mergeCell ref="A8256:C8257"/>
    <mergeCell ref="D8256:O8257"/>
    <mergeCell ref="P8256:S8257"/>
    <mergeCell ref="T8256:W8257"/>
    <mergeCell ref="X8256:AA8257"/>
    <mergeCell ref="A8258:C8259"/>
    <mergeCell ref="D8258:O8259"/>
    <mergeCell ref="P8258:S8259"/>
    <mergeCell ref="T8258:W8259"/>
    <mergeCell ref="X8258:AA8259"/>
    <mergeCell ref="A8260:C8261"/>
    <mergeCell ref="D8260:O8261"/>
    <mergeCell ref="P8260:S8261"/>
    <mergeCell ref="T8260:W8261"/>
    <mergeCell ref="X8260:AA8261"/>
    <mergeCell ref="A8262:C8263"/>
    <mergeCell ref="D8262:O8263"/>
    <mergeCell ref="P8262:S8263"/>
    <mergeCell ref="T8262:W8263"/>
    <mergeCell ref="X8262:AA8263"/>
    <mergeCell ref="A8264:C8265"/>
    <mergeCell ref="D8264:O8265"/>
    <mergeCell ref="P8264:S8265"/>
    <mergeCell ref="T8264:W8265"/>
    <mergeCell ref="X8264:AA8265"/>
    <mergeCell ref="A8238:C8239"/>
    <mergeCell ref="D8238:O8239"/>
    <mergeCell ref="P8238:S8239"/>
    <mergeCell ref="T8238:W8239"/>
    <mergeCell ref="X8238:AA8239"/>
    <mergeCell ref="A8240:C8241"/>
    <mergeCell ref="D8240:O8241"/>
    <mergeCell ref="P8240:S8241"/>
    <mergeCell ref="T8240:W8241"/>
    <mergeCell ref="X8240:AA8241"/>
    <mergeCell ref="A8242:C8243"/>
    <mergeCell ref="D8242:O8243"/>
    <mergeCell ref="P8242:S8243"/>
    <mergeCell ref="T8242:W8243"/>
    <mergeCell ref="X8242:AA8243"/>
    <mergeCell ref="A8244:C8245"/>
    <mergeCell ref="D8244:O8245"/>
    <mergeCell ref="P8244:S8245"/>
    <mergeCell ref="T8244:W8245"/>
    <mergeCell ref="X8244:AA8245"/>
    <mergeCell ref="A8246:C8247"/>
    <mergeCell ref="D8246:O8247"/>
    <mergeCell ref="P8246:S8247"/>
    <mergeCell ref="T8246:W8247"/>
    <mergeCell ref="X8246:AA8247"/>
    <mergeCell ref="A8248:C8249"/>
    <mergeCell ref="D8248:O8249"/>
    <mergeCell ref="P8248:S8249"/>
    <mergeCell ref="T8248:W8249"/>
    <mergeCell ref="X8248:AA8249"/>
    <mergeCell ref="A8250:C8251"/>
    <mergeCell ref="D8250:O8251"/>
    <mergeCell ref="P8250:S8251"/>
    <mergeCell ref="T8250:W8251"/>
    <mergeCell ref="X8250:AA8251"/>
    <mergeCell ref="A8224:C8225"/>
    <mergeCell ref="D8224:O8225"/>
    <mergeCell ref="P8224:S8225"/>
    <mergeCell ref="T8224:W8225"/>
    <mergeCell ref="X8224:AA8225"/>
    <mergeCell ref="A8226:C8227"/>
    <mergeCell ref="D8226:O8227"/>
    <mergeCell ref="P8226:S8227"/>
    <mergeCell ref="T8226:W8227"/>
    <mergeCell ref="X8226:AA8227"/>
    <mergeCell ref="A8228:C8229"/>
    <mergeCell ref="D8228:O8229"/>
    <mergeCell ref="P8228:S8229"/>
    <mergeCell ref="T8228:W8229"/>
    <mergeCell ref="X8228:AA8229"/>
    <mergeCell ref="A8230:C8231"/>
    <mergeCell ref="D8230:O8231"/>
    <mergeCell ref="P8230:S8231"/>
    <mergeCell ref="T8230:W8231"/>
    <mergeCell ref="X8230:AA8231"/>
    <mergeCell ref="A8232:C8233"/>
    <mergeCell ref="D8232:O8233"/>
    <mergeCell ref="P8232:S8233"/>
    <mergeCell ref="T8232:W8233"/>
    <mergeCell ref="X8232:AA8233"/>
    <mergeCell ref="A8234:C8235"/>
    <mergeCell ref="D8234:O8235"/>
    <mergeCell ref="P8234:S8235"/>
    <mergeCell ref="T8234:W8235"/>
    <mergeCell ref="X8234:AA8235"/>
    <mergeCell ref="A8236:C8237"/>
    <mergeCell ref="D8236:O8237"/>
    <mergeCell ref="P8236:S8237"/>
    <mergeCell ref="T8236:W8237"/>
    <mergeCell ref="X8236:AA8237"/>
    <mergeCell ref="A8210:C8211"/>
    <mergeCell ref="D8210:O8211"/>
    <mergeCell ref="P8210:S8211"/>
    <mergeCell ref="T8210:W8211"/>
    <mergeCell ref="X8210:AA8211"/>
    <mergeCell ref="A8212:C8213"/>
    <mergeCell ref="D8212:O8213"/>
    <mergeCell ref="P8212:S8213"/>
    <mergeCell ref="T8212:W8213"/>
    <mergeCell ref="X8212:AA8213"/>
    <mergeCell ref="A8214:C8215"/>
    <mergeCell ref="D8214:O8215"/>
    <mergeCell ref="P8214:S8215"/>
    <mergeCell ref="T8214:W8215"/>
    <mergeCell ref="X8214:AA8215"/>
    <mergeCell ref="A8216:C8217"/>
    <mergeCell ref="D8216:O8217"/>
    <mergeCell ref="P8216:S8217"/>
    <mergeCell ref="T8216:W8217"/>
    <mergeCell ref="X8216:AA8217"/>
    <mergeCell ref="A8218:C8219"/>
    <mergeCell ref="D8218:O8219"/>
    <mergeCell ref="P8218:S8219"/>
    <mergeCell ref="T8218:W8219"/>
    <mergeCell ref="X8218:AA8219"/>
    <mergeCell ref="A8220:C8221"/>
    <mergeCell ref="D8220:O8221"/>
    <mergeCell ref="P8220:S8221"/>
    <mergeCell ref="T8220:W8221"/>
    <mergeCell ref="X8220:AA8221"/>
    <mergeCell ref="A8222:C8223"/>
    <mergeCell ref="D8222:O8223"/>
    <mergeCell ref="P8222:S8223"/>
    <mergeCell ref="T8222:W8223"/>
    <mergeCell ref="X8222:AA8223"/>
    <mergeCell ref="A8196:C8197"/>
    <mergeCell ref="D8196:O8197"/>
    <mergeCell ref="P8196:S8197"/>
    <mergeCell ref="T8196:W8197"/>
    <mergeCell ref="X8196:AA8197"/>
    <mergeCell ref="A8198:C8199"/>
    <mergeCell ref="D8198:O8199"/>
    <mergeCell ref="P8198:S8199"/>
    <mergeCell ref="T8198:W8199"/>
    <mergeCell ref="X8198:AA8199"/>
    <mergeCell ref="A8200:C8201"/>
    <mergeCell ref="D8200:O8201"/>
    <mergeCell ref="P8200:S8201"/>
    <mergeCell ref="T8200:W8201"/>
    <mergeCell ref="X8200:AA8201"/>
    <mergeCell ref="A8202:C8203"/>
    <mergeCell ref="D8202:O8203"/>
    <mergeCell ref="P8202:S8203"/>
    <mergeCell ref="T8202:W8203"/>
    <mergeCell ref="X8202:AA8203"/>
    <mergeCell ref="A8204:C8205"/>
    <mergeCell ref="D8204:O8205"/>
    <mergeCell ref="P8204:S8205"/>
    <mergeCell ref="T8204:W8205"/>
    <mergeCell ref="X8204:AA8205"/>
    <mergeCell ref="A8206:C8207"/>
    <mergeCell ref="D8206:O8207"/>
    <mergeCell ref="P8206:S8207"/>
    <mergeCell ref="T8206:W8207"/>
    <mergeCell ref="X8206:AA8207"/>
    <mergeCell ref="A8208:C8209"/>
    <mergeCell ref="D8208:O8209"/>
    <mergeCell ref="P8208:S8209"/>
    <mergeCell ref="T8208:W8209"/>
    <mergeCell ref="X8208:AA8209"/>
    <mergeCell ref="A8182:C8183"/>
    <mergeCell ref="D8182:O8183"/>
    <mergeCell ref="P8182:S8183"/>
    <mergeCell ref="T8182:W8183"/>
    <mergeCell ref="X8182:AA8183"/>
    <mergeCell ref="A8184:C8185"/>
    <mergeCell ref="D8184:O8185"/>
    <mergeCell ref="P8184:S8185"/>
    <mergeCell ref="T8184:W8185"/>
    <mergeCell ref="X8184:AA8185"/>
    <mergeCell ref="A8186:C8187"/>
    <mergeCell ref="D8186:O8187"/>
    <mergeCell ref="P8186:S8187"/>
    <mergeCell ref="T8186:W8187"/>
    <mergeCell ref="X8186:AA8187"/>
    <mergeCell ref="A8188:C8189"/>
    <mergeCell ref="D8188:O8189"/>
    <mergeCell ref="P8188:S8189"/>
    <mergeCell ref="T8188:W8189"/>
    <mergeCell ref="X8188:AA8189"/>
    <mergeCell ref="A8190:C8191"/>
    <mergeCell ref="D8190:O8191"/>
    <mergeCell ref="P8190:S8191"/>
    <mergeCell ref="T8190:W8191"/>
    <mergeCell ref="X8190:AA8191"/>
    <mergeCell ref="A8192:C8193"/>
    <mergeCell ref="D8192:O8193"/>
    <mergeCell ref="P8192:S8193"/>
    <mergeCell ref="T8192:W8193"/>
    <mergeCell ref="X8192:AA8193"/>
    <mergeCell ref="A8194:C8195"/>
    <mergeCell ref="D8194:O8195"/>
    <mergeCell ref="P8194:S8195"/>
    <mergeCell ref="T8194:W8195"/>
    <mergeCell ref="X8194:AA8195"/>
    <mergeCell ref="A8168:C8169"/>
    <mergeCell ref="D8168:O8169"/>
    <mergeCell ref="P8168:S8169"/>
    <mergeCell ref="T8168:W8169"/>
    <mergeCell ref="X8168:AA8169"/>
    <mergeCell ref="A8170:C8171"/>
    <mergeCell ref="D8170:O8171"/>
    <mergeCell ref="P8170:S8171"/>
    <mergeCell ref="T8170:W8171"/>
    <mergeCell ref="X8170:AA8171"/>
    <mergeCell ref="A8172:C8173"/>
    <mergeCell ref="D8172:O8173"/>
    <mergeCell ref="P8172:S8173"/>
    <mergeCell ref="T8172:W8173"/>
    <mergeCell ref="X8172:AA8173"/>
    <mergeCell ref="A8174:C8175"/>
    <mergeCell ref="D8174:O8175"/>
    <mergeCell ref="P8174:S8175"/>
    <mergeCell ref="T8174:W8175"/>
    <mergeCell ref="X8174:AA8175"/>
    <mergeCell ref="A8176:C8177"/>
    <mergeCell ref="D8176:O8177"/>
    <mergeCell ref="P8176:S8177"/>
    <mergeCell ref="T8176:W8177"/>
    <mergeCell ref="X8176:AA8177"/>
    <mergeCell ref="A8178:C8179"/>
    <mergeCell ref="D8178:O8179"/>
    <mergeCell ref="P8178:S8179"/>
    <mergeCell ref="T8178:W8179"/>
    <mergeCell ref="X8178:AA8179"/>
    <mergeCell ref="A8180:C8181"/>
    <mergeCell ref="D8180:O8181"/>
    <mergeCell ref="P8180:S8181"/>
    <mergeCell ref="T8180:W8181"/>
    <mergeCell ref="X8180:AA8181"/>
    <mergeCell ref="A8154:C8155"/>
    <mergeCell ref="D8154:O8155"/>
    <mergeCell ref="P8154:S8155"/>
    <mergeCell ref="T8154:W8155"/>
    <mergeCell ref="X8154:AA8155"/>
    <mergeCell ref="A8156:C8157"/>
    <mergeCell ref="D8156:O8157"/>
    <mergeCell ref="P8156:S8157"/>
    <mergeCell ref="T8156:W8157"/>
    <mergeCell ref="X8156:AA8157"/>
    <mergeCell ref="A8158:C8159"/>
    <mergeCell ref="D8158:O8159"/>
    <mergeCell ref="P8158:S8159"/>
    <mergeCell ref="T8158:W8159"/>
    <mergeCell ref="X8158:AA8159"/>
    <mergeCell ref="A8160:C8161"/>
    <mergeCell ref="D8160:O8161"/>
    <mergeCell ref="P8160:S8161"/>
    <mergeCell ref="T8160:W8161"/>
    <mergeCell ref="X8160:AA8161"/>
    <mergeCell ref="A8162:C8163"/>
    <mergeCell ref="D8162:O8163"/>
    <mergeCell ref="P8162:S8163"/>
    <mergeCell ref="T8162:W8163"/>
    <mergeCell ref="X8162:AA8163"/>
    <mergeCell ref="A8164:C8165"/>
    <mergeCell ref="D8164:O8165"/>
    <mergeCell ref="P8164:S8165"/>
    <mergeCell ref="T8164:W8165"/>
    <mergeCell ref="X8164:AA8165"/>
    <mergeCell ref="A8166:C8167"/>
    <mergeCell ref="D8166:O8167"/>
    <mergeCell ref="P8166:S8167"/>
    <mergeCell ref="T8166:W8167"/>
    <mergeCell ref="X8166:AA8167"/>
    <mergeCell ref="A8140:C8141"/>
    <mergeCell ref="D8140:O8141"/>
    <mergeCell ref="P8140:S8141"/>
    <mergeCell ref="T8140:W8141"/>
    <mergeCell ref="X8140:AA8141"/>
    <mergeCell ref="A8142:C8143"/>
    <mergeCell ref="D8142:O8143"/>
    <mergeCell ref="P8142:S8143"/>
    <mergeCell ref="T8142:W8143"/>
    <mergeCell ref="X8142:AA8143"/>
    <mergeCell ref="A8144:C8145"/>
    <mergeCell ref="D8144:O8145"/>
    <mergeCell ref="P8144:S8145"/>
    <mergeCell ref="T8144:W8145"/>
    <mergeCell ref="X8144:AA8145"/>
    <mergeCell ref="A8146:C8147"/>
    <mergeCell ref="D8146:O8147"/>
    <mergeCell ref="P8146:S8147"/>
    <mergeCell ref="T8146:W8147"/>
    <mergeCell ref="X8146:AA8147"/>
    <mergeCell ref="A8148:C8149"/>
    <mergeCell ref="D8148:O8149"/>
    <mergeCell ref="P8148:S8149"/>
    <mergeCell ref="T8148:W8149"/>
    <mergeCell ref="X8148:AA8149"/>
    <mergeCell ref="A8150:C8151"/>
    <mergeCell ref="D8150:O8151"/>
    <mergeCell ref="P8150:S8151"/>
    <mergeCell ref="T8150:W8151"/>
    <mergeCell ref="X8150:AA8151"/>
    <mergeCell ref="A8152:C8153"/>
    <mergeCell ref="D8152:O8153"/>
    <mergeCell ref="P8152:S8153"/>
    <mergeCell ref="T8152:W8153"/>
    <mergeCell ref="X8152:AA8153"/>
    <mergeCell ref="A8126:C8127"/>
    <mergeCell ref="D8126:O8127"/>
    <mergeCell ref="P8126:S8127"/>
    <mergeCell ref="T8126:W8127"/>
    <mergeCell ref="X8126:AA8127"/>
    <mergeCell ref="A8128:C8129"/>
    <mergeCell ref="D8128:O8129"/>
    <mergeCell ref="P8128:S8129"/>
    <mergeCell ref="T8128:W8129"/>
    <mergeCell ref="X8128:AA8129"/>
    <mergeCell ref="A8130:C8131"/>
    <mergeCell ref="D8130:O8131"/>
    <mergeCell ref="P8130:S8131"/>
    <mergeCell ref="T8130:W8131"/>
    <mergeCell ref="X8130:AA8131"/>
    <mergeCell ref="A8132:C8133"/>
    <mergeCell ref="D8132:O8133"/>
    <mergeCell ref="P8132:S8133"/>
    <mergeCell ref="T8132:W8133"/>
    <mergeCell ref="X8132:AA8133"/>
    <mergeCell ref="A8134:C8135"/>
    <mergeCell ref="D8134:O8135"/>
    <mergeCell ref="P8134:S8135"/>
    <mergeCell ref="T8134:W8135"/>
    <mergeCell ref="X8134:AA8135"/>
    <mergeCell ref="A8136:C8137"/>
    <mergeCell ref="D8136:O8137"/>
    <mergeCell ref="P8136:S8137"/>
    <mergeCell ref="T8136:W8137"/>
    <mergeCell ref="X8136:AA8137"/>
    <mergeCell ref="A8138:C8139"/>
    <mergeCell ref="D8138:O8139"/>
    <mergeCell ref="P8138:S8139"/>
    <mergeCell ref="T8138:W8139"/>
    <mergeCell ref="X8138:AA8139"/>
    <mergeCell ref="A8112:C8113"/>
    <mergeCell ref="D8112:O8113"/>
    <mergeCell ref="P8112:S8113"/>
    <mergeCell ref="T8112:W8113"/>
    <mergeCell ref="X8112:AA8113"/>
    <mergeCell ref="A8114:C8115"/>
    <mergeCell ref="D8114:O8115"/>
    <mergeCell ref="P8114:S8115"/>
    <mergeCell ref="T8114:W8115"/>
    <mergeCell ref="X8114:AA8115"/>
    <mergeCell ref="A8116:C8117"/>
    <mergeCell ref="D8116:O8117"/>
    <mergeCell ref="P8116:S8117"/>
    <mergeCell ref="T8116:W8117"/>
    <mergeCell ref="X8116:AA8117"/>
    <mergeCell ref="A8118:C8119"/>
    <mergeCell ref="D8118:O8119"/>
    <mergeCell ref="P8118:S8119"/>
    <mergeCell ref="T8118:W8119"/>
    <mergeCell ref="X8118:AA8119"/>
    <mergeCell ref="A8120:C8121"/>
    <mergeCell ref="D8120:O8121"/>
    <mergeCell ref="P8120:S8121"/>
    <mergeCell ref="T8120:W8121"/>
    <mergeCell ref="X8120:AA8121"/>
    <mergeCell ref="A8122:C8123"/>
    <mergeCell ref="D8122:O8123"/>
    <mergeCell ref="P8122:S8123"/>
    <mergeCell ref="T8122:W8123"/>
    <mergeCell ref="X8122:AA8123"/>
    <mergeCell ref="A8124:C8125"/>
    <mergeCell ref="D8124:O8125"/>
    <mergeCell ref="P8124:S8125"/>
    <mergeCell ref="T8124:W8125"/>
    <mergeCell ref="X8124:AA8125"/>
    <mergeCell ref="A8098:C8099"/>
    <mergeCell ref="D8098:O8099"/>
    <mergeCell ref="P8098:S8099"/>
    <mergeCell ref="T8098:W8099"/>
    <mergeCell ref="X8098:AA8099"/>
    <mergeCell ref="A8100:C8101"/>
    <mergeCell ref="D8100:O8101"/>
    <mergeCell ref="P8100:S8101"/>
    <mergeCell ref="T8100:W8101"/>
    <mergeCell ref="X8100:AA8101"/>
    <mergeCell ref="A8102:C8103"/>
    <mergeCell ref="D8102:O8103"/>
    <mergeCell ref="P8102:S8103"/>
    <mergeCell ref="T8102:W8103"/>
    <mergeCell ref="X8102:AA8103"/>
    <mergeCell ref="A8104:C8105"/>
    <mergeCell ref="D8104:O8105"/>
    <mergeCell ref="P8104:S8105"/>
    <mergeCell ref="T8104:W8105"/>
    <mergeCell ref="X8104:AA8105"/>
    <mergeCell ref="A8106:C8107"/>
    <mergeCell ref="D8106:O8107"/>
    <mergeCell ref="P8106:S8107"/>
    <mergeCell ref="T8106:W8107"/>
    <mergeCell ref="X8106:AA8107"/>
    <mergeCell ref="A8108:C8109"/>
    <mergeCell ref="D8108:O8109"/>
    <mergeCell ref="P8108:S8109"/>
    <mergeCell ref="T8108:W8109"/>
    <mergeCell ref="X8108:AA8109"/>
    <mergeCell ref="A8110:C8111"/>
    <mergeCell ref="D8110:O8111"/>
    <mergeCell ref="P8110:S8111"/>
    <mergeCell ref="T8110:W8111"/>
    <mergeCell ref="X8110:AA8111"/>
    <mergeCell ref="A8084:C8085"/>
    <mergeCell ref="D8084:O8085"/>
    <mergeCell ref="P8084:S8085"/>
    <mergeCell ref="T8084:W8085"/>
    <mergeCell ref="X8084:AA8085"/>
    <mergeCell ref="A8086:C8087"/>
    <mergeCell ref="D8086:O8087"/>
    <mergeCell ref="P8086:S8087"/>
    <mergeCell ref="T8086:W8087"/>
    <mergeCell ref="X8086:AA8087"/>
    <mergeCell ref="A8088:C8089"/>
    <mergeCell ref="D8088:O8089"/>
    <mergeCell ref="P8088:S8089"/>
    <mergeCell ref="T8088:W8089"/>
    <mergeCell ref="X8088:AA8089"/>
    <mergeCell ref="A8090:C8091"/>
    <mergeCell ref="D8090:O8091"/>
    <mergeCell ref="P8090:S8091"/>
    <mergeCell ref="T8090:W8091"/>
    <mergeCell ref="X8090:AA8091"/>
    <mergeCell ref="A8092:C8093"/>
    <mergeCell ref="D8092:O8093"/>
    <mergeCell ref="P8092:S8093"/>
    <mergeCell ref="T8092:W8093"/>
    <mergeCell ref="X8092:AA8093"/>
    <mergeCell ref="A8094:C8095"/>
    <mergeCell ref="D8094:O8095"/>
    <mergeCell ref="P8094:S8095"/>
    <mergeCell ref="T8094:W8095"/>
    <mergeCell ref="X8094:AA8095"/>
    <mergeCell ref="A8096:C8097"/>
    <mergeCell ref="D8096:O8097"/>
    <mergeCell ref="P8096:S8097"/>
    <mergeCell ref="T8096:W8097"/>
    <mergeCell ref="X8096:AA8097"/>
    <mergeCell ref="A8070:C8071"/>
    <mergeCell ref="D8070:O8071"/>
    <mergeCell ref="P8070:S8071"/>
    <mergeCell ref="T8070:W8071"/>
    <mergeCell ref="X8070:AA8071"/>
    <mergeCell ref="A8072:C8073"/>
    <mergeCell ref="D8072:O8073"/>
    <mergeCell ref="P8072:S8073"/>
    <mergeCell ref="T8072:W8073"/>
    <mergeCell ref="X8072:AA8073"/>
    <mergeCell ref="A8074:C8075"/>
    <mergeCell ref="D8074:O8075"/>
    <mergeCell ref="P8074:S8075"/>
    <mergeCell ref="T8074:W8075"/>
    <mergeCell ref="X8074:AA8075"/>
    <mergeCell ref="A8076:C8077"/>
    <mergeCell ref="D8076:O8077"/>
    <mergeCell ref="P8076:S8077"/>
    <mergeCell ref="T8076:W8077"/>
    <mergeCell ref="X8076:AA8077"/>
    <mergeCell ref="A8078:C8079"/>
    <mergeCell ref="D8078:O8079"/>
    <mergeCell ref="P8078:S8079"/>
    <mergeCell ref="T8078:W8079"/>
    <mergeCell ref="X8078:AA8079"/>
    <mergeCell ref="A8080:C8081"/>
    <mergeCell ref="D8080:O8081"/>
    <mergeCell ref="P8080:S8081"/>
    <mergeCell ref="T8080:W8081"/>
    <mergeCell ref="X8080:AA8081"/>
    <mergeCell ref="A8082:C8083"/>
    <mergeCell ref="D8082:O8083"/>
    <mergeCell ref="P8082:S8083"/>
    <mergeCell ref="T8082:W8083"/>
    <mergeCell ref="X8082:AA8083"/>
    <mergeCell ref="A8056:C8057"/>
    <mergeCell ref="D8056:O8057"/>
    <mergeCell ref="P8056:S8057"/>
    <mergeCell ref="T8056:W8057"/>
    <mergeCell ref="X8056:AA8057"/>
    <mergeCell ref="A8058:C8059"/>
    <mergeCell ref="D8058:O8059"/>
    <mergeCell ref="P8058:S8059"/>
    <mergeCell ref="T8058:W8059"/>
    <mergeCell ref="X8058:AA8059"/>
    <mergeCell ref="A8060:C8061"/>
    <mergeCell ref="D8060:O8061"/>
    <mergeCell ref="P8060:S8061"/>
    <mergeCell ref="T8060:W8061"/>
    <mergeCell ref="X8060:AA8061"/>
    <mergeCell ref="A8062:C8063"/>
    <mergeCell ref="D8062:O8063"/>
    <mergeCell ref="P8062:S8063"/>
    <mergeCell ref="T8062:W8063"/>
    <mergeCell ref="X8062:AA8063"/>
    <mergeCell ref="A8064:C8065"/>
    <mergeCell ref="D8064:O8065"/>
    <mergeCell ref="P8064:S8065"/>
    <mergeCell ref="T8064:W8065"/>
    <mergeCell ref="X8064:AA8065"/>
    <mergeCell ref="A8066:C8067"/>
    <mergeCell ref="D8066:O8067"/>
    <mergeCell ref="P8066:S8067"/>
    <mergeCell ref="T8066:W8067"/>
    <mergeCell ref="X8066:AA8067"/>
    <mergeCell ref="A8068:C8069"/>
    <mergeCell ref="D8068:O8069"/>
    <mergeCell ref="P8068:S8069"/>
    <mergeCell ref="T8068:W8069"/>
    <mergeCell ref="X8068:AA8069"/>
    <mergeCell ref="A8042:C8043"/>
    <mergeCell ref="D8042:O8043"/>
    <mergeCell ref="P8042:S8043"/>
    <mergeCell ref="T8042:W8043"/>
    <mergeCell ref="X8042:AA8043"/>
    <mergeCell ref="A8044:C8045"/>
    <mergeCell ref="D8044:O8045"/>
    <mergeCell ref="P8044:S8045"/>
    <mergeCell ref="T8044:W8045"/>
    <mergeCell ref="X8044:AA8045"/>
    <mergeCell ref="A8046:C8047"/>
    <mergeCell ref="D8046:O8047"/>
    <mergeCell ref="P8046:S8047"/>
    <mergeCell ref="T8046:W8047"/>
    <mergeCell ref="X8046:AA8047"/>
    <mergeCell ref="A8048:C8049"/>
    <mergeCell ref="D8048:O8049"/>
    <mergeCell ref="P8048:S8049"/>
    <mergeCell ref="T8048:W8049"/>
    <mergeCell ref="X8048:AA8049"/>
    <mergeCell ref="A8050:C8051"/>
    <mergeCell ref="D8050:O8051"/>
    <mergeCell ref="P8050:S8051"/>
    <mergeCell ref="T8050:W8051"/>
    <mergeCell ref="X8050:AA8051"/>
    <mergeCell ref="A8052:C8053"/>
    <mergeCell ref="D8052:O8053"/>
    <mergeCell ref="P8052:S8053"/>
    <mergeCell ref="T8052:W8053"/>
    <mergeCell ref="X8052:AA8053"/>
    <mergeCell ref="A8054:C8055"/>
    <mergeCell ref="D8054:O8055"/>
    <mergeCell ref="P8054:S8055"/>
    <mergeCell ref="T8054:W8055"/>
    <mergeCell ref="X8054:AA8055"/>
    <mergeCell ref="A8028:C8029"/>
    <mergeCell ref="D8028:O8029"/>
    <mergeCell ref="P8028:S8029"/>
    <mergeCell ref="T8028:W8029"/>
    <mergeCell ref="X8028:AA8029"/>
    <mergeCell ref="A8030:C8031"/>
    <mergeCell ref="D8030:O8031"/>
    <mergeCell ref="P8030:S8031"/>
    <mergeCell ref="T8030:W8031"/>
    <mergeCell ref="X8030:AA8031"/>
    <mergeCell ref="A8032:C8033"/>
    <mergeCell ref="D8032:O8033"/>
    <mergeCell ref="P8032:S8033"/>
    <mergeCell ref="T8032:W8033"/>
    <mergeCell ref="X8032:AA8033"/>
    <mergeCell ref="A8034:C8035"/>
    <mergeCell ref="D8034:O8035"/>
    <mergeCell ref="P8034:S8035"/>
    <mergeCell ref="T8034:W8035"/>
    <mergeCell ref="X8034:AA8035"/>
    <mergeCell ref="A8036:C8037"/>
    <mergeCell ref="D8036:O8037"/>
    <mergeCell ref="P8036:S8037"/>
    <mergeCell ref="T8036:W8037"/>
    <mergeCell ref="X8036:AA8037"/>
    <mergeCell ref="A8038:C8039"/>
    <mergeCell ref="D8038:O8039"/>
    <mergeCell ref="P8038:S8039"/>
    <mergeCell ref="T8038:W8039"/>
    <mergeCell ref="X8038:AA8039"/>
    <mergeCell ref="A8040:C8041"/>
    <mergeCell ref="D8040:O8041"/>
    <mergeCell ref="P8040:S8041"/>
    <mergeCell ref="T8040:W8041"/>
    <mergeCell ref="X8040:AA8041"/>
    <mergeCell ref="A8014:C8015"/>
    <mergeCell ref="D8014:O8015"/>
    <mergeCell ref="P8014:S8015"/>
    <mergeCell ref="T8014:W8015"/>
    <mergeCell ref="X8014:AA8015"/>
    <mergeCell ref="A8016:C8017"/>
    <mergeCell ref="D8016:O8017"/>
    <mergeCell ref="P8016:S8017"/>
    <mergeCell ref="T8016:W8017"/>
    <mergeCell ref="X8016:AA8017"/>
    <mergeCell ref="A8018:C8019"/>
    <mergeCell ref="D8018:O8019"/>
    <mergeCell ref="P8018:S8019"/>
    <mergeCell ref="T8018:W8019"/>
    <mergeCell ref="X8018:AA8019"/>
    <mergeCell ref="A8020:C8021"/>
    <mergeCell ref="D8020:O8021"/>
    <mergeCell ref="P8020:S8021"/>
    <mergeCell ref="T8020:W8021"/>
    <mergeCell ref="X8020:AA8021"/>
    <mergeCell ref="A8022:C8023"/>
    <mergeCell ref="D8022:O8023"/>
    <mergeCell ref="P8022:S8023"/>
    <mergeCell ref="T8022:W8023"/>
    <mergeCell ref="X8022:AA8023"/>
    <mergeCell ref="A8024:C8025"/>
    <mergeCell ref="D8024:O8025"/>
    <mergeCell ref="P8024:S8025"/>
    <mergeCell ref="T8024:W8025"/>
    <mergeCell ref="X8024:AA8025"/>
    <mergeCell ref="A8026:C8027"/>
    <mergeCell ref="D8026:O8027"/>
    <mergeCell ref="P8026:S8027"/>
    <mergeCell ref="T8026:W8027"/>
    <mergeCell ref="X8026:AA8027"/>
    <mergeCell ref="A8000:C8001"/>
    <mergeCell ref="D8000:O8001"/>
    <mergeCell ref="P8000:S8001"/>
    <mergeCell ref="T8000:W8001"/>
    <mergeCell ref="X8000:AA8001"/>
    <mergeCell ref="A8002:C8003"/>
    <mergeCell ref="D8002:O8003"/>
    <mergeCell ref="P8002:S8003"/>
    <mergeCell ref="T8002:W8003"/>
    <mergeCell ref="X8002:AA8003"/>
    <mergeCell ref="A8004:C8005"/>
    <mergeCell ref="D8004:O8005"/>
    <mergeCell ref="P8004:S8005"/>
    <mergeCell ref="T8004:W8005"/>
    <mergeCell ref="X8004:AA8005"/>
    <mergeCell ref="A8006:C8007"/>
    <mergeCell ref="D8006:O8007"/>
    <mergeCell ref="P8006:S8007"/>
    <mergeCell ref="T8006:W8007"/>
    <mergeCell ref="X8006:AA8007"/>
    <mergeCell ref="A8008:C8009"/>
    <mergeCell ref="D8008:O8009"/>
    <mergeCell ref="P8008:S8009"/>
    <mergeCell ref="T8008:W8009"/>
    <mergeCell ref="X8008:AA8009"/>
    <mergeCell ref="A8010:C8011"/>
    <mergeCell ref="D8010:O8011"/>
    <mergeCell ref="P8010:S8011"/>
    <mergeCell ref="T8010:W8011"/>
    <mergeCell ref="X8010:AA8011"/>
    <mergeCell ref="A8012:C8013"/>
    <mergeCell ref="D8012:O8013"/>
    <mergeCell ref="P8012:S8013"/>
    <mergeCell ref="T8012:W8013"/>
    <mergeCell ref="X8012:AA8013"/>
    <mergeCell ref="A7986:C7987"/>
    <mergeCell ref="D7986:O7987"/>
    <mergeCell ref="P7986:S7987"/>
    <mergeCell ref="T7986:W7987"/>
    <mergeCell ref="X7986:AA7987"/>
    <mergeCell ref="A7988:C7989"/>
    <mergeCell ref="D7988:O7989"/>
    <mergeCell ref="P7988:S7989"/>
    <mergeCell ref="T7988:W7989"/>
    <mergeCell ref="X7988:AA7989"/>
    <mergeCell ref="A7990:C7991"/>
    <mergeCell ref="D7990:O7991"/>
    <mergeCell ref="P7990:S7991"/>
    <mergeCell ref="T7990:W7991"/>
    <mergeCell ref="X7990:AA7991"/>
    <mergeCell ref="A7992:C7993"/>
    <mergeCell ref="D7992:O7993"/>
    <mergeCell ref="P7992:S7993"/>
    <mergeCell ref="T7992:W7993"/>
    <mergeCell ref="X7992:AA7993"/>
    <mergeCell ref="A7994:C7995"/>
    <mergeCell ref="D7994:O7995"/>
    <mergeCell ref="P7994:S7995"/>
    <mergeCell ref="T7994:W7995"/>
    <mergeCell ref="X7994:AA7995"/>
    <mergeCell ref="A7996:C7997"/>
    <mergeCell ref="D7996:O7997"/>
    <mergeCell ref="P7996:S7997"/>
    <mergeCell ref="T7996:W7997"/>
    <mergeCell ref="X7996:AA7997"/>
    <mergeCell ref="A7998:C7999"/>
    <mergeCell ref="D7998:O7999"/>
    <mergeCell ref="P7998:S7999"/>
    <mergeCell ref="T7998:W7999"/>
    <mergeCell ref="X7998:AA7999"/>
    <mergeCell ref="A7972:C7973"/>
    <mergeCell ref="D7972:O7973"/>
    <mergeCell ref="P7972:S7973"/>
    <mergeCell ref="T7972:W7973"/>
    <mergeCell ref="X7972:AA7973"/>
    <mergeCell ref="A7974:C7975"/>
    <mergeCell ref="D7974:O7975"/>
    <mergeCell ref="P7974:S7975"/>
    <mergeCell ref="T7974:W7975"/>
    <mergeCell ref="X7974:AA7975"/>
    <mergeCell ref="A7976:C7977"/>
    <mergeCell ref="D7976:O7977"/>
    <mergeCell ref="P7976:S7977"/>
    <mergeCell ref="T7976:W7977"/>
    <mergeCell ref="X7976:AA7977"/>
    <mergeCell ref="A7978:C7979"/>
    <mergeCell ref="D7978:O7979"/>
    <mergeCell ref="P7978:S7979"/>
    <mergeCell ref="T7978:W7979"/>
    <mergeCell ref="X7978:AA7979"/>
    <mergeCell ref="A7980:C7981"/>
    <mergeCell ref="D7980:O7981"/>
    <mergeCell ref="P7980:S7981"/>
    <mergeCell ref="T7980:W7981"/>
    <mergeCell ref="X7980:AA7981"/>
    <mergeCell ref="A7982:C7983"/>
    <mergeCell ref="D7982:O7983"/>
    <mergeCell ref="P7982:S7983"/>
    <mergeCell ref="T7982:W7983"/>
    <mergeCell ref="X7982:AA7983"/>
    <mergeCell ref="A7984:C7985"/>
    <mergeCell ref="D7984:O7985"/>
    <mergeCell ref="P7984:S7985"/>
    <mergeCell ref="T7984:W7985"/>
    <mergeCell ref="X7984:AA7985"/>
    <mergeCell ref="A7958:C7959"/>
    <mergeCell ref="D7958:O7959"/>
    <mergeCell ref="P7958:S7959"/>
    <mergeCell ref="T7958:W7959"/>
    <mergeCell ref="X7958:AA7959"/>
    <mergeCell ref="A7960:C7961"/>
    <mergeCell ref="D7960:O7961"/>
    <mergeCell ref="P7960:S7961"/>
    <mergeCell ref="T7960:W7961"/>
    <mergeCell ref="X7960:AA7961"/>
    <mergeCell ref="A7962:C7963"/>
    <mergeCell ref="D7962:O7963"/>
    <mergeCell ref="P7962:S7963"/>
    <mergeCell ref="T7962:W7963"/>
    <mergeCell ref="X7962:AA7963"/>
    <mergeCell ref="A7964:C7965"/>
    <mergeCell ref="D7964:O7965"/>
    <mergeCell ref="P7964:S7965"/>
    <mergeCell ref="T7964:W7965"/>
    <mergeCell ref="X7964:AA7965"/>
    <mergeCell ref="A7966:C7967"/>
    <mergeCell ref="D7966:O7967"/>
    <mergeCell ref="P7966:S7967"/>
    <mergeCell ref="T7966:W7967"/>
    <mergeCell ref="X7966:AA7967"/>
    <mergeCell ref="A7968:C7969"/>
    <mergeCell ref="D7968:O7969"/>
    <mergeCell ref="P7968:S7969"/>
    <mergeCell ref="T7968:W7969"/>
    <mergeCell ref="X7968:AA7969"/>
    <mergeCell ref="A7970:C7971"/>
    <mergeCell ref="D7970:O7971"/>
    <mergeCell ref="P7970:S7971"/>
    <mergeCell ref="T7970:W7971"/>
    <mergeCell ref="X7970:AA7971"/>
    <mergeCell ref="A7944:C7945"/>
    <mergeCell ref="D7944:O7945"/>
    <mergeCell ref="P7944:S7945"/>
    <mergeCell ref="T7944:W7945"/>
    <mergeCell ref="X7944:AA7945"/>
    <mergeCell ref="A7946:C7947"/>
    <mergeCell ref="D7946:O7947"/>
    <mergeCell ref="P7946:S7947"/>
    <mergeCell ref="T7946:W7947"/>
    <mergeCell ref="X7946:AA7947"/>
    <mergeCell ref="A7948:C7949"/>
    <mergeCell ref="D7948:O7949"/>
    <mergeCell ref="P7948:S7949"/>
    <mergeCell ref="T7948:W7949"/>
    <mergeCell ref="X7948:AA7949"/>
    <mergeCell ref="A7950:C7951"/>
    <mergeCell ref="D7950:O7951"/>
    <mergeCell ref="P7950:S7951"/>
    <mergeCell ref="T7950:W7951"/>
    <mergeCell ref="X7950:AA7951"/>
    <mergeCell ref="A7952:C7953"/>
    <mergeCell ref="D7952:O7953"/>
    <mergeCell ref="P7952:S7953"/>
    <mergeCell ref="T7952:W7953"/>
    <mergeCell ref="X7952:AA7953"/>
    <mergeCell ref="A7954:C7955"/>
    <mergeCell ref="D7954:O7955"/>
    <mergeCell ref="P7954:S7955"/>
    <mergeCell ref="T7954:W7955"/>
    <mergeCell ref="X7954:AA7955"/>
    <mergeCell ref="A7956:C7957"/>
    <mergeCell ref="D7956:O7957"/>
    <mergeCell ref="P7956:S7957"/>
    <mergeCell ref="T7956:W7957"/>
    <mergeCell ref="X7956:AA7957"/>
    <mergeCell ref="A7930:C7931"/>
    <mergeCell ref="D7930:O7931"/>
    <mergeCell ref="P7930:S7931"/>
    <mergeCell ref="T7930:W7931"/>
    <mergeCell ref="X7930:AA7931"/>
    <mergeCell ref="A7932:C7933"/>
    <mergeCell ref="D7932:O7933"/>
    <mergeCell ref="P7932:S7933"/>
    <mergeCell ref="T7932:W7933"/>
    <mergeCell ref="X7932:AA7933"/>
    <mergeCell ref="A7934:C7935"/>
    <mergeCell ref="D7934:O7935"/>
    <mergeCell ref="P7934:S7935"/>
    <mergeCell ref="T7934:W7935"/>
    <mergeCell ref="X7934:AA7935"/>
    <mergeCell ref="A7936:C7937"/>
    <mergeCell ref="D7936:O7937"/>
    <mergeCell ref="P7936:S7937"/>
    <mergeCell ref="T7936:W7937"/>
    <mergeCell ref="X7936:AA7937"/>
    <mergeCell ref="A7938:C7939"/>
    <mergeCell ref="D7938:O7939"/>
    <mergeCell ref="P7938:S7939"/>
    <mergeCell ref="T7938:W7939"/>
    <mergeCell ref="X7938:AA7939"/>
    <mergeCell ref="A7940:C7941"/>
    <mergeCell ref="D7940:O7941"/>
    <mergeCell ref="P7940:S7941"/>
    <mergeCell ref="T7940:W7941"/>
    <mergeCell ref="X7940:AA7941"/>
    <mergeCell ref="A7942:C7943"/>
    <mergeCell ref="D7942:O7943"/>
    <mergeCell ref="P7942:S7943"/>
    <mergeCell ref="T7942:W7943"/>
    <mergeCell ref="X7942:AA7943"/>
    <mergeCell ref="A7914:C7915"/>
    <mergeCell ref="D7914:O7915"/>
    <mergeCell ref="P7914:S7915"/>
    <mergeCell ref="T7914:W7915"/>
    <mergeCell ref="X7914:AA7915"/>
    <mergeCell ref="A7916:C7917"/>
    <mergeCell ref="D7916:O7917"/>
    <mergeCell ref="P7916:S7917"/>
    <mergeCell ref="T7916:W7917"/>
    <mergeCell ref="X7916:AA7917"/>
    <mergeCell ref="A7918:C7919"/>
    <mergeCell ref="D7918:O7919"/>
    <mergeCell ref="P7918:S7919"/>
    <mergeCell ref="T7918:W7919"/>
    <mergeCell ref="X7918:AA7919"/>
    <mergeCell ref="A7920:C7921"/>
    <mergeCell ref="D7920:O7921"/>
    <mergeCell ref="P7920:S7921"/>
    <mergeCell ref="T7920:W7921"/>
    <mergeCell ref="X7920:AA7921"/>
    <mergeCell ref="A7922:C7923"/>
    <mergeCell ref="D7922:O7923"/>
    <mergeCell ref="P7922:S7923"/>
    <mergeCell ref="T7922:W7923"/>
    <mergeCell ref="X7922:AA7923"/>
    <mergeCell ref="A7924:C7925"/>
    <mergeCell ref="D7924:O7925"/>
    <mergeCell ref="P7924:S7925"/>
    <mergeCell ref="T7924:W7925"/>
    <mergeCell ref="X7924:AA7925"/>
    <mergeCell ref="A7926:AA7927"/>
    <mergeCell ref="A7928:C7929"/>
    <mergeCell ref="D7928:O7929"/>
    <mergeCell ref="P7928:S7929"/>
    <mergeCell ref="T7928:W7929"/>
    <mergeCell ref="X7928:AA7929"/>
    <mergeCell ref="A7898:C7899"/>
    <mergeCell ref="D7898:O7899"/>
    <mergeCell ref="P7898:S7899"/>
    <mergeCell ref="T7898:W7899"/>
    <mergeCell ref="X7898:AA7899"/>
    <mergeCell ref="A7900:C7901"/>
    <mergeCell ref="D7900:O7901"/>
    <mergeCell ref="P7900:S7901"/>
    <mergeCell ref="T7900:W7901"/>
    <mergeCell ref="X7900:AA7901"/>
    <mergeCell ref="A7902:C7903"/>
    <mergeCell ref="D7902:O7903"/>
    <mergeCell ref="P7902:S7903"/>
    <mergeCell ref="T7902:W7903"/>
    <mergeCell ref="X7902:AA7903"/>
    <mergeCell ref="A7904:C7905"/>
    <mergeCell ref="D7904:O7905"/>
    <mergeCell ref="P7904:S7905"/>
    <mergeCell ref="T7904:W7905"/>
    <mergeCell ref="X7904:AA7905"/>
    <mergeCell ref="A7906:C7907"/>
    <mergeCell ref="D7906:O7907"/>
    <mergeCell ref="P7906:S7907"/>
    <mergeCell ref="T7906:W7907"/>
    <mergeCell ref="X7906:AA7907"/>
    <mergeCell ref="A7908:C7909"/>
    <mergeCell ref="D7908:O7909"/>
    <mergeCell ref="P7908:S7909"/>
    <mergeCell ref="T7908:W7909"/>
    <mergeCell ref="X7908:AA7909"/>
    <mergeCell ref="A7910:AA7911"/>
    <mergeCell ref="A7912:C7913"/>
    <mergeCell ref="D7912:O7913"/>
    <mergeCell ref="P7912:S7913"/>
    <mergeCell ref="T7912:W7913"/>
    <mergeCell ref="X7912:AA7913"/>
    <mergeCell ref="A7880:C7881"/>
    <mergeCell ref="D7880:O7881"/>
    <mergeCell ref="P7880:S7881"/>
    <mergeCell ref="T7880:W7881"/>
    <mergeCell ref="X7880:AA7881"/>
    <mergeCell ref="A7882:C7883"/>
    <mergeCell ref="D7882:O7883"/>
    <mergeCell ref="P7882:S7883"/>
    <mergeCell ref="T7882:W7883"/>
    <mergeCell ref="X7882:AA7883"/>
    <mergeCell ref="A7884:C7885"/>
    <mergeCell ref="D7884:O7885"/>
    <mergeCell ref="P7884:S7885"/>
    <mergeCell ref="T7884:W7885"/>
    <mergeCell ref="X7884:AA7885"/>
    <mergeCell ref="A7886:C7887"/>
    <mergeCell ref="D7886:O7887"/>
    <mergeCell ref="P7886:S7887"/>
    <mergeCell ref="T7886:W7887"/>
    <mergeCell ref="X7886:AA7887"/>
    <mergeCell ref="A7888:C7889"/>
    <mergeCell ref="D7888:O7889"/>
    <mergeCell ref="P7888:S7889"/>
    <mergeCell ref="T7888:W7889"/>
    <mergeCell ref="X7888:AA7889"/>
    <mergeCell ref="A7890:AA7891"/>
    <mergeCell ref="A7892:C7893"/>
    <mergeCell ref="D7892:O7893"/>
    <mergeCell ref="P7892:S7893"/>
    <mergeCell ref="T7892:W7893"/>
    <mergeCell ref="X7892:AA7893"/>
    <mergeCell ref="A7894:AA7895"/>
    <mergeCell ref="A7896:C7897"/>
    <mergeCell ref="D7896:O7897"/>
    <mergeCell ref="P7896:S7897"/>
    <mergeCell ref="T7896:W7897"/>
    <mergeCell ref="X7896:AA7897"/>
    <mergeCell ref="A7864:C7865"/>
    <mergeCell ref="D7864:O7865"/>
    <mergeCell ref="P7864:S7865"/>
    <mergeCell ref="T7864:W7865"/>
    <mergeCell ref="X7864:AA7865"/>
    <mergeCell ref="A7866:C7867"/>
    <mergeCell ref="D7866:O7867"/>
    <mergeCell ref="P7866:S7867"/>
    <mergeCell ref="T7866:W7867"/>
    <mergeCell ref="X7866:AA7867"/>
    <mergeCell ref="A7868:C7869"/>
    <mergeCell ref="D7868:O7869"/>
    <mergeCell ref="P7868:S7869"/>
    <mergeCell ref="T7868:W7869"/>
    <mergeCell ref="X7868:AA7869"/>
    <mergeCell ref="A7870:C7871"/>
    <mergeCell ref="D7870:O7871"/>
    <mergeCell ref="P7870:S7871"/>
    <mergeCell ref="T7870:W7871"/>
    <mergeCell ref="X7870:AA7871"/>
    <mergeCell ref="A7872:AA7873"/>
    <mergeCell ref="A7874:C7875"/>
    <mergeCell ref="D7874:O7875"/>
    <mergeCell ref="P7874:S7875"/>
    <mergeCell ref="T7874:W7875"/>
    <mergeCell ref="X7874:AA7875"/>
    <mergeCell ref="A7876:C7877"/>
    <mergeCell ref="D7876:O7877"/>
    <mergeCell ref="P7876:S7877"/>
    <mergeCell ref="T7876:W7877"/>
    <mergeCell ref="X7876:AA7877"/>
    <mergeCell ref="A7878:C7879"/>
    <mergeCell ref="D7878:O7879"/>
    <mergeCell ref="P7878:S7879"/>
    <mergeCell ref="T7878:W7879"/>
    <mergeCell ref="X7878:AA7879"/>
    <mergeCell ref="A7850:C7851"/>
    <mergeCell ref="D7850:O7851"/>
    <mergeCell ref="P7850:S7851"/>
    <mergeCell ref="T7850:W7851"/>
    <mergeCell ref="X7850:AA7851"/>
    <mergeCell ref="A7852:C7853"/>
    <mergeCell ref="D7852:O7853"/>
    <mergeCell ref="P7852:S7853"/>
    <mergeCell ref="T7852:W7853"/>
    <mergeCell ref="X7852:AA7853"/>
    <mergeCell ref="A7854:C7855"/>
    <mergeCell ref="D7854:O7855"/>
    <mergeCell ref="P7854:S7855"/>
    <mergeCell ref="T7854:W7855"/>
    <mergeCell ref="X7854:AA7855"/>
    <mergeCell ref="A7856:C7857"/>
    <mergeCell ref="D7856:O7857"/>
    <mergeCell ref="P7856:S7857"/>
    <mergeCell ref="T7856:W7857"/>
    <mergeCell ref="X7856:AA7857"/>
    <mergeCell ref="A7858:C7859"/>
    <mergeCell ref="D7858:O7859"/>
    <mergeCell ref="P7858:S7859"/>
    <mergeCell ref="T7858:W7859"/>
    <mergeCell ref="X7858:AA7859"/>
    <mergeCell ref="A7860:C7861"/>
    <mergeCell ref="D7860:O7861"/>
    <mergeCell ref="P7860:S7861"/>
    <mergeCell ref="T7860:W7861"/>
    <mergeCell ref="X7860:AA7861"/>
    <mergeCell ref="A7862:C7863"/>
    <mergeCell ref="D7862:O7863"/>
    <mergeCell ref="P7862:S7863"/>
    <mergeCell ref="T7862:W7863"/>
    <mergeCell ref="X7862:AA7863"/>
    <mergeCell ref="A7836:C7837"/>
    <mergeCell ref="D7836:O7837"/>
    <mergeCell ref="P7836:S7837"/>
    <mergeCell ref="T7836:W7837"/>
    <mergeCell ref="X7836:AA7837"/>
    <mergeCell ref="A7838:C7839"/>
    <mergeCell ref="D7838:O7839"/>
    <mergeCell ref="P7838:S7839"/>
    <mergeCell ref="T7838:W7839"/>
    <mergeCell ref="X7838:AA7839"/>
    <mergeCell ref="A7840:C7841"/>
    <mergeCell ref="D7840:O7841"/>
    <mergeCell ref="P7840:S7841"/>
    <mergeCell ref="T7840:W7841"/>
    <mergeCell ref="X7840:AA7841"/>
    <mergeCell ref="A7842:C7843"/>
    <mergeCell ref="D7842:O7843"/>
    <mergeCell ref="P7842:S7843"/>
    <mergeCell ref="T7842:W7843"/>
    <mergeCell ref="X7842:AA7843"/>
    <mergeCell ref="A7844:C7845"/>
    <mergeCell ref="D7844:O7845"/>
    <mergeCell ref="P7844:S7845"/>
    <mergeCell ref="T7844:W7845"/>
    <mergeCell ref="X7844:AA7845"/>
    <mergeCell ref="A7846:C7847"/>
    <mergeCell ref="D7846:O7847"/>
    <mergeCell ref="P7846:S7847"/>
    <mergeCell ref="T7846:W7847"/>
    <mergeCell ref="X7846:AA7847"/>
    <mergeCell ref="A7848:C7849"/>
    <mergeCell ref="D7848:O7849"/>
    <mergeCell ref="P7848:S7849"/>
    <mergeCell ref="T7848:W7849"/>
    <mergeCell ref="X7848:AA7849"/>
    <mergeCell ref="A7818:C7819"/>
    <mergeCell ref="D7818:O7819"/>
    <mergeCell ref="P7818:S7819"/>
    <mergeCell ref="T7818:W7819"/>
    <mergeCell ref="X7818:AA7819"/>
    <mergeCell ref="A7820:C7821"/>
    <mergeCell ref="D7820:O7821"/>
    <mergeCell ref="P7820:S7821"/>
    <mergeCell ref="T7820:W7821"/>
    <mergeCell ref="X7820:AA7821"/>
    <mergeCell ref="A7822:AA7823"/>
    <mergeCell ref="A7824:C7825"/>
    <mergeCell ref="D7824:O7825"/>
    <mergeCell ref="P7824:S7825"/>
    <mergeCell ref="T7824:W7825"/>
    <mergeCell ref="X7824:AA7825"/>
    <mergeCell ref="A7826:C7827"/>
    <mergeCell ref="D7826:O7827"/>
    <mergeCell ref="P7826:S7827"/>
    <mergeCell ref="T7826:W7827"/>
    <mergeCell ref="X7826:AA7827"/>
    <mergeCell ref="A7828:C7829"/>
    <mergeCell ref="D7828:O7829"/>
    <mergeCell ref="P7828:S7829"/>
    <mergeCell ref="T7828:W7829"/>
    <mergeCell ref="X7828:AA7829"/>
    <mergeCell ref="A7830:AA7831"/>
    <mergeCell ref="A7832:C7833"/>
    <mergeCell ref="D7832:O7833"/>
    <mergeCell ref="P7832:S7833"/>
    <mergeCell ref="T7832:W7833"/>
    <mergeCell ref="X7832:AA7833"/>
    <mergeCell ref="A7834:C7835"/>
    <mergeCell ref="D7834:O7835"/>
    <mergeCell ref="P7834:S7835"/>
    <mergeCell ref="T7834:W7835"/>
    <mergeCell ref="X7834:AA7835"/>
    <mergeCell ref="A7804:C7805"/>
    <mergeCell ref="D7804:O7805"/>
    <mergeCell ref="P7804:S7805"/>
    <mergeCell ref="T7804:W7805"/>
    <mergeCell ref="X7804:AA7805"/>
    <mergeCell ref="A7806:C7807"/>
    <mergeCell ref="D7806:O7807"/>
    <mergeCell ref="P7806:S7807"/>
    <mergeCell ref="T7806:W7807"/>
    <mergeCell ref="X7806:AA7807"/>
    <mergeCell ref="A7808:C7809"/>
    <mergeCell ref="D7808:O7809"/>
    <mergeCell ref="P7808:S7809"/>
    <mergeCell ref="T7808:W7809"/>
    <mergeCell ref="X7808:AA7809"/>
    <mergeCell ref="A7810:C7811"/>
    <mergeCell ref="D7810:O7811"/>
    <mergeCell ref="P7810:S7811"/>
    <mergeCell ref="T7810:W7811"/>
    <mergeCell ref="X7810:AA7811"/>
    <mergeCell ref="A7812:C7813"/>
    <mergeCell ref="D7812:O7813"/>
    <mergeCell ref="P7812:S7813"/>
    <mergeCell ref="T7812:W7813"/>
    <mergeCell ref="X7812:AA7813"/>
    <mergeCell ref="A7814:C7815"/>
    <mergeCell ref="D7814:O7815"/>
    <mergeCell ref="P7814:S7815"/>
    <mergeCell ref="T7814:W7815"/>
    <mergeCell ref="X7814:AA7815"/>
    <mergeCell ref="A7816:C7817"/>
    <mergeCell ref="D7816:O7817"/>
    <mergeCell ref="P7816:S7817"/>
    <mergeCell ref="T7816:W7817"/>
    <mergeCell ref="X7816:AA7817"/>
    <mergeCell ref="A7788:C7789"/>
    <mergeCell ref="D7788:O7789"/>
    <mergeCell ref="P7788:S7789"/>
    <mergeCell ref="T7788:W7789"/>
    <mergeCell ref="X7788:AA7789"/>
    <mergeCell ref="A7790:AA7791"/>
    <mergeCell ref="A7792:C7793"/>
    <mergeCell ref="D7792:O7793"/>
    <mergeCell ref="P7792:S7793"/>
    <mergeCell ref="T7792:W7793"/>
    <mergeCell ref="X7792:AA7793"/>
    <mergeCell ref="A7794:C7795"/>
    <mergeCell ref="D7794:O7795"/>
    <mergeCell ref="P7794:S7795"/>
    <mergeCell ref="T7794:W7795"/>
    <mergeCell ref="X7794:AA7795"/>
    <mergeCell ref="A7796:C7797"/>
    <mergeCell ref="D7796:O7797"/>
    <mergeCell ref="P7796:S7797"/>
    <mergeCell ref="T7796:W7797"/>
    <mergeCell ref="X7796:AA7797"/>
    <mergeCell ref="A7798:C7799"/>
    <mergeCell ref="D7798:O7799"/>
    <mergeCell ref="P7798:S7799"/>
    <mergeCell ref="T7798:W7799"/>
    <mergeCell ref="X7798:AA7799"/>
    <mergeCell ref="A7800:C7801"/>
    <mergeCell ref="D7800:O7801"/>
    <mergeCell ref="P7800:S7801"/>
    <mergeCell ref="T7800:W7801"/>
    <mergeCell ref="X7800:AA7801"/>
    <mergeCell ref="A7802:C7803"/>
    <mergeCell ref="D7802:O7803"/>
    <mergeCell ref="P7802:S7803"/>
    <mergeCell ref="T7802:W7803"/>
    <mergeCell ref="X7802:AA7803"/>
    <mergeCell ref="A7774:C7775"/>
    <mergeCell ref="D7774:O7775"/>
    <mergeCell ref="P7774:S7775"/>
    <mergeCell ref="T7774:W7775"/>
    <mergeCell ref="X7774:AA7775"/>
    <mergeCell ref="A7776:C7777"/>
    <mergeCell ref="D7776:O7777"/>
    <mergeCell ref="P7776:S7777"/>
    <mergeCell ref="T7776:W7777"/>
    <mergeCell ref="X7776:AA7777"/>
    <mergeCell ref="A7778:C7779"/>
    <mergeCell ref="D7778:O7779"/>
    <mergeCell ref="P7778:S7779"/>
    <mergeCell ref="T7778:W7779"/>
    <mergeCell ref="X7778:AA7779"/>
    <mergeCell ref="A7780:C7781"/>
    <mergeCell ref="D7780:O7781"/>
    <mergeCell ref="P7780:S7781"/>
    <mergeCell ref="T7780:W7781"/>
    <mergeCell ref="X7780:AA7781"/>
    <mergeCell ref="A7782:C7783"/>
    <mergeCell ref="D7782:O7783"/>
    <mergeCell ref="P7782:S7783"/>
    <mergeCell ref="T7782:W7783"/>
    <mergeCell ref="X7782:AA7783"/>
    <mergeCell ref="A7784:C7785"/>
    <mergeCell ref="D7784:O7785"/>
    <mergeCell ref="P7784:S7785"/>
    <mergeCell ref="T7784:W7785"/>
    <mergeCell ref="X7784:AA7785"/>
    <mergeCell ref="A7786:C7787"/>
    <mergeCell ref="D7786:O7787"/>
    <mergeCell ref="P7786:S7787"/>
    <mergeCell ref="T7786:W7787"/>
    <mergeCell ref="X7786:AA7787"/>
    <mergeCell ref="A7758:C7759"/>
    <mergeCell ref="D7758:O7759"/>
    <mergeCell ref="P7758:S7759"/>
    <mergeCell ref="T7758:W7759"/>
    <mergeCell ref="X7758:AA7759"/>
    <mergeCell ref="A7760:C7761"/>
    <mergeCell ref="D7760:O7761"/>
    <mergeCell ref="P7760:S7761"/>
    <mergeCell ref="T7760:W7761"/>
    <mergeCell ref="X7760:AA7761"/>
    <mergeCell ref="A7762:C7763"/>
    <mergeCell ref="D7762:O7763"/>
    <mergeCell ref="P7762:S7763"/>
    <mergeCell ref="T7762:W7763"/>
    <mergeCell ref="X7762:AA7763"/>
    <mergeCell ref="A7764:C7765"/>
    <mergeCell ref="D7764:O7765"/>
    <mergeCell ref="P7764:S7765"/>
    <mergeCell ref="T7764:W7765"/>
    <mergeCell ref="X7764:AA7765"/>
    <mergeCell ref="A7766:C7767"/>
    <mergeCell ref="D7766:O7767"/>
    <mergeCell ref="P7766:S7767"/>
    <mergeCell ref="T7766:W7767"/>
    <mergeCell ref="X7766:AA7767"/>
    <mergeCell ref="A7768:AA7769"/>
    <mergeCell ref="A7770:C7771"/>
    <mergeCell ref="D7770:O7771"/>
    <mergeCell ref="P7770:S7771"/>
    <mergeCell ref="T7770:W7771"/>
    <mergeCell ref="X7770:AA7771"/>
    <mergeCell ref="A7772:C7773"/>
    <mergeCell ref="D7772:O7773"/>
    <mergeCell ref="P7772:S7773"/>
    <mergeCell ref="T7772:W7773"/>
    <mergeCell ref="X7772:AA7773"/>
    <mergeCell ref="A7740:C7741"/>
    <mergeCell ref="D7740:O7741"/>
    <mergeCell ref="P7740:S7741"/>
    <mergeCell ref="T7740:W7741"/>
    <mergeCell ref="X7740:AA7741"/>
    <mergeCell ref="A7742:C7743"/>
    <mergeCell ref="D7742:O7743"/>
    <mergeCell ref="P7742:S7743"/>
    <mergeCell ref="T7742:W7743"/>
    <mergeCell ref="X7742:AA7743"/>
    <mergeCell ref="A7744:AA7745"/>
    <mergeCell ref="A7746:AA7747"/>
    <mergeCell ref="A7748:C7749"/>
    <mergeCell ref="D7748:O7749"/>
    <mergeCell ref="P7748:S7749"/>
    <mergeCell ref="T7748:W7749"/>
    <mergeCell ref="X7748:AA7749"/>
    <mergeCell ref="A7750:C7751"/>
    <mergeCell ref="D7750:O7751"/>
    <mergeCell ref="P7750:S7751"/>
    <mergeCell ref="T7750:W7751"/>
    <mergeCell ref="X7750:AA7751"/>
    <mergeCell ref="A7752:C7753"/>
    <mergeCell ref="D7752:O7753"/>
    <mergeCell ref="P7752:S7753"/>
    <mergeCell ref="T7752:W7753"/>
    <mergeCell ref="X7752:AA7753"/>
    <mergeCell ref="A7754:C7755"/>
    <mergeCell ref="D7754:O7755"/>
    <mergeCell ref="P7754:S7755"/>
    <mergeCell ref="T7754:W7755"/>
    <mergeCell ref="X7754:AA7755"/>
    <mergeCell ref="A7756:C7757"/>
    <mergeCell ref="D7756:O7757"/>
    <mergeCell ref="P7756:S7757"/>
    <mergeCell ref="T7756:W7757"/>
    <mergeCell ref="X7756:AA7757"/>
    <mergeCell ref="A7726:C7727"/>
    <mergeCell ref="D7726:O7727"/>
    <mergeCell ref="P7726:S7727"/>
    <mergeCell ref="T7726:W7727"/>
    <mergeCell ref="X7726:AA7727"/>
    <mergeCell ref="A7728:C7729"/>
    <mergeCell ref="D7728:O7729"/>
    <mergeCell ref="P7728:S7729"/>
    <mergeCell ref="T7728:W7729"/>
    <mergeCell ref="X7728:AA7729"/>
    <mergeCell ref="A7730:C7731"/>
    <mergeCell ref="D7730:O7731"/>
    <mergeCell ref="P7730:S7731"/>
    <mergeCell ref="T7730:W7731"/>
    <mergeCell ref="X7730:AA7731"/>
    <mergeCell ref="A7732:C7733"/>
    <mergeCell ref="D7732:O7733"/>
    <mergeCell ref="P7732:S7733"/>
    <mergeCell ref="T7732:W7733"/>
    <mergeCell ref="X7732:AA7733"/>
    <mergeCell ref="A7734:C7735"/>
    <mergeCell ref="D7734:O7735"/>
    <mergeCell ref="P7734:S7735"/>
    <mergeCell ref="T7734:W7735"/>
    <mergeCell ref="X7734:AA7735"/>
    <mergeCell ref="A7736:C7737"/>
    <mergeCell ref="D7736:O7737"/>
    <mergeCell ref="P7736:S7737"/>
    <mergeCell ref="T7736:W7737"/>
    <mergeCell ref="X7736:AA7737"/>
    <mergeCell ref="A7738:C7739"/>
    <mergeCell ref="D7738:O7739"/>
    <mergeCell ref="P7738:S7739"/>
    <mergeCell ref="T7738:W7739"/>
    <mergeCell ref="X7738:AA7739"/>
    <mergeCell ref="A7712:C7713"/>
    <mergeCell ref="D7712:O7713"/>
    <mergeCell ref="P7712:S7713"/>
    <mergeCell ref="T7712:W7713"/>
    <mergeCell ref="X7712:AA7713"/>
    <mergeCell ref="A7714:C7715"/>
    <mergeCell ref="D7714:O7715"/>
    <mergeCell ref="P7714:S7715"/>
    <mergeCell ref="T7714:W7715"/>
    <mergeCell ref="X7714:AA7715"/>
    <mergeCell ref="A7716:C7717"/>
    <mergeCell ref="D7716:O7717"/>
    <mergeCell ref="P7716:S7717"/>
    <mergeCell ref="T7716:W7717"/>
    <mergeCell ref="X7716:AA7717"/>
    <mergeCell ref="A7718:C7719"/>
    <mergeCell ref="D7718:O7719"/>
    <mergeCell ref="P7718:S7719"/>
    <mergeCell ref="T7718:W7719"/>
    <mergeCell ref="X7718:AA7719"/>
    <mergeCell ref="A7720:C7721"/>
    <mergeCell ref="D7720:O7721"/>
    <mergeCell ref="P7720:S7721"/>
    <mergeCell ref="T7720:W7721"/>
    <mergeCell ref="X7720:AA7721"/>
    <mergeCell ref="A7722:C7723"/>
    <mergeCell ref="D7722:O7723"/>
    <mergeCell ref="P7722:S7723"/>
    <mergeCell ref="T7722:W7723"/>
    <mergeCell ref="X7722:AA7723"/>
    <mergeCell ref="A7724:C7725"/>
    <mergeCell ref="D7724:O7725"/>
    <mergeCell ref="P7724:S7725"/>
    <mergeCell ref="T7724:W7725"/>
    <mergeCell ref="X7724:AA7725"/>
    <mergeCell ref="A7696:C7697"/>
    <mergeCell ref="D7696:O7697"/>
    <mergeCell ref="P7696:S7697"/>
    <mergeCell ref="T7696:W7697"/>
    <mergeCell ref="X7696:AA7697"/>
    <mergeCell ref="A7698:AA7699"/>
    <mergeCell ref="A7700:C7701"/>
    <mergeCell ref="D7700:O7701"/>
    <mergeCell ref="P7700:S7701"/>
    <mergeCell ref="T7700:W7701"/>
    <mergeCell ref="X7700:AA7701"/>
    <mergeCell ref="A7702:C7703"/>
    <mergeCell ref="D7702:O7703"/>
    <mergeCell ref="P7702:S7703"/>
    <mergeCell ref="T7702:W7703"/>
    <mergeCell ref="X7702:AA7703"/>
    <mergeCell ref="A7704:C7705"/>
    <mergeCell ref="D7704:O7705"/>
    <mergeCell ref="P7704:S7705"/>
    <mergeCell ref="T7704:W7705"/>
    <mergeCell ref="X7704:AA7705"/>
    <mergeCell ref="A7706:C7707"/>
    <mergeCell ref="D7706:O7707"/>
    <mergeCell ref="P7706:S7707"/>
    <mergeCell ref="T7706:W7707"/>
    <mergeCell ref="X7706:AA7707"/>
    <mergeCell ref="A7708:C7709"/>
    <mergeCell ref="D7708:O7709"/>
    <mergeCell ref="P7708:S7709"/>
    <mergeCell ref="T7708:W7709"/>
    <mergeCell ref="X7708:AA7709"/>
    <mergeCell ref="A7710:C7711"/>
    <mergeCell ref="D7710:O7711"/>
    <mergeCell ref="P7710:S7711"/>
    <mergeCell ref="T7710:W7711"/>
    <mergeCell ref="X7710:AA7711"/>
    <mergeCell ref="A7678:C7679"/>
    <mergeCell ref="D7678:O7679"/>
    <mergeCell ref="P7678:S7679"/>
    <mergeCell ref="T7678:W7679"/>
    <mergeCell ref="X7678:AA7679"/>
    <mergeCell ref="A7680:AA7681"/>
    <mergeCell ref="A7682:C7683"/>
    <mergeCell ref="D7682:O7683"/>
    <mergeCell ref="P7682:S7683"/>
    <mergeCell ref="T7682:W7683"/>
    <mergeCell ref="X7682:AA7683"/>
    <mergeCell ref="A7684:C7685"/>
    <mergeCell ref="D7684:O7685"/>
    <mergeCell ref="P7684:S7685"/>
    <mergeCell ref="T7684:W7685"/>
    <mergeCell ref="X7684:AA7685"/>
    <mergeCell ref="A7686:AA7687"/>
    <mergeCell ref="A7688:C7689"/>
    <mergeCell ref="D7688:O7689"/>
    <mergeCell ref="P7688:S7689"/>
    <mergeCell ref="T7688:W7689"/>
    <mergeCell ref="X7688:AA7689"/>
    <mergeCell ref="A7690:C7691"/>
    <mergeCell ref="D7690:O7691"/>
    <mergeCell ref="P7690:S7691"/>
    <mergeCell ref="T7690:W7691"/>
    <mergeCell ref="X7690:AA7691"/>
    <mergeCell ref="A7692:C7693"/>
    <mergeCell ref="D7692:O7693"/>
    <mergeCell ref="P7692:S7693"/>
    <mergeCell ref="T7692:W7693"/>
    <mergeCell ref="X7692:AA7693"/>
    <mergeCell ref="A7694:C7695"/>
    <mergeCell ref="D7694:O7695"/>
    <mergeCell ref="P7694:S7695"/>
    <mergeCell ref="T7694:W7695"/>
    <mergeCell ref="X7694:AA7695"/>
    <mergeCell ref="A7664:C7665"/>
    <mergeCell ref="D7664:O7665"/>
    <mergeCell ref="P7664:S7665"/>
    <mergeCell ref="T7664:W7665"/>
    <mergeCell ref="X7664:AA7665"/>
    <mergeCell ref="A7666:C7667"/>
    <mergeCell ref="D7666:O7667"/>
    <mergeCell ref="P7666:S7667"/>
    <mergeCell ref="T7666:W7667"/>
    <mergeCell ref="X7666:AA7667"/>
    <mergeCell ref="A7668:C7669"/>
    <mergeCell ref="D7668:O7669"/>
    <mergeCell ref="P7668:S7669"/>
    <mergeCell ref="T7668:W7669"/>
    <mergeCell ref="X7668:AA7669"/>
    <mergeCell ref="A7670:C7671"/>
    <mergeCell ref="D7670:O7671"/>
    <mergeCell ref="P7670:S7671"/>
    <mergeCell ref="T7670:W7671"/>
    <mergeCell ref="X7670:AA7671"/>
    <mergeCell ref="A7672:C7673"/>
    <mergeCell ref="D7672:O7673"/>
    <mergeCell ref="P7672:S7673"/>
    <mergeCell ref="T7672:W7673"/>
    <mergeCell ref="X7672:AA7673"/>
    <mergeCell ref="A7674:C7675"/>
    <mergeCell ref="D7674:O7675"/>
    <mergeCell ref="P7674:S7675"/>
    <mergeCell ref="T7674:W7675"/>
    <mergeCell ref="X7674:AA7675"/>
    <mergeCell ref="A7676:C7677"/>
    <mergeCell ref="D7676:O7677"/>
    <mergeCell ref="P7676:S7677"/>
    <mergeCell ref="T7676:W7677"/>
    <mergeCell ref="X7676:AA7677"/>
    <mergeCell ref="A7650:C7651"/>
    <mergeCell ref="D7650:O7651"/>
    <mergeCell ref="P7650:S7651"/>
    <mergeCell ref="T7650:W7651"/>
    <mergeCell ref="X7650:AA7651"/>
    <mergeCell ref="A7652:C7653"/>
    <mergeCell ref="D7652:O7653"/>
    <mergeCell ref="P7652:S7653"/>
    <mergeCell ref="T7652:W7653"/>
    <mergeCell ref="X7652:AA7653"/>
    <mergeCell ref="A7654:C7655"/>
    <mergeCell ref="D7654:O7655"/>
    <mergeCell ref="P7654:S7655"/>
    <mergeCell ref="T7654:W7655"/>
    <mergeCell ref="X7654:AA7655"/>
    <mergeCell ref="A7656:C7657"/>
    <mergeCell ref="D7656:O7657"/>
    <mergeCell ref="P7656:S7657"/>
    <mergeCell ref="T7656:W7657"/>
    <mergeCell ref="X7656:AA7657"/>
    <mergeCell ref="A7658:C7659"/>
    <mergeCell ref="D7658:O7659"/>
    <mergeCell ref="P7658:S7659"/>
    <mergeCell ref="T7658:W7659"/>
    <mergeCell ref="X7658:AA7659"/>
    <mergeCell ref="A7660:C7661"/>
    <mergeCell ref="D7660:O7661"/>
    <mergeCell ref="P7660:S7661"/>
    <mergeCell ref="T7660:W7661"/>
    <mergeCell ref="X7660:AA7661"/>
    <mergeCell ref="A7662:C7663"/>
    <mergeCell ref="D7662:O7663"/>
    <mergeCell ref="P7662:S7663"/>
    <mergeCell ref="T7662:W7663"/>
    <mergeCell ref="X7662:AA7663"/>
    <mergeCell ref="A7636:C7637"/>
    <mergeCell ref="D7636:O7637"/>
    <mergeCell ref="P7636:S7637"/>
    <mergeCell ref="T7636:W7637"/>
    <mergeCell ref="X7636:AA7637"/>
    <mergeCell ref="A7638:C7639"/>
    <mergeCell ref="D7638:O7639"/>
    <mergeCell ref="P7638:S7639"/>
    <mergeCell ref="T7638:W7639"/>
    <mergeCell ref="X7638:AA7639"/>
    <mergeCell ref="A7640:C7641"/>
    <mergeCell ref="D7640:O7641"/>
    <mergeCell ref="P7640:S7641"/>
    <mergeCell ref="T7640:W7641"/>
    <mergeCell ref="X7640:AA7641"/>
    <mergeCell ref="A7642:C7643"/>
    <mergeCell ref="D7642:O7643"/>
    <mergeCell ref="P7642:S7643"/>
    <mergeCell ref="T7642:W7643"/>
    <mergeCell ref="X7642:AA7643"/>
    <mergeCell ref="A7644:C7645"/>
    <mergeCell ref="D7644:O7645"/>
    <mergeCell ref="P7644:S7645"/>
    <mergeCell ref="T7644:W7645"/>
    <mergeCell ref="X7644:AA7645"/>
    <mergeCell ref="A7646:C7647"/>
    <mergeCell ref="D7646:O7647"/>
    <mergeCell ref="P7646:S7647"/>
    <mergeCell ref="T7646:W7647"/>
    <mergeCell ref="X7646:AA7647"/>
    <mergeCell ref="A7648:C7649"/>
    <mergeCell ref="D7648:O7649"/>
    <mergeCell ref="P7648:S7649"/>
    <mergeCell ref="T7648:W7649"/>
    <mergeCell ref="X7648:AA7649"/>
    <mergeCell ref="A7622:C7623"/>
    <mergeCell ref="D7622:O7623"/>
    <mergeCell ref="P7622:S7623"/>
    <mergeCell ref="T7622:W7623"/>
    <mergeCell ref="X7622:AA7623"/>
    <mergeCell ref="A7624:C7625"/>
    <mergeCell ref="D7624:O7625"/>
    <mergeCell ref="P7624:S7625"/>
    <mergeCell ref="T7624:W7625"/>
    <mergeCell ref="X7624:AA7625"/>
    <mergeCell ref="A7626:C7627"/>
    <mergeCell ref="D7626:O7627"/>
    <mergeCell ref="P7626:S7627"/>
    <mergeCell ref="T7626:W7627"/>
    <mergeCell ref="X7626:AA7627"/>
    <mergeCell ref="A7628:C7629"/>
    <mergeCell ref="D7628:O7629"/>
    <mergeCell ref="P7628:S7629"/>
    <mergeCell ref="T7628:W7629"/>
    <mergeCell ref="X7628:AA7629"/>
    <mergeCell ref="A7630:C7631"/>
    <mergeCell ref="D7630:O7631"/>
    <mergeCell ref="P7630:S7631"/>
    <mergeCell ref="T7630:W7631"/>
    <mergeCell ref="X7630:AA7631"/>
    <mergeCell ref="A7632:C7633"/>
    <mergeCell ref="D7632:O7633"/>
    <mergeCell ref="P7632:S7633"/>
    <mergeCell ref="T7632:W7633"/>
    <mergeCell ref="X7632:AA7633"/>
    <mergeCell ref="A7634:C7635"/>
    <mergeCell ref="D7634:O7635"/>
    <mergeCell ref="P7634:S7635"/>
    <mergeCell ref="T7634:W7635"/>
    <mergeCell ref="X7634:AA7635"/>
    <mergeCell ref="A7606:C7607"/>
    <mergeCell ref="D7606:O7607"/>
    <mergeCell ref="P7606:S7607"/>
    <mergeCell ref="T7606:W7607"/>
    <mergeCell ref="X7606:AA7607"/>
    <mergeCell ref="A7608:C7609"/>
    <mergeCell ref="D7608:O7609"/>
    <mergeCell ref="P7608:S7609"/>
    <mergeCell ref="T7608:W7609"/>
    <mergeCell ref="X7608:AA7609"/>
    <mergeCell ref="A7610:C7611"/>
    <mergeCell ref="D7610:O7611"/>
    <mergeCell ref="P7610:S7611"/>
    <mergeCell ref="T7610:W7611"/>
    <mergeCell ref="X7610:AA7611"/>
    <mergeCell ref="A7612:C7613"/>
    <mergeCell ref="D7612:O7613"/>
    <mergeCell ref="P7612:S7613"/>
    <mergeCell ref="T7612:W7613"/>
    <mergeCell ref="X7612:AA7613"/>
    <mergeCell ref="A7614:AA7615"/>
    <mergeCell ref="A7616:C7617"/>
    <mergeCell ref="D7616:O7617"/>
    <mergeCell ref="P7616:S7617"/>
    <mergeCell ref="T7616:W7617"/>
    <mergeCell ref="X7616:AA7617"/>
    <mergeCell ref="A7618:C7619"/>
    <mergeCell ref="D7618:O7619"/>
    <mergeCell ref="P7618:S7619"/>
    <mergeCell ref="T7618:W7619"/>
    <mergeCell ref="X7618:AA7619"/>
    <mergeCell ref="A7620:C7621"/>
    <mergeCell ref="D7620:O7621"/>
    <mergeCell ref="P7620:S7621"/>
    <mergeCell ref="T7620:W7621"/>
    <mergeCell ref="X7620:AA7621"/>
    <mergeCell ref="A7590:C7591"/>
    <mergeCell ref="D7590:O7591"/>
    <mergeCell ref="P7590:S7591"/>
    <mergeCell ref="T7590:W7591"/>
    <mergeCell ref="X7590:AA7591"/>
    <mergeCell ref="A7592:C7593"/>
    <mergeCell ref="D7592:O7593"/>
    <mergeCell ref="P7592:S7593"/>
    <mergeCell ref="T7592:W7593"/>
    <mergeCell ref="X7592:AA7593"/>
    <mergeCell ref="A7594:C7595"/>
    <mergeCell ref="D7594:O7595"/>
    <mergeCell ref="P7594:S7595"/>
    <mergeCell ref="T7594:W7595"/>
    <mergeCell ref="X7594:AA7595"/>
    <mergeCell ref="A7596:C7597"/>
    <mergeCell ref="D7596:O7597"/>
    <mergeCell ref="P7596:S7597"/>
    <mergeCell ref="T7596:W7597"/>
    <mergeCell ref="X7596:AA7597"/>
    <mergeCell ref="A7598:C7599"/>
    <mergeCell ref="D7598:O7599"/>
    <mergeCell ref="P7598:S7599"/>
    <mergeCell ref="T7598:W7599"/>
    <mergeCell ref="X7598:AA7599"/>
    <mergeCell ref="A7600:C7601"/>
    <mergeCell ref="D7600:O7601"/>
    <mergeCell ref="P7600:S7601"/>
    <mergeCell ref="T7600:W7601"/>
    <mergeCell ref="X7600:AA7601"/>
    <mergeCell ref="A7602:AA7603"/>
    <mergeCell ref="A7604:C7605"/>
    <mergeCell ref="D7604:O7605"/>
    <mergeCell ref="P7604:S7605"/>
    <mergeCell ref="T7604:W7605"/>
    <mergeCell ref="X7604:AA7605"/>
    <mergeCell ref="A7576:C7577"/>
    <mergeCell ref="D7576:O7577"/>
    <mergeCell ref="P7576:S7577"/>
    <mergeCell ref="T7576:W7577"/>
    <mergeCell ref="X7576:AA7577"/>
    <mergeCell ref="A7578:C7579"/>
    <mergeCell ref="D7578:O7579"/>
    <mergeCell ref="P7578:S7579"/>
    <mergeCell ref="T7578:W7579"/>
    <mergeCell ref="X7578:AA7579"/>
    <mergeCell ref="A7580:C7581"/>
    <mergeCell ref="D7580:O7581"/>
    <mergeCell ref="P7580:S7581"/>
    <mergeCell ref="T7580:W7581"/>
    <mergeCell ref="X7580:AA7581"/>
    <mergeCell ref="A7582:C7583"/>
    <mergeCell ref="D7582:O7583"/>
    <mergeCell ref="P7582:S7583"/>
    <mergeCell ref="T7582:W7583"/>
    <mergeCell ref="X7582:AA7583"/>
    <mergeCell ref="A7584:C7585"/>
    <mergeCell ref="D7584:O7585"/>
    <mergeCell ref="P7584:S7585"/>
    <mergeCell ref="T7584:W7585"/>
    <mergeCell ref="X7584:AA7585"/>
    <mergeCell ref="A7586:C7587"/>
    <mergeCell ref="D7586:O7587"/>
    <mergeCell ref="P7586:S7587"/>
    <mergeCell ref="T7586:W7587"/>
    <mergeCell ref="X7586:AA7587"/>
    <mergeCell ref="A7588:C7589"/>
    <mergeCell ref="D7588:O7589"/>
    <mergeCell ref="P7588:S7589"/>
    <mergeCell ref="T7588:W7589"/>
    <mergeCell ref="X7588:AA7589"/>
    <mergeCell ref="A7562:C7563"/>
    <mergeCell ref="D7562:O7563"/>
    <mergeCell ref="P7562:S7563"/>
    <mergeCell ref="T7562:W7563"/>
    <mergeCell ref="X7562:AA7563"/>
    <mergeCell ref="A7564:C7565"/>
    <mergeCell ref="D7564:O7565"/>
    <mergeCell ref="P7564:S7565"/>
    <mergeCell ref="T7564:W7565"/>
    <mergeCell ref="X7564:AA7565"/>
    <mergeCell ref="A7566:C7567"/>
    <mergeCell ref="D7566:O7567"/>
    <mergeCell ref="P7566:S7567"/>
    <mergeCell ref="T7566:W7567"/>
    <mergeCell ref="X7566:AA7567"/>
    <mergeCell ref="A7568:C7569"/>
    <mergeCell ref="D7568:O7569"/>
    <mergeCell ref="P7568:S7569"/>
    <mergeCell ref="T7568:W7569"/>
    <mergeCell ref="X7568:AA7569"/>
    <mergeCell ref="A7570:C7571"/>
    <mergeCell ref="D7570:O7571"/>
    <mergeCell ref="P7570:S7571"/>
    <mergeCell ref="T7570:W7571"/>
    <mergeCell ref="X7570:AA7571"/>
    <mergeCell ref="A7572:C7573"/>
    <mergeCell ref="D7572:O7573"/>
    <mergeCell ref="P7572:S7573"/>
    <mergeCell ref="T7572:W7573"/>
    <mergeCell ref="X7572:AA7573"/>
    <mergeCell ref="A7574:C7575"/>
    <mergeCell ref="D7574:O7575"/>
    <mergeCell ref="P7574:S7575"/>
    <mergeCell ref="T7574:W7575"/>
    <mergeCell ref="X7574:AA7575"/>
    <mergeCell ref="A7548:C7549"/>
    <mergeCell ref="D7548:O7549"/>
    <mergeCell ref="P7548:S7549"/>
    <mergeCell ref="T7548:W7549"/>
    <mergeCell ref="X7548:AA7549"/>
    <mergeCell ref="A7550:C7551"/>
    <mergeCell ref="D7550:O7551"/>
    <mergeCell ref="P7550:S7551"/>
    <mergeCell ref="T7550:W7551"/>
    <mergeCell ref="X7550:AA7551"/>
    <mergeCell ref="A7552:C7553"/>
    <mergeCell ref="D7552:O7553"/>
    <mergeCell ref="P7552:S7553"/>
    <mergeCell ref="T7552:W7553"/>
    <mergeCell ref="X7552:AA7553"/>
    <mergeCell ref="A7554:C7555"/>
    <mergeCell ref="D7554:O7555"/>
    <mergeCell ref="P7554:S7555"/>
    <mergeCell ref="T7554:W7555"/>
    <mergeCell ref="X7554:AA7555"/>
    <mergeCell ref="A7556:C7557"/>
    <mergeCell ref="D7556:O7557"/>
    <mergeCell ref="P7556:S7557"/>
    <mergeCell ref="T7556:W7557"/>
    <mergeCell ref="X7556:AA7557"/>
    <mergeCell ref="A7558:C7559"/>
    <mergeCell ref="D7558:O7559"/>
    <mergeCell ref="P7558:S7559"/>
    <mergeCell ref="T7558:W7559"/>
    <mergeCell ref="X7558:AA7559"/>
    <mergeCell ref="A7560:C7561"/>
    <mergeCell ref="D7560:O7561"/>
    <mergeCell ref="P7560:S7561"/>
    <mergeCell ref="T7560:W7561"/>
    <mergeCell ref="X7560:AA7561"/>
    <mergeCell ref="A7534:C7535"/>
    <mergeCell ref="D7534:O7535"/>
    <mergeCell ref="P7534:S7535"/>
    <mergeCell ref="T7534:W7535"/>
    <mergeCell ref="X7534:AA7535"/>
    <mergeCell ref="A7536:C7537"/>
    <mergeCell ref="D7536:O7537"/>
    <mergeCell ref="P7536:S7537"/>
    <mergeCell ref="T7536:W7537"/>
    <mergeCell ref="X7536:AA7537"/>
    <mergeCell ref="A7538:C7539"/>
    <mergeCell ref="D7538:O7539"/>
    <mergeCell ref="P7538:S7539"/>
    <mergeCell ref="T7538:W7539"/>
    <mergeCell ref="X7538:AA7539"/>
    <mergeCell ref="A7540:C7541"/>
    <mergeCell ref="D7540:O7541"/>
    <mergeCell ref="P7540:S7541"/>
    <mergeCell ref="T7540:W7541"/>
    <mergeCell ref="X7540:AA7541"/>
    <mergeCell ref="A7542:C7543"/>
    <mergeCell ref="D7542:O7543"/>
    <mergeCell ref="P7542:S7543"/>
    <mergeCell ref="T7542:W7543"/>
    <mergeCell ref="X7542:AA7543"/>
    <mergeCell ref="A7544:C7545"/>
    <mergeCell ref="D7544:O7545"/>
    <mergeCell ref="P7544:S7545"/>
    <mergeCell ref="T7544:W7545"/>
    <mergeCell ref="X7544:AA7545"/>
    <mergeCell ref="A7546:C7547"/>
    <mergeCell ref="D7546:O7547"/>
    <mergeCell ref="P7546:S7547"/>
    <mergeCell ref="T7546:W7547"/>
    <mergeCell ref="X7546:AA7547"/>
    <mergeCell ref="A7518:C7519"/>
    <mergeCell ref="D7518:O7519"/>
    <mergeCell ref="P7518:S7519"/>
    <mergeCell ref="T7518:W7519"/>
    <mergeCell ref="X7518:AA7519"/>
    <mergeCell ref="A7520:C7521"/>
    <mergeCell ref="D7520:O7521"/>
    <mergeCell ref="P7520:S7521"/>
    <mergeCell ref="T7520:W7521"/>
    <mergeCell ref="X7520:AA7521"/>
    <mergeCell ref="A7522:C7523"/>
    <mergeCell ref="D7522:O7523"/>
    <mergeCell ref="P7522:S7523"/>
    <mergeCell ref="T7522:W7523"/>
    <mergeCell ref="X7522:AA7523"/>
    <mergeCell ref="A7524:C7525"/>
    <mergeCell ref="D7524:O7525"/>
    <mergeCell ref="P7524:S7525"/>
    <mergeCell ref="T7524:W7525"/>
    <mergeCell ref="X7524:AA7525"/>
    <mergeCell ref="A7526:C7527"/>
    <mergeCell ref="D7526:O7527"/>
    <mergeCell ref="P7526:S7527"/>
    <mergeCell ref="T7526:W7527"/>
    <mergeCell ref="X7526:AA7527"/>
    <mergeCell ref="A7528:AA7529"/>
    <mergeCell ref="A7530:C7531"/>
    <mergeCell ref="D7530:O7531"/>
    <mergeCell ref="P7530:S7531"/>
    <mergeCell ref="T7530:W7531"/>
    <mergeCell ref="X7530:AA7531"/>
    <mergeCell ref="A7532:C7533"/>
    <mergeCell ref="D7532:O7533"/>
    <mergeCell ref="P7532:S7533"/>
    <mergeCell ref="T7532:W7533"/>
    <mergeCell ref="X7532:AA7533"/>
    <mergeCell ref="A7502:C7503"/>
    <mergeCell ref="D7502:O7503"/>
    <mergeCell ref="P7502:S7503"/>
    <mergeCell ref="T7502:W7503"/>
    <mergeCell ref="X7502:AA7503"/>
    <mergeCell ref="A7504:AA7505"/>
    <mergeCell ref="A7506:C7507"/>
    <mergeCell ref="D7506:O7507"/>
    <mergeCell ref="P7506:S7507"/>
    <mergeCell ref="T7506:W7507"/>
    <mergeCell ref="X7506:AA7507"/>
    <mergeCell ref="A7508:C7509"/>
    <mergeCell ref="D7508:O7509"/>
    <mergeCell ref="P7508:S7509"/>
    <mergeCell ref="T7508:W7509"/>
    <mergeCell ref="X7508:AA7509"/>
    <mergeCell ref="A7510:C7511"/>
    <mergeCell ref="D7510:O7511"/>
    <mergeCell ref="P7510:S7511"/>
    <mergeCell ref="T7510:W7511"/>
    <mergeCell ref="X7510:AA7511"/>
    <mergeCell ref="A7512:C7513"/>
    <mergeCell ref="D7512:O7513"/>
    <mergeCell ref="P7512:S7513"/>
    <mergeCell ref="T7512:W7513"/>
    <mergeCell ref="X7512:AA7513"/>
    <mergeCell ref="A7514:C7515"/>
    <mergeCell ref="D7514:O7515"/>
    <mergeCell ref="P7514:S7515"/>
    <mergeCell ref="T7514:W7515"/>
    <mergeCell ref="X7514:AA7515"/>
    <mergeCell ref="A7516:C7517"/>
    <mergeCell ref="D7516:O7517"/>
    <mergeCell ref="P7516:S7517"/>
    <mergeCell ref="T7516:W7517"/>
    <mergeCell ref="X7516:AA7517"/>
    <mergeCell ref="A7488:C7489"/>
    <mergeCell ref="D7488:O7489"/>
    <mergeCell ref="P7488:S7489"/>
    <mergeCell ref="T7488:W7489"/>
    <mergeCell ref="X7488:AA7489"/>
    <mergeCell ref="A7490:C7491"/>
    <mergeCell ref="D7490:O7491"/>
    <mergeCell ref="P7490:S7491"/>
    <mergeCell ref="T7490:W7491"/>
    <mergeCell ref="X7490:AA7491"/>
    <mergeCell ref="A7492:C7493"/>
    <mergeCell ref="D7492:O7493"/>
    <mergeCell ref="P7492:S7493"/>
    <mergeCell ref="T7492:W7493"/>
    <mergeCell ref="X7492:AA7493"/>
    <mergeCell ref="A7494:C7495"/>
    <mergeCell ref="D7494:O7495"/>
    <mergeCell ref="P7494:S7495"/>
    <mergeCell ref="T7494:W7495"/>
    <mergeCell ref="X7494:AA7495"/>
    <mergeCell ref="A7496:C7497"/>
    <mergeCell ref="D7496:O7497"/>
    <mergeCell ref="P7496:S7497"/>
    <mergeCell ref="T7496:W7497"/>
    <mergeCell ref="X7496:AA7497"/>
    <mergeCell ref="A7498:C7499"/>
    <mergeCell ref="D7498:O7499"/>
    <mergeCell ref="P7498:S7499"/>
    <mergeCell ref="T7498:W7499"/>
    <mergeCell ref="X7498:AA7499"/>
    <mergeCell ref="A7500:C7501"/>
    <mergeCell ref="D7500:O7501"/>
    <mergeCell ref="P7500:S7501"/>
    <mergeCell ref="T7500:W7501"/>
    <mergeCell ref="X7500:AA7501"/>
    <mergeCell ref="A7474:C7475"/>
    <mergeCell ref="D7474:O7475"/>
    <mergeCell ref="P7474:S7475"/>
    <mergeCell ref="T7474:W7475"/>
    <mergeCell ref="X7474:AA7475"/>
    <mergeCell ref="A7476:C7477"/>
    <mergeCell ref="D7476:O7477"/>
    <mergeCell ref="P7476:S7477"/>
    <mergeCell ref="T7476:W7477"/>
    <mergeCell ref="X7476:AA7477"/>
    <mergeCell ref="A7478:C7479"/>
    <mergeCell ref="D7478:O7479"/>
    <mergeCell ref="P7478:S7479"/>
    <mergeCell ref="T7478:W7479"/>
    <mergeCell ref="X7478:AA7479"/>
    <mergeCell ref="A7480:C7481"/>
    <mergeCell ref="D7480:O7481"/>
    <mergeCell ref="P7480:S7481"/>
    <mergeCell ref="T7480:W7481"/>
    <mergeCell ref="X7480:AA7481"/>
    <mergeCell ref="A7482:C7483"/>
    <mergeCell ref="D7482:O7483"/>
    <mergeCell ref="P7482:S7483"/>
    <mergeCell ref="T7482:W7483"/>
    <mergeCell ref="X7482:AA7483"/>
    <mergeCell ref="A7484:C7485"/>
    <mergeCell ref="D7484:O7485"/>
    <mergeCell ref="P7484:S7485"/>
    <mergeCell ref="T7484:W7485"/>
    <mergeCell ref="X7484:AA7485"/>
    <mergeCell ref="A7486:C7487"/>
    <mergeCell ref="D7486:O7487"/>
    <mergeCell ref="P7486:S7487"/>
    <mergeCell ref="T7486:W7487"/>
    <mergeCell ref="X7486:AA7487"/>
    <mergeCell ref="A7460:C7461"/>
    <mergeCell ref="D7460:O7461"/>
    <mergeCell ref="P7460:S7461"/>
    <mergeCell ref="T7460:W7461"/>
    <mergeCell ref="X7460:AA7461"/>
    <mergeCell ref="A7462:C7463"/>
    <mergeCell ref="D7462:O7463"/>
    <mergeCell ref="P7462:S7463"/>
    <mergeCell ref="T7462:W7463"/>
    <mergeCell ref="X7462:AA7463"/>
    <mergeCell ref="A7464:C7465"/>
    <mergeCell ref="D7464:O7465"/>
    <mergeCell ref="P7464:S7465"/>
    <mergeCell ref="T7464:W7465"/>
    <mergeCell ref="X7464:AA7465"/>
    <mergeCell ref="A7466:C7467"/>
    <mergeCell ref="D7466:O7467"/>
    <mergeCell ref="P7466:S7467"/>
    <mergeCell ref="T7466:W7467"/>
    <mergeCell ref="X7466:AA7467"/>
    <mergeCell ref="A7468:C7469"/>
    <mergeCell ref="D7468:O7469"/>
    <mergeCell ref="P7468:S7469"/>
    <mergeCell ref="T7468:W7469"/>
    <mergeCell ref="X7468:AA7469"/>
    <mergeCell ref="A7470:C7471"/>
    <mergeCell ref="D7470:O7471"/>
    <mergeCell ref="P7470:S7471"/>
    <mergeCell ref="T7470:W7471"/>
    <mergeCell ref="X7470:AA7471"/>
    <mergeCell ref="A7472:C7473"/>
    <mergeCell ref="D7472:O7473"/>
    <mergeCell ref="P7472:S7473"/>
    <mergeCell ref="T7472:W7473"/>
    <mergeCell ref="X7472:AA7473"/>
    <mergeCell ref="A7446:C7447"/>
    <mergeCell ref="D7446:O7447"/>
    <mergeCell ref="P7446:S7447"/>
    <mergeCell ref="T7446:W7447"/>
    <mergeCell ref="X7446:AA7447"/>
    <mergeCell ref="A7448:C7449"/>
    <mergeCell ref="D7448:O7449"/>
    <mergeCell ref="P7448:S7449"/>
    <mergeCell ref="T7448:W7449"/>
    <mergeCell ref="X7448:AA7449"/>
    <mergeCell ref="A7450:C7451"/>
    <mergeCell ref="D7450:O7451"/>
    <mergeCell ref="P7450:S7451"/>
    <mergeCell ref="T7450:W7451"/>
    <mergeCell ref="X7450:AA7451"/>
    <mergeCell ref="A7452:C7453"/>
    <mergeCell ref="D7452:O7453"/>
    <mergeCell ref="P7452:S7453"/>
    <mergeCell ref="T7452:W7453"/>
    <mergeCell ref="X7452:AA7453"/>
    <mergeCell ref="A7454:C7455"/>
    <mergeCell ref="D7454:O7455"/>
    <mergeCell ref="P7454:S7455"/>
    <mergeCell ref="T7454:W7455"/>
    <mergeCell ref="X7454:AA7455"/>
    <mergeCell ref="A7456:C7457"/>
    <mergeCell ref="D7456:O7457"/>
    <mergeCell ref="P7456:S7457"/>
    <mergeCell ref="T7456:W7457"/>
    <mergeCell ref="X7456:AA7457"/>
    <mergeCell ref="A7458:C7459"/>
    <mergeCell ref="D7458:O7459"/>
    <mergeCell ref="P7458:S7459"/>
    <mergeCell ref="T7458:W7459"/>
    <mergeCell ref="X7458:AA7459"/>
    <mergeCell ref="A7428:AA7429"/>
    <mergeCell ref="A7430:C7431"/>
    <mergeCell ref="D7430:O7431"/>
    <mergeCell ref="P7430:S7431"/>
    <mergeCell ref="T7430:W7431"/>
    <mergeCell ref="X7430:AA7431"/>
    <mergeCell ref="A7432:AA7433"/>
    <mergeCell ref="A7434:C7435"/>
    <mergeCell ref="D7434:O7435"/>
    <mergeCell ref="P7434:S7435"/>
    <mergeCell ref="T7434:W7435"/>
    <mergeCell ref="X7434:AA7435"/>
    <mergeCell ref="A7436:C7437"/>
    <mergeCell ref="D7436:O7437"/>
    <mergeCell ref="P7436:S7437"/>
    <mergeCell ref="T7436:W7437"/>
    <mergeCell ref="X7436:AA7437"/>
    <mergeCell ref="A7438:AA7439"/>
    <mergeCell ref="A7440:C7441"/>
    <mergeCell ref="D7440:O7441"/>
    <mergeCell ref="P7440:S7441"/>
    <mergeCell ref="T7440:W7441"/>
    <mergeCell ref="X7440:AA7441"/>
    <mergeCell ref="A7442:C7443"/>
    <mergeCell ref="D7442:O7443"/>
    <mergeCell ref="P7442:S7443"/>
    <mergeCell ref="T7442:W7443"/>
    <mergeCell ref="X7442:AA7443"/>
    <mergeCell ref="A7444:C7445"/>
    <mergeCell ref="D7444:O7445"/>
    <mergeCell ref="P7444:S7445"/>
    <mergeCell ref="T7444:W7445"/>
    <mergeCell ref="X7444:AA7445"/>
    <mergeCell ref="A7414:C7415"/>
    <mergeCell ref="D7414:O7415"/>
    <mergeCell ref="P7414:S7415"/>
    <mergeCell ref="T7414:W7415"/>
    <mergeCell ref="X7414:AA7415"/>
    <mergeCell ref="A7416:C7417"/>
    <mergeCell ref="D7416:O7417"/>
    <mergeCell ref="P7416:S7417"/>
    <mergeCell ref="T7416:W7417"/>
    <mergeCell ref="X7416:AA7417"/>
    <mergeCell ref="A7418:C7419"/>
    <mergeCell ref="D7418:O7419"/>
    <mergeCell ref="P7418:S7419"/>
    <mergeCell ref="T7418:W7419"/>
    <mergeCell ref="X7418:AA7419"/>
    <mergeCell ref="A7420:C7421"/>
    <mergeCell ref="D7420:O7421"/>
    <mergeCell ref="P7420:S7421"/>
    <mergeCell ref="T7420:W7421"/>
    <mergeCell ref="X7420:AA7421"/>
    <mergeCell ref="A7422:C7423"/>
    <mergeCell ref="D7422:O7423"/>
    <mergeCell ref="P7422:S7423"/>
    <mergeCell ref="T7422:W7423"/>
    <mergeCell ref="X7422:AA7423"/>
    <mergeCell ref="A7424:C7425"/>
    <mergeCell ref="D7424:O7425"/>
    <mergeCell ref="P7424:S7425"/>
    <mergeCell ref="T7424:W7425"/>
    <mergeCell ref="X7424:AA7425"/>
    <mergeCell ref="A7426:C7427"/>
    <mergeCell ref="D7426:O7427"/>
    <mergeCell ref="P7426:S7427"/>
    <mergeCell ref="T7426:W7427"/>
    <mergeCell ref="X7426:AA7427"/>
    <mergeCell ref="A7398:C7399"/>
    <mergeCell ref="D7398:O7399"/>
    <mergeCell ref="P7398:S7399"/>
    <mergeCell ref="T7398:W7399"/>
    <mergeCell ref="X7398:AA7399"/>
    <mergeCell ref="A7400:C7401"/>
    <mergeCell ref="D7400:O7401"/>
    <mergeCell ref="P7400:S7401"/>
    <mergeCell ref="T7400:W7401"/>
    <mergeCell ref="X7400:AA7401"/>
    <mergeCell ref="A7402:C7403"/>
    <mergeCell ref="D7402:O7403"/>
    <mergeCell ref="P7402:S7403"/>
    <mergeCell ref="T7402:W7403"/>
    <mergeCell ref="X7402:AA7403"/>
    <mergeCell ref="A7404:C7405"/>
    <mergeCell ref="D7404:O7405"/>
    <mergeCell ref="P7404:S7405"/>
    <mergeCell ref="T7404:W7405"/>
    <mergeCell ref="X7404:AA7405"/>
    <mergeCell ref="A7406:AA7407"/>
    <mergeCell ref="A7408:C7409"/>
    <mergeCell ref="D7408:O7409"/>
    <mergeCell ref="P7408:S7409"/>
    <mergeCell ref="T7408:W7409"/>
    <mergeCell ref="X7408:AA7409"/>
    <mergeCell ref="A7410:C7411"/>
    <mergeCell ref="D7410:O7411"/>
    <mergeCell ref="P7410:S7411"/>
    <mergeCell ref="T7410:W7411"/>
    <mergeCell ref="X7410:AA7411"/>
    <mergeCell ref="A7412:C7413"/>
    <mergeCell ref="D7412:O7413"/>
    <mergeCell ref="P7412:S7413"/>
    <mergeCell ref="T7412:W7413"/>
    <mergeCell ref="X7412:AA7413"/>
    <mergeCell ref="A7380:AA7381"/>
    <mergeCell ref="A7382:C7383"/>
    <mergeCell ref="D7382:O7383"/>
    <mergeCell ref="P7382:S7383"/>
    <mergeCell ref="T7382:W7383"/>
    <mergeCell ref="X7382:AA7383"/>
    <mergeCell ref="A7384:C7385"/>
    <mergeCell ref="D7384:O7385"/>
    <mergeCell ref="P7384:S7385"/>
    <mergeCell ref="T7384:W7385"/>
    <mergeCell ref="X7384:AA7385"/>
    <mergeCell ref="A7386:C7387"/>
    <mergeCell ref="D7386:O7387"/>
    <mergeCell ref="P7386:S7387"/>
    <mergeCell ref="T7386:W7387"/>
    <mergeCell ref="X7386:AA7387"/>
    <mergeCell ref="A7388:C7389"/>
    <mergeCell ref="D7388:O7389"/>
    <mergeCell ref="P7388:S7389"/>
    <mergeCell ref="T7388:W7389"/>
    <mergeCell ref="X7388:AA7389"/>
    <mergeCell ref="A7390:C7391"/>
    <mergeCell ref="D7390:O7391"/>
    <mergeCell ref="P7390:S7391"/>
    <mergeCell ref="T7390:W7391"/>
    <mergeCell ref="X7390:AA7391"/>
    <mergeCell ref="A7392:AA7393"/>
    <mergeCell ref="A7394:C7395"/>
    <mergeCell ref="D7394:O7395"/>
    <mergeCell ref="P7394:S7395"/>
    <mergeCell ref="T7394:W7395"/>
    <mergeCell ref="X7394:AA7395"/>
    <mergeCell ref="A7396:C7397"/>
    <mergeCell ref="D7396:O7397"/>
    <mergeCell ref="P7396:S7397"/>
    <mergeCell ref="T7396:W7397"/>
    <mergeCell ref="X7396:AA7397"/>
    <mergeCell ref="A7366:C7367"/>
    <mergeCell ref="D7366:O7367"/>
    <mergeCell ref="P7366:S7367"/>
    <mergeCell ref="T7366:W7367"/>
    <mergeCell ref="X7366:AA7367"/>
    <mergeCell ref="A7368:C7369"/>
    <mergeCell ref="D7368:O7369"/>
    <mergeCell ref="P7368:S7369"/>
    <mergeCell ref="T7368:W7369"/>
    <mergeCell ref="X7368:AA7369"/>
    <mergeCell ref="A7370:C7371"/>
    <mergeCell ref="D7370:O7371"/>
    <mergeCell ref="P7370:S7371"/>
    <mergeCell ref="T7370:W7371"/>
    <mergeCell ref="X7370:AA7371"/>
    <mergeCell ref="A7372:C7373"/>
    <mergeCell ref="D7372:O7373"/>
    <mergeCell ref="P7372:S7373"/>
    <mergeCell ref="T7372:W7373"/>
    <mergeCell ref="X7372:AA7373"/>
    <mergeCell ref="A7374:C7375"/>
    <mergeCell ref="D7374:O7375"/>
    <mergeCell ref="P7374:S7375"/>
    <mergeCell ref="T7374:W7375"/>
    <mergeCell ref="X7374:AA7375"/>
    <mergeCell ref="A7376:C7377"/>
    <mergeCell ref="D7376:O7377"/>
    <mergeCell ref="P7376:S7377"/>
    <mergeCell ref="T7376:W7377"/>
    <mergeCell ref="X7376:AA7377"/>
    <mergeCell ref="A7378:C7379"/>
    <mergeCell ref="D7378:O7379"/>
    <mergeCell ref="P7378:S7379"/>
    <mergeCell ref="T7378:W7379"/>
    <mergeCell ref="X7378:AA7379"/>
    <mergeCell ref="A7350:C7351"/>
    <mergeCell ref="D7350:O7351"/>
    <mergeCell ref="P7350:S7351"/>
    <mergeCell ref="T7350:W7351"/>
    <mergeCell ref="X7350:AA7351"/>
    <mergeCell ref="A7352:C7353"/>
    <mergeCell ref="D7352:O7353"/>
    <mergeCell ref="P7352:S7353"/>
    <mergeCell ref="T7352:W7353"/>
    <mergeCell ref="X7352:AA7353"/>
    <mergeCell ref="A7354:C7355"/>
    <mergeCell ref="D7354:O7355"/>
    <mergeCell ref="P7354:S7355"/>
    <mergeCell ref="T7354:W7355"/>
    <mergeCell ref="X7354:AA7355"/>
    <mergeCell ref="A7356:C7357"/>
    <mergeCell ref="D7356:O7357"/>
    <mergeCell ref="P7356:S7357"/>
    <mergeCell ref="T7356:W7357"/>
    <mergeCell ref="X7356:AA7357"/>
    <mergeCell ref="A7358:C7359"/>
    <mergeCell ref="D7358:O7359"/>
    <mergeCell ref="P7358:S7359"/>
    <mergeCell ref="T7358:W7359"/>
    <mergeCell ref="X7358:AA7359"/>
    <mergeCell ref="A7360:C7361"/>
    <mergeCell ref="D7360:O7361"/>
    <mergeCell ref="P7360:S7361"/>
    <mergeCell ref="T7360:W7361"/>
    <mergeCell ref="X7360:AA7361"/>
    <mergeCell ref="A7362:AA7363"/>
    <mergeCell ref="A7364:C7365"/>
    <mergeCell ref="D7364:O7365"/>
    <mergeCell ref="P7364:S7365"/>
    <mergeCell ref="T7364:W7365"/>
    <mergeCell ref="X7364:AA7365"/>
    <mergeCell ref="A7336:C7337"/>
    <mergeCell ref="D7336:O7337"/>
    <mergeCell ref="P7336:S7337"/>
    <mergeCell ref="T7336:W7337"/>
    <mergeCell ref="X7336:AA7337"/>
    <mergeCell ref="A7338:C7339"/>
    <mergeCell ref="D7338:O7339"/>
    <mergeCell ref="P7338:S7339"/>
    <mergeCell ref="T7338:W7339"/>
    <mergeCell ref="X7338:AA7339"/>
    <mergeCell ref="A7340:C7341"/>
    <mergeCell ref="D7340:O7341"/>
    <mergeCell ref="P7340:S7341"/>
    <mergeCell ref="T7340:W7341"/>
    <mergeCell ref="X7340:AA7341"/>
    <mergeCell ref="A7342:C7343"/>
    <mergeCell ref="D7342:O7343"/>
    <mergeCell ref="P7342:S7343"/>
    <mergeCell ref="T7342:W7343"/>
    <mergeCell ref="X7342:AA7343"/>
    <mergeCell ref="A7344:C7345"/>
    <mergeCell ref="D7344:O7345"/>
    <mergeCell ref="P7344:S7345"/>
    <mergeCell ref="T7344:W7345"/>
    <mergeCell ref="X7344:AA7345"/>
    <mergeCell ref="A7346:C7347"/>
    <mergeCell ref="D7346:O7347"/>
    <mergeCell ref="P7346:S7347"/>
    <mergeCell ref="T7346:W7347"/>
    <mergeCell ref="X7346:AA7347"/>
    <mergeCell ref="A7348:C7349"/>
    <mergeCell ref="D7348:O7349"/>
    <mergeCell ref="P7348:S7349"/>
    <mergeCell ref="T7348:W7349"/>
    <mergeCell ref="X7348:AA7349"/>
    <mergeCell ref="A7322:C7323"/>
    <mergeCell ref="D7322:O7323"/>
    <mergeCell ref="P7322:S7323"/>
    <mergeCell ref="T7322:W7323"/>
    <mergeCell ref="X7322:AA7323"/>
    <mergeCell ref="A7324:C7325"/>
    <mergeCell ref="D7324:O7325"/>
    <mergeCell ref="P7324:S7325"/>
    <mergeCell ref="T7324:W7325"/>
    <mergeCell ref="X7324:AA7325"/>
    <mergeCell ref="A7326:C7327"/>
    <mergeCell ref="D7326:O7327"/>
    <mergeCell ref="P7326:S7327"/>
    <mergeCell ref="T7326:W7327"/>
    <mergeCell ref="X7326:AA7327"/>
    <mergeCell ref="A7328:C7329"/>
    <mergeCell ref="D7328:O7329"/>
    <mergeCell ref="P7328:S7329"/>
    <mergeCell ref="T7328:W7329"/>
    <mergeCell ref="X7328:AA7329"/>
    <mergeCell ref="A7330:C7331"/>
    <mergeCell ref="D7330:O7331"/>
    <mergeCell ref="P7330:S7331"/>
    <mergeCell ref="T7330:W7331"/>
    <mergeCell ref="X7330:AA7331"/>
    <mergeCell ref="A7332:C7333"/>
    <mergeCell ref="D7332:O7333"/>
    <mergeCell ref="P7332:S7333"/>
    <mergeCell ref="T7332:W7333"/>
    <mergeCell ref="X7332:AA7333"/>
    <mergeCell ref="A7334:C7335"/>
    <mergeCell ref="D7334:O7335"/>
    <mergeCell ref="P7334:S7335"/>
    <mergeCell ref="T7334:W7335"/>
    <mergeCell ref="X7334:AA7335"/>
    <mergeCell ref="A7308:C7309"/>
    <mergeCell ref="D7308:O7309"/>
    <mergeCell ref="P7308:S7309"/>
    <mergeCell ref="T7308:W7309"/>
    <mergeCell ref="X7308:AA7309"/>
    <mergeCell ref="A7310:C7311"/>
    <mergeCell ref="D7310:O7311"/>
    <mergeCell ref="P7310:S7311"/>
    <mergeCell ref="T7310:W7311"/>
    <mergeCell ref="X7310:AA7311"/>
    <mergeCell ref="A7312:C7313"/>
    <mergeCell ref="D7312:O7313"/>
    <mergeCell ref="P7312:S7313"/>
    <mergeCell ref="T7312:W7313"/>
    <mergeCell ref="X7312:AA7313"/>
    <mergeCell ref="A7314:C7315"/>
    <mergeCell ref="D7314:O7315"/>
    <mergeCell ref="P7314:S7315"/>
    <mergeCell ref="T7314:W7315"/>
    <mergeCell ref="X7314:AA7315"/>
    <mergeCell ref="A7316:C7317"/>
    <mergeCell ref="D7316:O7317"/>
    <mergeCell ref="P7316:S7317"/>
    <mergeCell ref="T7316:W7317"/>
    <mergeCell ref="X7316:AA7317"/>
    <mergeCell ref="A7318:C7319"/>
    <mergeCell ref="D7318:O7319"/>
    <mergeCell ref="P7318:S7319"/>
    <mergeCell ref="T7318:W7319"/>
    <mergeCell ref="X7318:AA7319"/>
    <mergeCell ref="A7320:C7321"/>
    <mergeCell ref="D7320:O7321"/>
    <mergeCell ref="P7320:S7321"/>
    <mergeCell ref="T7320:W7321"/>
    <mergeCell ref="X7320:AA7321"/>
    <mergeCell ref="A7294:C7295"/>
    <mergeCell ref="D7294:O7295"/>
    <mergeCell ref="P7294:S7295"/>
    <mergeCell ref="T7294:W7295"/>
    <mergeCell ref="X7294:AA7295"/>
    <mergeCell ref="A7296:C7297"/>
    <mergeCell ref="D7296:O7297"/>
    <mergeCell ref="P7296:S7297"/>
    <mergeCell ref="T7296:W7297"/>
    <mergeCell ref="X7296:AA7297"/>
    <mergeCell ref="A7298:C7299"/>
    <mergeCell ref="D7298:O7299"/>
    <mergeCell ref="P7298:S7299"/>
    <mergeCell ref="T7298:W7299"/>
    <mergeCell ref="X7298:AA7299"/>
    <mergeCell ref="A7300:C7301"/>
    <mergeCell ref="D7300:O7301"/>
    <mergeCell ref="P7300:S7301"/>
    <mergeCell ref="T7300:W7301"/>
    <mergeCell ref="X7300:AA7301"/>
    <mergeCell ref="A7302:C7303"/>
    <mergeCell ref="D7302:O7303"/>
    <mergeCell ref="P7302:S7303"/>
    <mergeCell ref="T7302:W7303"/>
    <mergeCell ref="X7302:AA7303"/>
    <mergeCell ref="A7304:C7305"/>
    <mergeCell ref="D7304:O7305"/>
    <mergeCell ref="P7304:S7305"/>
    <mergeCell ref="T7304:W7305"/>
    <mergeCell ref="X7304:AA7305"/>
    <mergeCell ref="A7306:C7307"/>
    <mergeCell ref="D7306:O7307"/>
    <mergeCell ref="P7306:S7307"/>
    <mergeCell ref="T7306:W7307"/>
    <mergeCell ref="X7306:AA7307"/>
    <mergeCell ref="A7280:C7281"/>
    <mergeCell ref="D7280:O7281"/>
    <mergeCell ref="P7280:S7281"/>
    <mergeCell ref="T7280:W7281"/>
    <mergeCell ref="X7280:AA7281"/>
    <mergeCell ref="A7282:C7283"/>
    <mergeCell ref="D7282:O7283"/>
    <mergeCell ref="P7282:S7283"/>
    <mergeCell ref="T7282:W7283"/>
    <mergeCell ref="X7282:AA7283"/>
    <mergeCell ref="A7284:C7285"/>
    <mergeCell ref="D7284:O7285"/>
    <mergeCell ref="P7284:S7285"/>
    <mergeCell ref="T7284:W7285"/>
    <mergeCell ref="X7284:AA7285"/>
    <mergeCell ref="A7286:C7287"/>
    <mergeCell ref="D7286:O7287"/>
    <mergeCell ref="P7286:S7287"/>
    <mergeCell ref="T7286:W7287"/>
    <mergeCell ref="X7286:AA7287"/>
    <mergeCell ref="A7288:C7289"/>
    <mergeCell ref="D7288:O7289"/>
    <mergeCell ref="P7288:S7289"/>
    <mergeCell ref="T7288:W7289"/>
    <mergeCell ref="X7288:AA7289"/>
    <mergeCell ref="A7290:C7291"/>
    <mergeCell ref="D7290:O7291"/>
    <mergeCell ref="P7290:S7291"/>
    <mergeCell ref="T7290:W7291"/>
    <mergeCell ref="X7290:AA7291"/>
    <mergeCell ref="A7292:C7293"/>
    <mergeCell ref="D7292:O7293"/>
    <mergeCell ref="P7292:S7293"/>
    <mergeCell ref="T7292:W7293"/>
    <mergeCell ref="X7292:AA7293"/>
    <mergeCell ref="A7266:C7267"/>
    <mergeCell ref="D7266:O7267"/>
    <mergeCell ref="P7266:S7267"/>
    <mergeCell ref="T7266:W7267"/>
    <mergeCell ref="X7266:AA7267"/>
    <mergeCell ref="A7268:C7269"/>
    <mergeCell ref="D7268:O7269"/>
    <mergeCell ref="P7268:S7269"/>
    <mergeCell ref="T7268:W7269"/>
    <mergeCell ref="X7268:AA7269"/>
    <mergeCell ref="A7270:C7271"/>
    <mergeCell ref="D7270:O7271"/>
    <mergeCell ref="P7270:S7271"/>
    <mergeCell ref="T7270:W7271"/>
    <mergeCell ref="X7270:AA7271"/>
    <mergeCell ref="A7272:C7273"/>
    <mergeCell ref="D7272:O7273"/>
    <mergeCell ref="P7272:S7273"/>
    <mergeCell ref="T7272:W7273"/>
    <mergeCell ref="X7272:AA7273"/>
    <mergeCell ref="A7274:C7275"/>
    <mergeCell ref="D7274:O7275"/>
    <mergeCell ref="P7274:S7275"/>
    <mergeCell ref="T7274:W7275"/>
    <mergeCell ref="X7274:AA7275"/>
    <mergeCell ref="A7276:C7277"/>
    <mergeCell ref="D7276:O7277"/>
    <mergeCell ref="P7276:S7277"/>
    <mergeCell ref="T7276:W7277"/>
    <mergeCell ref="X7276:AA7277"/>
    <mergeCell ref="A7278:C7279"/>
    <mergeCell ref="D7278:O7279"/>
    <mergeCell ref="P7278:S7279"/>
    <mergeCell ref="T7278:W7279"/>
    <mergeCell ref="X7278:AA7279"/>
    <mergeCell ref="A7248:C7249"/>
    <mergeCell ref="D7248:O7249"/>
    <mergeCell ref="P7248:S7249"/>
    <mergeCell ref="T7248:W7249"/>
    <mergeCell ref="X7248:AA7249"/>
    <mergeCell ref="A7250:C7251"/>
    <mergeCell ref="D7250:O7251"/>
    <mergeCell ref="P7250:S7251"/>
    <mergeCell ref="T7250:W7251"/>
    <mergeCell ref="X7250:AA7251"/>
    <mergeCell ref="A7252:C7253"/>
    <mergeCell ref="D7252:O7253"/>
    <mergeCell ref="P7252:S7253"/>
    <mergeCell ref="T7252:W7253"/>
    <mergeCell ref="X7252:AA7253"/>
    <mergeCell ref="A7254:C7255"/>
    <mergeCell ref="D7254:O7255"/>
    <mergeCell ref="P7254:S7255"/>
    <mergeCell ref="T7254:W7255"/>
    <mergeCell ref="X7254:AA7255"/>
    <mergeCell ref="A7256:C7257"/>
    <mergeCell ref="D7256:O7257"/>
    <mergeCell ref="P7256:S7257"/>
    <mergeCell ref="T7256:W7257"/>
    <mergeCell ref="X7256:AA7257"/>
    <mergeCell ref="A7258:AA7259"/>
    <mergeCell ref="A7260:C7261"/>
    <mergeCell ref="D7260:O7261"/>
    <mergeCell ref="P7260:S7261"/>
    <mergeCell ref="T7260:W7261"/>
    <mergeCell ref="X7260:AA7261"/>
    <mergeCell ref="A7262:AA7263"/>
    <mergeCell ref="A7264:C7265"/>
    <mergeCell ref="D7264:O7265"/>
    <mergeCell ref="P7264:S7265"/>
    <mergeCell ref="T7264:W7265"/>
    <mergeCell ref="X7264:AA7265"/>
    <mergeCell ref="A7234:C7235"/>
    <mergeCell ref="D7234:O7235"/>
    <mergeCell ref="P7234:S7235"/>
    <mergeCell ref="T7234:W7235"/>
    <mergeCell ref="X7234:AA7235"/>
    <mergeCell ref="A7236:C7237"/>
    <mergeCell ref="D7236:O7237"/>
    <mergeCell ref="P7236:S7237"/>
    <mergeCell ref="T7236:W7237"/>
    <mergeCell ref="X7236:AA7237"/>
    <mergeCell ref="A7238:C7239"/>
    <mergeCell ref="D7238:O7239"/>
    <mergeCell ref="P7238:S7239"/>
    <mergeCell ref="T7238:W7239"/>
    <mergeCell ref="X7238:AA7239"/>
    <mergeCell ref="A7240:C7241"/>
    <mergeCell ref="D7240:O7241"/>
    <mergeCell ref="P7240:S7241"/>
    <mergeCell ref="T7240:W7241"/>
    <mergeCell ref="X7240:AA7241"/>
    <mergeCell ref="A7242:C7243"/>
    <mergeCell ref="D7242:O7243"/>
    <mergeCell ref="P7242:S7243"/>
    <mergeCell ref="T7242:W7243"/>
    <mergeCell ref="X7242:AA7243"/>
    <mergeCell ref="A7244:C7245"/>
    <mergeCell ref="D7244:O7245"/>
    <mergeCell ref="P7244:S7245"/>
    <mergeCell ref="T7244:W7245"/>
    <mergeCell ref="X7244:AA7245"/>
    <mergeCell ref="A7246:C7247"/>
    <mergeCell ref="D7246:O7247"/>
    <mergeCell ref="P7246:S7247"/>
    <mergeCell ref="T7246:W7247"/>
    <mergeCell ref="X7246:AA7247"/>
    <mergeCell ref="A7220:C7221"/>
    <mergeCell ref="D7220:O7221"/>
    <mergeCell ref="P7220:S7221"/>
    <mergeCell ref="T7220:W7221"/>
    <mergeCell ref="X7220:AA7221"/>
    <mergeCell ref="A7222:C7223"/>
    <mergeCell ref="D7222:O7223"/>
    <mergeCell ref="P7222:S7223"/>
    <mergeCell ref="T7222:W7223"/>
    <mergeCell ref="X7222:AA7223"/>
    <mergeCell ref="A7224:C7225"/>
    <mergeCell ref="D7224:O7225"/>
    <mergeCell ref="P7224:S7225"/>
    <mergeCell ref="T7224:W7225"/>
    <mergeCell ref="X7224:AA7225"/>
    <mergeCell ref="A7226:C7227"/>
    <mergeCell ref="D7226:O7227"/>
    <mergeCell ref="P7226:S7227"/>
    <mergeCell ref="T7226:W7227"/>
    <mergeCell ref="X7226:AA7227"/>
    <mergeCell ref="A7228:C7229"/>
    <mergeCell ref="D7228:O7229"/>
    <mergeCell ref="P7228:S7229"/>
    <mergeCell ref="T7228:W7229"/>
    <mergeCell ref="X7228:AA7229"/>
    <mergeCell ref="A7230:C7231"/>
    <mergeCell ref="D7230:O7231"/>
    <mergeCell ref="P7230:S7231"/>
    <mergeCell ref="T7230:W7231"/>
    <mergeCell ref="X7230:AA7231"/>
    <mergeCell ref="A7232:C7233"/>
    <mergeCell ref="D7232:O7233"/>
    <mergeCell ref="P7232:S7233"/>
    <mergeCell ref="T7232:W7233"/>
    <mergeCell ref="X7232:AA7233"/>
    <mergeCell ref="A7202:C7203"/>
    <mergeCell ref="D7202:O7203"/>
    <mergeCell ref="P7202:S7203"/>
    <mergeCell ref="T7202:W7203"/>
    <mergeCell ref="X7202:AA7203"/>
    <mergeCell ref="A7204:C7205"/>
    <mergeCell ref="D7204:O7205"/>
    <mergeCell ref="P7204:S7205"/>
    <mergeCell ref="T7204:W7205"/>
    <mergeCell ref="X7204:AA7205"/>
    <mergeCell ref="A7206:AA7207"/>
    <mergeCell ref="A7208:C7209"/>
    <mergeCell ref="D7208:O7209"/>
    <mergeCell ref="P7208:S7209"/>
    <mergeCell ref="T7208:W7209"/>
    <mergeCell ref="X7208:AA7209"/>
    <mergeCell ref="A7210:C7211"/>
    <mergeCell ref="D7210:O7211"/>
    <mergeCell ref="P7210:S7211"/>
    <mergeCell ref="T7210:W7211"/>
    <mergeCell ref="X7210:AA7211"/>
    <mergeCell ref="A7212:C7213"/>
    <mergeCell ref="D7212:O7213"/>
    <mergeCell ref="P7212:S7213"/>
    <mergeCell ref="T7212:W7213"/>
    <mergeCell ref="X7212:AA7213"/>
    <mergeCell ref="A7214:C7215"/>
    <mergeCell ref="D7214:O7215"/>
    <mergeCell ref="P7214:S7215"/>
    <mergeCell ref="T7214:W7215"/>
    <mergeCell ref="X7214:AA7215"/>
    <mergeCell ref="A7216:AA7217"/>
    <mergeCell ref="A7218:C7219"/>
    <mergeCell ref="D7218:O7219"/>
    <mergeCell ref="P7218:S7219"/>
    <mergeCell ref="T7218:W7219"/>
    <mergeCell ref="X7218:AA7219"/>
    <mergeCell ref="A7186:C7187"/>
    <mergeCell ref="D7186:O7187"/>
    <mergeCell ref="P7186:S7187"/>
    <mergeCell ref="T7186:W7187"/>
    <mergeCell ref="X7186:AA7187"/>
    <mergeCell ref="A7188:C7189"/>
    <mergeCell ref="D7188:O7189"/>
    <mergeCell ref="P7188:S7189"/>
    <mergeCell ref="T7188:W7189"/>
    <mergeCell ref="X7188:AA7189"/>
    <mergeCell ref="A7190:C7191"/>
    <mergeCell ref="D7190:O7191"/>
    <mergeCell ref="P7190:S7191"/>
    <mergeCell ref="T7190:W7191"/>
    <mergeCell ref="X7190:AA7191"/>
    <mergeCell ref="A7192:C7193"/>
    <mergeCell ref="D7192:O7193"/>
    <mergeCell ref="P7192:S7193"/>
    <mergeCell ref="T7192:W7193"/>
    <mergeCell ref="X7192:AA7193"/>
    <mergeCell ref="A7194:C7195"/>
    <mergeCell ref="D7194:O7195"/>
    <mergeCell ref="P7194:S7195"/>
    <mergeCell ref="T7194:W7195"/>
    <mergeCell ref="X7194:AA7195"/>
    <mergeCell ref="A7196:AA7197"/>
    <mergeCell ref="A7198:C7199"/>
    <mergeCell ref="D7198:O7199"/>
    <mergeCell ref="P7198:S7199"/>
    <mergeCell ref="T7198:W7199"/>
    <mergeCell ref="X7198:AA7199"/>
    <mergeCell ref="A7200:C7201"/>
    <mergeCell ref="D7200:O7201"/>
    <mergeCell ref="P7200:S7201"/>
    <mergeCell ref="T7200:W7201"/>
    <mergeCell ref="X7200:AA7201"/>
    <mergeCell ref="A7172:C7173"/>
    <mergeCell ref="D7172:O7173"/>
    <mergeCell ref="P7172:S7173"/>
    <mergeCell ref="T7172:W7173"/>
    <mergeCell ref="X7172:AA7173"/>
    <mergeCell ref="A7174:C7175"/>
    <mergeCell ref="D7174:O7175"/>
    <mergeCell ref="P7174:S7175"/>
    <mergeCell ref="T7174:W7175"/>
    <mergeCell ref="X7174:AA7175"/>
    <mergeCell ref="A7176:C7177"/>
    <mergeCell ref="D7176:O7177"/>
    <mergeCell ref="P7176:S7177"/>
    <mergeCell ref="T7176:W7177"/>
    <mergeCell ref="X7176:AA7177"/>
    <mergeCell ref="A7178:C7179"/>
    <mergeCell ref="D7178:O7179"/>
    <mergeCell ref="P7178:S7179"/>
    <mergeCell ref="T7178:W7179"/>
    <mergeCell ref="X7178:AA7179"/>
    <mergeCell ref="A7180:C7181"/>
    <mergeCell ref="D7180:O7181"/>
    <mergeCell ref="P7180:S7181"/>
    <mergeCell ref="T7180:W7181"/>
    <mergeCell ref="X7180:AA7181"/>
    <mergeCell ref="A7182:C7183"/>
    <mergeCell ref="D7182:O7183"/>
    <mergeCell ref="P7182:S7183"/>
    <mergeCell ref="T7182:W7183"/>
    <mergeCell ref="X7182:AA7183"/>
    <mergeCell ref="A7184:C7185"/>
    <mergeCell ref="D7184:O7185"/>
    <mergeCell ref="P7184:S7185"/>
    <mergeCell ref="T7184:W7185"/>
    <mergeCell ref="X7184:AA7185"/>
    <mergeCell ref="A7154:C7155"/>
    <mergeCell ref="D7154:O7155"/>
    <mergeCell ref="P7154:S7155"/>
    <mergeCell ref="T7154:W7155"/>
    <mergeCell ref="X7154:AA7155"/>
    <mergeCell ref="A7156:C7157"/>
    <mergeCell ref="D7156:O7157"/>
    <mergeCell ref="P7156:S7157"/>
    <mergeCell ref="T7156:W7157"/>
    <mergeCell ref="X7156:AA7157"/>
    <mergeCell ref="A7158:C7159"/>
    <mergeCell ref="D7158:O7159"/>
    <mergeCell ref="P7158:S7159"/>
    <mergeCell ref="T7158:W7159"/>
    <mergeCell ref="X7158:AA7159"/>
    <mergeCell ref="A7160:AA7161"/>
    <mergeCell ref="A7162:C7163"/>
    <mergeCell ref="D7162:O7163"/>
    <mergeCell ref="P7162:S7163"/>
    <mergeCell ref="T7162:W7163"/>
    <mergeCell ref="X7162:AA7163"/>
    <mergeCell ref="A7164:C7165"/>
    <mergeCell ref="D7164:O7165"/>
    <mergeCell ref="P7164:S7165"/>
    <mergeCell ref="T7164:W7165"/>
    <mergeCell ref="X7164:AA7165"/>
    <mergeCell ref="A7166:AA7167"/>
    <mergeCell ref="A7168:C7169"/>
    <mergeCell ref="D7168:O7169"/>
    <mergeCell ref="P7168:S7169"/>
    <mergeCell ref="T7168:W7169"/>
    <mergeCell ref="X7168:AA7169"/>
    <mergeCell ref="A7170:C7171"/>
    <mergeCell ref="D7170:O7171"/>
    <mergeCell ref="P7170:S7171"/>
    <mergeCell ref="T7170:W7171"/>
    <mergeCell ref="X7170:AA7171"/>
    <mergeCell ref="A7136:C7137"/>
    <mergeCell ref="D7136:O7137"/>
    <mergeCell ref="P7136:S7137"/>
    <mergeCell ref="T7136:W7137"/>
    <mergeCell ref="X7136:AA7137"/>
    <mergeCell ref="A7138:C7139"/>
    <mergeCell ref="D7138:O7139"/>
    <mergeCell ref="P7138:S7139"/>
    <mergeCell ref="T7138:W7139"/>
    <mergeCell ref="X7138:AA7139"/>
    <mergeCell ref="A7140:C7141"/>
    <mergeCell ref="D7140:O7141"/>
    <mergeCell ref="P7140:S7141"/>
    <mergeCell ref="T7140:W7141"/>
    <mergeCell ref="X7140:AA7141"/>
    <mergeCell ref="A7142:AA7143"/>
    <mergeCell ref="A7144:C7145"/>
    <mergeCell ref="D7144:O7145"/>
    <mergeCell ref="P7144:S7145"/>
    <mergeCell ref="T7144:W7145"/>
    <mergeCell ref="X7144:AA7145"/>
    <mergeCell ref="A7146:AA7147"/>
    <mergeCell ref="A7148:AA7149"/>
    <mergeCell ref="A7150:C7151"/>
    <mergeCell ref="D7150:O7151"/>
    <mergeCell ref="P7150:S7151"/>
    <mergeCell ref="T7150:W7151"/>
    <mergeCell ref="X7150:AA7151"/>
    <mergeCell ref="A7152:C7153"/>
    <mergeCell ref="D7152:O7153"/>
    <mergeCell ref="P7152:S7153"/>
    <mergeCell ref="T7152:W7153"/>
    <mergeCell ref="X7152:AA7153"/>
    <mergeCell ref="A7122:C7123"/>
    <mergeCell ref="D7122:O7123"/>
    <mergeCell ref="P7122:S7123"/>
    <mergeCell ref="T7122:W7123"/>
    <mergeCell ref="X7122:AA7123"/>
    <mergeCell ref="A7124:C7125"/>
    <mergeCell ref="D7124:O7125"/>
    <mergeCell ref="P7124:S7125"/>
    <mergeCell ref="T7124:W7125"/>
    <mergeCell ref="X7124:AA7125"/>
    <mergeCell ref="A7126:C7127"/>
    <mergeCell ref="D7126:O7127"/>
    <mergeCell ref="P7126:S7127"/>
    <mergeCell ref="T7126:W7127"/>
    <mergeCell ref="X7126:AA7127"/>
    <mergeCell ref="A7128:C7129"/>
    <mergeCell ref="D7128:O7129"/>
    <mergeCell ref="P7128:S7129"/>
    <mergeCell ref="T7128:W7129"/>
    <mergeCell ref="X7128:AA7129"/>
    <mergeCell ref="A7130:C7131"/>
    <mergeCell ref="D7130:O7131"/>
    <mergeCell ref="P7130:S7131"/>
    <mergeCell ref="T7130:W7131"/>
    <mergeCell ref="X7130:AA7131"/>
    <mergeCell ref="A7132:C7133"/>
    <mergeCell ref="D7132:O7133"/>
    <mergeCell ref="P7132:S7133"/>
    <mergeCell ref="T7132:W7133"/>
    <mergeCell ref="X7132:AA7133"/>
    <mergeCell ref="A7134:C7135"/>
    <mergeCell ref="D7134:O7135"/>
    <mergeCell ref="P7134:S7135"/>
    <mergeCell ref="T7134:W7135"/>
    <mergeCell ref="X7134:AA7135"/>
    <mergeCell ref="A7108:C7109"/>
    <mergeCell ref="D7108:O7109"/>
    <mergeCell ref="P7108:S7109"/>
    <mergeCell ref="T7108:W7109"/>
    <mergeCell ref="X7108:AA7109"/>
    <mergeCell ref="A7110:C7111"/>
    <mergeCell ref="D7110:O7111"/>
    <mergeCell ref="P7110:S7111"/>
    <mergeCell ref="T7110:W7111"/>
    <mergeCell ref="X7110:AA7111"/>
    <mergeCell ref="A7112:C7113"/>
    <mergeCell ref="D7112:O7113"/>
    <mergeCell ref="P7112:S7113"/>
    <mergeCell ref="T7112:W7113"/>
    <mergeCell ref="X7112:AA7113"/>
    <mergeCell ref="A7114:C7115"/>
    <mergeCell ref="D7114:O7115"/>
    <mergeCell ref="P7114:S7115"/>
    <mergeCell ref="T7114:W7115"/>
    <mergeCell ref="X7114:AA7115"/>
    <mergeCell ref="A7116:C7117"/>
    <mergeCell ref="D7116:O7117"/>
    <mergeCell ref="P7116:S7117"/>
    <mergeCell ref="T7116:W7117"/>
    <mergeCell ref="X7116:AA7117"/>
    <mergeCell ref="A7118:C7119"/>
    <mergeCell ref="D7118:O7119"/>
    <mergeCell ref="P7118:S7119"/>
    <mergeCell ref="T7118:W7119"/>
    <mergeCell ref="X7118:AA7119"/>
    <mergeCell ref="A7120:C7121"/>
    <mergeCell ref="D7120:O7121"/>
    <mergeCell ref="P7120:S7121"/>
    <mergeCell ref="T7120:W7121"/>
    <mergeCell ref="X7120:AA7121"/>
    <mergeCell ref="A7094:C7095"/>
    <mergeCell ref="D7094:O7095"/>
    <mergeCell ref="P7094:S7095"/>
    <mergeCell ref="T7094:W7095"/>
    <mergeCell ref="X7094:AA7095"/>
    <mergeCell ref="A7096:C7097"/>
    <mergeCell ref="D7096:O7097"/>
    <mergeCell ref="P7096:S7097"/>
    <mergeCell ref="T7096:W7097"/>
    <mergeCell ref="X7096:AA7097"/>
    <mergeCell ref="A7098:C7099"/>
    <mergeCell ref="D7098:O7099"/>
    <mergeCell ref="P7098:S7099"/>
    <mergeCell ref="T7098:W7099"/>
    <mergeCell ref="X7098:AA7099"/>
    <mergeCell ref="A7100:C7101"/>
    <mergeCell ref="D7100:O7101"/>
    <mergeCell ref="P7100:S7101"/>
    <mergeCell ref="T7100:W7101"/>
    <mergeCell ref="X7100:AA7101"/>
    <mergeCell ref="A7102:C7103"/>
    <mergeCell ref="D7102:O7103"/>
    <mergeCell ref="P7102:S7103"/>
    <mergeCell ref="T7102:W7103"/>
    <mergeCell ref="X7102:AA7103"/>
    <mergeCell ref="A7104:C7105"/>
    <mergeCell ref="D7104:O7105"/>
    <mergeCell ref="P7104:S7105"/>
    <mergeCell ref="T7104:W7105"/>
    <mergeCell ref="X7104:AA7105"/>
    <mergeCell ref="A7106:C7107"/>
    <mergeCell ref="D7106:O7107"/>
    <mergeCell ref="P7106:S7107"/>
    <mergeCell ref="T7106:W7107"/>
    <mergeCell ref="X7106:AA7107"/>
    <mergeCell ref="A7080:C7081"/>
    <mergeCell ref="D7080:O7081"/>
    <mergeCell ref="P7080:S7081"/>
    <mergeCell ref="T7080:W7081"/>
    <mergeCell ref="X7080:AA7081"/>
    <mergeCell ref="A7082:C7083"/>
    <mergeCell ref="D7082:O7083"/>
    <mergeCell ref="P7082:S7083"/>
    <mergeCell ref="T7082:W7083"/>
    <mergeCell ref="X7082:AA7083"/>
    <mergeCell ref="A7084:C7085"/>
    <mergeCell ref="D7084:O7085"/>
    <mergeCell ref="P7084:S7085"/>
    <mergeCell ref="T7084:W7085"/>
    <mergeCell ref="X7084:AA7085"/>
    <mergeCell ref="A7086:C7087"/>
    <mergeCell ref="D7086:O7087"/>
    <mergeCell ref="P7086:S7087"/>
    <mergeCell ref="T7086:W7087"/>
    <mergeCell ref="X7086:AA7087"/>
    <mergeCell ref="A7088:C7089"/>
    <mergeCell ref="D7088:O7089"/>
    <mergeCell ref="P7088:S7089"/>
    <mergeCell ref="T7088:W7089"/>
    <mergeCell ref="X7088:AA7089"/>
    <mergeCell ref="A7090:C7091"/>
    <mergeCell ref="D7090:O7091"/>
    <mergeCell ref="P7090:S7091"/>
    <mergeCell ref="T7090:W7091"/>
    <mergeCell ref="X7090:AA7091"/>
    <mergeCell ref="A7092:C7093"/>
    <mergeCell ref="D7092:O7093"/>
    <mergeCell ref="P7092:S7093"/>
    <mergeCell ref="T7092:W7093"/>
    <mergeCell ref="X7092:AA7093"/>
    <mergeCell ref="A7066:C7067"/>
    <mergeCell ref="D7066:O7067"/>
    <mergeCell ref="P7066:S7067"/>
    <mergeCell ref="T7066:W7067"/>
    <mergeCell ref="X7066:AA7067"/>
    <mergeCell ref="A7068:C7069"/>
    <mergeCell ref="D7068:O7069"/>
    <mergeCell ref="P7068:S7069"/>
    <mergeCell ref="T7068:W7069"/>
    <mergeCell ref="X7068:AA7069"/>
    <mergeCell ref="A7070:C7071"/>
    <mergeCell ref="D7070:O7071"/>
    <mergeCell ref="P7070:S7071"/>
    <mergeCell ref="T7070:W7071"/>
    <mergeCell ref="X7070:AA7071"/>
    <mergeCell ref="A7072:C7073"/>
    <mergeCell ref="D7072:O7073"/>
    <mergeCell ref="P7072:S7073"/>
    <mergeCell ref="T7072:W7073"/>
    <mergeCell ref="X7072:AA7073"/>
    <mergeCell ref="A7074:C7075"/>
    <mergeCell ref="D7074:O7075"/>
    <mergeCell ref="P7074:S7075"/>
    <mergeCell ref="T7074:W7075"/>
    <mergeCell ref="X7074:AA7075"/>
    <mergeCell ref="A7076:C7077"/>
    <mergeCell ref="D7076:O7077"/>
    <mergeCell ref="P7076:S7077"/>
    <mergeCell ref="T7076:W7077"/>
    <mergeCell ref="X7076:AA7077"/>
    <mergeCell ref="A7078:C7079"/>
    <mergeCell ref="D7078:O7079"/>
    <mergeCell ref="P7078:S7079"/>
    <mergeCell ref="T7078:W7079"/>
    <mergeCell ref="X7078:AA7079"/>
    <mergeCell ref="A7048:AA7049"/>
    <mergeCell ref="A7050:C7051"/>
    <mergeCell ref="D7050:O7051"/>
    <mergeCell ref="P7050:S7051"/>
    <mergeCell ref="T7050:W7051"/>
    <mergeCell ref="X7050:AA7051"/>
    <mergeCell ref="A7052:C7053"/>
    <mergeCell ref="D7052:O7053"/>
    <mergeCell ref="P7052:S7053"/>
    <mergeCell ref="T7052:W7053"/>
    <mergeCell ref="X7052:AA7053"/>
    <mergeCell ref="A7054:C7055"/>
    <mergeCell ref="D7054:O7055"/>
    <mergeCell ref="P7054:S7055"/>
    <mergeCell ref="T7054:W7055"/>
    <mergeCell ref="X7054:AA7055"/>
    <mergeCell ref="A7056:C7057"/>
    <mergeCell ref="D7056:O7057"/>
    <mergeCell ref="P7056:S7057"/>
    <mergeCell ref="T7056:W7057"/>
    <mergeCell ref="X7056:AA7057"/>
    <mergeCell ref="A7058:C7059"/>
    <mergeCell ref="D7058:O7059"/>
    <mergeCell ref="P7058:S7059"/>
    <mergeCell ref="T7058:W7059"/>
    <mergeCell ref="X7058:AA7059"/>
    <mergeCell ref="A7060:C7061"/>
    <mergeCell ref="D7060:O7061"/>
    <mergeCell ref="P7060:S7061"/>
    <mergeCell ref="T7060:W7061"/>
    <mergeCell ref="X7060:AA7061"/>
    <mergeCell ref="A7062:AA7063"/>
    <mergeCell ref="A7064:C7065"/>
    <mergeCell ref="D7064:O7065"/>
    <mergeCell ref="P7064:S7065"/>
    <mergeCell ref="T7064:W7065"/>
    <mergeCell ref="X7064:AA7065"/>
    <mergeCell ref="A7034:C7035"/>
    <mergeCell ref="D7034:O7035"/>
    <mergeCell ref="P7034:S7035"/>
    <mergeCell ref="T7034:W7035"/>
    <mergeCell ref="X7034:AA7035"/>
    <mergeCell ref="A7036:C7037"/>
    <mergeCell ref="D7036:O7037"/>
    <mergeCell ref="P7036:S7037"/>
    <mergeCell ref="T7036:W7037"/>
    <mergeCell ref="X7036:AA7037"/>
    <mergeCell ref="A7038:C7039"/>
    <mergeCell ref="D7038:O7039"/>
    <mergeCell ref="P7038:S7039"/>
    <mergeCell ref="T7038:W7039"/>
    <mergeCell ref="X7038:AA7039"/>
    <mergeCell ref="A7040:C7041"/>
    <mergeCell ref="D7040:O7041"/>
    <mergeCell ref="P7040:S7041"/>
    <mergeCell ref="T7040:W7041"/>
    <mergeCell ref="X7040:AA7041"/>
    <mergeCell ref="A7042:C7043"/>
    <mergeCell ref="D7042:O7043"/>
    <mergeCell ref="P7042:S7043"/>
    <mergeCell ref="T7042:W7043"/>
    <mergeCell ref="X7042:AA7043"/>
    <mergeCell ref="A7044:C7045"/>
    <mergeCell ref="D7044:O7045"/>
    <mergeCell ref="P7044:S7045"/>
    <mergeCell ref="T7044:W7045"/>
    <mergeCell ref="X7044:AA7045"/>
    <mergeCell ref="A7046:C7047"/>
    <mergeCell ref="D7046:O7047"/>
    <mergeCell ref="P7046:S7047"/>
    <mergeCell ref="T7046:W7047"/>
    <mergeCell ref="X7046:AA7047"/>
    <mergeCell ref="A7020:C7021"/>
    <mergeCell ref="D7020:O7021"/>
    <mergeCell ref="P7020:S7021"/>
    <mergeCell ref="T7020:W7021"/>
    <mergeCell ref="X7020:AA7021"/>
    <mergeCell ref="A7022:C7023"/>
    <mergeCell ref="D7022:O7023"/>
    <mergeCell ref="P7022:S7023"/>
    <mergeCell ref="T7022:W7023"/>
    <mergeCell ref="X7022:AA7023"/>
    <mergeCell ref="A7024:C7025"/>
    <mergeCell ref="D7024:O7025"/>
    <mergeCell ref="P7024:S7025"/>
    <mergeCell ref="T7024:W7025"/>
    <mergeCell ref="X7024:AA7025"/>
    <mergeCell ref="A7026:C7027"/>
    <mergeCell ref="D7026:O7027"/>
    <mergeCell ref="P7026:S7027"/>
    <mergeCell ref="T7026:W7027"/>
    <mergeCell ref="X7026:AA7027"/>
    <mergeCell ref="A7028:C7029"/>
    <mergeCell ref="D7028:O7029"/>
    <mergeCell ref="P7028:S7029"/>
    <mergeCell ref="T7028:W7029"/>
    <mergeCell ref="X7028:AA7029"/>
    <mergeCell ref="A7030:C7031"/>
    <mergeCell ref="D7030:O7031"/>
    <mergeCell ref="P7030:S7031"/>
    <mergeCell ref="T7030:W7031"/>
    <mergeCell ref="X7030:AA7031"/>
    <mergeCell ref="A7032:C7033"/>
    <mergeCell ref="D7032:O7033"/>
    <mergeCell ref="P7032:S7033"/>
    <mergeCell ref="T7032:W7033"/>
    <mergeCell ref="X7032:AA7033"/>
    <mergeCell ref="A7006:C7007"/>
    <mergeCell ref="D7006:O7007"/>
    <mergeCell ref="P7006:S7007"/>
    <mergeCell ref="T7006:W7007"/>
    <mergeCell ref="X7006:AA7007"/>
    <mergeCell ref="A7008:C7009"/>
    <mergeCell ref="D7008:O7009"/>
    <mergeCell ref="P7008:S7009"/>
    <mergeCell ref="T7008:W7009"/>
    <mergeCell ref="X7008:AA7009"/>
    <mergeCell ref="A7010:C7011"/>
    <mergeCell ref="D7010:O7011"/>
    <mergeCell ref="P7010:S7011"/>
    <mergeCell ref="T7010:W7011"/>
    <mergeCell ref="X7010:AA7011"/>
    <mergeCell ref="A7012:C7013"/>
    <mergeCell ref="D7012:O7013"/>
    <mergeCell ref="P7012:S7013"/>
    <mergeCell ref="T7012:W7013"/>
    <mergeCell ref="X7012:AA7013"/>
    <mergeCell ref="A7014:C7015"/>
    <mergeCell ref="D7014:O7015"/>
    <mergeCell ref="P7014:S7015"/>
    <mergeCell ref="T7014:W7015"/>
    <mergeCell ref="X7014:AA7015"/>
    <mergeCell ref="A7016:C7017"/>
    <mergeCell ref="D7016:O7017"/>
    <mergeCell ref="P7016:S7017"/>
    <mergeCell ref="T7016:W7017"/>
    <mergeCell ref="X7016:AA7017"/>
    <mergeCell ref="A7018:C7019"/>
    <mergeCell ref="D7018:O7019"/>
    <mergeCell ref="P7018:S7019"/>
    <mergeCell ref="T7018:W7019"/>
    <mergeCell ref="X7018:AA7019"/>
    <mergeCell ref="A6990:C6991"/>
    <mergeCell ref="D6990:O6991"/>
    <mergeCell ref="P6990:S6991"/>
    <mergeCell ref="T6990:W6991"/>
    <mergeCell ref="X6990:AA6991"/>
    <mergeCell ref="A6992:AA6993"/>
    <mergeCell ref="A6994:C6995"/>
    <mergeCell ref="D6994:O6995"/>
    <mergeCell ref="P6994:S6995"/>
    <mergeCell ref="T6994:W6995"/>
    <mergeCell ref="X6994:AA6995"/>
    <mergeCell ref="A6996:C6997"/>
    <mergeCell ref="D6996:O6997"/>
    <mergeCell ref="P6996:S6997"/>
    <mergeCell ref="T6996:W6997"/>
    <mergeCell ref="X6996:AA6997"/>
    <mergeCell ref="A6998:C6999"/>
    <mergeCell ref="D6998:O6999"/>
    <mergeCell ref="P6998:S6999"/>
    <mergeCell ref="T6998:W6999"/>
    <mergeCell ref="X6998:AA6999"/>
    <mergeCell ref="A7000:C7001"/>
    <mergeCell ref="D7000:O7001"/>
    <mergeCell ref="P7000:S7001"/>
    <mergeCell ref="T7000:W7001"/>
    <mergeCell ref="X7000:AA7001"/>
    <mergeCell ref="A7002:C7003"/>
    <mergeCell ref="D7002:O7003"/>
    <mergeCell ref="P7002:S7003"/>
    <mergeCell ref="T7002:W7003"/>
    <mergeCell ref="X7002:AA7003"/>
    <mergeCell ref="A7004:C7005"/>
    <mergeCell ref="D7004:O7005"/>
    <mergeCell ref="P7004:S7005"/>
    <mergeCell ref="T7004:W7005"/>
    <mergeCell ref="X7004:AA7005"/>
    <mergeCell ref="A6972:C6973"/>
    <mergeCell ref="D6972:O6973"/>
    <mergeCell ref="P6972:S6973"/>
    <mergeCell ref="T6972:W6973"/>
    <mergeCell ref="X6972:AA6973"/>
    <mergeCell ref="A6974:C6975"/>
    <mergeCell ref="D6974:O6975"/>
    <mergeCell ref="P6974:S6975"/>
    <mergeCell ref="T6974:W6975"/>
    <mergeCell ref="X6974:AA6975"/>
    <mergeCell ref="A6976:AA6977"/>
    <mergeCell ref="A6978:C6979"/>
    <mergeCell ref="D6978:O6979"/>
    <mergeCell ref="P6978:S6979"/>
    <mergeCell ref="T6978:W6979"/>
    <mergeCell ref="X6978:AA6979"/>
    <mergeCell ref="A6980:AA6981"/>
    <mergeCell ref="A6982:C6983"/>
    <mergeCell ref="D6982:O6983"/>
    <mergeCell ref="P6982:S6983"/>
    <mergeCell ref="T6982:W6983"/>
    <mergeCell ref="X6982:AA6983"/>
    <mergeCell ref="A6984:C6985"/>
    <mergeCell ref="D6984:O6985"/>
    <mergeCell ref="P6984:S6985"/>
    <mergeCell ref="T6984:W6985"/>
    <mergeCell ref="X6984:AA6985"/>
    <mergeCell ref="A6986:C6987"/>
    <mergeCell ref="D6986:O6987"/>
    <mergeCell ref="P6986:S6987"/>
    <mergeCell ref="T6986:W6987"/>
    <mergeCell ref="X6986:AA6987"/>
    <mergeCell ref="A6988:C6989"/>
    <mergeCell ref="D6988:O6989"/>
    <mergeCell ref="P6988:S6989"/>
    <mergeCell ref="T6988:W6989"/>
    <mergeCell ref="X6988:AA6989"/>
    <mergeCell ref="A6958:C6959"/>
    <mergeCell ref="D6958:O6959"/>
    <mergeCell ref="P6958:S6959"/>
    <mergeCell ref="T6958:W6959"/>
    <mergeCell ref="X6958:AA6959"/>
    <mergeCell ref="A6960:C6961"/>
    <mergeCell ref="D6960:O6961"/>
    <mergeCell ref="P6960:S6961"/>
    <mergeCell ref="T6960:W6961"/>
    <mergeCell ref="X6960:AA6961"/>
    <mergeCell ref="A6962:C6963"/>
    <mergeCell ref="D6962:O6963"/>
    <mergeCell ref="P6962:S6963"/>
    <mergeCell ref="T6962:W6963"/>
    <mergeCell ref="X6962:AA6963"/>
    <mergeCell ref="A6964:C6965"/>
    <mergeCell ref="D6964:O6965"/>
    <mergeCell ref="P6964:S6965"/>
    <mergeCell ref="T6964:W6965"/>
    <mergeCell ref="X6964:AA6965"/>
    <mergeCell ref="A6966:C6967"/>
    <mergeCell ref="D6966:O6967"/>
    <mergeCell ref="P6966:S6967"/>
    <mergeCell ref="T6966:W6967"/>
    <mergeCell ref="X6966:AA6967"/>
    <mergeCell ref="A6968:C6969"/>
    <mergeCell ref="D6968:O6969"/>
    <mergeCell ref="P6968:S6969"/>
    <mergeCell ref="T6968:W6969"/>
    <mergeCell ref="X6968:AA6969"/>
    <mergeCell ref="A6970:C6971"/>
    <mergeCell ref="D6970:O6971"/>
    <mergeCell ref="P6970:S6971"/>
    <mergeCell ref="T6970:W6971"/>
    <mergeCell ref="X6970:AA6971"/>
    <mergeCell ref="A6944:C6945"/>
    <mergeCell ref="D6944:O6945"/>
    <mergeCell ref="P6944:S6945"/>
    <mergeCell ref="T6944:W6945"/>
    <mergeCell ref="X6944:AA6945"/>
    <mergeCell ref="A6946:C6947"/>
    <mergeCell ref="D6946:O6947"/>
    <mergeCell ref="P6946:S6947"/>
    <mergeCell ref="T6946:W6947"/>
    <mergeCell ref="X6946:AA6947"/>
    <mergeCell ref="A6948:C6949"/>
    <mergeCell ref="D6948:O6949"/>
    <mergeCell ref="P6948:S6949"/>
    <mergeCell ref="T6948:W6949"/>
    <mergeCell ref="X6948:AA6949"/>
    <mergeCell ref="A6950:C6951"/>
    <mergeCell ref="D6950:O6951"/>
    <mergeCell ref="P6950:S6951"/>
    <mergeCell ref="T6950:W6951"/>
    <mergeCell ref="X6950:AA6951"/>
    <mergeCell ref="A6952:C6953"/>
    <mergeCell ref="D6952:O6953"/>
    <mergeCell ref="P6952:S6953"/>
    <mergeCell ref="T6952:W6953"/>
    <mergeCell ref="X6952:AA6953"/>
    <mergeCell ref="A6954:C6955"/>
    <mergeCell ref="D6954:O6955"/>
    <mergeCell ref="P6954:S6955"/>
    <mergeCell ref="T6954:W6955"/>
    <mergeCell ref="X6954:AA6955"/>
    <mergeCell ref="A6956:C6957"/>
    <mergeCell ref="D6956:O6957"/>
    <mergeCell ref="P6956:S6957"/>
    <mergeCell ref="T6956:W6957"/>
    <mergeCell ref="X6956:AA6957"/>
    <mergeCell ref="A6926:C6927"/>
    <mergeCell ref="D6926:O6927"/>
    <mergeCell ref="P6926:S6927"/>
    <mergeCell ref="T6926:W6927"/>
    <mergeCell ref="X6926:AA6927"/>
    <mergeCell ref="A6928:AA6929"/>
    <mergeCell ref="A6930:AA6931"/>
    <mergeCell ref="A6932:C6933"/>
    <mergeCell ref="D6932:O6933"/>
    <mergeCell ref="P6932:S6933"/>
    <mergeCell ref="T6932:W6933"/>
    <mergeCell ref="X6932:AA6933"/>
    <mergeCell ref="A6934:AA6935"/>
    <mergeCell ref="A6936:C6937"/>
    <mergeCell ref="D6936:O6937"/>
    <mergeCell ref="P6936:S6937"/>
    <mergeCell ref="T6936:W6937"/>
    <mergeCell ref="X6936:AA6937"/>
    <mergeCell ref="A6938:C6939"/>
    <mergeCell ref="D6938:O6939"/>
    <mergeCell ref="P6938:S6939"/>
    <mergeCell ref="T6938:W6939"/>
    <mergeCell ref="X6938:AA6939"/>
    <mergeCell ref="A6940:C6941"/>
    <mergeCell ref="D6940:O6941"/>
    <mergeCell ref="P6940:S6941"/>
    <mergeCell ref="T6940:W6941"/>
    <mergeCell ref="X6940:AA6941"/>
    <mergeCell ref="A6942:C6943"/>
    <mergeCell ref="D6942:O6943"/>
    <mergeCell ref="P6942:S6943"/>
    <mergeCell ref="T6942:W6943"/>
    <mergeCell ref="X6942:AA6943"/>
    <mergeCell ref="A6912:C6913"/>
    <mergeCell ref="D6912:O6913"/>
    <mergeCell ref="P6912:S6913"/>
    <mergeCell ref="T6912:W6913"/>
    <mergeCell ref="X6912:AA6913"/>
    <mergeCell ref="A6914:C6915"/>
    <mergeCell ref="D6914:O6915"/>
    <mergeCell ref="P6914:S6915"/>
    <mergeCell ref="T6914:W6915"/>
    <mergeCell ref="X6914:AA6915"/>
    <mergeCell ref="A6916:C6917"/>
    <mergeCell ref="D6916:O6917"/>
    <mergeCell ref="P6916:S6917"/>
    <mergeCell ref="T6916:W6917"/>
    <mergeCell ref="X6916:AA6917"/>
    <mergeCell ref="A6918:C6919"/>
    <mergeCell ref="D6918:O6919"/>
    <mergeCell ref="P6918:S6919"/>
    <mergeCell ref="T6918:W6919"/>
    <mergeCell ref="X6918:AA6919"/>
    <mergeCell ref="A6920:C6921"/>
    <mergeCell ref="D6920:O6921"/>
    <mergeCell ref="P6920:S6921"/>
    <mergeCell ref="T6920:W6921"/>
    <mergeCell ref="X6920:AA6921"/>
    <mergeCell ref="A6922:C6923"/>
    <mergeCell ref="D6922:O6923"/>
    <mergeCell ref="P6922:S6923"/>
    <mergeCell ref="T6922:W6923"/>
    <mergeCell ref="X6922:AA6923"/>
    <mergeCell ref="A6924:C6925"/>
    <mergeCell ref="D6924:O6925"/>
    <mergeCell ref="P6924:S6925"/>
    <mergeCell ref="T6924:W6925"/>
    <mergeCell ref="X6924:AA6925"/>
    <mergeCell ref="A6898:C6899"/>
    <mergeCell ref="D6898:O6899"/>
    <mergeCell ref="P6898:S6899"/>
    <mergeCell ref="T6898:W6899"/>
    <mergeCell ref="X6898:AA6899"/>
    <mergeCell ref="A6900:C6901"/>
    <mergeCell ref="D6900:O6901"/>
    <mergeCell ref="P6900:S6901"/>
    <mergeCell ref="T6900:W6901"/>
    <mergeCell ref="X6900:AA6901"/>
    <mergeCell ref="A6902:C6903"/>
    <mergeCell ref="D6902:O6903"/>
    <mergeCell ref="P6902:S6903"/>
    <mergeCell ref="T6902:W6903"/>
    <mergeCell ref="X6902:AA6903"/>
    <mergeCell ref="A6904:C6905"/>
    <mergeCell ref="D6904:O6905"/>
    <mergeCell ref="P6904:S6905"/>
    <mergeCell ref="T6904:W6905"/>
    <mergeCell ref="X6904:AA6905"/>
    <mergeCell ref="A6906:C6907"/>
    <mergeCell ref="D6906:O6907"/>
    <mergeCell ref="P6906:S6907"/>
    <mergeCell ref="T6906:W6907"/>
    <mergeCell ref="X6906:AA6907"/>
    <mergeCell ref="A6908:C6909"/>
    <mergeCell ref="D6908:O6909"/>
    <mergeCell ref="P6908:S6909"/>
    <mergeCell ref="T6908:W6909"/>
    <mergeCell ref="X6908:AA6909"/>
    <mergeCell ref="A6910:C6911"/>
    <mergeCell ref="D6910:O6911"/>
    <mergeCell ref="P6910:S6911"/>
    <mergeCell ref="T6910:W6911"/>
    <mergeCell ref="X6910:AA6911"/>
    <mergeCell ref="A6884:C6885"/>
    <mergeCell ref="D6884:O6885"/>
    <mergeCell ref="P6884:S6885"/>
    <mergeCell ref="T6884:W6885"/>
    <mergeCell ref="X6884:AA6885"/>
    <mergeCell ref="A6886:C6887"/>
    <mergeCell ref="D6886:O6887"/>
    <mergeCell ref="P6886:S6887"/>
    <mergeCell ref="T6886:W6887"/>
    <mergeCell ref="X6886:AA6887"/>
    <mergeCell ref="A6888:C6889"/>
    <mergeCell ref="D6888:O6889"/>
    <mergeCell ref="P6888:S6889"/>
    <mergeCell ref="T6888:W6889"/>
    <mergeCell ref="X6888:AA6889"/>
    <mergeCell ref="A6890:C6891"/>
    <mergeCell ref="D6890:O6891"/>
    <mergeCell ref="P6890:S6891"/>
    <mergeCell ref="T6890:W6891"/>
    <mergeCell ref="X6890:AA6891"/>
    <mergeCell ref="A6892:C6893"/>
    <mergeCell ref="D6892:O6893"/>
    <mergeCell ref="P6892:S6893"/>
    <mergeCell ref="T6892:W6893"/>
    <mergeCell ref="X6892:AA6893"/>
    <mergeCell ref="A6894:C6895"/>
    <mergeCell ref="D6894:O6895"/>
    <mergeCell ref="P6894:S6895"/>
    <mergeCell ref="T6894:W6895"/>
    <mergeCell ref="X6894:AA6895"/>
    <mergeCell ref="A6896:C6897"/>
    <mergeCell ref="D6896:O6897"/>
    <mergeCell ref="P6896:S6897"/>
    <mergeCell ref="T6896:W6897"/>
    <mergeCell ref="X6896:AA6897"/>
    <mergeCell ref="A6870:C6871"/>
    <mergeCell ref="D6870:O6871"/>
    <mergeCell ref="P6870:S6871"/>
    <mergeCell ref="T6870:W6871"/>
    <mergeCell ref="X6870:AA6871"/>
    <mergeCell ref="A6872:C6873"/>
    <mergeCell ref="D6872:O6873"/>
    <mergeCell ref="P6872:S6873"/>
    <mergeCell ref="T6872:W6873"/>
    <mergeCell ref="X6872:AA6873"/>
    <mergeCell ref="A6874:C6875"/>
    <mergeCell ref="D6874:O6875"/>
    <mergeCell ref="P6874:S6875"/>
    <mergeCell ref="T6874:W6875"/>
    <mergeCell ref="X6874:AA6875"/>
    <mergeCell ref="A6876:C6877"/>
    <mergeCell ref="D6876:O6877"/>
    <mergeCell ref="P6876:S6877"/>
    <mergeCell ref="T6876:W6877"/>
    <mergeCell ref="X6876:AA6877"/>
    <mergeCell ref="A6878:C6879"/>
    <mergeCell ref="D6878:O6879"/>
    <mergeCell ref="P6878:S6879"/>
    <mergeCell ref="T6878:W6879"/>
    <mergeCell ref="X6878:AA6879"/>
    <mergeCell ref="A6880:C6881"/>
    <mergeCell ref="D6880:O6881"/>
    <mergeCell ref="P6880:S6881"/>
    <mergeCell ref="T6880:W6881"/>
    <mergeCell ref="X6880:AA6881"/>
    <mergeCell ref="A6882:C6883"/>
    <mergeCell ref="D6882:O6883"/>
    <mergeCell ref="P6882:S6883"/>
    <mergeCell ref="T6882:W6883"/>
    <mergeCell ref="X6882:AA6883"/>
    <mergeCell ref="A6856:C6857"/>
    <mergeCell ref="D6856:O6857"/>
    <mergeCell ref="P6856:S6857"/>
    <mergeCell ref="T6856:W6857"/>
    <mergeCell ref="X6856:AA6857"/>
    <mergeCell ref="A6858:C6859"/>
    <mergeCell ref="D6858:O6859"/>
    <mergeCell ref="P6858:S6859"/>
    <mergeCell ref="T6858:W6859"/>
    <mergeCell ref="X6858:AA6859"/>
    <mergeCell ref="A6860:C6861"/>
    <mergeCell ref="D6860:O6861"/>
    <mergeCell ref="P6860:S6861"/>
    <mergeCell ref="T6860:W6861"/>
    <mergeCell ref="X6860:AA6861"/>
    <mergeCell ref="A6862:C6863"/>
    <mergeCell ref="D6862:O6863"/>
    <mergeCell ref="P6862:S6863"/>
    <mergeCell ref="T6862:W6863"/>
    <mergeCell ref="X6862:AA6863"/>
    <mergeCell ref="A6864:C6865"/>
    <mergeCell ref="D6864:O6865"/>
    <mergeCell ref="P6864:S6865"/>
    <mergeCell ref="T6864:W6865"/>
    <mergeCell ref="X6864:AA6865"/>
    <mergeCell ref="A6866:C6867"/>
    <mergeCell ref="D6866:O6867"/>
    <mergeCell ref="P6866:S6867"/>
    <mergeCell ref="T6866:W6867"/>
    <mergeCell ref="X6866:AA6867"/>
    <mergeCell ref="A6868:C6869"/>
    <mergeCell ref="D6868:O6869"/>
    <mergeCell ref="P6868:S6869"/>
    <mergeCell ref="T6868:W6869"/>
    <mergeCell ref="X6868:AA6869"/>
    <mergeCell ref="A6842:C6843"/>
    <mergeCell ref="D6842:O6843"/>
    <mergeCell ref="P6842:S6843"/>
    <mergeCell ref="T6842:W6843"/>
    <mergeCell ref="X6842:AA6843"/>
    <mergeCell ref="A6844:C6845"/>
    <mergeCell ref="D6844:O6845"/>
    <mergeCell ref="P6844:S6845"/>
    <mergeCell ref="T6844:W6845"/>
    <mergeCell ref="X6844:AA6845"/>
    <mergeCell ref="A6846:C6847"/>
    <mergeCell ref="D6846:O6847"/>
    <mergeCell ref="P6846:S6847"/>
    <mergeCell ref="T6846:W6847"/>
    <mergeCell ref="X6846:AA6847"/>
    <mergeCell ref="A6848:C6849"/>
    <mergeCell ref="D6848:O6849"/>
    <mergeCell ref="P6848:S6849"/>
    <mergeCell ref="T6848:W6849"/>
    <mergeCell ref="X6848:AA6849"/>
    <mergeCell ref="A6850:C6851"/>
    <mergeCell ref="D6850:O6851"/>
    <mergeCell ref="P6850:S6851"/>
    <mergeCell ref="T6850:W6851"/>
    <mergeCell ref="X6850:AA6851"/>
    <mergeCell ref="A6852:C6853"/>
    <mergeCell ref="D6852:O6853"/>
    <mergeCell ref="P6852:S6853"/>
    <mergeCell ref="T6852:W6853"/>
    <mergeCell ref="X6852:AA6853"/>
    <mergeCell ref="A6854:C6855"/>
    <mergeCell ref="D6854:O6855"/>
    <mergeCell ref="P6854:S6855"/>
    <mergeCell ref="T6854:W6855"/>
    <mergeCell ref="X6854:AA6855"/>
    <mergeCell ref="A6828:C6829"/>
    <mergeCell ref="D6828:O6829"/>
    <mergeCell ref="P6828:S6829"/>
    <mergeCell ref="T6828:W6829"/>
    <mergeCell ref="X6828:AA6829"/>
    <mergeCell ref="A6830:C6831"/>
    <mergeCell ref="D6830:O6831"/>
    <mergeCell ref="P6830:S6831"/>
    <mergeCell ref="T6830:W6831"/>
    <mergeCell ref="X6830:AA6831"/>
    <mergeCell ref="A6832:C6833"/>
    <mergeCell ref="D6832:O6833"/>
    <mergeCell ref="P6832:S6833"/>
    <mergeCell ref="T6832:W6833"/>
    <mergeCell ref="X6832:AA6833"/>
    <mergeCell ref="A6834:C6835"/>
    <mergeCell ref="D6834:O6835"/>
    <mergeCell ref="P6834:S6835"/>
    <mergeCell ref="T6834:W6835"/>
    <mergeCell ref="X6834:AA6835"/>
    <mergeCell ref="A6836:C6837"/>
    <mergeCell ref="D6836:O6837"/>
    <mergeCell ref="P6836:S6837"/>
    <mergeCell ref="T6836:W6837"/>
    <mergeCell ref="X6836:AA6837"/>
    <mergeCell ref="A6838:C6839"/>
    <mergeCell ref="D6838:O6839"/>
    <mergeCell ref="P6838:S6839"/>
    <mergeCell ref="T6838:W6839"/>
    <mergeCell ref="X6838:AA6839"/>
    <mergeCell ref="A6840:C6841"/>
    <mergeCell ref="D6840:O6841"/>
    <mergeCell ref="P6840:S6841"/>
    <mergeCell ref="T6840:W6841"/>
    <mergeCell ref="X6840:AA6841"/>
    <mergeCell ref="A6814:C6815"/>
    <mergeCell ref="D6814:O6815"/>
    <mergeCell ref="P6814:S6815"/>
    <mergeCell ref="T6814:W6815"/>
    <mergeCell ref="X6814:AA6815"/>
    <mergeCell ref="A6816:C6817"/>
    <mergeCell ref="D6816:O6817"/>
    <mergeCell ref="P6816:S6817"/>
    <mergeCell ref="T6816:W6817"/>
    <mergeCell ref="X6816:AA6817"/>
    <mergeCell ref="A6818:C6819"/>
    <mergeCell ref="D6818:O6819"/>
    <mergeCell ref="P6818:S6819"/>
    <mergeCell ref="T6818:W6819"/>
    <mergeCell ref="X6818:AA6819"/>
    <mergeCell ref="A6820:C6821"/>
    <mergeCell ref="D6820:O6821"/>
    <mergeCell ref="P6820:S6821"/>
    <mergeCell ref="T6820:W6821"/>
    <mergeCell ref="X6820:AA6821"/>
    <mergeCell ref="A6822:C6823"/>
    <mergeCell ref="D6822:O6823"/>
    <mergeCell ref="P6822:S6823"/>
    <mergeCell ref="T6822:W6823"/>
    <mergeCell ref="X6822:AA6823"/>
    <mergeCell ref="A6824:C6825"/>
    <mergeCell ref="D6824:O6825"/>
    <mergeCell ref="P6824:S6825"/>
    <mergeCell ref="T6824:W6825"/>
    <mergeCell ref="X6824:AA6825"/>
    <mergeCell ref="A6826:C6827"/>
    <mergeCell ref="D6826:O6827"/>
    <mergeCell ref="P6826:S6827"/>
    <mergeCell ref="T6826:W6827"/>
    <mergeCell ref="X6826:AA6827"/>
    <mergeCell ref="A6798:C6799"/>
    <mergeCell ref="D6798:O6799"/>
    <mergeCell ref="P6798:S6799"/>
    <mergeCell ref="T6798:W6799"/>
    <mergeCell ref="X6798:AA6799"/>
    <mergeCell ref="A6800:C6801"/>
    <mergeCell ref="D6800:O6801"/>
    <mergeCell ref="P6800:S6801"/>
    <mergeCell ref="T6800:W6801"/>
    <mergeCell ref="X6800:AA6801"/>
    <mergeCell ref="A6802:C6803"/>
    <mergeCell ref="D6802:O6803"/>
    <mergeCell ref="P6802:S6803"/>
    <mergeCell ref="T6802:W6803"/>
    <mergeCell ref="X6802:AA6803"/>
    <mergeCell ref="A6804:C6805"/>
    <mergeCell ref="D6804:O6805"/>
    <mergeCell ref="P6804:S6805"/>
    <mergeCell ref="T6804:W6805"/>
    <mergeCell ref="X6804:AA6805"/>
    <mergeCell ref="A6806:AA6807"/>
    <mergeCell ref="A6808:C6809"/>
    <mergeCell ref="D6808:O6809"/>
    <mergeCell ref="P6808:S6809"/>
    <mergeCell ref="T6808:W6809"/>
    <mergeCell ref="X6808:AA6809"/>
    <mergeCell ref="A6810:C6811"/>
    <mergeCell ref="D6810:O6811"/>
    <mergeCell ref="P6810:S6811"/>
    <mergeCell ref="T6810:W6811"/>
    <mergeCell ref="X6810:AA6811"/>
    <mergeCell ref="A6812:C6813"/>
    <mergeCell ref="D6812:O6813"/>
    <mergeCell ref="P6812:S6813"/>
    <mergeCell ref="T6812:W6813"/>
    <mergeCell ref="X6812:AA6813"/>
    <mergeCell ref="A6782:C6783"/>
    <mergeCell ref="D6782:O6783"/>
    <mergeCell ref="P6782:S6783"/>
    <mergeCell ref="T6782:W6783"/>
    <mergeCell ref="X6782:AA6783"/>
    <mergeCell ref="A6784:C6785"/>
    <mergeCell ref="D6784:O6785"/>
    <mergeCell ref="P6784:S6785"/>
    <mergeCell ref="T6784:W6785"/>
    <mergeCell ref="X6784:AA6785"/>
    <mergeCell ref="A6786:C6787"/>
    <mergeCell ref="D6786:O6787"/>
    <mergeCell ref="P6786:S6787"/>
    <mergeCell ref="T6786:W6787"/>
    <mergeCell ref="X6786:AA6787"/>
    <mergeCell ref="A6788:C6789"/>
    <mergeCell ref="D6788:O6789"/>
    <mergeCell ref="P6788:S6789"/>
    <mergeCell ref="T6788:W6789"/>
    <mergeCell ref="X6788:AA6789"/>
    <mergeCell ref="A6790:AA6791"/>
    <mergeCell ref="A6792:C6793"/>
    <mergeCell ref="D6792:O6793"/>
    <mergeCell ref="P6792:S6793"/>
    <mergeCell ref="T6792:W6793"/>
    <mergeCell ref="X6792:AA6793"/>
    <mergeCell ref="A6794:C6795"/>
    <mergeCell ref="D6794:O6795"/>
    <mergeCell ref="P6794:S6795"/>
    <mergeCell ref="T6794:W6795"/>
    <mergeCell ref="X6794:AA6795"/>
    <mergeCell ref="A6796:C6797"/>
    <mergeCell ref="D6796:O6797"/>
    <mergeCell ref="P6796:S6797"/>
    <mergeCell ref="T6796:W6797"/>
    <mergeCell ref="X6796:AA6797"/>
    <mergeCell ref="A6768:C6769"/>
    <mergeCell ref="D6768:O6769"/>
    <mergeCell ref="P6768:S6769"/>
    <mergeCell ref="T6768:W6769"/>
    <mergeCell ref="X6768:AA6769"/>
    <mergeCell ref="A6770:C6771"/>
    <mergeCell ref="D6770:O6771"/>
    <mergeCell ref="P6770:S6771"/>
    <mergeCell ref="T6770:W6771"/>
    <mergeCell ref="X6770:AA6771"/>
    <mergeCell ref="A6772:C6773"/>
    <mergeCell ref="D6772:O6773"/>
    <mergeCell ref="P6772:S6773"/>
    <mergeCell ref="T6772:W6773"/>
    <mergeCell ref="X6772:AA6773"/>
    <mergeCell ref="A6774:C6775"/>
    <mergeCell ref="D6774:O6775"/>
    <mergeCell ref="P6774:S6775"/>
    <mergeCell ref="T6774:W6775"/>
    <mergeCell ref="X6774:AA6775"/>
    <mergeCell ref="A6776:C6777"/>
    <mergeCell ref="D6776:O6777"/>
    <mergeCell ref="P6776:S6777"/>
    <mergeCell ref="T6776:W6777"/>
    <mergeCell ref="X6776:AA6777"/>
    <mergeCell ref="A6778:C6779"/>
    <mergeCell ref="D6778:O6779"/>
    <mergeCell ref="P6778:S6779"/>
    <mergeCell ref="T6778:W6779"/>
    <mergeCell ref="X6778:AA6779"/>
    <mergeCell ref="A6780:C6781"/>
    <mergeCell ref="D6780:O6781"/>
    <mergeCell ref="P6780:S6781"/>
    <mergeCell ref="T6780:W6781"/>
    <mergeCell ref="X6780:AA6781"/>
    <mergeCell ref="A6752:C6753"/>
    <mergeCell ref="D6752:O6753"/>
    <mergeCell ref="P6752:S6753"/>
    <mergeCell ref="T6752:W6753"/>
    <mergeCell ref="X6752:AA6753"/>
    <mergeCell ref="A6754:C6755"/>
    <mergeCell ref="D6754:O6755"/>
    <mergeCell ref="P6754:S6755"/>
    <mergeCell ref="T6754:W6755"/>
    <mergeCell ref="X6754:AA6755"/>
    <mergeCell ref="A6756:AA6757"/>
    <mergeCell ref="A6758:C6759"/>
    <mergeCell ref="D6758:O6759"/>
    <mergeCell ref="P6758:S6759"/>
    <mergeCell ref="T6758:W6759"/>
    <mergeCell ref="X6758:AA6759"/>
    <mergeCell ref="A6760:C6761"/>
    <mergeCell ref="D6760:O6761"/>
    <mergeCell ref="P6760:S6761"/>
    <mergeCell ref="T6760:W6761"/>
    <mergeCell ref="X6760:AA6761"/>
    <mergeCell ref="A6762:C6763"/>
    <mergeCell ref="D6762:O6763"/>
    <mergeCell ref="P6762:S6763"/>
    <mergeCell ref="T6762:W6763"/>
    <mergeCell ref="X6762:AA6763"/>
    <mergeCell ref="A6764:C6765"/>
    <mergeCell ref="D6764:O6765"/>
    <mergeCell ref="P6764:S6765"/>
    <mergeCell ref="T6764:W6765"/>
    <mergeCell ref="X6764:AA6765"/>
    <mergeCell ref="A6766:C6767"/>
    <mergeCell ref="D6766:O6767"/>
    <mergeCell ref="P6766:S6767"/>
    <mergeCell ref="T6766:W6767"/>
    <mergeCell ref="X6766:AA6767"/>
    <mergeCell ref="A6738:C6739"/>
    <mergeCell ref="D6738:O6739"/>
    <mergeCell ref="P6738:S6739"/>
    <mergeCell ref="T6738:W6739"/>
    <mergeCell ref="X6738:AA6739"/>
    <mergeCell ref="A6740:C6741"/>
    <mergeCell ref="D6740:O6741"/>
    <mergeCell ref="P6740:S6741"/>
    <mergeCell ref="T6740:W6741"/>
    <mergeCell ref="X6740:AA6741"/>
    <mergeCell ref="A6742:C6743"/>
    <mergeCell ref="D6742:O6743"/>
    <mergeCell ref="P6742:S6743"/>
    <mergeCell ref="T6742:W6743"/>
    <mergeCell ref="X6742:AA6743"/>
    <mergeCell ref="A6744:C6745"/>
    <mergeCell ref="D6744:O6745"/>
    <mergeCell ref="P6744:S6745"/>
    <mergeCell ref="T6744:W6745"/>
    <mergeCell ref="X6744:AA6745"/>
    <mergeCell ref="A6746:C6747"/>
    <mergeCell ref="D6746:O6747"/>
    <mergeCell ref="P6746:S6747"/>
    <mergeCell ref="T6746:W6747"/>
    <mergeCell ref="X6746:AA6747"/>
    <mergeCell ref="A6748:C6749"/>
    <mergeCell ref="D6748:O6749"/>
    <mergeCell ref="P6748:S6749"/>
    <mergeCell ref="T6748:W6749"/>
    <mergeCell ref="X6748:AA6749"/>
    <mergeCell ref="A6750:C6751"/>
    <mergeCell ref="D6750:O6751"/>
    <mergeCell ref="P6750:S6751"/>
    <mergeCell ref="T6750:W6751"/>
    <mergeCell ref="X6750:AA6751"/>
    <mergeCell ref="A6724:C6725"/>
    <mergeCell ref="D6724:O6725"/>
    <mergeCell ref="P6724:S6725"/>
    <mergeCell ref="T6724:W6725"/>
    <mergeCell ref="X6724:AA6725"/>
    <mergeCell ref="A6726:C6727"/>
    <mergeCell ref="D6726:O6727"/>
    <mergeCell ref="P6726:S6727"/>
    <mergeCell ref="T6726:W6727"/>
    <mergeCell ref="X6726:AA6727"/>
    <mergeCell ref="A6728:C6729"/>
    <mergeCell ref="D6728:O6729"/>
    <mergeCell ref="P6728:S6729"/>
    <mergeCell ref="T6728:W6729"/>
    <mergeCell ref="X6728:AA6729"/>
    <mergeCell ref="A6730:C6731"/>
    <mergeCell ref="D6730:O6731"/>
    <mergeCell ref="P6730:S6731"/>
    <mergeCell ref="T6730:W6731"/>
    <mergeCell ref="X6730:AA6731"/>
    <mergeCell ref="A6732:C6733"/>
    <mergeCell ref="D6732:O6733"/>
    <mergeCell ref="P6732:S6733"/>
    <mergeCell ref="T6732:W6733"/>
    <mergeCell ref="X6732:AA6733"/>
    <mergeCell ref="A6734:C6735"/>
    <mergeCell ref="D6734:O6735"/>
    <mergeCell ref="P6734:S6735"/>
    <mergeCell ref="T6734:W6735"/>
    <mergeCell ref="X6734:AA6735"/>
    <mergeCell ref="A6736:C6737"/>
    <mergeCell ref="D6736:O6737"/>
    <mergeCell ref="P6736:S6737"/>
    <mergeCell ref="T6736:W6737"/>
    <mergeCell ref="X6736:AA6737"/>
    <mergeCell ref="A6710:C6711"/>
    <mergeCell ref="D6710:O6711"/>
    <mergeCell ref="P6710:S6711"/>
    <mergeCell ref="T6710:W6711"/>
    <mergeCell ref="X6710:AA6711"/>
    <mergeCell ref="A6712:C6713"/>
    <mergeCell ref="D6712:O6713"/>
    <mergeCell ref="P6712:S6713"/>
    <mergeCell ref="T6712:W6713"/>
    <mergeCell ref="X6712:AA6713"/>
    <mergeCell ref="A6714:C6715"/>
    <mergeCell ref="D6714:O6715"/>
    <mergeCell ref="P6714:S6715"/>
    <mergeCell ref="T6714:W6715"/>
    <mergeCell ref="X6714:AA6715"/>
    <mergeCell ref="A6716:C6717"/>
    <mergeCell ref="D6716:O6717"/>
    <mergeCell ref="P6716:S6717"/>
    <mergeCell ref="T6716:W6717"/>
    <mergeCell ref="X6716:AA6717"/>
    <mergeCell ref="A6718:C6719"/>
    <mergeCell ref="D6718:O6719"/>
    <mergeCell ref="P6718:S6719"/>
    <mergeCell ref="T6718:W6719"/>
    <mergeCell ref="X6718:AA6719"/>
    <mergeCell ref="A6720:C6721"/>
    <mergeCell ref="D6720:O6721"/>
    <mergeCell ref="P6720:S6721"/>
    <mergeCell ref="T6720:W6721"/>
    <mergeCell ref="X6720:AA6721"/>
    <mergeCell ref="A6722:C6723"/>
    <mergeCell ref="D6722:O6723"/>
    <mergeCell ref="P6722:S6723"/>
    <mergeCell ref="T6722:W6723"/>
    <mergeCell ref="X6722:AA6723"/>
    <mergeCell ref="A6696:C6697"/>
    <mergeCell ref="D6696:O6697"/>
    <mergeCell ref="P6696:S6697"/>
    <mergeCell ref="T6696:W6697"/>
    <mergeCell ref="X6696:AA6697"/>
    <mergeCell ref="A6698:C6699"/>
    <mergeCell ref="D6698:O6699"/>
    <mergeCell ref="P6698:S6699"/>
    <mergeCell ref="T6698:W6699"/>
    <mergeCell ref="X6698:AA6699"/>
    <mergeCell ref="A6700:C6701"/>
    <mergeCell ref="D6700:O6701"/>
    <mergeCell ref="P6700:S6701"/>
    <mergeCell ref="T6700:W6701"/>
    <mergeCell ref="X6700:AA6701"/>
    <mergeCell ref="A6702:C6703"/>
    <mergeCell ref="D6702:O6703"/>
    <mergeCell ref="P6702:S6703"/>
    <mergeCell ref="T6702:W6703"/>
    <mergeCell ref="X6702:AA6703"/>
    <mergeCell ref="A6704:C6705"/>
    <mergeCell ref="D6704:O6705"/>
    <mergeCell ref="P6704:S6705"/>
    <mergeCell ref="T6704:W6705"/>
    <mergeCell ref="X6704:AA6705"/>
    <mergeCell ref="A6706:C6707"/>
    <mergeCell ref="D6706:O6707"/>
    <mergeCell ref="P6706:S6707"/>
    <mergeCell ref="T6706:W6707"/>
    <mergeCell ref="X6706:AA6707"/>
    <mergeCell ref="A6708:C6709"/>
    <mergeCell ref="D6708:O6709"/>
    <mergeCell ref="P6708:S6709"/>
    <mergeCell ref="T6708:W6709"/>
    <mergeCell ref="X6708:AA6709"/>
    <mergeCell ref="A6682:C6683"/>
    <mergeCell ref="D6682:O6683"/>
    <mergeCell ref="P6682:S6683"/>
    <mergeCell ref="T6682:W6683"/>
    <mergeCell ref="X6682:AA6683"/>
    <mergeCell ref="A6684:C6685"/>
    <mergeCell ref="D6684:O6685"/>
    <mergeCell ref="P6684:S6685"/>
    <mergeCell ref="T6684:W6685"/>
    <mergeCell ref="X6684:AA6685"/>
    <mergeCell ref="A6686:C6687"/>
    <mergeCell ref="D6686:O6687"/>
    <mergeCell ref="P6686:S6687"/>
    <mergeCell ref="T6686:W6687"/>
    <mergeCell ref="X6686:AA6687"/>
    <mergeCell ref="A6688:C6689"/>
    <mergeCell ref="D6688:O6689"/>
    <mergeCell ref="P6688:S6689"/>
    <mergeCell ref="T6688:W6689"/>
    <mergeCell ref="X6688:AA6689"/>
    <mergeCell ref="A6690:C6691"/>
    <mergeCell ref="D6690:O6691"/>
    <mergeCell ref="P6690:S6691"/>
    <mergeCell ref="T6690:W6691"/>
    <mergeCell ref="X6690:AA6691"/>
    <mergeCell ref="A6692:C6693"/>
    <mergeCell ref="D6692:O6693"/>
    <mergeCell ref="P6692:S6693"/>
    <mergeCell ref="T6692:W6693"/>
    <mergeCell ref="X6692:AA6693"/>
    <mergeCell ref="A6694:C6695"/>
    <mergeCell ref="D6694:O6695"/>
    <mergeCell ref="P6694:S6695"/>
    <mergeCell ref="T6694:W6695"/>
    <mergeCell ref="X6694:AA6695"/>
    <mergeCell ref="A6668:C6669"/>
    <mergeCell ref="D6668:O6669"/>
    <mergeCell ref="P6668:S6669"/>
    <mergeCell ref="T6668:W6669"/>
    <mergeCell ref="X6668:AA6669"/>
    <mergeCell ref="A6670:C6671"/>
    <mergeCell ref="D6670:O6671"/>
    <mergeCell ref="P6670:S6671"/>
    <mergeCell ref="T6670:W6671"/>
    <mergeCell ref="X6670:AA6671"/>
    <mergeCell ref="A6672:C6673"/>
    <mergeCell ref="D6672:O6673"/>
    <mergeCell ref="P6672:S6673"/>
    <mergeCell ref="T6672:W6673"/>
    <mergeCell ref="X6672:AA6673"/>
    <mergeCell ref="A6674:C6675"/>
    <mergeCell ref="D6674:O6675"/>
    <mergeCell ref="P6674:S6675"/>
    <mergeCell ref="T6674:W6675"/>
    <mergeCell ref="X6674:AA6675"/>
    <mergeCell ref="A6676:C6677"/>
    <mergeCell ref="D6676:O6677"/>
    <mergeCell ref="P6676:S6677"/>
    <mergeCell ref="T6676:W6677"/>
    <mergeCell ref="X6676:AA6677"/>
    <mergeCell ref="A6678:C6679"/>
    <mergeCell ref="D6678:O6679"/>
    <mergeCell ref="P6678:S6679"/>
    <mergeCell ref="T6678:W6679"/>
    <mergeCell ref="X6678:AA6679"/>
    <mergeCell ref="A6680:C6681"/>
    <mergeCell ref="D6680:O6681"/>
    <mergeCell ref="P6680:S6681"/>
    <mergeCell ref="T6680:W6681"/>
    <mergeCell ref="X6680:AA6681"/>
    <mergeCell ref="A6654:C6655"/>
    <mergeCell ref="D6654:O6655"/>
    <mergeCell ref="P6654:S6655"/>
    <mergeCell ref="T6654:W6655"/>
    <mergeCell ref="X6654:AA6655"/>
    <mergeCell ref="A6656:C6657"/>
    <mergeCell ref="D6656:O6657"/>
    <mergeCell ref="P6656:S6657"/>
    <mergeCell ref="T6656:W6657"/>
    <mergeCell ref="X6656:AA6657"/>
    <mergeCell ref="A6658:C6659"/>
    <mergeCell ref="D6658:O6659"/>
    <mergeCell ref="P6658:S6659"/>
    <mergeCell ref="T6658:W6659"/>
    <mergeCell ref="X6658:AA6659"/>
    <mergeCell ref="A6660:C6661"/>
    <mergeCell ref="D6660:O6661"/>
    <mergeCell ref="P6660:S6661"/>
    <mergeCell ref="T6660:W6661"/>
    <mergeCell ref="X6660:AA6661"/>
    <mergeCell ref="A6662:C6663"/>
    <mergeCell ref="D6662:O6663"/>
    <mergeCell ref="P6662:S6663"/>
    <mergeCell ref="T6662:W6663"/>
    <mergeCell ref="X6662:AA6663"/>
    <mergeCell ref="A6664:C6665"/>
    <mergeCell ref="D6664:O6665"/>
    <mergeCell ref="P6664:S6665"/>
    <mergeCell ref="T6664:W6665"/>
    <mergeCell ref="X6664:AA6665"/>
    <mergeCell ref="A6666:C6667"/>
    <mergeCell ref="D6666:O6667"/>
    <mergeCell ref="P6666:S6667"/>
    <mergeCell ref="T6666:W6667"/>
    <mergeCell ref="X6666:AA6667"/>
    <mergeCell ref="A6640:C6641"/>
    <mergeCell ref="D6640:O6641"/>
    <mergeCell ref="P6640:S6641"/>
    <mergeCell ref="T6640:W6641"/>
    <mergeCell ref="X6640:AA6641"/>
    <mergeCell ref="A6642:C6643"/>
    <mergeCell ref="D6642:O6643"/>
    <mergeCell ref="P6642:S6643"/>
    <mergeCell ref="T6642:W6643"/>
    <mergeCell ref="X6642:AA6643"/>
    <mergeCell ref="A6644:C6645"/>
    <mergeCell ref="D6644:O6645"/>
    <mergeCell ref="P6644:S6645"/>
    <mergeCell ref="T6644:W6645"/>
    <mergeCell ref="X6644:AA6645"/>
    <mergeCell ref="A6646:C6647"/>
    <mergeCell ref="D6646:O6647"/>
    <mergeCell ref="P6646:S6647"/>
    <mergeCell ref="T6646:W6647"/>
    <mergeCell ref="X6646:AA6647"/>
    <mergeCell ref="A6648:C6649"/>
    <mergeCell ref="D6648:O6649"/>
    <mergeCell ref="P6648:S6649"/>
    <mergeCell ref="T6648:W6649"/>
    <mergeCell ref="X6648:AA6649"/>
    <mergeCell ref="A6650:C6651"/>
    <mergeCell ref="D6650:O6651"/>
    <mergeCell ref="P6650:S6651"/>
    <mergeCell ref="T6650:W6651"/>
    <mergeCell ref="X6650:AA6651"/>
    <mergeCell ref="A6652:C6653"/>
    <mergeCell ref="D6652:O6653"/>
    <mergeCell ref="P6652:S6653"/>
    <mergeCell ref="T6652:W6653"/>
    <mergeCell ref="X6652:AA6653"/>
    <mergeCell ref="A6626:C6627"/>
    <mergeCell ref="D6626:O6627"/>
    <mergeCell ref="P6626:S6627"/>
    <mergeCell ref="T6626:W6627"/>
    <mergeCell ref="X6626:AA6627"/>
    <mergeCell ref="A6628:C6629"/>
    <mergeCell ref="D6628:O6629"/>
    <mergeCell ref="P6628:S6629"/>
    <mergeCell ref="T6628:W6629"/>
    <mergeCell ref="X6628:AA6629"/>
    <mergeCell ref="A6630:C6631"/>
    <mergeCell ref="D6630:O6631"/>
    <mergeCell ref="P6630:S6631"/>
    <mergeCell ref="T6630:W6631"/>
    <mergeCell ref="X6630:AA6631"/>
    <mergeCell ref="A6632:C6633"/>
    <mergeCell ref="D6632:O6633"/>
    <mergeCell ref="P6632:S6633"/>
    <mergeCell ref="T6632:W6633"/>
    <mergeCell ref="X6632:AA6633"/>
    <mergeCell ref="A6634:C6635"/>
    <mergeCell ref="D6634:O6635"/>
    <mergeCell ref="P6634:S6635"/>
    <mergeCell ref="T6634:W6635"/>
    <mergeCell ref="X6634:AA6635"/>
    <mergeCell ref="A6636:C6637"/>
    <mergeCell ref="D6636:O6637"/>
    <mergeCell ref="P6636:S6637"/>
    <mergeCell ref="T6636:W6637"/>
    <mergeCell ref="X6636:AA6637"/>
    <mergeCell ref="A6638:C6639"/>
    <mergeCell ref="D6638:O6639"/>
    <mergeCell ref="P6638:S6639"/>
    <mergeCell ref="T6638:W6639"/>
    <mergeCell ref="X6638:AA6639"/>
    <mergeCell ref="A6612:C6613"/>
    <mergeCell ref="D6612:O6613"/>
    <mergeCell ref="P6612:S6613"/>
    <mergeCell ref="T6612:W6613"/>
    <mergeCell ref="X6612:AA6613"/>
    <mergeCell ref="A6614:C6615"/>
    <mergeCell ref="D6614:O6615"/>
    <mergeCell ref="P6614:S6615"/>
    <mergeCell ref="T6614:W6615"/>
    <mergeCell ref="X6614:AA6615"/>
    <mergeCell ref="A6616:C6617"/>
    <mergeCell ref="D6616:O6617"/>
    <mergeCell ref="P6616:S6617"/>
    <mergeCell ref="T6616:W6617"/>
    <mergeCell ref="X6616:AA6617"/>
    <mergeCell ref="A6618:C6619"/>
    <mergeCell ref="D6618:O6619"/>
    <mergeCell ref="P6618:S6619"/>
    <mergeCell ref="T6618:W6619"/>
    <mergeCell ref="X6618:AA6619"/>
    <mergeCell ref="A6620:C6621"/>
    <mergeCell ref="D6620:O6621"/>
    <mergeCell ref="P6620:S6621"/>
    <mergeCell ref="T6620:W6621"/>
    <mergeCell ref="X6620:AA6621"/>
    <mergeCell ref="A6622:C6623"/>
    <mergeCell ref="D6622:O6623"/>
    <mergeCell ref="P6622:S6623"/>
    <mergeCell ref="T6622:W6623"/>
    <mergeCell ref="X6622:AA6623"/>
    <mergeCell ref="A6624:C6625"/>
    <mergeCell ref="D6624:O6625"/>
    <mergeCell ref="P6624:S6625"/>
    <mergeCell ref="T6624:W6625"/>
    <mergeCell ref="X6624:AA6625"/>
    <mergeCell ref="A6598:C6599"/>
    <mergeCell ref="D6598:O6599"/>
    <mergeCell ref="P6598:S6599"/>
    <mergeCell ref="T6598:W6599"/>
    <mergeCell ref="X6598:AA6599"/>
    <mergeCell ref="A6600:C6601"/>
    <mergeCell ref="D6600:O6601"/>
    <mergeCell ref="P6600:S6601"/>
    <mergeCell ref="T6600:W6601"/>
    <mergeCell ref="X6600:AA6601"/>
    <mergeCell ref="A6602:C6603"/>
    <mergeCell ref="D6602:O6603"/>
    <mergeCell ref="P6602:S6603"/>
    <mergeCell ref="T6602:W6603"/>
    <mergeCell ref="X6602:AA6603"/>
    <mergeCell ref="A6604:C6605"/>
    <mergeCell ref="D6604:O6605"/>
    <mergeCell ref="P6604:S6605"/>
    <mergeCell ref="T6604:W6605"/>
    <mergeCell ref="X6604:AA6605"/>
    <mergeCell ref="A6606:C6607"/>
    <mergeCell ref="D6606:O6607"/>
    <mergeCell ref="P6606:S6607"/>
    <mergeCell ref="T6606:W6607"/>
    <mergeCell ref="X6606:AA6607"/>
    <mergeCell ref="A6608:C6609"/>
    <mergeCell ref="D6608:O6609"/>
    <mergeCell ref="P6608:S6609"/>
    <mergeCell ref="T6608:W6609"/>
    <mergeCell ref="X6608:AA6609"/>
    <mergeCell ref="A6610:C6611"/>
    <mergeCell ref="D6610:O6611"/>
    <mergeCell ref="P6610:S6611"/>
    <mergeCell ref="T6610:W6611"/>
    <mergeCell ref="X6610:AA6611"/>
    <mergeCell ref="A6584:C6585"/>
    <mergeCell ref="D6584:O6585"/>
    <mergeCell ref="P6584:S6585"/>
    <mergeCell ref="T6584:W6585"/>
    <mergeCell ref="X6584:AA6585"/>
    <mergeCell ref="A6586:C6587"/>
    <mergeCell ref="D6586:O6587"/>
    <mergeCell ref="P6586:S6587"/>
    <mergeCell ref="T6586:W6587"/>
    <mergeCell ref="X6586:AA6587"/>
    <mergeCell ref="A6588:C6589"/>
    <mergeCell ref="D6588:O6589"/>
    <mergeCell ref="P6588:S6589"/>
    <mergeCell ref="T6588:W6589"/>
    <mergeCell ref="X6588:AA6589"/>
    <mergeCell ref="A6590:C6591"/>
    <mergeCell ref="D6590:O6591"/>
    <mergeCell ref="P6590:S6591"/>
    <mergeCell ref="T6590:W6591"/>
    <mergeCell ref="X6590:AA6591"/>
    <mergeCell ref="A6592:C6593"/>
    <mergeCell ref="D6592:O6593"/>
    <mergeCell ref="P6592:S6593"/>
    <mergeCell ref="T6592:W6593"/>
    <mergeCell ref="X6592:AA6593"/>
    <mergeCell ref="A6594:C6595"/>
    <mergeCell ref="D6594:O6595"/>
    <mergeCell ref="P6594:S6595"/>
    <mergeCell ref="T6594:W6595"/>
    <mergeCell ref="X6594:AA6595"/>
    <mergeCell ref="A6596:C6597"/>
    <mergeCell ref="D6596:O6597"/>
    <mergeCell ref="P6596:S6597"/>
    <mergeCell ref="T6596:W6597"/>
    <mergeCell ref="X6596:AA6597"/>
    <mergeCell ref="A6570:C6571"/>
    <mergeCell ref="D6570:O6571"/>
    <mergeCell ref="P6570:S6571"/>
    <mergeCell ref="T6570:W6571"/>
    <mergeCell ref="X6570:AA6571"/>
    <mergeCell ref="A6572:C6573"/>
    <mergeCell ref="D6572:O6573"/>
    <mergeCell ref="P6572:S6573"/>
    <mergeCell ref="T6572:W6573"/>
    <mergeCell ref="X6572:AA6573"/>
    <mergeCell ref="A6574:C6575"/>
    <mergeCell ref="D6574:O6575"/>
    <mergeCell ref="P6574:S6575"/>
    <mergeCell ref="T6574:W6575"/>
    <mergeCell ref="X6574:AA6575"/>
    <mergeCell ref="A6576:C6577"/>
    <mergeCell ref="D6576:O6577"/>
    <mergeCell ref="P6576:S6577"/>
    <mergeCell ref="T6576:W6577"/>
    <mergeCell ref="X6576:AA6577"/>
    <mergeCell ref="A6578:C6579"/>
    <mergeCell ref="D6578:O6579"/>
    <mergeCell ref="P6578:S6579"/>
    <mergeCell ref="T6578:W6579"/>
    <mergeCell ref="X6578:AA6579"/>
    <mergeCell ref="A6580:C6581"/>
    <mergeCell ref="D6580:O6581"/>
    <mergeCell ref="P6580:S6581"/>
    <mergeCell ref="T6580:W6581"/>
    <mergeCell ref="X6580:AA6581"/>
    <mergeCell ref="A6582:C6583"/>
    <mergeCell ref="D6582:O6583"/>
    <mergeCell ref="P6582:S6583"/>
    <mergeCell ref="T6582:W6583"/>
    <mergeCell ref="X6582:AA6583"/>
    <mergeCell ref="A6554:C6555"/>
    <mergeCell ref="D6554:O6555"/>
    <mergeCell ref="P6554:S6555"/>
    <mergeCell ref="T6554:W6555"/>
    <mergeCell ref="X6554:AA6555"/>
    <mergeCell ref="A6556:C6557"/>
    <mergeCell ref="D6556:O6557"/>
    <mergeCell ref="P6556:S6557"/>
    <mergeCell ref="T6556:W6557"/>
    <mergeCell ref="X6556:AA6557"/>
    <mergeCell ref="A6558:C6559"/>
    <mergeCell ref="D6558:O6559"/>
    <mergeCell ref="P6558:S6559"/>
    <mergeCell ref="T6558:W6559"/>
    <mergeCell ref="X6558:AA6559"/>
    <mergeCell ref="A6560:AA6561"/>
    <mergeCell ref="A6562:C6563"/>
    <mergeCell ref="D6562:O6563"/>
    <mergeCell ref="P6562:S6563"/>
    <mergeCell ref="T6562:W6563"/>
    <mergeCell ref="X6562:AA6563"/>
    <mergeCell ref="A6564:C6565"/>
    <mergeCell ref="D6564:O6565"/>
    <mergeCell ref="P6564:S6565"/>
    <mergeCell ref="T6564:W6565"/>
    <mergeCell ref="X6564:AA6565"/>
    <mergeCell ref="A6566:C6567"/>
    <mergeCell ref="D6566:O6567"/>
    <mergeCell ref="P6566:S6567"/>
    <mergeCell ref="T6566:W6567"/>
    <mergeCell ref="X6566:AA6567"/>
    <mergeCell ref="A6568:C6569"/>
    <mergeCell ref="D6568:O6569"/>
    <mergeCell ref="P6568:S6569"/>
    <mergeCell ref="T6568:W6569"/>
    <mergeCell ref="X6568:AA6569"/>
    <mergeCell ref="A6540:C6541"/>
    <mergeCell ref="D6540:O6541"/>
    <mergeCell ref="P6540:S6541"/>
    <mergeCell ref="T6540:W6541"/>
    <mergeCell ref="X6540:AA6541"/>
    <mergeCell ref="A6542:C6543"/>
    <mergeCell ref="D6542:O6543"/>
    <mergeCell ref="P6542:S6543"/>
    <mergeCell ref="T6542:W6543"/>
    <mergeCell ref="X6542:AA6543"/>
    <mergeCell ref="A6544:C6545"/>
    <mergeCell ref="D6544:O6545"/>
    <mergeCell ref="P6544:S6545"/>
    <mergeCell ref="T6544:W6545"/>
    <mergeCell ref="X6544:AA6545"/>
    <mergeCell ref="A6546:C6547"/>
    <mergeCell ref="D6546:O6547"/>
    <mergeCell ref="P6546:S6547"/>
    <mergeCell ref="T6546:W6547"/>
    <mergeCell ref="X6546:AA6547"/>
    <mergeCell ref="A6548:C6549"/>
    <mergeCell ref="D6548:O6549"/>
    <mergeCell ref="P6548:S6549"/>
    <mergeCell ref="T6548:W6549"/>
    <mergeCell ref="X6548:AA6549"/>
    <mergeCell ref="A6550:C6551"/>
    <mergeCell ref="D6550:O6551"/>
    <mergeCell ref="P6550:S6551"/>
    <mergeCell ref="T6550:W6551"/>
    <mergeCell ref="X6550:AA6551"/>
    <mergeCell ref="A6552:C6553"/>
    <mergeCell ref="D6552:O6553"/>
    <mergeCell ref="P6552:S6553"/>
    <mergeCell ref="T6552:W6553"/>
    <mergeCell ref="X6552:AA6553"/>
    <mergeCell ref="A6526:C6527"/>
    <mergeCell ref="D6526:O6527"/>
    <mergeCell ref="P6526:S6527"/>
    <mergeCell ref="T6526:W6527"/>
    <mergeCell ref="X6526:AA6527"/>
    <mergeCell ref="A6528:C6529"/>
    <mergeCell ref="D6528:O6529"/>
    <mergeCell ref="P6528:S6529"/>
    <mergeCell ref="T6528:W6529"/>
    <mergeCell ref="X6528:AA6529"/>
    <mergeCell ref="A6530:C6531"/>
    <mergeCell ref="D6530:O6531"/>
    <mergeCell ref="P6530:S6531"/>
    <mergeCell ref="T6530:W6531"/>
    <mergeCell ref="X6530:AA6531"/>
    <mergeCell ref="A6532:C6533"/>
    <mergeCell ref="D6532:O6533"/>
    <mergeCell ref="P6532:S6533"/>
    <mergeCell ref="T6532:W6533"/>
    <mergeCell ref="X6532:AA6533"/>
    <mergeCell ref="A6534:C6535"/>
    <mergeCell ref="D6534:O6535"/>
    <mergeCell ref="P6534:S6535"/>
    <mergeCell ref="T6534:W6535"/>
    <mergeCell ref="X6534:AA6535"/>
    <mergeCell ref="A6536:C6537"/>
    <mergeCell ref="D6536:O6537"/>
    <mergeCell ref="P6536:S6537"/>
    <mergeCell ref="T6536:W6537"/>
    <mergeCell ref="X6536:AA6537"/>
    <mergeCell ref="A6538:C6539"/>
    <mergeCell ref="D6538:O6539"/>
    <mergeCell ref="P6538:S6539"/>
    <mergeCell ref="T6538:W6539"/>
    <mergeCell ref="X6538:AA6539"/>
    <mergeCell ref="A6512:C6513"/>
    <mergeCell ref="D6512:O6513"/>
    <mergeCell ref="P6512:S6513"/>
    <mergeCell ref="T6512:W6513"/>
    <mergeCell ref="X6512:AA6513"/>
    <mergeCell ref="A6514:C6515"/>
    <mergeCell ref="D6514:O6515"/>
    <mergeCell ref="P6514:S6515"/>
    <mergeCell ref="T6514:W6515"/>
    <mergeCell ref="X6514:AA6515"/>
    <mergeCell ref="A6516:C6517"/>
    <mergeCell ref="D6516:O6517"/>
    <mergeCell ref="P6516:S6517"/>
    <mergeCell ref="T6516:W6517"/>
    <mergeCell ref="X6516:AA6517"/>
    <mergeCell ref="A6518:C6519"/>
    <mergeCell ref="D6518:O6519"/>
    <mergeCell ref="P6518:S6519"/>
    <mergeCell ref="T6518:W6519"/>
    <mergeCell ref="X6518:AA6519"/>
    <mergeCell ref="A6520:C6521"/>
    <mergeCell ref="D6520:O6521"/>
    <mergeCell ref="P6520:S6521"/>
    <mergeCell ref="T6520:W6521"/>
    <mergeCell ref="X6520:AA6521"/>
    <mergeCell ref="A6522:C6523"/>
    <mergeCell ref="D6522:O6523"/>
    <mergeCell ref="P6522:S6523"/>
    <mergeCell ref="T6522:W6523"/>
    <mergeCell ref="X6522:AA6523"/>
    <mergeCell ref="A6524:C6525"/>
    <mergeCell ref="D6524:O6525"/>
    <mergeCell ref="P6524:S6525"/>
    <mergeCell ref="T6524:W6525"/>
    <mergeCell ref="X6524:AA6525"/>
    <mergeCell ref="A6494:AA6495"/>
    <mergeCell ref="A6496:C6497"/>
    <mergeCell ref="D6496:O6497"/>
    <mergeCell ref="P6496:S6497"/>
    <mergeCell ref="T6496:W6497"/>
    <mergeCell ref="X6496:AA6497"/>
    <mergeCell ref="A6498:AA6499"/>
    <mergeCell ref="A6500:C6501"/>
    <mergeCell ref="D6500:O6501"/>
    <mergeCell ref="P6500:S6501"/>
    <mergeCell ref="T6500:W6501"/>
    <mergeCell ref="X6500:AA6501"/>
    <mergeCell ref="A6502:C6503"/>
    <mergeCell ref="D6502:O6503"/>
    <mergeCell ref="P6502:S6503"/>
    <mergeCell ref="T6502:W6503"/>
    <mergeCell ref="X6502:AA6503"/>
    <mergeCell ref="A6504:C6505"/>
    <mergeCell ref="D6504:O6505"/>
    <mergeCell ref="P6504:S6505"/>
    <mergeCell ref="T6504:W6505"/>
    <mergeCell ref="X6504:AA6505"/>
    <mergeCell ref="A6506:C6507"/>
    <mergeCell ref="D6506:O6507"/>
    <mergeCell ref="P6506:S6507"/>
    <mergeCell ref="T6506:W6507"/>
    <mergeCell ref="X6506:AA6507"/>
    <mergeCell ref="A6508:C6509"/>
    <mergeCell ref="D6508:O6509"/>
    <mergeCell ref="P6508:S6509"/>
    <mergeCell ref="T6508:W6509"/>
    <mergeCell ref="X6508:AA6509"/>
    <mergeCell ref="A6510:C6511"/>
    <mergeCell ref="D6510:O6511"/>
    <mergeCell ref="P6510:S6511"/>
    <mergeCell ref="T6510:W6511"/>
    <mergeCell ref="X6510:AA6511"/>
    <mergeCell ref="A6476:AA6477"/>
    <mergeCell ref="A6478:C6479"/>
    <mergeCell ref="D6478:O6479"/>
    <mergeCell ref="P6478:S6479"/>
    <mergeCell ref="T6478:W6479"/>
    <mergeCell ref="X6478:AA6479"/>
    <mergeCell ref="A6480:C6481"/>
    <mergeCell ref="D6480:O6481"/>
    <mergeCell ref="P6480:S6481"/>
    <mergeCell ref="T6480:W6481"/>
    <mergeCell ref="X6480:AA6481"/>
    <mergeCell ref="A6482:AA6483"/>
    <mergeCell ref="A6484:C6485"/>
    <mergeCell ref="D6484:O6485"/>
    <mergeCell ref="P6484:S6485"/>
    <mergeCell ref="T6484:W6485"/>
    <mergeCell ref="X6484:AA6485"/>
    <mergeCell ref="A6486:C6487"/>
    <mergeCell ref="D6486:O6487"/>
    <mergeCell ref="P6486:S6487"/>
    <mergeCell ref="T6486:W6487"/>
    <mergeCell ref="X6486:AA6487"/>
    <mergeCell ref="A6488:C6489"/>
    <mergeCell ref="D6488:O6489"/>
    <mergeCell ref="P6488:S6489"/>
    <mergeCell ref="T6488:W6489"/>
    <mergeCell ref="X6488:AA6489"/>
    <mergeCell ref="A6490:AA6491"/>
    <mergeCell ref="A6492:C6493"/>
    <mergeCell ref="D6492:O6493"/>
    <mergeCell ref="P6492:S6493"/>
    <mergeCell ref="T6492:W6493"/>
    <mergeCell ref="X6492:AA6493"/>
    <mergeCell ref="A6460:C6461"/>
    <mergeCell ref="D6460:O6461"/>
    <mergeCell ref="P6460:S6461"/>
    <mergeCell ref="T6460:W6461"/>
    <mergeCell ref="X6460:AA6461"/>
    <mergeCell ref="A6462:C6463"/>
    <mergeCell ref="D6462:O6463"/>
    <mergeCell ref="P6462:S6463"/>
    <mergeCell ref="T6462:W6463"/>
    <mergeCell ref="X6462:AA6463"/>
    <mergeCell ref="A6464:C6465"/>
    <mergeCell ref="D6464:O6465"/>
    <mergeCell ref="P6464:S6465"/>
    <mergeCell ref="T6464:W6465"/>
    <mergeCell ref="X6464:AA6465"/>
    <mergeCell ref="A6466:C6467"/>
    <mergeCell ref="D6466:O6467"/>
    <mergeCell ref="P6466:S6467"/>
    <mergeCell ref="T6466:W6467"/>
    <mergeCell ref="X6466:AA6467"/>
    <mergeCell ref="A6468:C6469"/>
    <mergeCell ref="D6468:O6469"/>
    <mergeCell ref="P6468:S6469"/>
    <mergeCell ref="T6468:W6469"/>
    <mergeCell ref="X6468:AA6469"/>
    <mergeCell ref="A6470:C6471"/>
    <mergeCell ref="D6470:O6471"/>
    <mergeCell ref="P6470:S6471"/>
    <mergeCell ref="T6470:W6471"/>
    <mergeCell ref="X6470:AA6471"/>
    <mergeCell ref="A6472:AA6473"/>
    <mergeCell ref="A6474:C6475"/>
    <mergeCell ref="D6474:O6475"/>
    <mergeCell ref="P6474:S6475"/>
    <mergeCell ref="T6474:W6475"/>
    <mergeCell ref="X6474:AA6475"/>
    <mergeCell ref="A6446:C6447"/>
    <mergeCell ref="D6446:O6447"/>
    <mergeCell ref="P6446:S6447"/>
    <mergeCell ref="T6446:W6447"/>
    <mergeCell ref="X6446:AA6447"/>
    <mergeCell ref="A6448:C6449"/>
    <mergeCell ref="D6448:O6449"/>
    <mergeCell ref="P6448:S6449"/>
    <mergeCell ref="T6448:W6449"/>
    <mergeCell ref="X6448:AA6449"/>
    <mergeCell ref="A6450:C6451"/>
    <mergeCell ref="D6450:O6451"/>
    <mergeCell ref="P6450:S6451"/>
    <mergeCell ref="T6450:W6451"/>
    <mergeCell ref="X6450:AA6451"/>
    <mergeCell ref="A6452:C6453"/>
    <mergeCell ref="D6452:O6453"/>
    <mergeCell ref="P6452:S6453"/>
    <mergeCell ref="T6452:W6453"/>
    <mergeCell ref="X6452:AA6453"/>
    <mergeCell ref="A6454:C6455"/>
    <mergeCell ref="D6454:O6455"/>
    <mergeCell ref="P6454:S6455"/>
    <mergeCell ref="T6454:W6455"/>
    <mergeCell ref="X6454:AA6455"/>
    <mergeCell ref="A6456:C6457"/>
    <mergeCell ref="D6456:O6457"/>
    <mergeCell ref="P6456:S6457"/>
    <mergeCell ref="T6456:W6457"/>
    <mergeCell ref="X6456:AA6457"/>
    <mergeCell ref="A6458:C6459"/>
    <mergeCell ref="D6458:O6459"/>
    <mergeCell ref="P6458:S6459"/>
    <mergeCell ref="T6458:W6459"/>
    <mergeCell ref="X6458:AA6459"/>
    <mergeCell ref="A6432:C6433"/>
    <mergeCell ref="D6432:O6433"/>
    <mergeCell ref="P6432:S6433"/>
    <mergeCell ref="T6432:W6433"/>
    <mergeCell ref="X6432:AA6433"/>
    <mergeCell ref="A6434:C6435"/>
    <mergeCell ref="D6434:O6435"/>
    <mergeCell ref="P6434:S6435"/>
    <mergeCell ref="T6434:W6435"/>
    <mergeCell ref="X6434:AA6435"/>
    <mergeCell ref="A6436:C6437"/>
    <mergeCell ref="D6436:O6437"/>
    <mergeCell ref="P6436:S6437"/>
    <mergeCell ref="T6436:W6437"/>
    <mergeCell ref="X6436:AA6437"/>
    <mergeCell ref="A6438:C6439"/>
    <mergeCell ref="D6438:O6439"/>
    <mergeCell ref="P6438:S6439"/>
    <mergeCell ref="T6438:W6439"/>
    <mergeCell ref="X6438:AA6439"/>
    <mergeCell ref="A6440:C6441"/>
    <mergeCell ref="D6440:O6441"/>
    <mergeCell ref="P6440:S6441"/>
    <mergeCell ref="T6440:W6441"/>
    <mergeCell ref="X6440:AA6441"/>
    <mergeCell ref="A6442:C6443"/>
    <mergeCell ref="D6442:O6443"/>
    <mergeCell ref="P6442:S6443"/>
    <mergeCell ref="T6442:W6443"/>
    <mergeCell ref="X6442:AA6443"/>
    <mergeCell ref="A6444:C6445"/>
    <mergeCell ref="D6444:O6445"/>
    <mergeCell ref="P6444:S6445"/>
    <mergeCell ref="T6444:W6445"/>
    <mergeCell ref="X6444:AA6445"/>
    <mergeCell ref="A6418:C6419"/>
    <mergeCell ref="D6418:O6419"/>
    <mergeCell ref="P6418:S6419"/>
    <mergeCell ref="T6418:W6419"/>
    <mergeCell ref="X6418:AA6419"/>
    <mergeCell ref="A6420:C6421"/>
    <mergeCell ref="D6420:O6421"/>
    <mergeCell ref="P6420:S6421"/>
    <mergeCell ref="T6420:W6421"/>
    <mergeCell ref="X6420:AA6421"/>
    <mergeCell ref="A6422:C6423"/>
    <mergeCell ref="D6422:O6423"/>
    <mergeCell ref="P6422:S6423"/>
    <mergeCell ref="T6422:W6423"/>
    <mergeCell ref="X6422:AA6423"/>
    <mergeCell ref="A6424:C6425"/>
    <mergeCell ref="D6424:O6425"/>
    <mergeCell ref="P6424:S6425"/>
    <mergeCell ref="T6424:W6425"/>
    <mergeCell ref="X6424:AA6425"/>
    <mergeCell ref="A6426:C6427"/>
    <mergeCell ref="D6426:O6427"/>
    <mergeCell ref="P6426:S6427"/>
    <mergeCell ref="T6426:W6427"/>
    <mergeCell ref="X6426:AA6427"/>
    <mergeCell ref="A6428:C6429"/>
    <mergeCell ref="D6428:O6429"/>
    <mergeCell ref="P6428:S6429"/>
    <mergeCell ref="T6428:W6429"/>
    <mergeCell ref="X6428:AA6429"/>
    <mergeCell ref="A6430:C6431"/>
    <mergeCell ref="D6430:O6431"/>
    <mergeCell ref="P6430:S6431"/>
    <mergeCell ref="T6430:W6431"/>
    <mergeCell ref="X6430:AA6431"/>
    <mergeCell ref="A6402:C6403"/>
    <mergeCell ref="D6402:O6403"/>
    <mergeCell ref="P6402:S6403"/>
    <mergeCell ref="T6402:W6403"/>
    <mergeCell ref="X6402:AA6403"/>
    <mergeCell ref="A6404:C6405"/>
    <mergeCell ref="D6404:O6405"/>
    <mergeCell ref="P6404:S6405"/>
    <mergeCell ref="T6404:W6405"/>
    <mergeCell ref="X6404:AA6405"/>
    <mergeCell ref="A6406:C6407"/>
    <mergeCell ref="D6406:O6407"/>
    <mergeCell ref="P6406:S6407"/>
    <mergeCell ref="T6406:W6407"/>
    <mergeCell ref="X6406:AA6407"/>
    <mergeCell ref="A6408:C6409"/>
    <mergeCell ref="D6408:O6409"/>
    <mergeCell ref="P6408:S6409"/>
    <mergeCell ref="T6408:W6409"/>
    <mergeCell ref="X6408:AA6409"/>
    <mergeCell ref="A6410:C6411"/>
    <mergeCell ref="D6410:O6411"/>
    <mergeCell ref="P6410:S6411"/>
    <mergeCell ref="T6410:W6411"/>
    <mergeCell ref="X6410:AA6411"/>
    <mergeCell ref="A6412:C6413"/>
    <mergeCell ref="D6412:O6413"/>
    <mergeCell ref="P6412:S6413"/>
    <mergeCell ref="T6412:W6413"/>
    <mergeCell ref="X6412:AA6413"/>
    <mergeCell ref="A6414:AA6415"/>
    <mergeCell ref="A6416:C6417"/>
    <mergeCell ref="D6416:O6417"/>
    <mergeCell ref="P6416:S6417"/>
    <mergeCell ref="T6416:W6417"/>
    <mergeCell ref="X6416:AA6417"/>
    <mergeCell ref="A6388:C6389"/>
    <mergeCell ref="D6388:O6389"/>
    <mergeCell ref="P6388:S6389"/>
    <mergeCell ref="T6388:W6389"/>
    <mergeCell ref="X6388:AA6389"/>
    <mergeCell ref="A6390:C6391"/>
    <mergeCell ref="D6390:O6391"/>
    <mergeCell ref="P6390:S6391"/>
    <mergeCell ref="T6390:W6391"/>
    <mergeCell ref="X6390:AA6391"/>
    <mergeCell ref="A6392:C6393"/>
    <mergeCell ref="D6392:O6393"/>
    <mergeCell ref="P6392:S6393"/>
    <mergeCell ref="T6392:W6393"/>
    <mergeCell ref="X6392:AA6393"/>
    <mergeCell ref="A6394:C6395"/>
    <mergeCell ref="D6394:O6395"/>
    <mergeCell ref="P6394:S6395"/>
    <mergeCell ref="T6394:W6395"/>
    <mergeCell ref="X6394:AA6395"/>
    <mergeCell ref="A6396:C6397"/>
    <mergeCell ref="D6396:O6397"/>
    <mergeCell ref="P6396:S6397"/>
    <mergeCell ref="T6396:W6397"/>
    <mergeCell ref="X6396:AA6397"/>
    <mergeCell ref="A6398:C6399"/>
    <mergeCell ref="D6398:O6399"/>
    <mergeCell ref="P6398:S6399"/>
    <mergeCell ref="T6398:W6399"/>
    <mergeCell ref="X6398:AA6399"/>
    <mergeCell ref="A6400:C6401"/>
    <mergeCell ref="D6400:O6401"/>
    <mergeCell ref="P6400:S6401"/>
    <mergeCell ref="T6400:W6401"/>
    <mergeCell ref="X6400:AA6401"/>
    <mergeCell ref="A6374:C6375"/>
    <mergeCell ref="D6374:O6375"/>
    <mergeCell ref="P6374:S6375"/>
    <mergeCell ref="T6374:W6375"/>
    <mergeCell ref="X6374:AA6375"/>
    <mergeCell ref="A6376:C6377"/>
    <mergeCell ref="D6376:O6377"/>
    <mergeCell ref="P6376:S6377"/>
    <mergeCell ref="T6376:W6377"/>
    <mergeCell ref="X6376:AA6377"/>
    <mergeCell ref="A6378:C6379"/>
    <mergeCell ref="D6378:O6379"/>
    <mergeCell ref="P6378:S6379"/>
    <mergeCell ref="T6378:W6379"/>
    <mergeCell ref="X6378:AA6379"/>
    <mergeCell ref="A6380:C6381"/>
    <mergeCell ref="D6380:O6381"/>
    <mergeCell ref="P6380:S6381"/>
    <mergeCell ref="T6380:W6381"/>
    <mergeCell ref="X6380:AA6381"/>
    <mergeCell ref="A6382:C6383"/>
    <mergeCell ref="D6382:O6383"/>
    <mergeCell ref="P6382:S6383"/>
    <mergeCell ref="T6382:W6383"/>
    <mergeCell ref="X6382:AA6383"/>
    <mergeCell ref="A6384:C6385"/>
    <mergeCell ref="D6384:O6385"/>
    <mergeCell ref="P6384:S6385"/>
    <mergeCell ref="T6384:W6385"/>
    <mergeCell ref="X6384:AA6385"/>
    <mergeCell ref="A6386:C6387"/>
    <mergeCell ref="D6386:O6387"/>
    <mergeCell ref="P6386:S6387"/>
    <mergeCell ref="T6386:W6387"/>
    <mergeCell ref="X6386:AA6387"/>
    <mergeCell ref="A6360:C6361"/>
    <mergeCell ref="D6360:O6361"/>
    <mergeCell ref="P6360:S6361"/>
    <mergeCell ref="T6360:W6361"/>
    <mergeCell ref="X6360:AA6361"/>
    <mergeCell ref="A6362:C6363"/>
    <mergeCell ref="D6362:O6363"/>
    <mergeCell ref="P6362:S6363"/>
    <mergeCell ref="T6362:W6363"/>
    <mergeCell ref="X6362:AA6363"/>
    <mergeCell ref="A6364:C6365"/>
    <mergeCell ref="D6364:O6365"/>
    <mergeCell ref="P6364:S6365"/>
    <mergeCell ref="T6364:W6365"/>
    <mergeCell ref="X6364:AA6365"/>
    <mergeCell ref="A6366:C6367"/>
    <mergeCell ref="D6366:O6367"/>
    <mergeCell ref="P6366:S6367"/>
    <mergeCell ref="T6366:W6367"/>
    <mergeCell ref="X6366:AA6367"/>
    <mergeCell ref="A6368:C6369"/>
    <mergeCell ref="D6368:O6369"/>
    <mergeCell ref="P6368:S6369"/>
    <mergeCell ref="T6368:W6369"/>
    <mergeCell ref="X6368:AA6369"/>
    <mergeCell ref="A6370:C6371"/>
    <mergeCell ref="D6370:O6371"/>
    <mergeCell ref="P6370:S6371"/>
    <mergeCell ref="T6370:W6371"/>
    <mergeCell ref="X6370:AA6371"/>
    <mergeCell ref="A6372:C6373"/>
    <mergeCell ref="D6372:O6373"/>
    <mergeCell ref="P6372:S6373"/>
    <mergeCell ref="T6372:W6373"/>
    <mergeCell ref="X6372:AA6373"/>
    <mergeCell ref="A6346:C6347"/>
    <mergeCell ref="D6346:O6347"/>
    <mergeCell ref="P6346:S6347"/>
    <mergeCell ref="T6346:W6347"/>
    <mergeCell ref="X6346:AA6347"/>
    <mergeCell ref="A6348:C6349"/>
    <mergeCell ref="D6348:O6349"/>
    <mergeCell ref="P6348:S6349"/>
    <mergeCell ref="T6348:W6349"/>
    <mergeCell ref="X6348:AA6349"/>
    <mergeCell ref="A6350:C6351"/>
    <mergeCell ref="D6350:O6351"/>
    <mergeCell ref="P6350:S6351"/>
    <mergeCell ref="T6350:W6351"/>
    <mergeCell ref="X6350:AA6351"/>
    <mergeCell ref="A6352:C6353"/>
    <mergeCell ref="D6352:O6353"/>
    <mergeCell ref="P6352:S6353"/>
    <mergeCell ref="T6352:W6353"/>
    <mergeCell ref="X6352:AA6353"/>
    <mergeCell ref="A6354:C6355"/>
    <mergeCell ref="D6354:O6355"/>
    <mergeCell ref="P6354:S6355"/>
    <mergeCell ref="T6354:W6355"/>
    <mergeCell ref="X6354:AA6355"/>
    <mergeCell ref="A6356:C6357"/>
    <mergeCell ref="D6356:O6357"/>
    <mergeCell ref="P6356:S6357"/>
    <mergeCell ref="T6356:W6357"/>
    <mergeCell ref="X6356:AA6357"/>
    <mergeCell ref="A6358:C6359"/>
    <mergeCell ref="D6358:O6359"/>
    <mergeCell ref="P6358:S6359"/>
    <mergeCell ref="T6358:W6359"/>
    <mergeCell ref="X6358:AA6359"/>
    <mergeCell ref="A6332:C6333"/>
    <mergeCell ref="D6332:O6333"/>
    <mergeCell ref="P6332:S6333"/>
    <mergeCell ref="T6332:W6333"/>
    <mergeCell ref="X6332:AA6333"/>
    <mergeCell ref="A6334:C6335"/>
    <mergeCell ref="D6334:O6335"/>
    <mergeCell ref="P6334:S6335"/>
    <mergeCell ref="T6334:W6335"/>
    <mergeCell ref="X6334:AA6335"/>
    <mergeCell ref="A6336:C6337"/>
    <mergeCell ref="D6336:O6337"/>
    <mergeCell ref="P6336:S6337"/>
    <mergeCell ref="T6336:W6337"/>
    <mergeCell ref="X6336:AA6337"/>
    <mergeCell ref="A6338:C6339"/>
    <mergeCell ref="D6338:O6339"/>
    <mergeCell ref="P6338:S6339"/>
    <mergeCell ref="T6338:W6339"/>
    <mergeCell ref="X6338:AA6339"/>
    <mergeCell ref="A6340:C6341"/>
    <mergeCell ref="D6340:O6341"/>
    <mergeCell ref="P6340:S6341"/>
    <mergeCell ref="T6340:W6341"/>
    <mergeCell ref="X6340:AA6341"/>
    <mergeCell ref="A6342:C6343"/>
    <mergeCell ref="D6342:O6343"/>
    <mergeCell ref="P6342:S6343"/>
    <mergeCell ref="T6342:W6343"/>
    <mergeCell ref="X6342:AA6343"/>
    <mergeCell ref="A6344:C6345"/>
    <mergeCell ref="D6344:O6345"/>
    <mergeCell ref="P6344:S6345"/>
    <mergeCell ref="T6344:W6345"/>
    <mergeCell ref="X6344:AA6345"/>
    <mergeCell ref="A6316:C6317"/>
    <mergeCell ref="D6316:O6317"/>
    <mergeCell ref="P6316:S6317"/>
    <mergeCell ref="T6316:W6317"/>
    <mergeCell ref="X6316:AA6317"/>
    <mergeCell ref="A6318:C6319"/>
    <mergeCell ref="D6318:O6319"/>
    <mergeCell ref="P6318:S6319"/>
    <mergeCell ref="T6318:W6319"/>
    <mergeCell ref="X6318:AA6319"/>
    <mergeCell ref="A6320:AA6321"/>
    <mergeCell ref="A6322:C6323"/>
    <mergeCell ref="D6322:O6323"/>
    <mergeCell ref="P6322:S6323"/>
    <mergeCell ref="T6322:W6323"/>
    <mergeCell ref="X6322:AA6323"/>
    <mergeCell ref="A6324:C6325"/>
    <mergeCell ref="D6324:O6325"/>
    <mergeCell ref="P6324:S6325"/>
    <mergeCell ref="T6324:W6325"/>
    <mergeCell ref="X6324:AA6325"/>
    <mergeCell ref="A6326:C6327"/>
    <mergeCell ref="D6326:O6327"/>
    <mergeCell ref="P6326:S6327"/>
    <mergeCell ref="T6326:W6327"/>
    <mergeCell ref="X6326:AA6327"/>
    <mergeCell ref="A6328:C6329"/>
    <mergeCell ref="D6328:O6329"/>
    <mergeCell ref="P6328:S6329"/>
    <mergeCell ref="T6328:W6329"/>
    <mergeCell ref="X6328:AA6329"/>
    <mergeCell ref="A6330:C6331"/>
    <mergeCell ref="D6330:O6331"/>
    <mergeCell ref="P6330:S6331"/>
    <mergeCell ref="T6330:W6331"/>
    <mergeCell ref="X6330:AA6331"/>
    <mergeCell ref="A6298:C6299"/>
    <mergeCell ref="D6298:O6299"/>
    <mergeCell ref="P6298:S6299"/>
    <mergeCell ref="T6298:W6299"/>
    <mergeCell ref="X6298:AA6299"/>
    <mergeCell ref="A6300:C6301"/>
    <mergeCell ref="D6300:O6301"/>
    <mergeCell ref="P6300:S6301"/>
    <mergeCell ref="T6300:W6301"/>
    <mergeCell ref="X6300:AA6301"/>
    <mergeCell ref="A6302:C6303"/>
    <mergeCell ref="D6302:O6303"/>
    <mergeCell ref="P6302:S6303"/>
    <mergeCell ref="T6302:W6303"/>
    <mergeCell ref="X6302:AA6303"/>
    <mergeCell ref="A6304:C6305"/>
    <mergeCell ref="D6304:O6305"/>
    <mergeCell ref="P6304:S6305"/>
    <mergeCell ref="T6304:W6305"/>
    <mergeCell ref="X6304:AA6305"/>
    <mergeCell ref="A6306:AA6307"/>
    <mergeCell ref="A6308:C6309"/>
    <mergeCell ref="D6308:O6309"/>
    <mergeCell ref="P6308:S6309"/>
    <mergeCell ref="T6308:W6309"/>
    <mergeCell ref="X6308:AA6309"/>
    <mergeCell ref="A6310:C6311"/>
    <mergeCell ref="D6310:O6311"/>
    <mergeCell ref="P6310:S6311"/>
    <mergeCell ref="T6310:W6311"/>
    <mergeCell ref="X6310:AA6311"/>
    <mergeCell ref="A6312:AA6313"/>
    <mergeCell ref="A6314:AA6315"/>
    <mergeCell ref="A6284:C6285"/>
    <mergeCell ref="D6284:O6285"/>
    <mergeCell ref="P6284:S6285"/>
    <mergeCell ref="T6284:W6285"/>
    <mergeCell ref="X6284:AA6285"/>
    <mergeCell ref="A6286:C6287"/>
    <mergeCell ref="D6286:O6287"/>
    <mergeCell ref="P6286:S6287"/>
    <mergeCell ref="T6286:W6287"/>
    <mergeCell ref="X6286:AA6287"/>
    <mergeCell ref="A6288:C6289"/>
    <mergeCell ref="D6288:O6289"/>
    <mergeCell ref="P6288:S6289"/>
    <mergeCell ref="T6288:W6289"/>
    <mergeCell ref="X6288:AA6289"/>
    <mergeCell ref="A6290:C6291"/>
    <mergeCell ref="D6290:O6291"/>
    <mergeCell ref="P6290:S6291"/>
    <mergeCell ref="T6290:W6291"/>
    <mergeCell ref="X6290:AA6291"/>
    <mergeCell ref="A6292:C6293"/>
    <mergeCell ref="D6292:O6293"/>
    <mergeCell ref="P6292:S6293"/>
    <mergeCell ref="T6292:W6293"/>
    <mergeCell ref="X6292:AA6293"/>
    <mergeCell ref="A6294:C6295"/>
    <mergeCell ref="D6294:O6295"/>
    <mergeCell ref="P6294:S6295"/>
    <mergeCell ref="T6294:W6295"/>
    <mergeCell ref="X6294:AA6295"/>
    <mergeCell ref="A6296:C6297"/>
    <mergeCell ref="D6296:O6297"/>
    <mergeCell ref="P6296:S6297"/>
    <mergeCell ref="T6296:W6297"/>
    <mergeCell ref="X6296:AA6297"/>
    <mergeCell ref="A6270:C6271"/>
    <mergeCell ref="D6270:O6271"/>
    <mergeCell ref="P6270:S6271"/>
    <mergeCell ref="T6270:W6271"/>
    <mergeCell ref="X6270:AA6271"/>
    <mergeCell ref="A6272:C6273"/>
    <mergeCell ref="D6272:O6273"/>
    <mergeCell ref="P6272:S6273"/>
    <mergeCell ref="T6272:W6273"/>
    <mergeCell ref="X6272:AA6273"/>
    <mergeCell ref="A6274:C6275"/>
    <mergeCell ref="D6274:O6275"/>
    <mergeCell ref="P6274:S6275"/>
    <mergeCell ref="T6274:W6275"/>
    <mergeCell ref="X6274:AA6275"/>
    <mergeCell ref="A6276:C6277"/>
    <mergeCell ref="D6276:O6277"/>
    <mergeCell ref="P6276:S6277"/>
    <mergeCell ref="T6276:W6277"/>
    <mergeCell ref="X6276:AA6277"/>
    <mergeCell ref="A6278:C6279"/>
    <mergeCell ref="D6278:O6279"/>
    <mergeCell ref="P6278:S6279"/>
    <mergeCell ref="T6278:W6279"/>
    <mergeCell ref="X6278:AA6279"/>
    <mergeCell ref="A6280:C6281"/>
    <mergeCell ref="D6280:O6281"/>
    <mergeCell ref="P6280:S6281"/>
    <mergeCell ref="T6280:W6281"/>
    <mergeCell ref="X6280:AA6281"/>
    <mergeCell ref="A6282:C6283"/>
    <mergeCell ref="D6282:O6283"/>
    <mergeCell ref="P6282:S6283"/>
    <mergeCell ref="T6282:W6283"/>
    <mergeCell ref="X6282:AA6283"/>
    <mergeCell ref="A6254:C6255"/>
    <mergeCell ref="D6254:O6255"/>
    <mergeCell ref="P6254:S6255"/>
    <mergeCell ref="T6254:W6255"/>
    <mergeCell ref="X6254:AA6255"/>
    <mergeCell ref="A6256:C6257"/>
    <mergeCell ref="D6256:O6257"/>
    <mergeCell ref="P6256:S6257"/>
    <mergeCell ref="T6256:W6257"/>
    <mergeCell ref="X6256:AA6257"/>
    <mergeCell ref="A6258:C6259"/>
    <mergeCell ref="D6258:O6259"/>
    <mergeCell ref="P6258:S6259"/>
    <mergeCell ref="T6258:W6259"/>
    <mergeCell ref="X6258:AA6259"/>
    <mergeCell ref="A6260:C6261"/>
    <mergeCell ref="D6260:O6261"/>
    <mergeCell ref="P6260:S6261"/>
    <mergeCell ref="T6260:W6261"/>
    <mergeCell ref="X6260:AA6261"/>
    <mergeCell ref="A6262:AA6263"/>
    <mergeCell ref="A6264:C6265"/>
    <mergeCell ref="D6264:O6265"/>
    <mergeCell ref="P6264:S6265"/>
    <mergeCell ref="T6264:W6265"/>
    <mergeCell ref="X6264:AA6265"/>
    <mergeCell ref="A6266:C6267"/>
    <mergeCell ref="D6266:O6267"/>
    <mergeCell ref="P6266:S6267"/>
    <mergeCell ref="T6266:W6267"/>
    <mergeCell ref="X6266:AA6267"/>
    <mergeCell ref="A6268:C6269"/>
    <mergeCell ref="D6268:O6269"/>
    <mergeCell ref="P6268:S6269"/>
    <mergeCell ref="T6268:W6269"/>
    <mergeCell ref="X6268:AA6269"/>
    <mergeCell ref="A6240:C6241"/>
    <mergeCell ref="D6240:O6241"/>
    <mergeCell ref="P6240:S6241"/>
    <mergeCell ref="T6240:W6241"/>
    <mergeCell ref="X6240:AA6241"/>
    <mergeCell ref="A6242:C6243"/>
    <mergeCell ref="D6242:O6243"/>
    <mergeCell ref="P6242:S6243"/>
    <mergeCell ref="T6242:W6243"/>
    <mergeCell ref="X6242:AA6243"/>
    <mergeCell ref="A6244:C6245"/>
    <mergeCell ref="D6244:O6245"/>
    <mergeCell ref="P6244:S6245"/>
    <mergeCell ref="T6244:W6245"/>
    <mergeCell ref="X6244:AA6245"/>
    <mergeCell ref="A6246:C6247"/>
    <mergeCell ref="D6246:O6247"/>
    <mergeCell ref="P6246:S6247"/>
    <mergeCell ref="T6246:W6247"/>
    <mergeCell ref="X6246:AA6247"/>
    <mergeCell ref="A6248:C6249"/>
    <mergeCell ref="D6248:O6249"/>
    <mergeCell ref="P6248:S6249"/>
    <mergeCell ref="T6248:W6249"/>
    <mergeCell ref="X6248:AA6249"/>
    <mergeCell ref="A6250:C6251"/>
    <mergeCell ref="D6250:O6251"/>
    <mergeCell ref="P6250:S6251"/>
    <mergeCell ref="T6250:W6251"/>
    <mergeCell ref="X6250:AA6251"/>
    <mergeCell ref="A6252:C6253"/>
    <mergeCell ref="D6252:O6253"/>
    <mergeCell ref="P6252:S6253"/>
    <mergeCell ref="T6252:W6253"/>
    <mergeCell ref="X6252:AA6253"/>
    <mergeCell ref="A6226:C6227"/>
    <mergeCell ref="D6226:O6227"/>
    <mergeCell ref="P6226:S6227"/>
    <mergeCell ref="T6226:W6227"/>
    <mergeCell ref="X6226:AA6227"/>
    <mergeCell ref="A6228:C6229"/>
    <mergeCell ref="D6228:O6229"/>
    <mergeCell ref="P6228:S6229"/>
    <mergeCell ref="T6228:W6229"/>
    <mergeCell ref="X6228:AA6229"/>
    <mergeCell ref="A6230:C6231"/>
    <mergeCell ref="D6230:O6231"/>
    <mergeCell ref="P6230:S6231"/>
    <mergeCell ref="T6230:W6231"/>
    <mergeCell ref="X6230:AA6231"/>
    <mergeCell ref="A6232:C6233"/>
    <mergeCell ref="D6232:O6233"/>
    <mergeCell ref="P6232:S6233"/>
    <mergeCell ref="T6232:W6233"/>
    <mergeCell ref="X6232:AA6233"/>
    <mergeCell ref="A6234:C6235"/>
    <mergeCell ref="D6234:O6235"/>
    <mergeCell ref="P6234:S6235"/>
    <mergeCell ref="T6234:W6235"/>
    <mergeCell ref="X6234:AA6235"/>
    <mergeCell ref="A6236:C6237"/>
    <mergeCell ref="D6236:O6237"/>
    <mergeCell ref="P6236:S6237"/>
    <mergeCell ref="T6236:W6237"/>
    <mergeCell ref="X6236:AA6237"/>
    <mergeCell ref="A6238:C6239"/>
    <mergeCell ref="D6238:O6239"/>
    <mergeCell ref="P6238:S6239"/>
    <mergeCell ref="T6238:W6239"/>
    <mergeCell ref="X6238:AA6239"/>
    <mergeCell ref="A6212:C6213"/>
    <mergeCell ref="D6212:O6213"/>
    <mergeCell ref="P6212:S6213"/>
    <mergeCell ref="T6212:W6213"/>
    <mergeCell ref="X6212:AA6213"/>
    <mergeCell ref="A6214:C6215"/>
    <mergeCell ref="D6214:O6215"/>
    <mergeCell ref="P6214:S6215"/>
    <mergeCell ref="T6214:W6215"/>
    <mergeCell ref="X6214:AA6215"/>
    <mergeCell ref="A6216:C6217"/>
    <mergeCell ref="D6216:O6217"/>
    <mergeCell ref="P6216:S6217"/>
    <mergeCell ref="T6216:W6217"/>
    <mergeCell ref="X6216:AA6217"/>
    <mergeCell ref="A6218:C6219"/>
    <mergeCell ref="D6218:O6219"/>
    <mergeCell ref="P6218:S6219"/>
    <mergeCell ref="T6218:W6219"/>
    <mergeCell ref="X6218:AA6219"/>
    <mergeCell ref="A6220:C6221"/>
    <mergeCell ref="D6220:O6221"/>
    <mergeCell ref="P6220:S6221"/>
    <mergeCell ref="T6220:W6221"/>
    <mergeCell ref="X6220:AA6221"/>
    <mergeCell ref="A6222:C6223"/>
    <mergeCell ref="D6222:O6223"/>
    <mergeCell ref="P6222:S6223"/>
    <mergeCell ref="T6222:W6223"/>
    <mergeCell ref="X6222:AA6223"/>
    <mergeCell ref="A6224:C6225"/>
    <mergeCell ref="D6224:O6225"/>
    <mergeCell ref="P6224:S6225"/>
    <mergeCell ref="T6224:W6225"/>
    <mergeCell ref="X6224:AA6225"/>
    <mergeCell ref="A6198:C6199"/>
    <mergeCell ref="D6198:O6199"/>
    <mergeCell ref="P6198:S6199"/>
    <mergeCell ref="T6198:W6199"/>
    <mergeCell ref="X6198:AA6199"/>
    <mergeCell ref="A6200:C6201"/>
    <mergeCell ref="D6200:O6201"/>
    <mergeCell ref="P6200:S6201"/>
    <mergeCell ref="T6200:W6201"/>
    <mergeCell ref="X6200:AA6201"/>
    <mergeCell ref="A6202:C6203"/>
    <mergeCell ref="D6202:O6203"/>
    <mergeCell ref="P6202:S6203"/>
    <mergeCell ref="T6202:W6203"/>
    <mergeCell ref="X6202:AA6203"/>
    <mergeCell ref="A6204:C6205"/>
    <mergeCell ref="D6204:O6205"/>
    <mergeCell ref="P6204:S6205"/>
    <mergeCell ref="T6204:W6205"/>
    <mergeCell ref="X6204:AA6205"/>
    <mergeCell ref="A6206:C6207"/>
    <mergeCell ref="D6206:O6207"/>
    <mergeCell ref="P6206:S6207"/>
    <mergeCell ref="T6206:W6207"/>
    <mergeCell ref="X6206:AA6207"/>
    <mergeCell ref="A6208:C6209"/>
    <mergeCell ref="D6208:O6209"/>
    <mergeCell ref="P6208:S6209"/>
    <mergeCell ref="T6208:W6209"/>
    <mergeCell ref="X6208:AA6209"/>
    <mergeCell ref="A6210:C6211"/>
    <mergeCell ref="D6210:O6211"/>
    <mergeCell ref="P6210:S6211"/>
    <mergeCell ref="T6210:W6211"/>
    <mergeCell ref="X6210:AA6211"/>
    <mergeCell ref="A6184:C6185"/>
    <mergeCell ref="D6184:O6185"/>
    <mergeCell ref="P6184:S6185"/>
    <mergeCell ref="T6184:W6185"/>
    <mergeCell ref="X6184:AA6185"/>
    <mergeCell ref="A6186:C6187"/>
    <mergeCell ref="D6186:O6187"/>
    <mergeCell ref="P6186:S6187"/>
    <mergeCell ref="T6186:W6187"/>
    <mergeCell ref="X6186:AA6187"/>
    <mergeCell ref="A6188:C6189"/>
    <mergeCell ref="D6188:O6189"/>
    <mergeCell ref="P6188:S6189"/>
    <mergeCell ref="T6188:W6189"/>
    <mergeCell ref="X6188:AA6189"/>
    <mergeCell ref="A6190:C6191"/>
    <mergeCell ref="D6190:O6191"/>
    <mergeCell ref="P6190:S6191"/>
    <mergeCell ref="T6190:W6191"/>
    <mergeCell ref="X6190:AA6191"/>
    <mergeCell ref="A6192:C6193"/>
    <mergeCell ref="D6192:O6193"/>
    <mergeCell ref="P6192:S6193"/>
    <mergeCell ref="T6192:W6193"/>
    <mergeCell ref="X6192:AA6193"/>
    <mergeCell ref="A6194:C6195"/>
    <mergeCell ref="D6194:O6195"/>
    <mergeCell ref="P6194:S6195"/>
    <mergeCell ref="T6194:W6195"/>
    <mergeCell ref="X6194:AA6195"/>
    <mergeCell ref="A6196:C6197"/>
    <mergeCell ref="D6196:O6197"/>
    <mergeCell ref="P6196:S6197"/>
    <mergeCell ref="T6196:W6197"/>
    <mergeCell ref="X6196:AA6197"/>
    <mergeCell ref="A6170:C6171"/>
    <mergeCell ref="D6170:O6171"/>
    <mergeCell ref="P6170:S6171"/>
    <mergeCell ref="T6170:W6171"/>
    <mergeCell ref="X6170:AA6171"/>
    <mergeCell ref="A6172:C6173"/>
    <mergeCell ref="D6172:O6173"/>
    <mergeCell ref="P6172:S6173"/>
    <mergeCell ref="T6172:W6173"/>
    <mergeCell ref="X6172:AA6173"/>
    <mergeCell ref="A6174:C6175"/>
    <mergeCell ref="D6174:O6175"/>
    <mergeCell ref="P6174:S6175"/>
    <mergeCell ref="T6174:W6175"/>
    <mergeCell ref="X6174:AA6175"/>
    <mergeCell ref="A6176:C6177"/>
    <mergeCell ref="D6176:O6177"/>
    <mergeCell ref="P6176:S6177"/>
    <mergeCell ref="T6176:W6177"/>
    <mergeCell ref="X6176:AA6177"/>
    <mergeCell ref="A6178:C6179"/>
    <mergeCell ref="D6178:O6179"/>
    <mergeCell ref="P6178:S6179"/>
    <mergeCell ref="T6178:W6179"/>
    <mergeCell ref="X6178:AA6179"/>
    <mergeCell ref="A6180:C6181"/>
    <mergeCell ref="D6180:O6181"/>
    <mergeCell ref="P6180:S6181"/>
    <mergeCell ref="T6180:W6181"/>
    <mergeCell ref="X6180:AA6181"/>
    <mergeCell ref="A6182:C6183"/>
    <mergeCell ref="D6182:O6183"/>
    <mergeCell ref="P6182:S6183"/>
    <mergeCell ref="T6182:W6183"/>
    <mergeCell ref="X6182:AA6183"/>
    <mergeCell ref="A6156:C6157"/>
    <mergeCell ref="D6156:O6157"/>
    <mergeCell ref="P6156:S6157"/>
    <mergeCell ref="T6156:W6157"/>
    <mergeCell ref="X6156:AA6157"/>
    <mergeCell ref="A6158:C6159"/>
    <mergeCell ref="D6158:O6159"/>
    <mergeCell ref="P6158:S6159"/>
    <mergeCell ref="T6158:W6159"/>
    <mergeCell ref="X6158:AA6159"/>
    <mergeCell ref="A6160:C6161"/>
    <mergeCell ref="D6160:O6161"/>
    <mergeCell ref="P6160:S6161"/>
    <mergeCell ref="T6160:W6161"/>
    <mergeCell ref="X6160:AA6161"/>
    <mergeCell ref="A6162:C6163"/>
    <mergeCell ref="D6162:O6163"/>
    <mergeCell ref="P6162:S6163"/>
    <mergeCell ref="T6162:W6163"/>
    <mergeCell ref="X6162:AA6163"/>
    <mergeCell ref="A6164:C6165"/>
    <mergeCell ref="D6164:O6165"/>
    <mergeCell ref="P6164:S6165"/>
    <mergeCell ref="T6164:W6165"/>
    <mergeCell ref="X6164:AA6165"/>
    <mergeCell ref="A6166:C6167"/>
    <mergeCell ref="D6166:O6167"/>
    <mergeCell ref="P6166:S6167"/>
    <mergeCell ref="T6166:W6167"/>
    <mergeCell ref="X6166:AA6167"/>
    <mergeCell ref="A6168:C6169"/>
    <mergeCell ref="D6168:O6169"/>
    <mergeCell ref="P6168:S6169"/>
    <mergeCell ref="T6168:W6169"/>
    <mergeCell ref="X6168:AA6169"/>
    <mergeCell ref="A6140:C6141"/>
    <mergeCell ref="D6140:O6141"/>
    <mergeCell ref="P6140:S6141"/>
    <mergeCell ref="T6140:W6141"/>
    <mergeCell ref="X6140:AA6141"/>
    <mergeCell ref="A6142:C6143"/>
    <mergeCell ref="D6142:O6143"/>
    <mergeCell ref="P6142:S6143"/>
    <mergeCell ref="T6142:W6143"/>
    <mergeCell ref="X6142:AA6143"/>
    <mergeCell ref="A6144:C6145"/>
    <mergeCell ref="D6144:O6145"/>
    <mergeCell ref="P6144:S6145"/>
    <mergeCell ref="T6144:W6145"/>
    <mergeCell ref="X6144:AA6145"/>
    <mergeCell ref="A6146:AA6147"/>
    <mergeCell ref="A6148:C6149"/>
    <mergeCell ref="D6148:O6149"/>
    <mergeCell ref="P6148:S6149"/>
    <mergeCell ref="T6148:W6149"/>
    <mergeCell ref="X6148:AA6149"/>
    <mergeCell ref="A6150:C6151"/>
    <mergeCell ref="D6150:O6151"/>
    <mergeCell ref="P6150:S6151"/>
    <mergeCell ref="T6150:W6151"/>
    <mergeCell ref="X6150:AA6151"/>
    <mergeCell ref="A6152:C6153"/>
    <mergeCell ref="D6152:O6153"/>
    <mergeCell ref="P6152:S6153"/>
    <mergeCell ref="T6152:W6153"/>
    <mergeCell ref="X6152:AA6153"/>
    <mergeCell ref="A6154:C6155"/>
    <mergeCell ref="D6154:O6155"/>
    <mergeCell ref="P6154:S6155"/>
    <mergeCell ref="T6154:W6155"/>
    <mergeCell ref="X6154:AA6155"/>
    <mergeCell ref="A6124:C6125"/>
    <mergeCell ref="D6124:O6125"/>
    <mergeCell ref="P6124:S6125"/>
    <mergeCell ref="T6124:W6125"/>
    <mergeCell ref="X6124:AA6125"/>
    <mergeCell ref="A6126:C6127"/>
    <mergeCell ref="D6126:O6127"/>
    <mergeCell ref="P6126:S6127"/>
    <mergeCell ref="T6126:W6127"/>
    <mergeCell ref="X6126:AA6127"/>
    <mergeCell ref="A6128:C6129"/>
    <mergeCell ref="D6128:O6129"/>
    <mergeCell ref="P6128:S6129"/>
    <mergeCell ref="T6128:W6129"/>
    <mergeCell ref="X6128:AA6129"/>
    <mergeCell ref="A6130:C6131"/>
    <mergeCell ref="D6130:O6131"/>
    <mergeCell ref="P6130:S6131"/>
    <mergeCell ref="T6130:W6131"/>
    <mergeCell ref="X6130:AA6131"/>
    <mergeCell ref="A6132:C6133"/>
    <mergeCell ref="D6132:O6133"/>
    <mergeCell ref="P6132:S6133"/>
    <mergeCell ref="T6132:W6133"/>
    <mergeCell ref="X6132:AA6133"/>
    <mergeCell ref="A6134:AA6135"/>
    <mergeCell ref="A6136:C6137"/>
    <mergeCell ref="D6136:O6137"/>
    <mergeCell ref="P6136:S6137"/>
    <mergeCell ref="T6136:W6137"/>
    <mergeCell ref="X6136:AA6137"/>
    <mergeCell ref="A6138:C6139"/>
    <mergeCell ref="D6138:O6139"/>
    <mergeCell ref="P6138:S6139"/>
    <mergeCell ref="T6138:W6139"/>
    <mergeCell ref="X6138:AA6139"/>
    <mergeCell ref="A6106:C6107"/>
    <mergeCell ref="D6106:O6107"/>
    <mergeCell ref="P6106:S6107"/>
    <mergeCell ref="T6106:W6107"/>
    <mergeCell ref="X6106:AA6107"/>
    <mergeCell ref="A6108:C6109"/>
    <mergeCell ref="D6108:O6109"/>
    <mergeCell ref="P6108:S6109"/>
    <mergeCell ref="T6108:W6109"/>
    <mergeCell ref="X6108:AA6109"/>
    <mergeCell ref="A6110:C6111"/>
    <mergeCell ref="D6110:O6111"/>
    <mergeCell ref="P6110:S6111"/>
    <mergeCell ref="T6110:W6111"/>
    <mergeCell ref="X6110:AA6111"/>
    <mergeCell ref="A6112:AA6113"/>
    <mergeCell ref="A6114:AA6115"/>
    <mergeCell ref="A6116:C6117"/>
    <mergeCell ref="D6116:O6117"/>
    <mergeCell ref="P6116:S6117"/>
    <mergeCell ref="T6116:W6117"/>
    <mergeCell ref="X6116:AA6117"/>
    <mergeCell ref="A6118:C6119"/>
    <mergeCell ref="D6118:O6119"/>
    <mergeCell ref="P6118:S6119"/>
    <mergeCell ref="T6118:W6119"/>
    <mergeCell ref="X6118:AA6119"/>
    <mergeCell ref="A6120:AA6121"/>
    <mergeCell ref="A6122:C6123"/>
    <mergeCell ref="D6122:O6123"/>
    <mergeCell ref="P6122:S6123"/>
    <mergeCell ref="T6122:W6123"/>
    <mergeCell ref="X6122:AA6123"/>
    <mergeCell ref="A6092:C6093"/>
    <mergeCell ref="D6092:O6093"/>
    <mergeCell ref="P6092:S6093"/>
    <mergeCell ref="T6092:W6093"/>
    <mergeCell ref="X6092:AA6093"/>
    <mergeCell ref="A6094:C6095"/>
    <mergeCell ref="D6094:O6095"/>
    <mergeCell ref="P6094:S6095"/>
    <mergeCell ref="T6094:W6095"/>
    <mergeCell ref="X6094:AA6095"/>
    <mergeCell ref="A6096:C6097"/>
    <mergeCell ref="D6096:O6097"/>
    <mergeCell ref="P6096:S6097"/>
    <mergeCell ref="T6096:W6097"/>
    <mergeCell ref="X6096:AA6097"/>
    <mergeCell ref="A6098:C6099"/>
    <mergeCell ref="D6098:O6099"/>
    <mergeCell ref="P6098:S6099"/>
    <mergeCell ref="T6098:W6099"/>
    <mergeCell ref="X6098:AA6099"/>
    <mergeCell ref="A6100:C6101"/>
    <mergeCell ref="D6100:O6101"/>
    <mergeCell ref="P6100:S6101"/>
    <mergeCell ref="T6100:W6101"/>
    <mergeCell ref="X6100:AA6101"/>
    <mergeCell ref="A6102:C6103"/>
    <mergeCell ref="D6102:O6103"/>
    <mergeCell ref="P6102:S6103"/>
    <mergeCell ref="T6102:W6103"/>
    <mergeCell ref="X6102:AA6103"/>
    <mergeCell ref="A6104:C6105"/>
    <mergeCell ref="D6104:O6105"/>
    <mergeCell ref="P6104:S6105"/>
    <mergeCell ref="T6104:W6105"/>
    <mergeCell ref="X6104:AA6105"/>
    <mergeCell ref="A6078:C6079"/>
    <mergeCell ref="D6078:O6079"/>
    <mergeCell ref="P6078:S6079"/>
    <mergeCell ref="T6078:W6079"/>
    <mergeCell ref="X6078:AA6079"/>
    <mergeCell ref="A6080:C6081"/>
    <mergeCell ref="D6080:O6081"/>
    <mergeCell ref="P6080:S6081"/>
    <mergeCell ref="T6080:W6081"/>
    <mergeCell ref="X6080:AA6081"/>
    <mergeCell ref="A6082:C6083"/>
    <mergeCell ref="D6082:O6083"/>
    <mergeCell ref="P6082:S6083"/>
    <mergeCell ref="T6082:W6083"/>
    <mergeCell ref="X6082:AA6083"/>
    <mergeCell ref="A6084:C6085"/>
    <mergeCell ref="D6084:O6085"/>
    <mergeCell ref="P6084:S6085"/>
    <mergeCell ref="T6084:W6085"/>
    <mergeCell ref="X6084:AA6085"/>
    <mergeCell ref="A6086:C6087"/>
    <mergeCell ref="D6086:O6087"/>
    <mergeCell ref="P6086:S6087"/>
    <mergeCell ref="T6086:W6087"/>
    <mergeCell ref="X6086:AA6087"/>
    <mergeCell ref="A6088:C6089"/>
    <mergeCell ref="D6088:O6089"/>
    <mergeCell ref="P6088:S6089"/>
    <mergeCell ref="T6088:W6089"/>
    <mergeCell ref="X6088:AA6089"/>
    <mergeCell ref="A6090:C6091"/>
    <mergeCell ref="D6090:O6091"/>
    <mergeCell ref="P6090:S6091"/>
    <mergeCell ref="T6090:W6091"/>
    <mergeCell ref="X6090:AA6091"/>
    <mergeCell ref="A6062:AA6063"/>
    <mergeCell ref="A6064:C6065"/>
    <mergeCell ref="D6064:O6065"/>
    <mergeCell ref="P6064:S6065"/>
    <mergeCell ref="T6064:W6065"/>
    <mergeCell ref="X6064:AA6065"/>
    <mergeCell ref="A6066:C6067"/>
    <mergeCell ref="D6066:O6067"/>
    <mergeCell ref="P6066:S6067"/>
    <mergeCell ref="T6066:W6067"/>
    <mergeCell ref="X6066:AA6067"/>
    <mergeCell ref="A6068:C6069"/>
    <mergeCell ref="D6068:O6069"/>
    <mergeCell ref="P6068:S6069"/>
    <mergeCell ref="T6068:W6069"/>
    <mergeCell ref="X6068:AA6069"/>
    <mergeCell ref="A6070:C6071"/>
    <mergeCell ref="D6070:O6071"/>
    <mergeCell ref="P6070:S6071"/>
    <mergeCell ref="T6070:W6071"/>
    <mergeCell ref="X6070:AA6071"/>
    <mergeCell ref="A6072:C6073"/>
    <mergeCell ref="D6072:O6073"/>
    <mergeCell ref="P6072:S6073"/>
    <mergeCell ref="T6072:W6073"/>
    <mergeCell ref="X6072:AA6073"/>
    <mergeCell ref="A6074:C6075"/>
    <mergeCell ref="D6074:O6075"/>
    <mergeCell ref="P6074:S6075"/>
    <mergeCell ref="T6074:W6075"/>
    <mergeCell ref="X6074:AA6075"/>
    <mergeCell ref="A6076:C6077"/>
    <mergeCell ref="D6076:O6077"/>
    <mergeCell ref="P6076:S6077"/>
    <mergeCell ref="T6076:W6077"/>
    <mergeCell ref="X6076:AA6077"/>
    <mergeCell ref="A6048:C6049"/>
    <mergeCell ref="D6048:O6049"/>
    <mergeCell ref="P6048:S6049"/>
    <mergeCell ref="T6048:W6049"/>
    <mergeCell ref="X6048:AA6049"/>
    <mergeCell ref="A6050:C6051"/>
    <mergeCell ref="D6050:O6051"/>
    <mergeCell ref="P6050:S6051"/>
    <mergeCell ref="T6050:W6051"/>
    <mergeCell ref="X6050:AA6051"/>
    <mergeCell ref="A6052:C6053"/>
    <mergeCell ref="D6052:O6053"/>
    <mergeCell ref="P6052:S6053"/>
    <mergeCell ref="T6052:W6053"/>
    <mergeCell ref="X6052:AA6053"/>
    <mergeCell ref="A6054:C6055"/>
    <mergeCell ref="D6054:O6055"/>
    <mergeCell ref="P6054:S6055"/>
    <mergeCell ref="T6054:W6055"/>
    <mergeCell ref="X6054:AA6055"/>
    <mergeCell ref="A6056:C6057"/>
    <mergeCell ref="D6056:O6057"/>
    <mergeCell ref="P6056:S6057"/>
    <mergeCell ref="T6056:W6057"/>
    <mergeCell ref="X6056:AA6057"/>
    <mergeCell ref="A6058:C6059"/>
    <mergeCell ref="D6058:O6059"/>
    <mergeCell ref="P6058:S6059"/>
    <mergeCell ref="T6058:W6059"/>
    <mergeCell ref="X6058:AA6059"/>
    <mergeCell ref="A6060:C6061"/>
    <mergeCell ref="D6060:O6061"/>
    <mergeCell ref="P6060:S6061"/>
    <mergeCell ref="T6060:W6061"/>
    <mergeCell ref="X6060:AA6061"/>
    <mergeCell ref="A6034:C6035"/>
    <mergeCell ref="D6034:O6035"/>
    <mergeCell ref="P6034:S6035"/>
    <mergeCell ref="T6034:W6035"/>
    <mergeCell ref="X6034:AA6035"/>
    <mergeCell ref="A6036:C6037"/>
    <mergeCell ref="D6036:O6037"/>
    <mergeCell ref="P6036:S6037"/>
    <mergeCell ref="T6036:W6037"/>
    <mergeCell ref="X6036:AA6037"/>
    <mergeCell ref="A6038:C6039"/>
    <mergeCell ref="D6038:O6039"/>
    <mergeCell ref="P6038:S6039"/>
    <mergeCell ref="T6038:W6039"/>
    <mergeCell ref="X6038:AA6039"/>
    <mergeCell ref="A6040:C6041"/>
    <mergeCell ref="D6040:O6041"/>
    <mergeCell ref="P6040:S6041"/>
    <mergeCell ref="T6040:W6041"/>
    <mergeCell ref="X6040:AA6041"/>
    <mergeCell ref="A6042:C6043"/>
    <mergeCell ref="D6042:O6043"/>
    <mergeCell ref="P6042:S6043"/>
    <mergeCell ref="T6042:W6043"/>
    <mergeCell ref="X6042:AA6043"/>
    <mergeCell ref="A6044:C6045"/>
    <mergeCell ref="D6044:O6045"/>
    <mergeCell ref="P6044:S6045"/>
    <mergeCell ref="T6044:W6045"/>
    <mergeCell ref="X6044:AA6045"/>
    <mergeCell ref="A6046:C6047"/>
    <mergeCell ref="D6046:O6047"/>
    <mergeCell ref="P6046:S6047"/>
    <mergeCell ref="T6046:W6047"/>
    <mergeCell ref="X6046:AA6047"/>
    <mergeCell ref="A6016:AA6017"/>
    <mergeCell ref="A6018:C6019"/>
    <mergeCell ref="D6018:O6019"/>
    <mergeCell ref="P6018:S6019"/>
    <mergeCell ref="T6018:W6019"/>
    <mergeCell ref="X6018:AA6019"/>
    <mergeCell ref="A6020:C6021"/>
    <mergeCell ref="D6020:O6021"/>
    <mergeCell ref="P6020:S6021"/>
    <mergeCell ref="T6020:W6021"/>
    <mergeCell ref="X6020:AA6021"/>
    <mergeCell ref="A6022:C6023"/>
    <mergeCell ref="D6022:O6023"/>
    <mergeCell ref="P6022:S6023"/>
    <mergeCell ref="T6022:W6023"/>
    <mergeCell ref="X6022:AA6023"/>
    <mergeCell ref="A6024:C6025"/>
    <mergeCell ref="D6024:O6025"/>
    <mergeCell ref="P6024:S6025"/>
    <mergeCell ref="T6024:W6025"/>
    <mergeCell ref="X6024:AA6025"/>
    <mergeCell ref="A6026:AA6027"/>
    <mergeCell ref="A6028:C6029"/>
    <mergeCell ref="D6028:O6029"/>
    <mergeCell ref="P6028:S6029"/>
    <mergeCell ref="T6028:W6029"/>
    <mergeCell ref="X6028:AA6029"/>
    <mergeCell ref="A6030:C6031"/>
    <mergeCell ref="D6030:O6031"/>
    <mergeCell ref="P6030:S6031"/>
    <mergeCell ref="T6030:W6031"/>
    <mergeCell ref="X6030:AA6031"/>
    <mergeCell ref="A6032:C6033"/>
    <mergeCell ref="D6032:O6033"/>
    <mergeCell ref="P6032:S6033"/>
    <mergeCell ref="T6032:W6033"/>
    <mergeCell ref="X6032:AA6033"/>
    <mergeCell ref="A6002:C6003"/>
    <mergeCell ref="D6002:O6003"/>
    <mergeCell ref="P6002:S6003"/>
    <mergeCell ref="T6002:W6003"/>
    <mergeCell ref="X6002:AA6003"/>
    <mergeCell ref="A6004:C6005"/>
    <mergeCell ref="D6004:O6005"/>
    <mergeCell ref="P6004:S6005"/>
    <mergeCell ref="T6004:W6005"/>
    <mergeCell ref="X6004:AA6005"/>
    <mergeCell ref="A6006:C6007"/>
    <mergeCell ref="D6006:O6007"/>
    <mergeCell ref="P6006:S6007"/>
    <mergeCell ref="T6006:W6007"/>
    <mergeCell ref="X6006:AA6007"/>
    <mergeCell ref="A6008:C6009"/>
    <mergeCell ref="D6008:O6009"/>
    <mergeCell ref="P6008:S6009"/>
    <mergeCell ref="T6008:W6009"/>
    <mergeCell ref="X6008:AA6009"/>
    <mergeCell ref="A6010:C6011"/>
    <mergeCell ref="D6010:O6011"/>
    <mergeCell ref="P6010:S6011"/>
    <mergeCell ref="T6010:W6011"/>
    <mergeCell ref="X6010:AA6011"/>
    <mergeCell ref="A6012:C6013"/>
    <mergeCell ref="D6012:O6013"/>
    <mergeCell ref="P6012:S6013"/>
    <mergeCell ref="T6012:W6013"/>
    <mergeCell ref="X6012:AA6013"/>
    <mergeCell ref="A6014:C6015"/>
    <mergeCell ref="D6014:O6015"/>
    <mergeCell ref="P6014:S6015"/>
    <mergeCell ref="T6014:W6015"/>
    <mergeCell ref="X6014:AA6015"/>
    <mergeCell ref="A5988:C5989"/>
    <mergeCell ref="D5988:O5989"/>
    <mergeCell ref="P5988:S5989"/>
    <mergeCell ref="T5988:W5989"/>
    <mergeCell ref="X5988:AA5989"/>
    <mergeCell ref="A5990:C5991"/>
    <mergeCell ref="D5990:O5991"/>
    <mergeCell ref="P5990:S5991"/>
    <mergeCell ref="T5990:W5991"/>
    <mergeCell ref="X5990:AA5991"/>
    <mergeCell ref="A5992:C5993"/>
    <mergeCell ref="D5992:O5993"/>
    <mergeCell ref="P5992:S5993"/>
    <mergeCell ref="T5992:W5993"/>
    <mergeCell ref="X5992:AA5993"/>
    <mergeCell ref="A5994:C5995"/>
    <mergeCell ref="D5994:O5995"/>
    <mergeCell ref="P5994:S5995"/>
    <mergeCell ref="T5994:W5995"/>
    <mergeCell ref="X5994:AA5995"/>
    <mergeCell ref="A5996:C5997"/>
    <mergeCell ref="D5996:O5997"/>
    <mergeCell ref="P5996:S5997"/>
    <mergeCell ref="T5996:W5997"/>
    <mergeCell ref="X5996:AA5997"/>
    <mergeCell ref="A5998:C5999"/>
    <mergeCell ref="D5998:O5999"/>
    <mergeCell ref="P5998:S5999"/>
    <mergeCell ref="T5998:W5999"/>
    <mergeCell ref="X5998:AA5999"/>
    <mergeCell ref="A6000:C6001"/>
    <mergeCell ref="D6000:O6001"/>
    <mergeCell ref="P6000:S6001"/>
    <mergeCell ref="T6000:W6001"/>
    <mergeCell ref="X6000:AA6001"/>
    <mergeCell ref="A5974:C5975"/>
    <mergeCell ref="D5974:O5975"/>
    <mergeCell ref="P5974:S5975"/>
    <mergeCell ref="T5974:W5975"/>
    <mergeCell ref="X5974:AA5975"/>
    <mergeCell ref="A5976:C5977"/>
    <mergeCell ref="D5976:O5977"/>
    <mergeCell ref="P5976:S5977"/>
    <mergeCell ref="T5976:W5977"/>
    <mergeCell ref="X5976:AA5977"/>
    <mergeCell ref="A5978:C5979"/>
    <mergeCell ref="D5978:O5979"/>
    <mergeCell ref="P5978:S5979"/>
    <mergeCell ref="T5978:W5979"/>
    <mergeCell ref="X5978:AA5979"/>
    <mergeCell ref="A5980:C5981"/>
    <mergeCell ref="D5980:O5981"/>
    <mergeCell ref="P5980:S5981"/>
    <mergeCell ref="T5980:W5981"/>
    <mergeCell ref="X5980:AA5981"/>
    <mergeCell ref="A5982:C5983"/>
    <mergeCell ref="D5982:O5983"/>
    <mergeCell ref="P5982:S5983"/>
    <mergeCell ref="T5982:W5983"/>
    <mergeCell ref="X5982:AA5983"/>
    <mergeCell ref="A5984:C5985"/>
    <mergeCell ref="D5984:O5985"/>
    <mergeCell ref="P5984:S5985"/>
    <mergeCell ref="T5984:W5985"/>
    <mergeCell ref="X5984:AA5985"/>
    <mergeCell ref="A5986:C5987"/>
    <mergeCell ref="D5986:O5987"/>
    <mergeCell ref="P5986:S5987"/>
    <mergeCell ref="T5986:W5987"/>
    <mergeCell ref="X5986:AA5987"/>
    <mergeCell ref="A5960:C5961"/>
    <mergeCell ref="D5960:O5961"/>
    <mergeCell ref="P5960:S5961"/>
    <mergeCell ref="T5960:W5961"/>
    <mergeCell ref="X5960:AA5961"/>
    <mergeCell ref="A5962:C5963"/>
    <mergeCell ref="D5962:O5963"/>
    <mergeCell ref="P5962:S5963"/>
    <mergeCell ref="T5962:W5963"/>
    <mergeCell ref="X5962:AA5963"/>
    <mergeCell ref="A5964:C5965"/>
    <mergeCell ref="D5964:O5965"/>
    <mergeCell ref="P5964:S5965"/>
    <mergeCell ref="T5964:W5965"/>
    <mergeCell ref="X5964:AA5965"/>
    <mergeCell ref="A5966:C5967"/>
    <mergeCell ref="D5966:O5967"/>
    <mergeCell ref="P5966:S5967"/>
    <mergeCell ref="T5966:W5967"/>
    <mergeCell ref="X5966:AA5967"/>
    <mergeCell ref="A5968:C5969"/>
    <mergeCell ref="D5968:O5969"/>
    <mergeCell ref="P5968:S5969"/>
    <mergeCell ref="T5968:W5969"/>
    <mergeCell ref="X5968:AA5969"/>
    <mergeCell ref="A5970:C5971"/>
    <mergeCell ref="D5970:O5971"/>
    <mergeCell ref="P5970:S5971"/>
    <mergeCell ref="T5970:W5971"/>
    <mergeCell ref="X5970:AA5971"/>
    <mergeCell ref="A5972:C5973"/>
    <mergeCell ref="D5972:O5973"/>
    <mergeCell ref="P5972:S5973"/>
    <mergeCell ref="T5972:W5973"/>
    <mergeCell ref="X5972:AA5973"/>
    <mergeCell ref="A5946:C5947"/>
    <mergeCell ref="D5946:O5947"/>
    <mergeCell ref="P5946:S5947"/>
    <mergeCell ref="T5946:W5947"/>
    <mergeCell ref="X5946:AA5947"/>
    <mergeCell ref="A5948:C5949"/>
    <mergeCell ref="D5948:O5949"/>
    <mergeCell ref="P5948:S5949"/>
    <mergeCell ref="T5948:W5949"/>
    <mergeCell ref="X5948:AA5949"/>
    <mergeCell ref="A5950:C5951"/>
    <mergeCell ref="D5950:O5951"/>
    <mergeCell ref="P5950:S5951"/>
    <mergeCell ref="T5950:W5951"/>
    <mergeCell ref="X5950:AA5951"/>
    <mergeCell ref="A5952:C5953"/>
    <mergeCell ref="D5952:O5953"/>
    <mergeCell ref="P5952:S5953"/>
    <mergeCell ref="T5952:W5953"/>
    <mergeCell ref="X5952:AA5953"/>
    <mergeCell ref="A5954:C5955"/>
    <mergeCell ref="D5954:O5955"/>
    <mergeCell ref="P5954:S5955"/>
    <mergeCell ref="T5954:W5955"/>
    <mergeCell ref="X5954:AA5955"/>
    <mergeCell ref="A5956:C5957"/>
    <mergeCell ref="D5956:O5957"/>
    <mergeCell ref="P5956:S5957"/>
    <mergeCell ref="T5956:W5957"/>
    <mergeCell ref="X5956:AA5957"/>
    <mergeCell ref="A5958:C5959"/>
    <mergeCell ref="D5958:O5959"/>
    <mergeCell ref="P5958:S5959"/>
    <mergeCell ref="T5958:W5959"/>
    <mergeCell ref="X5958:AA5959"/>
    <mergeCell ref="A5932:C5933"/>
    <mergeCell ref="D5932:O5933"/>
    <mergeCell ref="P5932:S5933"/>
    <mergeCell ref="T5932:W5933"/>
    <mergeCell ref="X5932:AA5933"/>
    <mergeCell ref="A5934:C5935"/>
    <mergeCell ref="D5934:O5935"/>
    <mergeCell ref="P5934:S5935"/>
    <mergeCell ref="T5934:W5935"/>
    <mergeCell ref="X5934:AA5935"/>
    <mergeCell ref="A5936:C5937"/>
    <mergeCell ref="D5936:O5937"/>
    <mergeCell ref="P5936:S5937"/>
    <mergeCell ref="T5936:W5937"/>
    <mergeCell ref="X5936:AA5937"/>
    <mergeCell ref="A5938:C5939"/>
    <mergeCell ref="D5938:O5939"/>
    <mergeCell ref="P5938:S5939"/>
    <mergeCell ref="T5938:W5939"/>
    <mergeCell ref="X5938:AA5939"/>
    <mergeCell ref="A5940:C5941"/>
    <mergeCell ref="D5940:O5941"/>
    <mergeCell ref="P5940:S5941"/>
    <mergeCell ref="T5940:W5941"/>
    <mergeCell ref="X5940:AA5941"/>
    <mergeCell ref="A5942:C5943"/>
    <mergeCell ref="D5942:O5943"/>
    <mergeCell ref="P5942:S5943"/>
    <mergeCell ref="T5942:W5943"/>
    <mergeCell ref="X5942:AA5943"/>
    <mergeCell ref="A5944:C5945"/>
    <mergeCell ref="D5944:O5945"/>
    <mergeCell ref="P5944:S5945"/>
    <mergeCell ref="T5944:W5945"/>
    <mergeCell ref="X5944:AA5945"/>
    <mergeCell ref="A5918:C5919"/>
    <mergeCell ref="D5918:O5919"/>
    <mergeCell ref="P5918:S5919"/>
    <mergeCell ref="T5918:W5919"/>
    <mergeCell ref="X5918:AA5919"/>
    <mergeCell ref="A5920:C5921"/>
    <mergeCell ref="D5920:O5921"/>
    <mergeCell ref="P5920:S5921"/>
    <mergeCell ref="T5920:W5921"/>
    <mergeCell ref="X5920:AA5921"/>
    <mergeCell ref="A5922:C5923"/>
    <mergeCell ref="D5922:O5923"/>
    <mergeCell ref="P5922:S5923"/>
    <mergeCell ref="T5922:W5923"/>
    <mergeCell ref="X5922:AA5923"/>
    <mergeCell ref="A5924:C5925"/>
    <mergeCell ref="D5924:O5925"/>
    <mergeCell ref="P5924:S5925"/>
    <mergeCell ref="T5924:W5925"/>
    <mergeCell ref="X5924:AA5925"/>
    <mergeCell ref="A5926:C5927"/>
    <mergeCell ref="D5926:O5927"/>
    <mergeCell ref="P5926:S5927"/>
    <mergeCell ref="T5926:W5927"/>
    <mergeCell ref="X5926:AA5927"/>
    <mergeCell ref="A5928:C5929"/>
    <mergeCell ref="D5928:O5929"/>
    <mergeCell ref="P5928:S5929"/>
    <mergeCell ref="T5928:W5929"/>
    <mergeCell ref="X5928:AA5929"/>
    <mergeCell ref="A5930:C5931"/>
    <mergeCell ref="D5930:O5931"/>
    <mergeCell ref="P5930:S5931"/>
    <mergeCell ref="T5930:W5931"/>
    <mergeCell ref="X5930:AA5931"/>
    <mergeCell ref="A5904:C5905"/>
    <mergeCell ref="D5904:O5905"/>
    <mergeCell ref="P5904:S5905"/>
    <mergeCell ref="T5904:W5905"/>
    <mergeCell ref="X5904:AA5905"/>
    <mergeCell ref="A5906:C5907"/>
    <mergeCell ref="D5906:O5907"/>
    <mergeCell ref="P5906:S5907"/>
    <mergeCell ref="T5906:W5907"/>
    <mergeCell ref="X5906:AA5907"/>
    <mergeCell ref="A5908:C5909"/>
    <mergeCell ref="D5908:O5909"/>
    <mergeCell ref="P5908:S5909"/>
    <mergeCell ref="T5908:W5909"/>
    <mergeCell ref="X5908:AA5909"/>
    <mergeCell ref="A5910:C5911"/>
    <mergeCell ref="D5910:O5911"/>
    <mergeCell ref="P5910:S5911"/>
    <mergeCell ref="T5910:W5911"/>
    <mergeCell ref="X5910:AA5911"/>
    <mergeCell ref="A5912:C5913"/>
    <mergeCell ref="D5912:O5913"/>
    <mergeCell ref="P5912:S5913"/>
    <mergeCell ref="T5912:W5913"/>
    <mergeCell ref="X5912:AA5913"/>
    <mergeCell ref="A5914:C5915"/>
    <mergeCell ref="D5914:O5915"/>
    <mergeCell ref="P5914:S5915"/>
    <mergeCell ref="T5914:W5915"/>
    <mergeCell ref="X5914:AA5915"/>
    <mergeCell ref="A5916:C5917"/>
    <mergeCell ref="D5916:O5917"/>
    <mergeCell ref="P5916:S5917"/>
    <mergeCell ref="T5916:W5917"/>
    <mergeCell ref="X5916:AA5917"/>
    <mergeCell ref="A5890:C5891"/>
    <mergeCell ref="D5890:O5891"/>
    <mergeCell ref="P5890:S5891"/>
    <mergeCell ref="T5890:W5891"/>
    <mergeCell ref="X5890:AA5891"/>
    <mergeCell ref="A5892:C5893"/>
    <mergeCell ref="D5892:O5893"/>
    <mergeCell ref="P5892:S5893"/>
    <mergeCell ref="T5892:W5893"/>
    <mergeCell ref="X5892:AA5893"/>
    <mergeCell ref="A5894:C5895"/>
    <mergeCell ref="D5894:O5895"/>
    <mergeCell ref="P5894:S5895"/>
    <mergeCell ref="T5894:W5895"/>
    <mergeCell ref="X5894:AA5895"/>
    <mergeCell ref="A5896:C5897"/>
    <mergeCell ref="D5896:O5897"/>
    <mergeCell ref="P5896:S5897"/>
    <mergeCell ref="T5896:W5897"/>
    <mergeCell ref="X5896:AA5897"/>
    <mergeCell ref="A5898:C5899"/>
    <mergeCell ref="D5898:O5899"/>
    <mergeCell ref="P5898:S5899"/>
    <mergeCell ref="T5898:W5899"/>
    <mergeCell ref="X5898:AA5899"/>
    <mergeCell ref="A5900:C5901"/>
    <mergeCell ref="D5900:O5901"/>
    <mergeCell ref="P5900:S5901"/>
    <mergeCell ref="T5900:W5901"/>
    <mergeCell ref="X5900:AA5901"/>
    <mergeCell ref="A5902:C5903"/>
    <mergeCell ref="D5902:O5903"/>
    <mergeCell ref="P5902:S5903"/>
    <mergeCell ref="T5902:W5903"/>
    <mergeCell ref="X5902:AA5903"/>
    <mergeCell ref="A5876:C5877"/>
    <mergeCell ref="D5876:O5877"/>
    <mergeCell ref="P5876:S5877"/>
    <mergeCell ref="T5876:W5877"/>
    <mergeCell ref="X5876:AA5877"/>
    <mergeCell ref="A5878:C5879"/>
    <mergeCell ref="D5878:O5879"/>
    <mergeCell ref="P5878:S5879"/>
    <mergeCell ref="T5878:W5879"/>
    <mergeCell ref="X5878:AA5879"/>
    <mergeCell ref="A5880:C5881"/>
    <mergeCell ref="D5880:O5881"/>
    <mergeCell ref="P5880:S5881"/>
    <mergeCell ref="T5880:W5881"/>
    <mergeCell ref="X5880:AA5881"/>
    <mergeCell ref="A5882:C5883"/>
    <mergeCell ref="D5882:O5883"/>
    <mergeCell ref="P5882:S5883"/>
    <mergeCell ref="T5882:W5883"/>
    <mergeCell ref="X5882:AA5883"/>
    <mergeCell ref="A5884:C5885"/>
    <mergeCell ref="D5884:O5885"/>
    <mergeCell ref="P5884:S5885"/>
    <mergeCell ref="T5884:W5885"/>
    <mergeCell ref="X5884:AA5885"/>
    <mergeCell ref="A5886:C5887"/>
    <mergeCell ref="D5886:O5887"/>
    <mergeCell ref="P5886:S5887"/>
    <mergeCell ref="T5886:W5887"/>
    <mergeCell ref="X5886:AA5887"/>
    <mergeCell ref="A5888:C5889"/>
    <mergeCell ref="D5888:O5889"/>
    <mergeCell ref="P5888:S5889"/>
    <mergeCell ref="T5888:W5889"/>
    <mergeCell ref="X5888:AA5889"/>
    <mergeCell ref="A5862:C5863"/>
    <mergeCell ref="D5862:O5863"/>
    <mergeCell ref="P5862:S5863"/>
    <mergeCell ref="T5862:W5863"/>
    <mergeCell ref="X5862:AA5863"/>
    <mergeCell ref="A5864:C5865"/>
    <mergeCell ref="D5864:O5865"/>
    <mergeCell ref="P5864:S5865"/>
    <mergeCell ref="T5864:W5865"/>
    <mergeCell ref="X5864:AA5865"/>
    <mergeCell ref="A5866:C5867"/>
    <mergeCell ref="D5866:O5867"/>
    <mergeCell ref="P5866:S5867"/>
    <mergeCell ref="T5866:W5867"/>
    <mergeCell ref="X5866:AA5867"/>
    <mergeCell ref="A5868:C5869"/>
    <mergeCell ref="D5868:O5869"/>
    <mergeCell ref="P5868:S5869"/>
    <mergeCell ref="T5868:W5869"/>
    <mergeCell ref="X5868:AA5869"/>
    <mergeCell ref="A5870:C5871"/>
    <mergeCell ref="D5870:O5871"/>
    <mergeCell ref="P5870:S5871"/>
    <mergeCell ref="T5870:W5871"/>
    <mergeCell ref="X5870:AA5871"/>
    <mergeCell ref="A5872:C5873"/>
    <mergeCell ref="D5872:O5873"/>
    <mergeCell ref="P5872:S5873"/>
    <mergeCell ref="T5872:W5873"/>
    <mergeCell ref="X5872:AA5873"/>
    <mergeCell ref="A5874:C5875"/>
    <mergeCell ref="D5874:O5875"/>
    <mergeCell ref="P5874:S5875"/>
    <mergeCell ref="T5874:W5875"/>
    <mergeCell ref="X5874:AA5875"/>
    <mergeCell ref="A5848:C5849"/>
    <mergeCell ref="D5848:O5849"/>
    <mergeCell ref="P5848:S5849"/>
    <mergeCell ref="T5848:W5849"/>
    <mergeCell ref="X5848:AA5849"/>
    <mergeCell ref="A5850:C5851"/>
    <mergeCell ref="D5850:O5851"/>
    <mergeCell ref="P5850:S5851"/>
    <mergeCell ref="T5850:W5851"/>
    <mergeCell ref="X5850:AA5851"/>
    <mergeCell ref="A5852:C5853"/>
    <mergeCell ref="D5852:O5853"/>
    <mergeCell ref="P5852:S5853"/>
    <mergeCell ref="T5852:W5853"/>
    <mergeCell ref="X5852:AA5853"/>
    <mergeCell ref="A5854:C5855"/>
    <mergeCell ref="D5854:O5855"/>
    <mergeCell ref="P5854:S5855"/>
    <mergeCell ref="T5854:W5855"/>
    <mergeCell ref="X5854:AA5855"/>
    <mergeCell ref="A5856:C5857"/>
    <mergeCell ref="D5856:O5857"/>
    <mergeCell ref="P5856:S5857"/>
    <mergeCell ref="T5856:W5857"/>
    <mergeCell ref="X5856:AA5857"/>
    <mergeCell ref="A5858:C5859"/>
    <mergeCell ref="D5858:O5859"/>
    <mergeCell ref="P5858:S5859"/>
    <mergeCell ref="T5858:W5859"/>
    <mergeCell ref="X5858:AA5859"/>
    <mergeCell ref="A5860:C5861"/>
    <mergeCell ref="D5860:O5861"/>
    <mergeCell ref="P5860:S5861"/>
    <mergeCell ref="T5860:W5861"/>
    <mergeCell ref="X5860:AA5861"/>
    <mergeCell ref="A5834:C5835"/>
    <mergeCell ref="D5834:O5835"/>
    <mergeCell ref="P5834:S5835"/>
    <mergeCell ref="T5834:W5835"/>
    <mergeCell ref="X5834:AA5835"/>
    <mergeCell ref="A5836:C5837"/>
    <mergeCell ref="D5836:O5837"/>
    <mergeCell ref="P5836:S5837"/>
    <mergeCell ref="T5836:W5837"/>
    <mergeCell ref="X5836:AA5837"/>
    <mergeCell ref="A5838:C5839"/>
    <mergeCell ref="D5838:O5839"/>
    <mergeCell ref="P5838:S5839"/>
    <mergeCell ref="T5838:W5839"/>
    <mergeCell ref="X5838:AA5839"/>
    <mergeCell ref="A5840:C5841"/>
    <mergeCell ref="D5840:O5841"/>
    <mergeCell ref="P5840:S5841"/>
    <mergeCell ref="T5840:W5841"/>
    <mergeCell ref="X5840:AA5841"/>
    <mergeCell ref="A5842:C5843"/>
    <mergeCell ref="D5842:O5843"/>
    <mergeCell ref="P5842:S5843"/>
    <mergeCell ref="T5842:W5843"/>
    <mergeCell ref="X5842:AA5843"/>
    <mergeCell ref="A5844:C5845"/>
    <mergeCell ref="D5844:O5845"/>
    <mergeCell ref="P5844:S5845"/>
    <mergeCell ref="T5844:W5845"/>
    <mergeCell ref="X5844:AA5845"/>
    <mergeCell ref="A5846:C5847"/>
    <mergeCell ref="D5846:O5847"/>
    <mergeCell ref="P5846:S5847"/>
    <mergeCell ref="T5846:W5847"/>
    <mergeCell ref="X5846:AA5847"/>
    <mergeCell ref="A5820:C5821"/>
    <mergeCell ref="D5820:O5821"/>
    <mergeCell ref="P5820:S5821"/>
    <mergeCell ref="T5820:W5821"/>
    <mergeCell ref="X5820:AA5821"/>
    <mergeCell ref="A5822:C5823"/>
    <mergeCell ref="D5822:O5823"/>
    <mergeCell ref="P5822:S5823"/>
    <mergeCell ref="T5822:W5823"/>
    <mergeCell ref="X5822:AA5823"/>
    <mergeCell ref="A5824:C5825"/>
    <mergeCell ref="D5824:O5825"/>
    <mergeCell ref="P5824:S5825"/>
    <mergeCell ref="T5824:W5825"/>
    <mergeCell ref="X5824:AA5825"/>
    <mergeCell ref="A5826:C5827"/>
    <mergeCell ref="D5826:O5827"/>
    <mergeCell ref="P5826:S5827"/>
    <mergeCell ref="T5826:W5827"/>
    <mergeCell ref="X5826:AA5827"/>
    <mergeCell ref="A5828:C5829"/>
    <mergeCell ref="D5828:O5829"/>
    <mergeCell ref="P5828:S5829"/>
    <mergeCell ref="T5828:W5829"/>
    <mergeCell ref="X5828:AA5829"/>
    <mergeCell ref="A5830:C5831"/>
    <mergeCell ref="D5830:O5831"/>
    <mergeCell ref="P5830:S5831"/>
    <mergeCell ref="T5830:W5831"/>
    <mergeCell ref="X5830:AA5831"/>
    <mergeCell ref="A5832:C5833"/>
    <mergeCell ref="D5832:O5833"/>
    <mergeCell ref="P5832:S5833"/>
    <mergeCell ref="T5832:W5833"/>
    <mergeCell ref="X5832:AA5833"/>
    <mergeCell ref="A5806:C5807"/>
    <mergeCell ref="D5806:O5807"/>
    <mergeCell ref="P5806:S5807"/>
    <mergeCell ref="T5806:W5807"/>
    <mergeCell ref="X5806:AA5807"/>
    <mergeCell ref="A5808:C5809"/>
    <mergeCell ref="D5808:O5809"/>
    <mergeCell ref="P5808:S5809"/>
    <mergeCell ref="T5808:W5809"/>
    <mergeCell ref="X5808:AA5809"/>
    <mergeCell ref="A5810:C5811"/>
    <mergeCell ref="D5810:O5811"/>
    <mergeCell ref="P5810:S5811"/>
    <mergeCell ref="T5810:W5811"/>
    <mergeCell ref="X5810:AA5811"/>
    <mergeCell ref="A5812:C5813"/>
    <mergeCell ref="D5812:O5813"/>
    <mergeCell ref="P5812:S5813"/>
    <mergeCell ref="T5812:W5813"/>
    <mergeCell ref="X5812:AA5813"/>
    <mergeCell ref="A5814:C5815"/>
    <mergeCell ref="D5814:O5815"/>
    <mergeCell ref="P5814:S5815"/>
    <mergeCell ref="T5814:W5815"/>
    <mergeCell ref="X5814:AA5815"/>
    <mergeCell ref="A5816:C5817"/>
    <mergeCell ref="D5816:O5817"/>
    <mergeCell ref="P5816:S5817"/>
    <mergeCell ref="T5816:W5817"/>
    <mergeCell ref="X5816:AA5817"/>
    <mergeCell ref="A5818:C5819"/>
    <mergeCell ref="D5818:O5819"/>
    <mergeCell ref="P5818:S5819"/>
    <mergeCell ref="T5818:W5819"/>
    <mergeCell ref="X5818:AA5819"/>
    <mergeCell ref="A5792:C5793"/>
    <mergeCell ref="D5792:O5793"/>
    <mergeCell ref="P5792:S5793"/>
    <mergeCell ref="T5792:W5793"/>
    <mergeCell ref="X5792:AA5793"/>
    <mergeCell ref="A5794:C5795"/>
    <mergeCell ref="D5794:O5795"/>
    <mergeCell ref="P5794:S5795"/>
    <mergeCell ref="T5794:W5795"/>
    <mergeCell ref="X5794:AA5795"/>
    <mergeCell ref="A5796:C5797"/>
    <mergeCell ref="D5796:O5797"/>
    <mergeCell ref="P5796:S5797"/>
    <mergeCell ref="T5796:W5797"/>
    <mergeCell ref="X5796:AA5797"/>
    <mergeCell ref="A5798:C5799"/>
    <mergeCell ref="D5798:O5799"/>
    <mergeCell ref="P5798:S5799"/>
    <mergeCell ref="T5798:W5799"/>
    <mergeCell ref="X5798:AA5799"/>
    <mergeCell ref="A5800:C5801"/>
    <mergeCell ref="D5800:O5801"/>
    <mergeCell ref="P5800:S5801"/>
    <mergeCell ref="T5800:W5801"/>
    <mergeCell ref="X5800:AA5801"/>
    <mergeCell ref="A5802:C5803"/>
    <mergeCell ref="D5802:O5803"/>
    <mergeCell ref="P5802:S5803"/>
    <mergeCell ref="T5802:W5803"/>
    <mergeCell ref="X5802:AA5803"/>
    <mergeCell ref="A5804:C5805"/>
    <mergeCell ref="D5804:O5805"/>
    <mergeCell ref="P5804:S5805"/>
    <mergeCell ref="T5804:W5805"/>
    <mergeCell ref="X5804:AA5805"/>
    <mergeCell ref="A5778:C5779"/>
    <mergeCell ref="D5778:O5779"/>
    <mergeCell ref="P5778:S5779"/>
    <mergeCell ref="T5778:W5779"/>
    <mergeCell ref="X5778:AA5779"/>
    <mergeCell ref="A5780:C5781"/>
    <mergeCell ref="D5780:O5781"/>
    <mergeCell ref="P5780:S5781"/>
    <mergeCell ref="T5780:W5781"/>
    <mergeCell ref="X5780:AA5781"/>
    <mergeCell ref="A5782:C5783"/>
    <mergeCell ref="D5782:O5783"/>
    <mergeCell ref="P5782:S5783"/>
    <mergeCell ref="T5782:W5783"/>
    <mergeCell ref="X5782:AA5783"/>
    <mergeCell ref="A5784:C5785"/>
    <mergeCell ref="D5784:O5785"/>
    <mergeCell ref="P5784:S5785"/>
    <mergeCell ref="T5784:W5785"/>
    <mergeCell ref="X5784:AA5785"/>
    <mergeCell ref="A5786:C5787"/>
    <mergeCell ref="D5786:O5787"/>
    <mergeCell ref="P5786:S5787"/>
    <mergeCell ref="T5786:W5787"/>
    <mergeCell ref="X5786:AA5787"/>
    <mergeCell ref="A5788:C5789"/>
    <mergeCell ref="D5788:O5789"/>
    <mergeCell ref="P5788:S5789"/>
    <mergeCell ref="T5788:W5789"/>
    <mergeCell ref="X5788:AA5789"/>
    <mergeCell ref="A5790:C5791"/>
    <mergeCell ref="D5790:O5791"/>
    <mergeCell ref="P5790:S5791"/>
    <mergeCell ref="T5790:W5791"/>
    <mergeCell ref="X5790:AA5791"/>
    <mergeCell ref="A5764:C5765"/>
    <mergeCell ref="D5764:O5765"/>
    <mergeCell ref="P5764:S5765"/>
    <mergeCell ref="T5764:W5765"/>
    <mergeCell ref="X5764:AA5765"/>
    <mergeCell ref="A5766:C5767"/>
    <mergeCell ref="D5766:O5767"/>
    <mergeCell ref="P5766:S5767"/>
    <mergeCell ref="T5766:W5767"/>
    <mergeCell ref="X5766:AA5767"/>
    <mergeCell ref="A5768:C5769"/>
    <mergeCell ref="D5768:O5769"/>
    <mergeCell ref="P5768:S5769"/>
    <mergeCell ref="T5768:W5769"/>
    <mergeCell ref="X5768:AA5769"/>
    <mergeCell ref="A5770:C5771"/>
    <mergeCell ref="D5770:O5771"/>
    <mergeCell ref="P5770:S5771"/>
    <mergeCell ref="T5770:W5771"/>
    <mergeCell ref="X5770:AA5771"/>
    <mergeCell ref="A5772:C5773"/>
    <mergeCell ref="D5772:O5773"/>
    <mergeCell ref="P5772:S5773"/>
    <mergeCell ref="T5772:W5773"/>
    <mergeCell ref="X5772:AA5773"/>
    <mergeCell ref="A5774:C5775"/>
    <mergeCell ref="D5774:O5775"/>
    <mergeCell ref="P5774:S5775"/>
    <mergeCell ref="T5774:W5775"/>
    <mergeCell ref="X5774:AA5775"/>
    <mergeCell ref="A5776:C5777"/>
    <mergeCell ref="D5776:O5777"/>
    <mergeCell ref="P5776:S5777"/>
    <mergeCell ref="T5776:W5777"/>
    <mergeCell ref="X5776:AA5777"/>
    <mergeCell ref="A5750:C5751"/>
    <mergeCell ref="D5750:O5751"/>
    <mergeCell ref="P5750:S5751"/>
    <mergeCell ref="T5750:W5751"/>
    <mergeCell ref="X5750:AA5751"/>
    <mergeCell ref="A5752:C5753"/>
    <mergeCell ref="D5752:O5753"/>
    <mergeCell ref="P5752:S5753"/>
    <mergeCell ref="T5752:W5753"/>
    <mergeCell ref="X5752:AA5753"/>
    <mergeCell ref="A5754:C5755"/>
    <mergeCell ref="D5754:O5755"/>
    <mergeCell ref="P5754:S5755"/>
    <mergeCell ref="T5754:W5755"/>
    <mergeCell ref="X5754:AA5755"/>
    <mergeCell ref="A5756:C5757"/>
    <mergeCell ref="D5756:O5757"/>
    <mergeCell ref="P5756:S5757"/>
    <mergeCell ref="T5756:W5757"/>
    <mergeCell ref="X5756:AA5757"/>
    <mergeCell ref="A5758:C5759"/>
    <mergeCell ref="D5758:O5759"/>
    <mergeCell ref="P5758:S5759"/>
    <mergeCell ref="T5758:W5759"/>
    <mergeCell ref="X5758:AA5759"/>
    <mergeCell ref="A5760:C5761"/>
    <mergeCell ref="D5760:O5761"/>
    <mergeCell ref="P5760:S5761"/>
    <mergeCell ref="T5760:W5761"/>
    <mergeCell ref="X5760:AA5761"/>
    <mergeCell ref="A5762:C5763"/>
    <mergeCell ref="D5762:O5763"/>
    <mergeCell ref="P5762:S5763"/>
    <mergeCell ref="T5762:W5763"/>
    <mergeCell ref="X5762:AA5763"/>
    <mergeCell ref="A5736:C5737"/>
    <mergeCell ref="D5736:O5737"/>
    <mergeCell ref="P5736:S5737"/>
    <mergeCell ref="T5736:W5737"/>
    <mergeCell ref="X5736:AA5737"/>
    <mergeCell ref="A5738:C5739"/>
    <mergeCell ref="D5738:O5739"/>
    <mergeCell ref="P5738:S5739"/>
    <mergeCell ref="T5738:W5739"/>
    <mergeCell ref="X5738:AA5739"/>
    <mergeCell ref="A5740:C5741"/>
    <mergeCell ref="D5740:O5741"/>
    <mergeCell ref="P5740:S5741"/>
    <mergeCell ref="T5740:W5741"/>
    <mergeCell ref="X5740:AA5741"/>
    <mergeCell ref="A5742:C5743"/>
    <mergeCell ref="D5742:O5743"/>
    <mergeCell ref="P5742:S5743"/>
    <mergeCell ref="T5742:W5743"/>
    <mergeCell ref="X5742:AA5743"/>
    <mergeCell ref="A5744:C5745"/>
    <mergeCell ref="D5744:O5745"/>
    <mergeCell ref="P5744:S5745"/>
    <mergeCell ref="T5744:W5745"/>
    <mergeCell ref="X5744:AA5745"/>
    <mergeCell ref="A5746:C5747"/>
    <mergeCell ref="D5746:O5747"/>
    <mergeCell ref="P5746:S5747"/>
    <mergeCell ref="T5746:W5747"/>
    <mergeCell ref="X5746:AA5747"/>
    <mergeCell ref="A5748:C5749"/>
    <mergeCell ref="D5748:O5749"/>
    <mergeCell ref="P5748:S5749"/>
    <mergeCell ref="T5748:W5749"/>
    <mergeCell ref="X5748:AA5749"/>
    <mergeCell ref="A5722:C5723"/>
    <mergeCell ref="D5722:O5723"/>
    <mergeCell ref="P5722:S5723"/>
    <mergeCell ref="T5722:W5723"/>
    <mergeCell ref="X5722:AA5723"/>
    <mergeCell ref="A5724:C5725"/>
    <mergeCell ref="D5724:O5725"/>
    <mergeCell ref="P5724:S5725"/>
    <mergeCell ref="T5724:W5725"/>
    <mergeCell ref="X5724:AA5725"/>
    <mergeCell ref="A5726:C5727"/>
    <mergeCell ref="D5726:O5727"/>
    <mergeCell ref="P5726:S5727"/>
    <mergeCell ref="T5726:W5727"/>
    <mergeCell ref="X5726:AA5727"/>
    <mergeCell ref="A5728:C5729"/>
    <mergeCell ref="D5728:O5729"/>
    <mergeCell ref="P5728:S5729"/>
    <mergeCell ref="T5728:W5729"/>
    <mergeCell ref="X5728:AA5729"/>
    <mergeCell ref="A5730:C5731"/>
    <mergeCell ref="D5730:O5731"/>
    <mergeCell ref="P5730:S5731"/>
    <mergeCell ref="T5730:W5731"/>
    <mergeCell ref="X5730:AA5731"/>
    <mergeCell ref="A5732:C5733"/>
    <mergeCell ref="D5732:O5733"/>
    <mergeCell ref="P5732:S5733"/>
    <mergeCell ref="T5732:W5733"/>
    <mergeCell ref="X5732:AA5733"/>
    <mergeCell ref="A5734:C5735"/>
    <mergeCell ref="D5734:O5735"/>
    <mergeCell ref="P5734:S5735"/>
    <mergeCell ref="T5734:W5735"/>
    <mergeCell ref="X5734:AA5735"/>
    <mergeCell ref="A5708:C5709"/>
    <mergeCell ref="D5708:O5709"/>
    <mergeCell ref="P5708:S5709"/>
    <mergeCell ref="T5708:W5709"/>
    <mergeCell ref="X5708:AA5709"/>
    <mergeCell ref="A5710:C5711"/>
    <mergeCell ref="D5710:O5711"/>
    <mergeCell ref="P5710:S5711"/>
    <mergeCell ref="T5710:W5711"/>
    <mergeCell ref="X5710:AA5711"/>
    <mergeCell ref="A5712:C5713"/>
    <mergeCell ref="D5712:O5713"/>
    <mergeCell ref="P5712:S5713"/>
    <mergeCell ref="T5712:W5713"/>
    <mergeCell ref="X5712:AA5713"/>
    <mergeCell ref="A5714:C5715"/>
    <mergeCell ref="D5714:O5715"/>
    <mergeCell ref="P5714:S5715"/>
    <mergeCell ref="T5714:W5715"/>
    <mergeCell ref="X5714:AA5715"/>
    <mergeCell ref="A5716:C5717"/>
    <mergeCell ref="D5716:O5717"/>
    <mergeCell ref="P5716:S5717"/>
    <mergeCell ref="T5716:W5717"/>
    <mergeCell ref="X5716:AA5717"/>
    <mergeCell ref="A5718:C5719"/>
    <mergeCell ref="D5718:O5719"/>
    <mergeCell ref="P5718:S5719"/>
    <mergeCell ref="T5718:W5719"/>
    <mergeCell ref="X5718:AA5719"/>
    <mergeCell ref="A5720:C5721"/>
    <mergeCell ref="D5720:O5721"/>
    <mergeCell ref="P5720:S5721"/>
    <mergeCell ref="T5720:W5721"/>
    <mergeCell ref="X5720:AA5721"/>
    <mergeCell ref="A5694:C5695"/>
    <mergeCell ref="D5694:O5695"/>
    <mergeCell ref="P5694:S5695"/>
    <mergeCell ref="T5694:W5695"/>
    <mergeCell ref="X5694:AA5695"/>
    <mergeCell ref="A5696:C5697"/>
    <mergeCell ref="D5696:O5697"/>
    <mergeCell ref="P5696:S5697"/>
    <mergeCell ref="T5696:W5697"/>
    <mergeCell ref="X5696:AA5697"/>
    <mergeCell ref="A5698:C5699"/>
    <mergeCell ref="D5698:O5699"/>
    <mergeCell ref="P5698:S5699"/>
    <mergeCell ref="T5698:W5699"/>
    <mergeCell ref="X5698:AA5699"/>
    <mergeCell ref="A5700:C5701"/>
    <mergeCell ref="D5700:O5701"/>
    <mergeCell ref="P5700:S5701"/>
    <mergeCell ref="T5700:W5701"/>
    <mergeCell ref="X5700:AA5701"/>
    <mergeCell ref="A5702:C5703"/>
    <mergeCell ref="D5702:O5703"/>
    <mergeCell ref="P5702:S5703"/>
    <mergeCell ref="T5702:W5703"/>
    <mergeCell ref="X5702:AA5703"/>
    <mergeCell ref="A5704:C5705"/>
    <mergeCell ref="D5704:O5705"/>
    <mergeCell ref="P5704:S5705"/>
    <mergeCell ref="T5704:W5705"/>
    <mergeCell ref="X5704:AA5705"/>
    <mergeCell ref="A5706:C5707"/>
    <mergeCell ref="D5706:O5707"/>
    <mergeCell ref="P5706:S5707"/>
    <mergeCell ref="T5706:W5707"/>
    <mergeCell ref="X5706:AA5707"/>
    <mergeCell ref="A5680:C5681"/>
    <mergeCell ref="D5680:O5681"/>
    <mergeCell ref="P5680:S5681"/>
    <mergeCell ref="T5680:W5681"/>
    <mergeCell ref="X5680:AA5681"/>
    <mergeCell ref="A5682:C5683"/>
    <mergeCell ref="D5682:O5683"/>
    <mergeCell ref="P5682:S5683"/>
    <mergeCell ref="T5682:W5683"/>
    <mergeCell ref="X5682:AA5683"/>
    <mergeCell ref="A5684:C5685"/>
    <mergeCell ref="D5684:O5685"/>
    <mergeCell ref="P5684:S5685"/>
    <mergeCell ref="T5684:W5685"/>
    <mergeCell ref="X5684:AA5685"/>
    <mergeCell ref="A5686:C5687"/>
    <mergeCell ref="D5686:O5687"/>
    <mergeCell ref="P5686:S5687"/>
    <mergeCell ref="T5686:W5687"/>
    <mergeCell ref="X5686:AA5687"/>
    <mergeCell ref="A5688:C5689"/>
    <mergeCell ref="D5688:O5689"/>
    <mergeCell ref="P5688:S5689"/>
    <mergeCell ref="T5688:W5689"/>
    <mergeCell ref="X5688:AA5689"/>
    <mergeCell ref="A5690:C5691"/>
    <mergeCell ref="D5690:O5691"/>
    <mergeCell ref="P5690:S5691"/>
    <mergeCell ref="T5690:W5691"/>
    <mergeCell ref="X5690:AA5691"/>
    <mergeCell ref="A5692:C5693"/>
    <mergeCell ref="D5692:O5693"/>
    <mergeCell ref="P5692:S5693"/>
    <mergeCell ref="T5692:W5693"/>
    <mergeCell ref="X5692:AA5693"/>
    <mergeCell ref="A5666:C5667"/>
    <mergeCell ref="D5666:O5667"/>
    <mergeCell ref="P5666:S5667"/>
    <mergeCell ref="T5666:W5667"/>
    <mergeCell ref="X5666:AA5667"/>
    <mergeCell ref="A5668:C5669"/>
    <mergeCell ref="D5668:O5669"/>
    <mergeCell ref="P5668:S5669"/>
    <mergeCell ref="T5668:W5669"/>
    <mergeCell ref="X5668:AA5669"/>
    <mergeCell ref="A5670:C5671"/>
    <mergeCell ref="D5670:O5671"/>
    <mergeCell ref="P5670:S5671"/>
    <mergeCell ref="T5670:W5671"/>
    <mergeCell ref="X5670:AA5671"/>
    <mergeCell ref="A5672:C5673"/>
    <mergeCell ref="D5672:O5673"/>
    <mergeCell ref="P5672:S5673"/>
    <mergeCell ref="T5672:W5673"/>
    <mergeCell ref="X5672:AA5673"/>
    <mergeCell ref="A5674:C5675"/>
    <mergeCell ref="D5674:O5675"/>
    <mergeCell ref="P5674:S5675"/>
    <mergeCell ref="T5674:W5675"/>
    <mergeCell ref="X5674:AA5675"/>
    <mergeCell ref="A5676:C5677"/>
    <mergeCell ref="D5676:O5677"/>
    <mergeCell ref="P5676:S5677"/>
    <mergeCell ref="T5676:W5677"/>
    <mergeCell ref="X5676:AA5677"/>
    <mergeCell ref="A5678:C5679"/>
    <mergeCell ref="D5678:O5679"/>
    <mergeCell ref="P5678:S5679"/>
    <mergeCell ref="T5678:W5679"/>
    <mergeCell ref="X5678:AA5679"/>
    <mergeCell ref="A5648:AA5649"/>
    <mergeCell ref="A5650:C5651"/>
    <mergeCell ref="D5650:O5651"/>
    <mergeCell ref="P5650:S5651"/>
    <mergeCell ref="T5650:W5651"/>
    <mergeCell ref="X5650:AA5651"/>
    <mergeCell ref="A5652:AA5653"/>
    <mergeCell ref="A5654:C5655"/>
    <mergeCell ref="D5654:O5655"/>
    <mergeCell ref="P5654:S5655"/>
    <mergeCell ref="T5654:W5655"/>
    <mergeCell ref="X5654:AA5655"/>
    <mergeCell ref="A5656:C5657"/>
    <mergeCell ref="D5656:O5657"/>
    <mergeCell ref="P5656:S5657"/>
    <mergeCell ref="T5656:W5657"/>
    <mergeCell ref="X5656:AA5657"/>
    <mergeCell ref="A5658:C5659"/>
    <mergeCell ref="D5658:O5659"/>
    <mergeCell ref="P5658:S5659"/>
    <mergeCell ref="T5658:W5659"/>
    <mergeCell ref="X5658:AA5659"/>
    <mergeCell ref="A5660:C5661"/>
    <mergeCell ref="D5660:O5661"/>
    <mergeCell ref="P5660:S5661"/>
    <mergeCell ref="T5660:W5661"/>
    <mergeCell ref="X5660:AA5661"/>
    <mergeCell ref="A5662:C5663"/>
    <mergeCell ref="D5662:O5663"/>
    <mergeCell ref="P5662:S5663"/>
    <mergeCell ref="T5662:W5663"/>
    <mergeCell ref="X5662:AA5663"/>
    <mergeCell ref="A5664:C5665"/>
    <mergeCell ref="D5664:O5665"/>
    <mergeCell ref="P5664:S5665"/>
    <mergeCell ref="T5664:W5665"/>
    <mergeCell ref="X5664:AA5665"/>
    <mergeCell ref="A5634:C5635"/>
    <mergeCell ref="D5634:O5635"/>
    <mergeCell ref="P5634:S5635"/>
    <mergeCell ref="T5634:W5635"/>
    <mergeCell ref="X5634:AA5635"/>
    <mergeCell ref="A5636:C5637"/>
    <mergeCell ref="D5636:O5637"/>
    <mergeCell ref="P5636:S5637"/>
    <mergeCell ref="T5636:W5637"/>
    <mergeCell ref="X5636:AA5637"/>
    <mergeCell ref="A5638:C5639"/>
    <mergeCell ref="D5638:O5639"/>
    <mergeCell ref="P5638:S5639"/>
    <mergeCell ref="T5638:W5639"/>
    <mergeCell ref="X5638:AA5639"/>
    <mergeCell ref="A5640:C5641"/>
    <mergeCell ref="D5640:O5641"/>
    <mergeCell ref="P5640:S5641"/>
    <mergeCell ref="T5640:W5641"/>
    <mergeCell ref="X5640:AA5641"/>
    <mergeCell ref="A5642:C5643"/>
    <mergeCell ref="D5642:O5643"/>
    <mergeCell ref="P5642:S5643"/>
    <mergeCell ref="T5642:W5643"/>
    <mergeCell ref="X5642:AA5643"/>
    <mergeCell ref="A5644:C5645"/>
    <mergeCell ref="D5644:O5645"/>
    <mergeCell ref="P5644:S5645"/>
    <mergeCell ref="T5644:W5645"/>
    <mergeCell ref="X5644:AA5645"/>
    <mergeCell ref="A5646:C5647"/>
    <mergeCell ref="D5646:O5647"/>
    <mergeCell ref="P5646:S5647"/>
    <mergeCell ref="T5646:W5647"/>
    <mergeCell ref="X5646:AA5647"/>
    <mergeCell ref="A5620:C5621"/>
    <mergeCell ref="D5620:O5621"/>
    <mergeCell ref="P5620:S5621"/>
    <mergeCell ref="T5620:W5621"/>
    <mergeCell ref="X5620:AA5621"/>
    <mergeCell ref="A5622:C5623"/>
    <mergeCell ref="D5622:O5623"/>
    <mergeCell ref="P5622:S5623"/>
    <mergeCell ref="T5622:W5623"/>
    <mergeCell ref="X5622:AA5623"/>
    <mergeCell ref="A5624:C5625"/>
    <mergeCell ref="D5624:O5625"/>
    <mergeCell ref="P5624:S5625"/>
    <mergeCell ref="T5624:W5625"/>
    <mergeCell ref="X5624:AA5625"/>
    <mergeCell ref="A5626:C5627"/>
    <mergeCell ref="D5626:O5627"/>
    <mergeCell ref="P5626:S5627"/>
    <mergeCell ref="T5626:W5627"/>
    <mergeCell ref="X5626:AA5627"/>
    <mergeCell ref="A5628:C5629"/>
    <mergeCell ref="D5628:O5629"/>
    <mergeCell ref="P5628:S5629"/>
    <mergeCell ref="T5628:W5629"/>
    <mergeCell ref="X5628:AA5629"/>
    <mergeCell ref="A5630:C5631"/>
    <mergeCell ref="D5630:O5631"/>
    <mergeCell ref="P5630:S5631"/>
    <mergeCell ref="T5630:W5631"/>
    <mergeCell ref="X5630:AA5631"/>
    <mergeCell ref="A5632:C5633"/>
    <mergeCell ref="D5632:O5633"/>
    <mergeCell ref="P5632:S5633"/>
    <mergeCell ref="T5632:W5633"/>
    <mergeCell ref="X5632:AA5633"/>
    <mergeCell ref="A5606:C5607"/>
    <mergeCell ref="D5606:O5607"/>
    <mergeCell ref="P5606:S5607"/>
    <mergeCell ref="T5606:W5607"/>
    <mergeCell ref="X5606:AA5607"/>
    <mergeCell ref="A5608:C5609"/>
    <mergeCell ref="D5608:O5609"/>
    <mergeCell ref="P5608:S5609"/>
    <mergeCell ref="T5608:W5609"/>
    <mergeCell ref="X5608:AA5609"/>
    <mergeCell ref="A5610:C5611"/>
    <mergeCell ref="D5610:O5611"/>
    <mergeCell ref="P5610:S5611"/>
    <mergeCell ref="T5610:W5611"/>
    <mergeCell ref="X5610:AA5611"/>
    <mergeCell ref="A5612:C5613"/>
    <mergeCell ref="D5612:O5613"/>
    <mergeCell ref="P5612:S5613"/>
    <mergeCell ref="T5612:W5613"/>
    <mergeCell ref="X5612:AA5613"/>
    <mergeCell ref="A5614:C5615"/>
    <mergeCell ref="D5614:O5615"/>
    <mergeCell ref="P5614:S5615"/>
    <mergeCell ref="T5614:W5615"/>
    <mergeCell ref="X5614:AA5615"/>
    <mergeCell ref="A5616:C5617"/>
    <mergeCell ref="D5616:O5617"/>
    <mergeCell ref="P5616:S5617"/>
    <mergeCell ref="T5616:W5617"/>
    <mergeCell ref="X5616:AA5617"/>
    <mergeCell ref="A5618:C5619"/>
    <mergeCell ref="D5618:O5619"/>
    <mergeCell ref="P5618:S5619"/>
    <mergeCell ref="T5618:W5619"/>
    <mergeCell ref="X5618:AA5619"/>
    <mergeCell ref="A5592:C5593"/>
    <mergeCell ref="D5592:O5593"/>
    <mergeCell ref="P5592:S5593"/>
    <mergeCell ref="T5592:W5593"/>
    <mergeCell ref="X5592:AA5593"/>
    <mergeCell ref="A5594:C5595"/>
    <mergeCell ref="D5594:O5595"/>
    <mergeCell ref="P5594:S5595"/>
    <mergeCell ref="T5594:W5595"/>
    <mergeCell ref="X5594:AA5595"/>
    <mergeCell ref="A5596:C5597"/>
    <mergeCell ref="D5596:O5597"/>
    <mergeCell ref="P5596:S5597"/>
    <mergeCell ref="T5596:W5597"/>
    <mergeCell ref="X5596:AA5597"/>
    <mergeCell ref="A5598:C5599"/>
    <mergeCell ref="D5598:O5599"/>
    <mergeCell ref="P5598:S5599"/>
    <mergeCell ref="T5598:W5599"/>
    <mergeCell ref="X5598:AA5599"/>
    <mergeCell ref="A5600:C5601"/>
    <mergeCell ref="D5600:O5601"/>
    <mergeCell ref="P5600:S5601"/>
    <mergeCell ref="T5600:W5601"/>
    <mergeCell ref="X5600:AA5601"/>
    <mergeCell ref="A5602:C5603"/>
    <mergeCell ref="D5602:O5603"/>
    <mergeCell ref="P5602:S5603"/>
    <mergeCell ref="T5602:W5603"/>
    <mergeCell ref="X5602:AA5603"/>
    <mergeCell ref="A5604:C5605"/>
    <mergeCell ref="D5604:O5605"/>
    <mergeCell ref="P5604:S5605"/>
    <mergeCell ref="T5604:W5605"/>
    <mergeCell ref="X5604:AA5605"/>
    <mergeCell ref="A5578:C5579"/>
    <mergeCell ref="D5578:O5579"/>
    <mergeCell ref="P5578:S5579"/>
    <mergeCell ref="T5578:W5579"/>
    <mergeCell ref="X5578:AA5579"/>
    <mergeCell ref="A5580:C5581"/>
    <mergeCell ref="D5580:O5581"/>
    <mergeCell ref="P5580:S5581"/>
    <mergeCell ref="T5580:W5581"/>
    <mergeCell ref="X5580:AA5581"/>
    <mergeCell ref="A5582:C5583"/>
    <mergeCell ref="D5582:O5583"/>
    <mergeCell ref="P5582:S5583"/>
    <mergeCell ref="T5582:W5583"/>
    <mergeCell ref="X5582:AA5583"/>
    <mergeCell ref="A5584:C5585"/>
    <mergeCell ref="D5584:O5585"/>
    <mergeCell ref="P5584:S5585"/>
    <mergeCell ref="T5584:W5585"/>
    <mergeCell ref="X5584:AA5585"/>
    <mergeCell ref="A5586:C5587"/>
    <mergeCell ref="D5586:O5587"/>
    <mergeCell ref="P5586:S5587"/>
    <mergeCell ref="T5586:W5587"/>
    <mergeCell ref="X5586:AA5587"/>
    <mergeCell ref="A5588:C5589"/>
    <mergeCell ref="D5588:O5589"/>
    <mergeCell ref="P5588:S5589"/>
    <mergeCell ref="T5588:W5589"/>
    <mergeCell ref="X5588:AA5589"/>
    <mergeCell ref="A5590:C5591"/>
    <mergeCell ref="D5590:O5591"/>
    <mergeCell ref="P5590:S5591"/>
    <mergeCell ref="T5590:W5591"/>
    <mergeCell ref="X5590:AA5591"/>
    <mergeCell ref="A5564:C5565"/>
    <mergeCell ref="D5564:O5565"/>
    <mergeCell ref="P5564:S5565"/>
    <mergeCell ref="T5564:W5565"/>
    <mergeCell ref="X5564:AA5565"/>
    <mergeCell ref="A5566:C5567"/>
    <mergeCell ref="D5566:O5567"/>
    <mergeCell ref="P5566:S5567"/>
    <mergeCell ref="T5566:W5567"/>
    <mergeCell ref="X5566:AA5567"/>
    <mergeCell ref="A5568:C5569"/>
    <mergeCell ref="D5568:O5569"/>
    <mergeCell ref="P5568:S5569"/>
    <mergeCell ref="T5568:W5569"/>
    <mergeCell ref="X5568:AA5569"/>
    <mergeCell ref="A5570:C5571"/>
    <mergeCell ref="D5570:O5571"/>
    <mergeCell ref="P5570:S5571"/>
    <mergeCell ref="T5570:W5571"/>
    <mergeCell ref="X5570:AA5571"/>
    <mergeCell ref="A5572:C5573"/>
    <mergeCell ref="D5572:O5573"/>
    <mergeCell ref="P5572:S5573"/>
    <mergeCell ref="T5572:W5573"/>
    <mergeCell ref="X5572:AA5573"/>
    <mergeCell ref="A5574:C5575"/>
    <mergeCell ref="D5574:O5575"/>
    <mergeCell ref="P5574:S5575"/>
    <mergeCell ref="T5574:W5575"/>
    <mergeCell ref="X5574:AA5575"/>
    <mergeCell ref="A5576:C5577"/>
    <mergeCell ref="D5576:O5577"/>
    <mergeCell ref="P5576:S5577"/>
    <mergeCell ref="T5576:W5577"/>
    <mergeCell ref="X5576:AA5577"/>
    <mergeCell ref="A5548:C5549"/>
    <mergeCell ref="D5548:O5549"/>
    <mergeCell ref="P5548:S5549"/>
    <mergeCell ref="T5548:W5549"/>
    <mergeCell ref="X5548:AA5549"/>
    <mergeCell ref="A5550:C5551"/>
    <mergeCell ref="D5550:O5551"/>
    <mergeCell ref="P5550:S5551"/>
    <mergeCell ref="T5550:W5551"/>
    <mergeCell ref="X5550:AA5551"/>
    <mergeCell ref="A5552:C5553"/>
    <mergeCell ref="D5552:O5553"/>
    <mergeCell ref="P5552:S5553"/>
    <mergeCell ref="T5552:W5553"/>
    <mergeCell ref="X5552:AA5553"/>
    <mergeCell ref="A5554:C5555"/>
    <mergeCell ref="D5554:O5555"/>
    <mergeCell ref="P5554:S5555"/>
    <mergeCell ref="T5554:W5555"/>
    <mergeCell ref="X5554:AA5555"/>
    <mergeCell ref="A5556:C5557"/>
    <mergeCell ref="D5556:O5557"/>
    <mergeCell ref="P5556:S5557"/>
    <mergeCell ref="T5556:W5557"/>
    <mergeCell ref="X5556:AA5557"/>
    <mergeCell ref="A5558:C5559"/>
    <mergeCell ref="D5558:O5559"/>
    <mergeCell ref="P5558:S5559"/>
    <mergeCell ref="T5558:W5559"/>
    <mergeCell ref="X5558:AA5559"/>
    <mergeCell ref="A5560:AA5561"/>
    <mergeCell ref="A5562:C5563"/>
    <mergeCell ref="D5562:O5563"/>
    <mergeCell ref="P5562:S5563"/>
    <mergeCell ref="T5562:W5563"/>
    <mergeCell ref="X5562:AA5563"/>
    <mergeCell ref="A5534:C5535"/>
    <mergeCell ref="D5534:O5535"/>
    <mergeCell ref="P5534:S5535"/>
    <mergeCell ref="T5534:W5535"/>
    <mergeCell ref="X5534:AA5535"/>
    <mergeCell ref="A5536:C5537"/>
    <mergeCell ref="D5536:O5537"/>
    <mergeCell ref="P5536:S5537"/>
    <mergeCell ref="T5536:W5537"/>
    <mergeCell ref="X5536:AA5537"/>
    <mergeCell ref="A5538:C5539"/>
    <mergeCell ref="D5538:O5539"/>
    <mergeCell ref="P5538:S5539"/>
    <mergeCell ref="T5538:W5539"/>
    <mergeCell ref="X5538:AA5539"/>
    <mergeCell ref="A5540:C5541"/>
    <mergeCell ref="D5540:O5541"/>
    <mergeCell ref="P5540:S5541"/>
    <mergeCell ref="T5540:W5541"/>
    <mergeCell ref="X5540:AA5541"/>
    <mergeCell ref="A5542:C5543"/>
    <mergeCell ref="D5542:O5543"/>
    <mergeCell ref="P5542:S5543"/>
    <mergeCell ref="T5542:W5543"/>
    <mergeCell ref="X5542:AA5543"/>
    <mergeCell ref="A5544:C5545"/>
    <mergeCell ref="D5544:O5545"/>
    <mergeCell ref="P5544:S5545"/>
    <mergeCell ref="T5544:W5545"/>
    <mergeCell ref="X5544:AA5545"/>
    <mergeCell ref="A5546:C5547"/>
    <mergeCell ref="D5546:O5547"/>
    <mergeCell ref="P5546:S5547"/>
    <mergeCell ref="T5546:W5547"/>
    <mergeCell ref="X5546:AA5547"/>
    <mergeCell ref="A5520:C5521"/>
    <mergeCell ref="D5520:O5521"/>
    <mergeCell ref="P5520:S5521"/>
    <mergeCell ref="T5520:W5521"/>
    <mergeCell ref="X5520:AA5521"/>
    <mergeCell ref="A5522:C5523"/>
    <mergeCell ref="D5522:O5523"/>
    <mergeCell ref="P5522:S5523"/>
    <mergeCell ref="T5522:W5523"/>
    <mergeCell ref="X5522:AA5523"/>
    <mergeCell ref="A5524:C5525"/>
    <mergeCell ref="D5524:O5525"/>
    <mergeCell ref="P5524:S5525"/>
    <mergeCell ref="T5524:W5525"/>
    <mergeCell ref="X5524:AA5525"/>
    <mergeCell ref="A5526:C5527"/>
    <mergeCell ref="D5526:O5527"/>
    <mergeCell ref="P5526:S5527"/>
    <mergeCell ref="T5526:W5527"/>
    <mergeCell ref="X5526:AA5527"/>
    <mergeCell ref="A5528:C5529"/>
    <mergeCell ref="D5528:O5529"/>
    <mergeCell ref="P5528:S5529"/>
    <mergeCell ref="T5528:W5529"/>
    <mergeCell ref="X5528:AA5529"/>
    <mergeCell ref="A5530:C5531"/>
    <mergeCell ref="D5530:O5531"/>
    <mergeCell ref="P5530:S5531"/>
    <mergeCell ref="T5530:W5531"/>
    <mergeCell ref="X5530:AA5531"/>
    <mergeCell ref="A5532:C5533"/>
    <mergeCell ref="D5532:O5533"/>
    <mergeCell ref="P5532:S5533"/>
    <mergeCell ref="T5532:W5533"/>
    <mergeCell ref="X5532:AA5533"/>
    <mergeCell ref="A5506:C5507"/>
    <mergeCell ref="D5506:O5507"/>
    <mergeCell ref="P5506:S5507"/>
    <mergeCell ref="T5506:W5507"/>
    <mergeCell ref="X5506:AA5507"/>
    <mergeCell ref="A5508:C5509"/>
    <mergeCell ref="D5508:O5509"/>
    <mergeCell ref="P5508:S5509"/>
    <mergeCell ref="T5508:W5509"/>
    <mergeCell ref="X5508:AA5509"/>
    <mergeCell ref="A5510:C5511"/>
    <mergeCell ref="D5510:O5511"/>
    <mergeCell ref="P5510:S5511"/>
    <mergeCell ref="T5510:W5511"/>
    <mergeCell ref="X5510:AA5511"/>
    <mergeCell ref="A5512:C5513"/>
    <mergeCell ref="D5512:O5513"/>
    <mergeCell ref="P5512:S5513"/>
    <mergeCell ref="T5512:W5513"/>
    <mergeCell ref="X5512:AA5513"/>
    <mergeCell ref="A5514:C5515"/>
    <mergeCell ref="D5514:O5515"/>
    <mergeCell ref="P5514:S5515"/>
    <mergeCell ref="T5514:W5515"/>
    <mergeCell ref="X5514:AA5515"/>
    <mergeCell ref="A5516:C5517"/>
    <mergeCell ref="D5516:O5517"/>
    <mergeCell ref="P5516:S5517"/>
    <mergeCell ref="T5516:W5517"/>
    <mergeCell ref="X5516:AA5517"/>
    <mergeCell ref="A5518:C5519"/>
    <mergeCell ref="D5518:O5519"/>
    <mergeCell ref="P5518:S5519"/>
    <mergeCell ref="T5518:W5519"/>
    <mergeCell ref="X5518:AA5519"/>
    <mergeCell ref="A5492:C5493"/>
    <mergeCell ref="D5492:O5493"/>
    <mergeCell ref="P5492:S5493"/>
    <mergeCell ref="T5492:W5493"/>
    <mergeCell ref="X5492:AA5493"/>
    <mergeCell ref="A5494:C5495"/>
    <mergeCell ref="D5494:O5495"/>
    <mergeCell ref="P5494:S5495"/>
    <mergeCell ref="T5494:W5495"/>
    <mergeCell ref="X5494:AA5495"/>
    <mergeCell ref="A5496:C5497"/>
    <mergeCell ref="D5496:O5497"/>
    <mergeCell ref="P5496:S5497"/>
    <mergeCell ref="T5496:W5497"/>
    <mergeCell ref="X5496:AA5497"/>
    <mergeCell ref="A5498:C5499"/>
    <mergeCell ref="D5498:O5499"/>
    <mergeCell ref="P5498:S5499"/>
    <mergeCell ref="T5498:W5499"/>
    <mergeCell ref="X5498:AA5499"/>
    <mergeCell ref="A5500:C5501"/>
    <mergeCell ref="D5500:O5501"/>
    <mergeCell ref="P5500:S5501"/>
    <mergeCell ref="T5500:W5501"/>
    <mergeCell ref="X5500:AA5501"/>
    <mergeCell ref="A5502:C5503"/>
    <mergeCell ref="D5502:O5503"/>
    <mergeCell ref="P5502:S5503"/>
    <mergeCell ref="T5502:W5503"/>
    <mergeCell ref="X5502:AA5503"/>
    <mergeCell ref="A5504:C5505"/>
    <mergeCell ref="D5504:O5505"/>
    <mergeCell ref="P5504:S5505"/>
    <mergeCell ref="T5504:W5505"/>
    <mergeCell ref="X5504:AA5505"/>
    <mergeCell ref="A5476:C5477"/>
    <mergeCell ref="D5476:O5477"/>
    <mergeCell ref="P5476:S5477"/>
    <mergeCell ref="T5476:W5477"/>
    <mergeCell ref="X5476:AA5477"/>
    <mergeCell ref="A5478:C5479"/>
    <mergeCell ref="D5478:O5479"/>
    <mergeCell ref="P5478:S5479"/>
    <mergeCell ref="T5478:W5479"/>
    <mergeCell ref="X5478:AA5479"/>
    <mergeCell ref="A5480:C5481"/>
    <mergeCell ref="D5480:O5481"/>
    <mergeCell ref="P5480:S5481"/>
    <mergeCell ref="T5480:W5481"/>
    <mergeCell ref="X5480:AA5481"/>
    <mergeCell ref="A5482:AA5483"/>
    <mergeCell ref="A5484:C5485"/>
    <mergeCell ref="D5484:O5485"/>
    <mergeCell ref="P5484:S5485"/>
    <mergeCell ref="T5484:W5485"/>
    <mergeCell ref="X5484:AA5485"/>
    <mergeCell ref="A5486:C5487"/>
    <mergeCell ref="D5486:O5487"/>
    <mergeCell ref="P5486:S5487"/>
    <mergeCell ref="T5486:W5487"/>
    <mergeCell ref="X5486:AA5487"/>
    <mergeCell ref="A5488:C5489"/>
    <mergeCell ref="D5488:O5489"/>
    <mergeCell ref="P5488:S5489"/>
    <mergeCell ref="T5488:W5489"/>
    <mergeCell ref="X5488:AA5489"/>
    <mergeCell ref="A5490:C5491"/>
    <mergeCell ref="D5490:O5491"/>
    <mergeCell ref="P5490:S5491"/>
    <mergeCell ref="T5490:W5491"/>
    <mergeCell ref="X5490:AA5491"/>
    <mergeCell ref="A5462:C5463"/>
    <mergeCell ref="D5462:O5463"/>
    <mergeCell ref="P5462:S5463"/>
    <mergeCell ref="T5462:W5463"/>
    <mergeCell ref="X5462:AA5463"/>
    <mergeCell ref="A5464:C5465"/>
    <mergeCell ref="D5464:O5465"/>
    <mergeCell ref="P5464:S5465"/>
    <mergeCell ref="T5464:W5465"/>
    <mergeCell ref="X5464:AA5465"/>
    <mergeCell ref="A5466:C5467"/>
    <mergeCell ref="D5466:O5467"/>
    <mergeCell ref="P5466:S5467"/>
    <mergeCell ref="T5466:W5467"/>
    <mergeCell ref="X5466:AA5467"/>
    <mergeCell ref="A5468:C5469"/>
    <mergeCell ref="D5468:O5469"/>
    <mergeCell ref="P5468:S5469"/>
    <mergeCell ref="T5468:W5469"/>
    <mergeCell ref="X5468:AA5469"/>
    <mergeCell ref="A5470:C5471"/>
    <mergeCell ref="D5470:O5471"/>
    <mergeCell ref="P5470:S5471"/>
    <mergeCell ref="T5470:W5471"/>
    <mergeCell ref="X5470:AA5471"/>
    <mergeCell ref="A5472:C5473"/>
    <mergeCell ref="D5472:O5473"/>
    <mergeCell ref="P5472:S5473"/>
    <mergeCell ref="T5472:W5473"/>
    <mergeCell ref="X5472:AA5473"/>
    <mergeCell ref="A5474:C5475"/>
    <mergeCell ref="D5474:O5475"/>
    <mergeCell ref="P5474:S5475"/>
    <mergeCell ref="T5474:W5475"/>
    <mergeCell ref="X5474:AA5475"/>
    <mergeCell ref="A5448:C5449"/>
    <mergeCell ref="D5448:O5449"/>
    <mergeCell ref="P5448:S5449"/>
    <mergeCell ref="T5448:W5449"/>
    <mergeCell ref="X5448:AA5449"/>
    <mergeCell ref="A5450:C5451"/>
    <mergeCell ref="D5450:O5451"/>
    <mergeCell ref="P5450:S5451"/>
    <mergeCell ref="T5450:W5451"/>
    <mergeCell ref="X5450:AA5451"/>
    <mergeCell ref="A5452:C5453"/>
    <mergeCell ref="D5452:O5453"/>
    <mergeCell ref="P5452:S5453"/>
    <mergeCell ref="T5452:W5453"/>
    <mergeCell ref="X5452:AA5453"/>
    <mergeCell ref="A5454:C5455"/>
    <mergeCell ref="D5454:O5455"/>
    <mergeCell ref="P5454:S5455"/>
    <mergeCell ref="T5454:W5455"/>
    <mergeCell ref="X5454:AA5455"/>
    <mergeCell ref="A5456:C5457"/>
    <mergeCell ref="D5456:O5457"/>
    <mergeCell ref="P5456:S5457"/>
    <mergeCell ref="T5456:W5457"/>
    <mergeCell ref="X5456:AA5457"/>
    <mergeCell ref="A5458:C5459"/>
    <mergeCell ref="D5458:O5459"/>
    <mergeCell ref="P5458:S5459"/>
    <mergeCell ref="T5458:W5459"/>
    <mergeCell ref="X5458:AA5459"/>
    <mergeCell ref="A5460:C5461"/>
    <mergeCell ref="D5460:O5461"/>
    <mergeCell ref="P5460:S5461"/>
    <mergeCell ref="T5460:W5461"/>
    <mergeCell ref="X5460:AA5461"/>
    <mergeCell ref="A5434:C5435"/>
    <mergeCell ref="D5434:O5435"/>
    <mergeCell ref="P5434:S5435"/>
    <mergeCell ref="T5434:W5435"/>
    <mergeCell ref="X5434:AA5435"/>
    <mergeCell ref="A5436:C5437"/>
    <mergeCell ref="D5436:O5437"/>
    <mergeCell ref="P5436:S5437"/>
    <mergeCell ref="T5436:W5437"/>
    <mergeCell ref="X5436:AA5437"/>
    <mergeCell ref="A5438:C5439"/>
    <mergeCell ref="D5438:O5439"/>
    <mergeCell ref="P5438:S5439"/>
    <mergeCell ref="T5438:W5439"/>
    <mergeCell ref="X5438:AA5439"/>
    <mergeCell ref="A5440:C5441"/>
    <mergeCell ref="D5440:O5441"/>
    <mergeCell ref="P5440:S5441"/>
    <mergeCell ref="T5440:W5441"/>
    <mergeCell ref="X5440:AA5441"/>
    <mergeCell ref="A5442:C5443"/>
    <mergeCell ref="D5442:O5443"/>
    <mergeCell ref="P5442:S5443"/>
    <mergeCell ref="T5442:W5443"/>
    <mergeCell ref="X5442:AA5443"/>
    <mergeCell ref="A5444:C5445"/>
    <mergeCell ref="D5444:O5445"/>
    <mergeCell ref="P5444:S5445"/>
    <mergeCell ref="T5444:W5445"/>
    <mergeCell ref="X5444:AA5445"/>
    <mergeCell ref="A5446:C5447"/>
    <mergeCell ref="D5446:O5447"/>
    <mergeCell ref="P5446:S5447"/>
    <mergeCell ref="T5446:W5447"/>
    <mergeCell ref="X5446:AA5447"/>
    <mergeCell ref="A5420:C5421"/>
    <mergeCell ref="D5420:O5421"/>
    <mergeCell ref="P5420:S5421"/>
    <mergeCell ref="T5420:W5421"/>
    <mergeCell ref="X5420:AA5421"/>
    <mergeCell ref="A5422:C5423"/>
    <mergeCell ref="D5422:O5423"/>
    <mergeCell ref="P5422:S5423"/>
    <mergeCell ref="T5422:W5423"/>
    <mergeCell ref="X5422:AA5423"/>
    <mergeCell ref="A5424:C5425"/>
    <mergeCell ref="D5424:O5425"/>
    <mergeCell ref="P5424:S5425"/>
    <mergeCell ref="T5424:W5425"/>
    <mergeCell ref="X5424:AA5425"/>
    <mergeCell ref="A5426:C5427"/>
    <mergeCell ref="D5426:O5427"/>
    <mergeCell ref="P5426:S5427"/>
    <mergeCell ref="T5426:W5427"/>
    <mergeCell ref="X5426:AA5427"/>
    <mergeCell ref="A5428:C5429"/>
    <mergeCell ref="D5428:O5429"/>
    <mergeCell ref="P5428:S5429"/>
    <mergeCell ref="T5428:W5429"/>
    <mergeCell ref="X5428:AA5429"/>
    <mergeCell ref="A5430:C5431"/>
    <mergeCell ref="D5430:O5431"/>
    <mergeCell ref="P5430:S5431"/>
    <mergeCell ref="T5430:W5431"/>
    <mergeCell ref="X5430:AA5431"/>
    <mergeCell ref="A5432:C5433"/>
    <mergeCell ref="D5432:O5433"/>
    <mergeCell ref="P5432:S5433"/>
    <mergeCell ref="T5432:W5433"/>
    <mergeCell ref="X5432:AA5433"/>
    <mergeCell ref="A5406:C5407"/>
    <mergeCell ref="D5406:O5407"/>
    <mergeCell ref="P5406:S5407"/>
    <mergeCell ref="T5406:W5407"/>
    <mergeCell ref="X5406:AA5407"/>
    <mergeCell ref="A5408:C5409"/>
    <mergeCell ref="D5408:O5409"/>
    <mergeCell ref="P5408:S5409"/>
    <mergeCell ref="T5408:W5409"/>
    <mergeCell ref="X5408:AA5409"/>
    <mergeCell ref="A5410:C5411"/>
    <mergeCell ref="D5410:O5411"/>
    <mergeCell ref="P5410:S5411"/>
    <mergeCell ref="T5410:W5411"/>
    <mergeCell ref="X5410:AA5411"/>
    <mergeCell ref="A5412:C5413"/>
    <mergeCell ref="D5412:O5413"/>
    <mergeCell ref="P5412:S5413"/>
    <mergeCell ref="T5412:W5413"/>
    <mergeCell ref="X5412:AA5413"/>
    <mergeCell ref="A5414:C5415"/>
    <mergeCell ref="D5414:O5415"/>
    <mergeCell ref="P5414:S5415"/>
    <mergeCell ref="T5414:W5415"/>
    <mergeCell ref="X5414:AA5415"/>
    <mergeCell ref="A5416:C5417"/>
    <mergeCell ref="D5416:O5417"/>
    <mergeCell ref="P5416:S5417"/>
    <mergeCell ref="T5416:W5417"/>
    <mergeCell ref="X5416:AA5417"/>
    <mergeCell ref="A5418:C5419"/>
    <mergeCell ref="D5418:O5419"/>
    <mergeCell ref="P5418:S5419"/>
    <mergeCell ref="T5418:W5419"/>
    <mergeCell ref="X5418:AA5419"/>
    <mergeCell ref="A5392:C5393"/>
    <mergeCell ref="D5392:O5393"/>
    <mergeCell ref="P5392:S5393"/>
    <mergeCell ref="T5392:W5393"/>
    <mergeCell ref="X5392:AA5393"/>
    <mergeCell ref="A5394:C5395"/>
    <mergeCell ref="D5394:O5395"/>
    <mergeCell ref="P5394:S5395"/>
    <mergeCell ref="T5394:W5395"/>
    <mergeCell ref="X5394:AA5395"/>
    <mergeCell ref="A5396:C5397"/>
    <mergeCell ref="D5396:O5397"/>
    <mergeCell ref="P5396:S5397"/>
    <mergeCell ref="T5396:W5397"/>
    <mergeCell ref="X5396:AA5397"/>
    <mergeCell ref="A5398:C5399"/>
    <mergeCell ref="D5398:O5399"/>
    <mergeCell ref="P5398:S5399"/>
    <mergeCell ref="T5398:W5399"/>
    <mergeCell ref="X5398:AA5399"/>
    <mergeCell ref="A5400:C5401"/>
    <mergeCell ref="D5400:O5401"/>
    <mergeCell ref="P5400:S5401"/>
    <mergeCell ref="T5400:W5401"/>
    <mergeCell ref="X5400:AA5401"/>
    <mergeCell ref="A5402:C5403"/>
    <mergeCell ref="D5402:O5403"/>
    <mergeCell ref="P5402:S5403"/>
    <mergeCell ref="T5402:W5403"/>
    <mergeCell ref="X5402:AA5403"/>
    <mergeCell ref="A5404:C5405"/>
    <mergeCell ref="D5404:O5405"/>
    <mergeCell ref="P5404:S5405"/>
    <mergeCell ref="T5404:W5405"/>
    <mergeCell ref="X5404:AA5405"/>
    <mergeCell ref="A5378:C5379"/>
    <mergeCell ref="D5378:O5379"/>
    <mergeCell ref="P5378:S5379"/>
    <mergeCell ref="T5378:W5379"/>
    <mergeCell ref="X5378:AA5379"/>
    <mergeCell ref="A5380:C5381"/>
    <mergeCell ref="D5380:O5381"/>
    <mergeCell ref="P5380:S5381"/>
    <mergeCell ref="T5380:W5381"/>
    <mergeCell ref="X5380:AA5381"/>
    <mergeCell ref="A5382:C5383"/>
    <mergeCell ref="D5382:O5383"/>
    <mergeCell ref="P5382:S5383"/>
    <mergeCell ref="T5382:W5383"/>
    <mergeCell ref="X5382:AA5383"/>
    <mergeCell ref="A5384:C5385"/>
    <mergeCell ref="D5384:O5385"/>
    <mergeCell ref="P5384:S5385"/>
    <mergeCell ref="T5384:W5385"/>
    <mergeCell ref="X5384:AA5385"/>
    <mergeCell ref="A5386:C5387"/>
    <mergeCell ref="D5386:O5387"/>
    <mergeCell ref="P5386:S5387"/>
    <mergeCell ref="T5386:W5387"/>
    <mergeCell ref="X5386:AA5387"/>
    <mergeCell ref="A5388:C5389"/>
    <mergeCell ref="D5388:O5389"/>
    <mergeCell ref="P5388:S5389"/>
    <mergeCell ref="T5388:W5389"/>
    <mergeCell ref="X5388:AA5389"/>
    <mergeCell ref="A5390:C5391"/>
    <mergeCell ref="D5390:O5391"/>
    <mergeCell ref="P5390:S5391"/>
    <mergeCell ref="T5390:W5391"/>
    <mergeCell ref="X5390:AA5391"/>
    <mergeCell ref="A5364:C5365"/>
    <mergeCell ref="D5364:O5365"/>
    <mergeCell ref="P5364:S5365"/>
    <mergeCell ref="T5364:W5365"/>
    <mergeCell ref="X5364:AA5365"/>
    <mergeCell ref="A5366:C5367"/>
    <mergeCell ref="D5366:O5367"/>
    <mergeCell ref="P5366:S5367"/>
    <mergeCell ref="T5366:W5367"/>
    <mergeCell ref="X5366:AA5367"/>
    <mergeCell ref="A5368:C5369"/>
    <mergeCell ref="D5368:O5369"/>
    <mergeCell ref="P5368:S5369"/>
    <mergeCell ref="T5368:W5369"/>
    <mergeCell ref="X5368:AA5369"/>
    <mergeCell ref="A5370:C5371"/>
    <mergeCell ref="D5370:O5371"/>
    <mergeCell ref="P5370:S5371"/>
    <mergeCell ref="T5370:W5371"/>
    <mergeCell ref="X5370:AA5371"/>
    <mergeCell ref="A5372:C5373"/>
    <mergeCell ref="D5372:O5373"/>
    <mergeCell ref="P5372:S5373"/>
    <mergeCell ref="T5372:W5373"/>
    <mergeCell ref="X5372:AA5373"/>
    <mergeCell ref="A5374:C5375"/>
    <mergeCell ref="D5374:O5375"/>
    <mergeCell ref="P5374:S5375"/>
    <mergeCell ref="T5374:W5375"/>
    <mergeCell ref="X5374:AA5375"/>
    <mergeCell ref="A5376:C5377"/>
    <mergeCell ref="D5376:O5377"/>
    <mergeCell ref="P5376:S5377"/>
    <mergeCell ref="T5376:W5377"/>
    <mergeCell ref="X5376:AA5377"/>
    <mergeCell ref="A5350:C5351"/>
    <mergeCell ref="D5350:O5351"/>
    <mergeCell ref="P5350:S5351"/>
    <mergeCell ref="T5350:W5351"/>
    <mergeCell ref="X5350:AA5351"/>
    <mergeCell ref="A5352:C5353"/>
    <mergeCell ref="D5352:O5353"/>
    <mergeCell ref="P5352:S5353"/>
    <mergeCell ref="T5352:W5353"/>
    <mergeCell ref="X5352:AA5353"/>
    <mergeCell ref="A5354:C5355"/>
    <mergeCell ref="D5354:O5355"/>
    <mergeCell ref="P5354:S5355"/>
    <mergeCell ref="T5354:W5355"/>
    <mergeCell ref="X5354:AA5355"/>
    <mergeCell ref="A5356:C5357"/>
    <mergeCell ref="D5356:O5357"/>
    <mergeCell ref="P5356:S5357"/>
    <mergeCell ref="T5356:W5357"/>
    <mergeCell ref="X5356:AA5357"/>
    <mergeCell ref="A5358:C5359"/>
    <mergeCell ref="D5358:O5359"/>
    <mergeCell ref="P5358:S5359"/>
    <mergeCell ref="T5358:W5359"/>
    <mergeCell ref="X5358:AA5359"/>
    <mergeCell ref="A5360:C5361"/>
    <mergeCell ref="D5360:O5361"/>
    <mergeCell ref="P5360:S5361"/>
    <mergeCell ref="T5360:W5361"/>
    <mergeCell ref="X5360:AA5361"/>
    <mergeCell ref="A5362:C5363"/>
    <mergeCell ref="D5362:O5363"/>
    <mergeCell ref="P5362:S5363"/>
    <mergeCell ref="T5362:W5363"/>
    <mergeCell ref="X5362:AA5363"/>
    <mergeCell ref="A5336:C5337"/>
    <mergeCell ref="D5336:O5337"/>
    <mergeCell ref="P5336:S5337"/>
    <mergeCell ref="T5336:W5337"/>
    <mergeCell ref="X5336:AA5337"/>
    <mergeCell ref="A5338:C5339"/>
    <mergeCell ref="D5338:O5339"/>
    <mergeCell ref="P5338:S5339"/>
    <mergeCell ref="T5338:W5339"/>
    <mergeCell ref="X5338:AA5339"/>
    <mergeCell ref="A5340:C5341"/>
    <mergeCell ref="D5340:O5341"/>
    <mergeCell ref="P5340:S5341"/>
    <mergeCell ref="T5340:W5341"/>
    <mergeCell ref="X5340:AA5341"/>
    <mergeCell ref="A5342:C5343"/>
    <mergeCell ref="D5342:O5343"/>
    <mergeCell ref="P5342:S5343"/>
    <mergeCell ref="T5342:W5343"/>
    <mergeCell ref="X5342:AA5343"/>
    <mergeCell ref="A5344:C5345"/>
    <mergeCell ref="D5344:O5345"/>
    <mergeCell ref="P5344:S5345"/>
    <mergeCell ref="T5344:W5345"/>
    <mergeCell ref="X5344:AA5345"/>
    <mergeCell ref="A5346:C5347"/>
    <mergeCell ref="D5346:O5347"/>
    <mergeCell ref="P5346:S5347"/>
    <mergeCell ref="T5346:W5347"/>
    <mergeCell ref="X5346:AA5347"/>
    <mergeCell ref="A5348:C5349"/>
    <mergeCell ref="D5348:O5349"/>
    <mergeCell ref="P5348:S5349"/>
    <mergeCell ref="T5348:W5349"/>
    <mergeCell ref="X5348:AA5349"/>
    <mergeCell ref="A5322:C5323"/>
    <mergeCell ref="D5322:O5323"/>
    <mergeCell ref="P5322:S5323"/>
    <mergeCell ref="T5322:W5323"/>
    <mergeCell ref="X5322:AA5323"/>
    <mergeCell ref="A5324:C5325"/>
    <mergeCell ref="D5324:O5325"/>
    <mergeCell ref="P5324:S5325"/>
    <mergeCell ref="T5324:W5325"/>
    <mergeCell ref="X5324:AA5325"/>
    <mergeCell ref="A5326:C5327"/>
    <mergeCell ref="D5326:O5327"/>
    <mergeCell ref="P5326:S5327"/>
    <mergeCell ref="T5326:W5327"/>
    <mergeCell ref="X5326:AA5327"/>
    <mergeCell ref="A5328:C5329"/>
    <mergeCell ref="D5328:O5329"/>
    <mergeCell ref="P5328:S5329"/>
    <mergeCell ref="T5328:W5329"/>
    <mergeCell ref="X5328:AA5329"/>
    <mergeCell ref="A5330:C5331"/>
    <mergeCell ref="D5330:O5331"/>
    <mergeCell ref="P5330:S5331"/>
    <mergeCell ref="T5330:W5331"/>
    <mergeCell ref="X5330:AA5331"/>
    <mergeCell ref="A5332:C5333"/>
    <mergeCell ref="D5332:O5333"/>
    <mergeCell ref="P5332:S5333"/>
    <mergeCell ref="T5332:W5333"/>
    <mergeCell ref="X5332:AA5333"/>
    <mergeCell ref="A5334:C5335"/>
    <mergeCell ref="D5334:O5335"/>
    <mergeCell ref="P5334:S5335"/>
    <mergeCell ref="T5334:W5335"/>
    <mergeCell ref="X5334:AA5335"/>
    <mergeCell ref="A5308:C5309"/>
    <mergeCell ref="D5308:O5309"/>
    <mergeCell ref="P5308:S5309"/>
    <mergeCell ref="T5308:W5309"/>
    <mergeCell ref="X5308:AA5309"/>
    <mergeCell ref="A5310:C5311"/>
    <mergeCell ref="D5310:O5311"/>
    <mergeCell ref="P5310:S5311"/>
    <mergeCell ref="T5310:W5311"/>
    <mergeCell ref="X5310:AA5311"/>
    <mergeCell ref="A5312:C5313"/>
    <mergeCell ref="D5312:O5313"/>
    <mergeCell ref="P5312:S5313"/>
    <mergeCell ref="T5312:W5313"/>
    <mergeCell ref="X5312:AA5313"/>
    <mergeCell ref="A5314:C5315"/>
    <mergeCell ref="D5314:O5315"/>
    <mergeCell ref="P5314:S5315"/>
    <mergeCell ref="T5314:W5315"/>
    <mergeCell ref="X5314:AA5315"/>
    <mergeCell ref="A5316:C5317"/>
    <mergeCell ref="D5316:O5317"/>
    <mergeCell ref="P5316:S5317"/>
    <mergeCell ref="T5316:W5317"/>
    <mergeCell ref="X5316:AA5317"/>
    <mergeCell ref="A5318:C5319"/>
    <mergeCell ref="D5318:O5319"/>
    <mergeCell ref="P5318:S5319"/>
    <mergeCell ref="T5318:W5319"/>
    <mergeCell ref="X5318:AA5319"/>
    <mergeCell ref="A5320:C5321"/>
    <mergeCell ref="D5320:O5321"/>
    <mergeCell ref="P5320:S5321"/>
    <mergeCell ref="T5320:W5321"/>
    <mergeCell ref="X5320:AA5321"/>
    <mergeCell ref="A5294:C5295"/>
    <mergeCell ref="D5294:O5295"/>
    <mergeCell ref="P5294:S5295"/>
    <mergeCell ref="T5294:W5295"/>
    <mergeCell ref="X5294:AA5295"/>
    <mergeCell ref="A5296:C5297"/>
    <mergeCell ref="D5296:O5297"/>
    <mergeCell ref="P5296:S5297"/>
    <mergeCell ref="T5296:W5297"/>
    <mergeCell ref="X5296:AA5297"/>
    <mergeCell ref="A5298:C5299"/>
    <mergeCell ref="D5298:O5299"/>
    <mergeCell ref="P5298:S5299"/>
    <mergeCell ref="T5298:W5299"/>
    <mergeCell ref="X5298:AA5299"/>
    <mergeCell ref="A5300:C5301"/>
    <mergeCell ref="D5300:O5301"/>
    <mergeCell ref="P5300:S5301"/>
    <mergeCell ref="T5300:W5301"/>
    <mergeCell ref="X5300:AA5301"/>
    <mergeCell ref="A5302:C5303"/>
    <mergeCell ref="D5302:O5303"/>
    <mergeCell ref="P5302:S5303"/>
    <mergeCell ref="T5302:W5303"/>
    <mergeCell ref="X5302:AA5303"/>
    <mergeCell ref="A5304:C5305"/>
    <mergeCell ref="D5304:O5305"/>
    <mergeCell ref="P5304:S5305"/>
    <mergeCell ref="T5304:W5305"/>
    <mergeCell ref="X5304:AA5305"/>
    <mergeCell ref="A5306:C5307"/>
    <mergeCell ref="D5306:O5307"/>
    <mergeCell ref="P5306:S5307"/>
    <mergeCell ref="T5306:W5307"/>
    <mergeCell ref="X5306:AA5307"/>
    <mergeCell ref="A5280:C5281"/>
    <mergeCell ref="D5280:O5281"/>
    <mergeCell ref="P5280:S5281"/>
    <mergeCell ref="T5280:W5281"/>
    <mergeCell ref="X5280:AA5281"/>
    <mergeCell ref="A5282:C5283"/>
    <mergeCell ref="D5282:O5283"/>
    <mergeCell ref="P5282:S5283"/>
    <mergeCell ref="T5282:W5283"/>
    <mergeCell ref="X5282:AA5283"/>
    <mergeCell ref="A5284:C5285"/>
    <mergeCell ref="D5284:O5285"/>
    <mergeCell ref="P5284:S5285"/>
    <mergeCell ref="T5284:W5285"/>
    <mergeCell ref="X5284:AA5285"/>
    <mergeCell ref="A5286:C5287"/>
    <mergeCell ref="D5286:O5287"/>
    <mergeCell ref="P5286:S5287"/>
    <mergeCell ref="T5286:W5287"/>
    <mergeCell ref="X5286:AA5287"/>
    <mergeCell ref="A5288:C5289"/>
    <mergeCell ref="D5288:O5289"/>
    <mergeCell ref="P5288:S5289"/>
    <mergeCell ref="T5288:W5289"/>
    <mergeCell ref="X5288:AA5289"/>
    <mergeCell ref="A5290:C5291"/>
    <mergeCell ref="D5290:O5291"/>
    <mergeCell ref="P5290:S5291"/>
    <mergeCell ref="T5290:W5291"/>
    <mergeCell ref="X5290:AA5291"/>
    <mergeCell ref="A5292:C5293"/>
    <mergeCell ref="D5292:O5293"/>
    <mergeCell ref="P5292:S5293"/>
    <mergeCell ref="T5292:W5293"/>
    <mergeCell ref="X5292:AA5293"/>
    <mergeCell ref="A5266:C5267"/>
    <mergeCell ref="D5266:O5267"/>
    <mergeCell ref="P5266:S5267"/>
    <mergeCell ref="T5266:W5267"/>
    <mergeCell ref="X5266:AA5267"/>
    <mergeCell ref="A5268:C5269"/>
    <mergeCell ref="D5268:O5269"/>
    <mergeCell ref="P5268:S5269"/>
    <mergeCell ref="T5268:W5269"/>
    <mergeCell ref="X5268:AA5269"/>
    <mergeCell ref="A5270:C5271"/>
    <mergeCell ref="D5270:O5271"/>
    <mergeCell ref="P5270:S5271"/>
    <mergeCell ref="T5270:W5271"/>
    <mergeCell ref="X5270:AA5271"/>
    <mergeCell ref="A5272:C5273"/>
    <mergeCell ref="D5272:O5273"/>
    <mergeCell ref="P5272:S5273"/>
    <mergeCell ref="T5272:W5273"/>
    <mergeCell ref="X5272:AA5273"/>
    <mergeCell ref="A5274:C5275"/>
    <mergeCell ref="D5274:O5275"/>
    <mergeCell ref="P5274:S5275"/>
    <mergeCell ref="T5274:W5275"/>
    <mergeCell ref="X5274:AA5275"/>
    <mergeCell ref="A5276:C5277"/>
    <mergeCell ref="D5276:O5277"/>
    <mergeCell ref="P5276:S5277"/>
    <mergeCell ref="T5276:W5277"/>
    <mergeCell ref="X5276:AA5277"/>
    <mergeCell ref="A5278:C5279"/>
    <mergeCell ref="D5278:O5279"/>
    <mergeCell ref="P5278:S5279"/>
    <mergeCell ref="T5278:W5279"/>
    <mergeCell ref="X5278:AA5279"/>
    <mergeCell ref="A5252:C5253"/>
    <mergeCell ref="D5252:O5253"/>
    <mergeCell ref="P5252:S5253"/>
    <mergeCell ref="T5252:W5253"/>
    <mergeCell ref="X5252:AA5253"/>
    <mergeCell ref="A5254:C5255"/>
    <mergeCell ref="D5254:O5255"/>
    <mergeCell ref="P5254:S5255"/>
    <mergeCell ref="T5254:W5255"/>
    <mergeCell ref="X5254:AA5255"/>
    <mergeCell ref="A5256:C5257"/>
    <mergeCell ref="D5256:O5257"/>
    <mergeCell ref="P5256:S5257"/>
    <mergeCell ref="T5256:W5257"/>
    <mergeCell ref="X5256:AA5257"/>
    <mergeCell ref="A5258:C5259"/>
    <mergeCell ref="D5258:O5259"/>
    <mergeCell ref="P5258:S5259"/>
    <mergeCell ref="T5258:W5259"/>
    <mergeCell ref="X5258:AA5259"/>
    <mergeCell ref="A5260:C5261"/>
    <mergeCell ref="D5260:O5261"/>
    <mergeCell ref="P5260:S5261"/>
    <mergeCell ref="T5260:W5261"/>
    <mergeCell ref="X5260:AA5261"/>
    <mergeCell ref="A5262:C5263"/>
    <mergeCell ref="D5262:O5263"/>
    <mergeCell ref="P5262:S5263"/>
    <mergeCell ref="T5262:W5263"/>
    <mergeCell ref="X5262:AA5263"/>
    <mergeCell ref="A5264:C5265"/>
    <mergeCell ref="D5264:O5265"/>
    <mergeCell ref="P5264:S5265"/>
    <mergeCell ref="T5264:W5265"/>
    <mergeCell ref="X5264:AA5265"/>
    <mergeCell ref="A5238:C5239"/>
    <mergeCell ref="D5238:O5239"/>
    <mergeCell ref="P5238:S5239"/>
    <mergeCell ref="T5238:W5239"/>
    <mergeCell ref="X5238:AA5239"/>
    <mergeCell ref="A5240:C5241"/>
    <mergeCell ref="D5240:O5241"/>
    <mergeCell ref="P5240:S5241"/>
    <mergeCell ref="T5240:W5241"/>
    <mergeCell ref="X5240:AA5241"/>
    <mergeCell ref="A5242:C5243"/>
    <mergeCell ref="D5242:O5243"/>
    <mergeCell ref="P5242:S5243"/>
    <mergeCell ref="T5242:W5243"/>
    <mergeCell ref="X5242:AA5243"/>
    <mergeCell ref="A5244:C5245"/>
    <mergeCell ref="D5244:O5245"/>
    <mergeCell ref="P5244:S5245"/>
    <mergeCell ref="T5244:W5245"/>
    <mergeCell ref="X5244:AA5245"/>
    <mergeCell ref="A5246:C5247"/>
    <mergeCell ref="D5246:O5247"/>
    <mergeCell ref="P5246:S5247"/>
    <mergeCell ref="T5246:W5247"/>
    <mergeCell ref="X5246:AA5247"/>
    <mergeCell ref="A5248:C5249"/>
    <mergeCell ref="D5248:O5249"/>
    <mergeCell ref="P5248:S5249"/>
    <mergeCell ref="T5248:W5249"/>
    <mergeCell ref="X5248:AA5249"/>
    <mergeCell ref="A5250:C5251"/>
    <mergeCell ref="D5250:O5251"/>
    <mergeCell ref="P5250:S5251"/>
    <mergeCell ref="T5250:W5251"/>
    <mergeCell ref="X5250:AA5251"/>
    <mergeCell ref="A5224:C5225"/>
    <mergeCell ref="D5224:O5225"/>
    <mergeCell ref="P5224:S5225"/>
    <mergeCell ref="T5224:W5225"/>
    <mergeCell ref="X5224:AA5225"/>
    <mergeCell ref="A5226:C5227"/>
    <mergeCell ref="D5226:O5227"/>
    <mergeCell ref="P5226:S5227"/>
    <mergeCell ref="T5226:W5227"/>
    <mergeCell ref="X5226:AA5227"/>
    <mergeCell ref="A5228:C5229"/>
    <mergeCell ref="D5228:O5229"/>
    <mergeCell ref="P5228:S5229"/>
    <mergeCell ref="T5228:W5229"/>
    <mergeCell ref="X5228:AA5229"/>
    <mergeCell ref="A5230:C5231"/>
    <mergeCell ref="D5230:O5231"/>
    <mergeCell ref="P5230:S5231"/>
    <mergeCell ref="T5230:W5231"/>
    <mergeCell ref="X5230:AA5231"/>
    <mergeCell ref="A5232:C5233"/>
    <mergeCell ref="D5232:O5233"/>
    <mergeCell ref="P5232:S5233"/>
    <mergeCell ref="T5232:W5233"/>
    <mergeCell ref="X5232:AA5233"/>
    <mergeCell ref="A5234:C5235"/>
    <mergeCell ref="D5234:O5235"/>
    <mergeCell ref="P5234:S5235"/>
    <mergeCell ref="T5234:W5235"/>
    <mergeCell ref="X5234:AA5235"/>
    <mergeCell ref="A5236:C5237"/>
    <mergeCell ref="D5236:O5237"/>
    <mergeCell ref="P5236:S5237"/>
    <mergeCell ref="T5236:W5237"/>
    <mergeCell ref="X5236:AA5237"/>
    <mergeCell ref="A5210:C5211"/>
    <mergeCell ref="D5210:O5211"/>
    <mergeCell ref="P5210:S5211"/>
    <mergeCell ref="T5210:W5211"/>
    <mergeCell ref="X5210:AA5211"/>
    <mergeCell ref="A5212:C5213"/>
    <mergeCell ref="D5212:O5213"/>
    <mergeCell ref="P5212:S5213"/>
    <mergeCell ref="T5212:W5213"/>
    <mergeCell ref="X5212:AA5213"/>
    <mergeCell ref="A5214:C5215"/>
    <mergeCell ref="D5214:O5215"/>
    <mergeCell ref="P5214:S5215"/>
    <mergeCell ref="T5214:W5215"/>
    <mergeCell ref="X5214:AA5215"/>
    <mergeCell ref="A5216:C5217"/>
    <mergeCell ref="D5216:O5217"/>
    <mergeCell ref="P5216:S5217"/>
    <mergeCell ref="T5216:W5217"/>
    <mergeCell ref="X5216:AA5217"/>
    <mergeCell ref="A5218:C5219"/>
    <mergeCell ref="D5218:O5219"/>
    <mergeCell ref="P5218:S5219"/>
    <mergeCell ref="T5218:W5219"/>
    <mergeCell ref="X5218:AA5219"/>
    <mergeCell ref="A5220:C5221"/>
    <mergeCell ref="D5220:O5221"/>
    <mergeCell ref="P5220:S5221"/>
    <mergeCell ref="T5220:W5221"/>
    <mergeCell ref="X5220:AA5221"/>
    <mergeCell ref="A5222:C5223"/>
    <mergeCell ref="D5222:O5223"/>
    <mergeCell ref="P5222:S5223"/>
    <mergeCell ref="T5222:W5223"/>
    <mergeCell ref="X5222:AA5223"/>
    <mergeCell ref="A5196:C5197"/>
    <mergeCell ref="D5196:O5197"/>
    <mergeCell ref="P5196:S5197"/>
    <mergeCell ref="T5196:W5197"/>
    <mergeCell ref="X5196:AA5197"/>
    <mergeCell ref="A5198:C5199"/>
    <mergeCell ref="D5198:O5199"/>
    <mergeCell ref="P5198:S5199"/>
    <mergeCell ref="T5198:W5199"/>
    <mergeCell ref="X5198:AA5199"/>
    <mergeCell ref="A5200:C5201"/>
    <mergeCell ref="D5200:O5201"/>
    <mergeCell ref="P5200:S5201"/>
    <mergeCell ref="T5200:W5201"/>
    <mergeCell ref="X5200:AA5201"/>
    <mergeCell ref="A5202:C5203"/>
    <mergeCell ref="D5202:O5203"/>
    <mergeCell ref="P5202:S5203"/>
    <mergeCell ref="T5202:W5203"/>
    <mergeCell ref="X5202:AA5203"/>
    <mergeCell ref="A5204:C5205"/>
    <mergeCell ref="D5204:O5205"/>
    <mergeCell ref="P5204:S5205"/>
    <mergeCell ref="T5204:W5205"/>
    <mergeCell ref="X5204:AA5205"/>
    <mergeCell ref="A5206:C5207"/>
    <mergeCell ref="D5206:O5207"/>
    <mergeCell ref="P5206:S5207"/>
    <mergeCell ref="T5206:W5207"/>
    <mergeCell ref="X5206:AA5207"/>
    <mergeCell ref="A5208:C5209"/>
    <mergeCell ref="D5208:O5209"/>
    <mergeCell ref="P5208:S5209"/>
    <mergeCell ref="T5208:W5209"/>
    <mergeCell ref="X5208:AA5209"/>
    <mergeCell ref="A5182:C5183"/>
    <mergeCell ref="D5182:O5183"/>
    <mergeCell ref="P5182:S5183"/>
    <mergeCell ref="T5182:W5183"/>
    <mergeCell ref="X5182:AA5183"/>
    <mergeCell ref="A5184:C5185"/>
    <mergeCell ref="D5184:O5185"/>
    <mergeCell ref="P5184:S5185"/>
    <mergeCell ref="T5184:W5185"/>
    <mergeCell ref="X5184:AA5185"/>
    <mergeCell ref="A5186:C5187"/>
    <mergeCell ref="D5186:O5187"/>
    <mergeCell ref="P5186:S5187"/>
    <mergeCell ref="T5186:W5187"/>
    <mergeCell ref="X5186:AA5187"/>
    <mergeCell ref="A5188:C5189"/>
    <mergeCell ref="D5188:O5189"/>
    <mergeCell ref="P5188:S5189"/>
    <mergeCell ref="T5188:W5189"/>
    <mergeCell ref="X5188:AA5189"/>
    <mergeCell ref="A5190:C5191"/>
    <mergeCell ref="D5190:O5191"/>
    <mergeCell ref="P5190:S5191"/>
    <mergeCell ref="T5190:W5191"/>
    <mergeCell ref="X5190:AA5191"/>
    <mergeCell ref="A5192:C5193"/>
    <mergeCell ref="D5192:O5193"/>
    <mergeCell ref="P5192:S5193"/>
    <mergeCell ref="T5192:W5193"/>
    <mergeCell ref="X5192:AA5193"/>
    <mergeCell ref="A5194:C5195"/>
    <mergeCell ref="D5194:O5195"/>
    <mergeCell ref="P5194:S5195"/>
    <mergeCell ref="T5194:W5195"/>
    <mergeCell ref="X5194:AA5195"/>
    <mergeCell ref="A5168:C5169"/>
    <mergeCell ref="D5168:O5169"/>
    <mergeCell ref="P5168:S5169"/>
    <mergeCell ref="T5168:W5169"/>
    <mergeCell ref="X5168:AA5169"/>
    <mergeCell ref="A5170:C5171"/>
    <mergeCell ref="D5170:O5171"/>
    <mergeCell ref="P5170:S5171"/>
    <mergeCell ref="T5170:W5171"/>
    <mergeCell ref="X5170:AA5171"/>
    <mergeCell ref="A5172:C5173"/>
    <mergeCell ref="D5172:O5173"/>
    <mergeCell ref="P5172:S5173"/>
    <mergeCell ref="T5172:W5173"/>
    <mergeCell ref="X5172:AA5173"/>
    <mergeCell ref="A5174:C5175"/>
    <mergeCell ref="D5174:O5175"/>
    <mergeCell ref="P5174:S5175"/>
    <mergeCell ref="T5174:W5175"/>
    <mergeCell ref="X5174:AA5175"/>
    <mergeCell ref="A5176:C5177"/>
    <mergeCell ref="D5176:O5177"/>
    <mergeCell ref="P5176:S5177"/>
    <mergeCell ref="T5176:W5177"/>
    <mergeCell ref="X5176:AA5177"/>
    <mergeCell ref="A5178:C5179"/>
    <mergeCell ref="D5178:O5179"/>
    <mergeCell ref="P5178:S5179"/>
    <mergeCell ref="T5178:W5179"/>
    <mergeCell ref="X5178:AA5179"/>
    <mergeCell ref="A5180:C5181"/>
    <mergeCell ref="D5180:O5181"/>
    <mergeCell ref="P5180:S5181"/>
    <mergeCell ref="T5180:W5181"/>
    <mergeCell ref="X5180:AA5181"/>
    <mergeCell ref="A5154:C5155"/>
    <mergeCell ref="D5154:O5155"/>
    <mergeCell ref="P5154:S5155"/>
    <mergeCell ref="T5154:W5155"/>
    <mergeCell ref="X5154:AA5155"/>
    <mergeCell ref="A5156:C5157"/>
    <mergeCell ref="D5156:O5157"/>
    <mergeCell ref="P5156:S5157"/>
    <mergeCell ref="T5156:W5157"/>
    <mergeCell ref="X5156:AA5157"/>
    <mergeCell ref="A5158:C5159"/>
    <mergeCell ref="D5158:O5159"/>
    <mergeCell ref="P5158:S5159"/>
    <mergeCell ref="T5158:W5159"/>
    <mergeCell ref="X5158:AA5159"/>
    <mergeCell ref="A5160:C5161"/>
    <mergeCell ref="D5160:O5161"/>
    <mergeCell ref="P5160:S5161"/>
    <mergeCell ref="T5160:W5161"/>
    <mergeCell ref="X5160:AA5161"/>
    <mergeCell ref="A5162:C5163"/>
    <mergeCell ref="D5162:O5163"/>
    <mergeCell ref="P5162:S5163"/>
    <mergeCell ref="T5162:W5163"/>
    <mergeCell ref="X5162:AA5163"/>
    <mergeCell ref="A5164:C5165"/>
    <mergeCell ref="D5164:O5165"/>
    <mergeCell ref="P5164:S5165"/>
    <mergeCell ref="T5164:W5165"/>
    <mergeCell ref="X5164:AA5165"/>
    <mergeCell ref="A5166:C5167"/>
    <mergeCell ref="D5166:O5167"/>
    <mergeCell ref="P5166:S5167"/>
    <mergeCell ref="T5166:W5167"/>
    <mergeCell ref="X5166:AA5167"/>
    <mergeCell ref="A5140:C5141"/>
    <mergeCell ref="D5140:O5141"/>
    <mergeCell ref="P5140:S5141"/>
    <mergeCell ref="T5140:W5141"/>
    <mergeCell ref="X5140:AA5141"/>
    <mergeCell ref="A5142:C5143"/>
    <mergeCell ref="D5142:O5143"/>
    <mergeCell ref="P5142:S5143"/>
    <mergeCell ref="T5142:W5143"/>
    <mergeCell ref="X5142:AA5143"/>
    <mergeCell ref="A5144:C5145"/>
    <mergeCell ref="D5144:O5145"/>
    <mergeCell ref="P5144:S5145"/>
    <mergeCell ref="T5144:W5145"/>
    <mergeCell ref="X5144:AA5145"/>
    <mergeCell ref="A5146:C5147"/>
    <mergeCell ref="D5146:O5147"/>
    <mergeCell ref="P5146:S5147"/>
    <mergeCell ref="T5146:W5147"/>
    <mergeCell ref="X5146:AA5147"/>
    <mergeCell ref="A5148:C5149"/>
    <mergeCell ref="D5148:O5149"/>
    <mergeCell ref="P5148:S5149"/>
    <mergeCell ref="T5148:W5149"/>
    <mergeCell ref="X5148:AA5149"/>
    <mergeCell ref="A5150:C5151"/>
    <mergeCell ref="D5150:O5151"/>
    <mergeCell ref="P5150:S5151"/>
    <mergeCell ref="T5150:W5151"/>
    <mergeCell ref="X5150:AA5151"/>
    <mergeCell ref="A5152:C5153"/>
    <mergeCell ref="D5152:O5153"/>
    <mergeCell ref="P5152:S5153"/>
    <mergeCell ref="T5152:W5153"/>
    <mergeCell ref="X5152:AA5153"/>
    <mergeCell ref="A5126:C5127"/>
    <mergeCell ref="D5126:O5127"/>
    <mergeCell ref="P5126:S5127"/>
    <mergeCell ref="T5126:W5127"/>
    <mergeCell ref="X5126:AA5127"/>
    <mergeCell ref="A5128:C5129"/>
    <mergeCell ref="D5128:O5129"/>
    <mergeCell ref="P5128:S5129"/>
    <mergeCell ref="T5128:W5129"/>
    <mergeCell ref="X5128:AA5129"/>
    <mergeCell ref="A5130:C5131"/>
    <mergeCell ref="D5130:O5131"/>
    <mergeCell ref="P5130:S5131"/>
    <mergeCell ref="T5130:W5131"/>
    <mergeCell ref="X5130:AA5131"/>
    <mergeCell ref="A5132:C5133"/>
    <mergeCell ref="D5132:O5133"/>
    <mergeCell ref="P5132:S5133"/>
    <mergeCell ref="T5132:W5133"/>
    <mergeCell ref="X5132:AA5133"/>
    <mergeCell ref="A5134:C5135"/>
    <mergeCell ref="D5134:O5135"/>
    <mergeCell ref="P5134:S5135"/>
    <mergeCell ref="T5134:W5135"/>
    <mergeCell ref="X5134:AA5135"/>
    <mergeCell ref="A5136:C5137"/>
    <mergeCell ref="D5136:O5137"/>
    <mergeCell ref="P5136:S5137"/>
    <mergeCell ref="T5136:W5137"/>
    <mergeCell ref="X5136:AA5137"/>
    <mergeCell ref="A5138:C5139"/>
    <mergeCell ref="D5138:O5139"/>
    <mergeCell ref="P5138:S5139"/>
    <mergeCell ref="T5138:W5139"/>
    <mergeCell ref="X5138:AA5139"/>
    <mergeCell ref="A5112:C5113"/>
    <mergeCell ref="D5112:O5113"/>
    <mergeCell ref="P5112:S5113"/>
    <mergeCell ref="T5112:W5113"/>
    <mergeCell ref="X5112:AA5113"/>
    <mergeCell ref="A5114:C5115"/>
    <mergeCell ref="D5114:O5115"/>
    <mergeCell ref="P5114:S5115"/>
    <mergeCell ref="T5114:W5115"/>
    <mergeCell ref="X5114:AA5115"/>
    <mergeCell ref="A5116:C5117"/>
    <mergeCell ref="D5116:O5117"/>
    <mergeCell ref="P5116:S5117"/>
    <mergeCell ref="T5116:W5117"/>
    <mergeCell ref="X5116:AA5117"/>
    <mergeCell ref="A5118:C5119"/>
    <mergeCell ref="D5118:O5119"/>
    <mergeCell ref="P5118:S5119"/>
    <mergeCell ref="T5118:W5119"/>
    <mergeCell ref="X5118:AA5119"/>
    <mergeCell ref="A5120:C5121"/>
    <mergeCell ref="D5120:O5121"/>
    <mergeCell ref="P5120:S5121"/>
    <mergeCell ref="T5120:W5121"/>
    <mergeCell ref="X5120:AA5121"/>
    <mergeCell ref="A5122:C5123"/>
    <mergeCell ref="D5122:O5123"/>
    <mergeCell ref="P5122:S5123"/>
    <mergeCell ref="T5122:W5123"/>
    <mergeCell ref="X5122:AA5123"/>
    <mergeCell ref="A5124:C5125"/>
    <mergeCell ref="D5124:O5125"/>
    <mergeCell ref="P5124:S5125"/>
    <mergeCell ref="T5124:W5125"/>
    <mergeCell ref="X5124:AA5125"/>
    <mergeCell ref="A5098:C5099"/>
    <mergeCell ref="D5098:O5099"/>
    <mergeCell ref="P5098:S5099"/>
    <mergeCell ref="T5098:W5099"/>
    <mergeCell ref="X5098:AA5099"/>
    <mergeCell ref="A5100:C5101"/>
    <mergeCell ref="D5100:O5101"/>
    <mergeCell ref="P5100:S5101"/>
    <mergeCell ref="T5100:W5101"/>
    <mergeCell ref="X5100:AA5101"/>
    <mergeCell ref="A5102:C5103"/>
    <mergeCell ref="D5102:O5103"/>
    <mergeCell ref="P5102:S5103"/>
    <mergeCell ref="T5102:W5103"/>
    <mergeCell ref="X5102:AA5103"/>
    <mergeCell ref="A5104:C5105"/>
    <mergeCell ref="D5104:O5105"/>
    <mergeCell ref="P5104:S5105"/>
    <mergeCell ref="T5104:W5105"/>
    <mergeCell ref="X5104:AA5105"/>
    <mergeCell ref="A5106:C5107"/>
    <mergeCell ref="D5106:O5107"/>
    <mergeCell ref="P5106:S5107"/>
    <mergeCell ref="T5106:W5107"/>
    <mergeCell ref="X5106:AA5107"/>
    <mergeCell ref="A5108:C5109"/>
    <mergeCell ref="D5108:O5109"/>
    <mergeCell ref="P5108:S5109"/>
    <mergeCell ref="T5108:W5109"/>
    <mergeCell ref="X5108:AA5109"/>
    <mergeCell ref="A5110:C5111"/>
    <mergeCell ref="D5110:O5111"/>
    <mergeCell ref="P5110:S5111"/>
    <mergeCell ref="T5110:W5111"/>
    <mergeCell ref="X5110:AA5111"/>
    <mergeCell ref="A5084:C5085"/>
    <mergeCell ref="D5084:O5085"/>
    <mergeCell ref="P5084:S5085"/>
    <mergeCell ref="T5084:W5085"/>
    <mergeCell ref="X5084:AA5085"/>
    <mergeCell ref="A5086:C5087"/>
    <mergeCell ref="D5086:O5087"/>
    <mergeCell ref="P5086:S5087"/>
    <mergeCell ref="T5086:W5087"/>
    <mergeCell ref="X5086:AA5087"/>
    <mergeCell ref="A5088:C5089"/>
    <mergeCell ref="D5088:O5089"/>
    <mergeCell ref="P5088:S5089"/>
    <mergeCell ref="T5088:W5089"/>
    <mergeCell ref="X5088:AA5089"/>
    <mergeCell ref="A5090:C5091"/>
    <mergeCell ref="D5090:O5091"/>
    <mergeCell ref="P5090:S5091"/>
    <mergeCell ref="T5090:W5091"/>
    <mergeCell ref="X5090:AA5091"/>
    <mergeCell ref="A5092:C5093"/>
    <mergeCell ref="D5092:O5093"/>
    <mergeCell ref="P5092:S5093"/>
    <mergeCell ref="T5092:W5093"/>
    <mergeCell ref="X5092:AA5093"/>
    <mergeCell ref="A5094:C5095"/>
    <mergeCell ref="D5094:O5095"/>
    <mergeCell ref="P5094:S5095"/>
    <mergeCell ref="T5094:W5095"/>
    <mergeCell ref="X5094:AA5095"/>
    <mergeCell ref="A5096:C5097"/>
    <mergeCell ref="D5096:O5097"/>
    <mergeCell ref="P5096:S5097"/>
    <mergeCell ref="T5096:W5097"/>
    <mergeCell ref="X5096:AA5097"/>
    <mergeCell ref="A5070:C5071"/>
    <mergeCell ref="D5070:O5071"/>
    <mergeCell ref="P5070:S5071"/>
    <mergeCell ref="T5070:W5071"/>
    <mergeCell ref="X5070:AA5071"/>
    <mergeCell ref="A5072:C5073"/>
    <mergeCell ref="D5072:O5073"/>
    <mergeCell ref="P5072:S5073"/>
    <mergeCell ref="T5072:W5073"/>
    <mergeCell ref="X5072:AA5073"/>
    <mergeCell ref="A5074:C5075"/>
    <mergeCell ref="D5074:O5075"/>
    <mergeCell ref="P5074:S5075"/>
    <mergeCell ref="T5074:W5075"/>
    <mergeCell ref="X5074:AA5075"/>
    <mergeCell ref="A5076:C5077"/>
    <mergeCell ref="D5076:O5077"/>
    <mergeCell ref="P5076:S5077"/>
    <mergeCell ref="T5076:W5077"/>
    <mergeCell ref="X5076:AA5077"/>
    <mergeCell ref="A5078:C5079"/>
    <mergeCell ref="D5078:O5079"/>
    <mergeCell ref="P5078:S5079"/>
    <mergeCell ref="T5078:W5079"/>
    <mergeCell ref="X5078:AA5079"/>
    <mergeCell ref="A5080:C5081"/>
    <mergeCell ref="D5080:O5081"/>
    <mergeCell ref="P5080:S5081"/>
    <mergeCell ref="T5080:W5081"/>
    <mergeCell ref="X5080:AA5081"/>
    <mergeCell ref="A5082:C5083"/>
    <mergeCell ref="D5082:O5083"/>
    <mergeCell ref="P5082:S5083"/>
    <mergeCell ref="T5082:W5083"/>
    <mergeCell ref="X5082:AA5083"/>
    <mergeCell ref="A5056:C5057"/>
    <mergeCell ref="D5056:O5057"/>
    <mergeCell ref="P5056:S5057"/>
    <mergeCell ref="T5056:W5057"/>
    <mergeCell ref="X5056:AA5057"/>
    <mergeCell ref="A5058:C5059"/>
    <mergeCell ref="D5058:O5059"/>
    <mergeCell ref="P5058:S5059"/>
    <mergeCell ref="T5058:W5059"/>
    <mergeCell ref="X5058:AA5059"/>
    <mergeCell ref="A5060:C5061"/>
    <mergeCell ref="D5060:O5061"/>
    <mergeCell ref="P5060:S5061"/>
    <mergeCell ref="T5060:W5061"/>
    <mergeCell ref="X5060:AA5061"/>
    <mergeCell ref="A5062:C5063"/>
    <mergeCell ref="D5062:O5063"/>
    <mergeCell ref="P5062:S5063"/>
    <mergeCell ref="T5062:W5063"/>
    <mergeCell ref="X5062:AA5063"/>
    <mergeCell ref="A5064:C5065"/>
    <mergeCell ref="D5064:O5065"/>
    <mergeCell ref="P5064:S5065"/>
    <mergeCell ref="T5064:W5065"/>
    <mergeCell ref="X5064:AA5065"/>
    <mergeCell ref="A5066:C5067"/>
    <mergeCell ref="D5066:O5067"/>
    <mergeCell ref="P5066:S5067"/>
    <mergeCell ref="T5066:W5067"/>
    <mergeCell ref="X5066:AA5067"/>
    <mergeCell ref="A5068:C5069"/>
    <mergeCell ref="D5068:O5069"/>
    <mergeCell ref="P5068:S5069"/>
    <mergeCell ref="T5068:W5069"/>
    <mergeCell ref="X5068:AA5069"/>
    <mergeCell ref="A5042:C5043"/>
    <mergeCell ref="D5042:O5043"/>
    <mergeCell ref="P5042:S5043"/>
    <mergeCell ref="T5042:W5043"/>
    <mergeCell ref="X5042:AA5043"/>
    <mergeCell ref="A5044:C5045"/>
    <mergeCell ref="D5044:O5045"/>
    <mergeCell ref="P5044:S5045"/>
    <mergeCell ref="T5044:W5045"/>
    <mergeCell ref="X5044:AA5045"/>
    <mergeCell ref="A5046:C5047"/>
    <mergeCell ref="D5046:O5047"/>
    <mergeCell ref="P5046:S5047"/>
    <mergeCell ref="T5046:W5047"/>
    <mergeCell ref="X5046:AA5047"/>
    <mergeCell ref="A5048:C5049"/>
    <mergeCell ref="D5048:O5049"/>
    <mergeCell ref="P5048:S5049"/>
    <mergeCell ref="T5048:W5049"/>
    <mergeCell ref="X5048:AA5049"/>
    <mergeCell ref="A5050:C5051"/>
    <mergeCell ref="D5050:O5051"/>
    <mergeCell ref="P5050:S5051"/>
    <mergeCell ref="T5050:W5051"/>
    <mergeCell ref="X5050:AA5051"/>
    <mergeCell ref="A5052:C5053"/>
    <mergeCell ref="D5052:O5053"/>
    <mergeCell ref="P5052:S5053"/>
    <mergeCell ref="T5052:W5053"/>
    <mergeCell ref="X5052:AA5053"/>
    <mergeCell ref="A5054:C5055"/>
    <mergeCell ref="D5054:O5055"/>
    <mergeCell ref="P5054:S5055"/>
    <mergeCell ref="T5054:W5055"/>
    <mergeCell ref="X5054:AA5055"/>
    <mergeCell ref="A5028:C5029"/>
    <mergeCell ref="D5028:O5029"/>
    <mergeCell ref="P5028:S5029"/>
    <mergeCell ref="T5028:W5029"/>
    <mergeCell ref="X5028:AA5029"/>
    <mergeCell ref="A5030:C5031"/>
    <mergeCell ref="D5030:O5031"/>
    <mergeCell ref="P5030:S5031"/>
    <mergeCell ref="T5030:W5031"/>
    <mergeCell ref="X5030:AA5031"/>
    <mergeCell ref="A5032:C5033"/>
    <mergeCell ref="D5032:O5033"/>
    <mergeCell ref="P5032:S5033"/>
    <mergeCell ref="T5032:W5033"/>
    <mergeCell ref="X5032:AA5033"/>
    <mergeCell ref="A5034:C5035"/>
    <mergeCell ref="D5034:O5035"/>
    <mergeCell ref="P5034:S5035"/>
    <mergeCell ref="T5034:W5035"/>
    <mergeCell ref="X5034:AA5035"/>
    <mergeCell ref="A5036:C5037"/>
    <mergeCell ref="D5036:O5037"/>
    <mergeCell ref="P5036:S5037"/>
    <mergeCell ref="T5036:W5037"/>
    <mergeCell ref="X5036:AA5037"/>
    <mergeCell ref="A5038:C5039"/>
    <mergeCell ref="D5038:O5039"/>
    <mergeCell ref="P5038:S5039"/>
    <mergeCell ref="T5038:W5039"/>
    <mergeCell ref="X5038:AA5039"/>
    <mergeCell ref="A5040:C5041"/>
    <mergeCell ref="D5040:O5041"/>
    <mergeCell ref="P5040:S5041"/>
    <mergeCell ref="T5040:W5041"/>
    <mergeCell ref="X5040:AA5041"/>
    <mergeCell ref="A5014:C5015"/>
    <mergeCell ref="D5014:O5015"/>
    <mergeCell ref="P5014:S5015"/>
    <mergeCell ref="T5014:W5015"/>
    <mergeCell ref="X5014:AA5015"/>
    <mergeCell ref="A5016:C5017"/>
    <mergeCell ref="D5016:O5017"/>
    <mergeCell ref="P5016:S5017"/>
    <mergeCell ref="T5016:W5017"/>
    <mergeCell ref="X5016:AA5017"/>
    <mergeCell ref="A5018:C5019"/>
    <mergeCell ref="D5018:O5019"/>
    <mergeCell ref="P5018:S5019"/>
    <mergeCell ref="T5018:W5019"/>
    <mergeCell ref="X5018:AA5019"/>
    <mergeCell ref="A5020:C5021"/>
    <mergeCell ref="D5020:O5021"/>
    <mergeCell ref="P5020:S5021"/>
    <mergeCell ref="T5020:W5021"/>
    <mergeCell ref="X5020:AA5021"/>
    <mergeCell ref="A5022:C5023"/>
    <mergeCell ref="D5022:O5023"/>
    <mergeCell ref="P5022:S5023"/>
    <mergeCell ref="T5022:W5023"/>
    <mergeCell ref="X5022:AA5023"/>
    <mergeCell ref="A5024:C5025"/>
    <mergeCell ref="D5024:O5025"/>
    <mergeCell ref="P5024:S5025"/>
    <mergeCell ref="T5024:W5025"/>
    <mergeCell ref="X5024:AA5025"/>
    <mergeCell ref="A5026:C5027"/>
    <mergeCell ref="D5026:O5027"/>
    <mergeCell ref="P5026:S5027"/>
    <mergeCell ref="T5026:W5027"/>
    <mergeCell ref="X5026:AA5027"/>
    <mergeCell ref="A5000:C5001"/>
    <mergeCell ref="D5000:O5001"/>
    <mergeCell ref="P5000:S5001"/>
    <mergeCell ref="T5000:W5001"/>
    <mergeCell ref="X5000:AA5001"/>
    <mergeCell ref="A5002:C5003"/>
    <mergeCell ref="D5002:O5003"/>
    <mergeCell ref="P5002:S5003"/>
    <mergeCell ref="T5002:W5003"/>
    <mergeCell ref="X5002:AA5003"/>
    <mergeCell ref="A5004:C5005"/>
    <mergeCell ref="D5004:O5005"/>
    <mergeCell ref="P5004:S5005"/>
    <mergeCell ref="T5004:W5005"/>
    <mergeCell ref="X5004:AA5005"/>
    <mergeCell ref="A5006:C5007"/>
    <mergeCell ref="D5006:O5007"/>
    <mergeCell ref="P5006:S5007"/>
    <mergeCell ref="T5006:W5007"/>
    <mergeCell ref="X5006:AA5007"/>
    <mergeCell ref="A5008:C5009"/>
    <mergeCell ref="D5008:O5009"/>
    <mergeCell ref="P5008:S5009"/>
    <mergeCell ref="T5008:W5009"/>
    <mergeCell ref="X5008:AA5009"/>
    <mergeCell ref="A5010:C5011"/>
    <mergeCell ref="D5010:O5011"/>
    <mergeCell ref="P5010:S5011"/>
    <mergeCell ref="T5010:W5011"/>
    <mergeCell ref="X5010:AA5011"/>
    <mergeCell ref="A5012:C5013"/>
    <mergeCell ref="D5012:O5013"/>
    <mergeCell ref="P5012:S5013"/>
    <mergeCell ref="T5012:W5013"/>
    <mergeCell ref="X5012:AA5013"/>
    <mergeCell ref="A4986:C4987"/>
    <mergeCell ref="D4986:O4987"/>
    <mergeCell ref="P4986:S4987"/>
    <mergeCell ref="T4986:W4987"/>
    <mergeCell ref="X4986:AA4987"/>
    <mergeCell ref="A4988:C4989"/>
    <mergeCell ref="D4988:O4989"/>
    <mergeCell ref="P4988:S4989"/>
    <mergeCell ref="T4988:W4989"/>
    <mergeCell ref="X4988:AA4989"/>
    <mergeCell ref="A4990:C4991"/>
    <mergeCell ref="D4990:O4991"/>
    <mergeCell ref="P4990:S4991"/>
    <mergeCell ref="T4990:W4991"/>
    <mergeCell ref="X4990:AA4991"/>
    <mergeCell ref="A4992:C4993"/>
    <mergeCell ref="D4992:O4993"/>
    <mergeCell ref="P4992:S4993"/>
    <mergeCell ref="T4992:W4993"/>
    <mergeCell ref="X4992:AA4993"/>
    <mergeCell ref="A4994:C4995"/>
    <mergeCell ref="D4994:O4995"/>
    <mergeCell ref="P4994:S4995"/>
    <mergeCell ref="T4994:W4995"/>
    <mergeCell ref="X4994:AA4995"/>
    <mergeCell ref="A4996:C4997"/>
    <mergeCell ref="D4996:O4997"/>
    <mergeCell ref="P4996:S4997"/>
    <mergeCell ref="T4996:W4997"/>
    <mergeCell ref="X4996:AA4997"/>
    <mergeCell ref="A4998:C4999"/>
    <mergeCell ref="D4998:O4999"/>
    <mergeCell ref="P4998:S4999"/>
    <mergeCell ref="T4998:W4999"/>
    <mergeCell ref="X4998:AA4999"/>
    <mergeCell ref="A4972:C4973"/>
    <mergeCell ref="D4972:O4973"/>
    <mergeCell ref="P4972:S4973"/>
    <mergeCell ref="T4972:W4973"/>
    <mergeCell ref="X4972:AA4973"/>
    <mergeCell ref="A4974:C4975"/>
    <mergeCell ref="D4974:O4975"/>
    <mergeCell ref="P4974:S4975"/>
    <mergeCell ref="T4974:W4975"/>
    <mergeCell ref="X4974:AA4975"/>
    <mergeCell ref="A4976:C4977"/>
    <mergeCell ref="D4976:O4977"/>
    <mergeCell ref="P4976:S4977"/>
    <mergeCell ref="T4976:W4977"/>
    <mergeCell ref="X4976:AA4977"/>
    <mergeCell ref="A4978:C4979"/>
    <mergeCell ref="D4978:O4979"/>
    <mergeCell ref="P4978:S4979"/>
    <mergeCell ref="T4978:W4979"/>
    <mergeCell ref="X4978:AA4979"/>
    <mergeCell ref="A4980:C4981"/>
    <mergeCell ref="D4980:O4981"/>
    <mergeCell ref="P4980:S4981"/>
    <mergeCell ref="T4980:W4981"/>
    <mergeCell ref="X4980:AA4981"/>
    <mergeCell ref="A4982:C4983"/>
    <mergeCell ref="D4982:O4983"/>
    <mergeCell ref="P4982:S4983"/>
    <mergeCell ref="T4982:W4983"/>
    <mergeCell ref="X4982:AA4983"/>
    <mergeCell ref="A4984:C4985"/>
    <mergeCell ref="D4984:O4985"/>
    <mergeCell ref="P4984:S4985"/>
    <mergeCell ref="T4984:W4985"/>
    <mergeCell ref="X4984:AA4985"/>
    <mergeCell ref="A4958:C4959"/>
    <mergeCell ref="D4958:O4959"/>
    <mergeCell ref="P4958:S4959"/>
    <mergeCell ref="T4958:W4959"/>
    <mergeCell ref="X4958:AA4959"/>
    <mergeCell ref="A4960:C4961"/>
    <mergeCell ref="D4960:O4961"/>
    <mergeCell ref="P4960:S4961"/>
    <mergeCell ref="T4960:W4961"/>
    <mergeCell ref="X4960:AA4961"/>
    <mergeCell ref="A4962:C4963"/>
    <mergeCell ref="D4962:O4963"/>
    <mergeCell ref="P4962:S4963"/>
    <mergeCell ref="T4962:W4963"/>
    <mergeCell ref="X4962:AA4963"/>
    <mergeCell ref="A4964:C4965"/>
    <mergeCell ref="D4964:O4965"/>
    <mergeCell ref="P4964:S4965"/>
    <mergeCell ref="T4964:W4965"/>
    <mergeCell ref="X4964:AA4965"/>
    <mergeCell ref="A4966:C4967"/>
    <mergeCell ref="D4966:O4967"/>
    <mergeCell ref="P4966:S4967"/>
    <mergeCell ref="T4966:W4967"/>
    <mergeCell ref="X4966:AA4967"/>
    <mergeCell ref="A4968:C4969"/>
    <mergeCell ref="D4968:O4969"/>
    <mergeCell ref="P4968:S4969"/>
    <mergeCell ref="T4968:W4969"/>
    <mergeCell ref="X4968:AA4969"/>
    <mergeCell ref="A4970:C4971"/>
    <mergeCell ref="D4970:O4971"/>
    <mergeCell ref="P4970:S4971"/>
    <mergeCell ref="T4970:W4971"/>
    <mergeCell ref="X4970:AA4971"/>
    <mergeCell ref="A4944:C4945"/>
    <mergeCell ref="D4944:O4945"/>
    <mergeCell ref="P4944:S4945"/>
    <mergeCell ref="T4944:W4945"/>
    <mergeCell ref="X4944:AA4945"/>
    <mergeCell ref="A4946:C4947"/>
    <mergeCell ref="D4946:O4947"/>
    <mergeCell ref="P4946:S4947"/>
    <mergeCell ref="T4946:W4947"/>
    <mergeCell ref="X4946:AA4947"/>
    <mergeCell ref="A4948:C4949"/>
    <mergeCell ref="D4948:O4949"/>
    <mergeCell ref="P4948:S4949"/>
    <mergeCell ref="T4948:W4949"/>
    <mergeCell ref="X4948:AA4949"/>
    <mergeCell ref="A4950:C4951"/>
    <mergeCell ref="D4950:O4951"/>
    <mergeCell ref="P4950:S4951"/>
    <mergeCell ref="T4950:W4951"/>
    <mergeCell ref="X4950:AA4951"/>
    <mergeCell ref="A4952:C4953"/>
    <mergeCell ref="D4952:O4953"/>
    <mergeCell ref="P4952:S4953"/>
    <mergeCell ref="T4952:W4953"/>
    <mergeCell ref="X4952:AA4953"/>
    <mergeCell ref="A4954:C4955"/>
    <mergeCell ref="D4954:O4955"/>
    <mergeCell ref="P4954:S4955"/>
    <mergeCell ref="T4954:W4955"/>
    <mergeCell ref="X4954:AA4955"/>
    <mergeCell ref="A4956:C4957"/>
    <mergeCell ref="D4956:O4957"/>
    <mergeCell ref="P4956:S4957"/>
    <mergeCell ref="T4956:W4957"/>
    <mergeCell ref="X4956:AA4957"/>
    <mergeCell ref="A4926:C4927"/>
    <mergeCell ref="D4926:O4927"/>
    <mergeCell ref="P4926:S4927"/>
    <mergeCell ref="T4926:W4927"/>
    <mergeCell ref="X4926:AA4927"/>
    <mergeCell ref="A4928:AA4929"/>
    <mergeCell ref="A4930:C4931"/>
    <mergeCell ref="D4930:O4931"/>
    <mergeCell ref="P4930:S4931"/>
    <mergeCell ref="T4930:W4931"/>
    <mergeCell ref="X4930:AA4931"/>
    <mergeCell ref="A4932:C4933"/>
    <mergeCell ref="D4932:O4933"/>
    <mergeCell ref="P4932:S4933"/>
    <mergeCell ref="T4932:W4933"/>
    <mergeCell ref="X4932:AA4933"/>
    <mergeCell ref="A4934:C4935"/>
    <mergeCell ref="D4934:O4935"/>
    <mergeCell ref="P4934:S4935"/>
    <mergeCell ref="T4934:W4935"/>
    <mergeCell ref="X4934:AA4935"/>
    <mergeCell ref="A4936:C4937"/>
    <mergeCell ref="D4936:O4937"/>
    <mergeCell ref="P4936:S4937"/>
    <mergeCell ref="T4936:W4937"/>
    <mergeCell ref="X4936:AA4937"/>
    <mergeCell ref="A4938:C4939"/>
    <mergeCell ref="D4938:O4939"/>
    <mergeCell ref="P4938:S4939"/>
    <mergeCell ref="T4938:W4939"/>
    <mergeCell ref="X4938:AA4939"/>
    <mergeCell ref="A4940:AA4941"/>
    <mergeCell ref="A4942:C4943"/>
    <mergeCell ref="D4942:O4943"/>
    <mergeCell ref="P4942:S4943"/>
    <mergeCell ref="T4942:W4943"/>
    <mergeCell ref="X4942:AA4943"/>
    <mergeCell ref="A4912:C4913"/>
    <mergeCell ref="D4912:O4913"/>
    <mergeCell ref="P4912:S4913"/>
    <mergeCell ref="T4912:W4913"/>
    <mergeCell ref="X4912:AA4913"/>
    <mergeCell ref="A4914:C4915"/>
    <mergeCell ref="D4914:O4915"/>
    <mergeCell ref="P4914:S4915"/>
    <mergeCell ref="T4914:W4915"/>
    <mergeCell ref="X4914:AA4915"/>
    <mergeCell ref="A4916:C4917"/>
    <mergeCell ref="D4916:O4917"/>
    <mergeCell ref="P4916:S4917"/>
    <mergeCell ref="T4916:W4917"/>
    <mergeCell ref="X4916:AA4917"/>
    <mergeCell ref="A4918:C4919"/>
    <mergeCell ref="D4918:O4919"/>
    <mergeCell ref="P4918:S4919"/>
    <mergeCell ref="T4918:W4919"/>
    <mergeCell ref="X4918:AA4919"/>
    <mergeCell ref="A4920:C4921"/>
    <mergeCell ref="D4920:O4921"/>
    <mergeCell ref="P4920:S4921"/>
    <mergeCell ref="T4920:W4921"/>
    <mergeCell ref="X4920:AA4921"/>
    <mergeCell ref="A4922:C4923"/>
    <mergeCell ref="D4922:O4923"/>
    <mergeCell ref="P4922:S4923"/>
    <mergeCell ref="T4922:W4923"/>
    <mergeCell ref="X4922:AA4923"/>
    <mergeCell ref="A4924:C4925"/>
    <mergeCell ref="D4924:O4925"/>
    <mergeCell ref="P4924:S4925"/>
    <mergeCell ref="T4924:W4925"/>
    <mergeCell ref="X4924:AA4925"/>
    <mergeCell ref="A4898:C4899"/>
    <mergeCell ref="D4898:O4899"/>
    <mergeCell ref="P4898:S4899"/>
    <mergeCell ref="T4898:W4899"/>
    <mergeCell ref="X4898:AA4899"/>
    <mergeCell ref="A4900:C4901"/>
    <mergeCell ref="D4900:O4901"/>
    <mergeCell ref="P4900:S4901"/>
    <mergeCell ref="T4900:W4901"/>
    <mergeCell ref="X4900:AA4901"/>
    <mergeCell ref="A4902:C4903"/>
    <mergeCell ref="D4902:O4903"/>
    <mergeCell ref="P4902:S4903"/>
    <mergeCell ref="T4902:W4903"/>
    <mergeCell ref="X4902:AA4903"/>
    <mergeCell ref="A4904:C4905"/>
    <mergeCell ref="D4904:O4905"/>
    <mergeCell ref="P4904:S4905"/>
    <mergeCell ref="T4904:W4905"/>
    <mergeCell ref="X4904:AA4905"/>
    <mergeCell ref="A4906:C4907"/>
    <mergeCell ref="D4906:O4907"/>
    <mergeCell ref="P4906:S4907"/>
    <mergeCell ref="T4906:W4907"/>
    <mergeCell ref="X4906:AA4907"/>
    <mergeCell ref="A4908:C4909"/>
    <mergeCell ref="D4908:O4909"/>
    <mergeCell ref="P4908:S4909"/>
    <mergeCell ref="T4908:W4909"/>
    <mergeCell ref="X4908:AA4909"/>
    <mergeCell ref="A4910:C4911"/>
    <mergeCell ref="D4910:O4911"/>
    <mergeCell ref="P4910:S4911"/>
    <mergeCell ref="T4910:W4911"/>
    <mergeCell ref="X4910:AA4911"/>
    <mergeCell ref="A4882:C4883"/>
    <mergeCell ref="D4882:O4883"/>
    <mergeCell ref="P4882:S4883"/>
    <mergeCell ref="T4882:W4883"/>
    <mergeCell ref="X4882:AA4883"/>
    <mergeCell ref="A4884:C4885"/>
    <mergeCell ref="D4884:O4885"/>
    <mergeCell ref="P4884:S4885"/>
    <mergeCell ref="T4884:W4885"/>
    <mergeCell ref="X4884:AA4885"/>
    <mergeCell ref="A4886:C4887"/>
    <mergeCell ref="D4886:O4887"/>
    <mergeCell ref="P4886:S4887"/>
    <mergeCell ref="T4886:W4887"/>
    <mergeCell ref="X4886:AA4887"/>
    <mergeCell ref="A4888:C4889"/>
    <mergeCell ref="D4888:O4889"/>
    <mergeCell ref="P4888:S4889"/>
    <mergeCell ref="T4888:W4889"/>
    <mergeCell ref="X4888:AA4889"/>
    <mergeCell ref="A4890:AA4891"/>
    <mergeCell ref="A4892:C4893"/>
    <mergeCell ref="D4892:O4893"/>
    <mergeCell ref="P4892:S4893"/>
    <mergeCell ref="T4892:W4893"/>
    <mergeCell ref="X4892:AA4893"/>
    <mergeCell ref="A4894:C4895"/>
    <mergeCell ref="D4894:O4895"/>
    <mergeCell ref="P4894:S4895"/>
    <mergeCell ref="T4894:W4895"/>
    <mergeCell ref="X4894:AA4895"/>
    <mergeCell ref="A4896:C4897"/>
    <mergeCell ref="D4896:O4897"/>
    <mergeCell ref="P4896:S4897"/>
    <mergeCell ref="T4896:W4897"/>
    <mergeCell ref="X4896:AA4897"/>
    <mergeCell ref="A4868:C4869"/>
    <mergeCell ref="D4868:O4869"/>
    <mergeCell ref="P4868:S4869"/>
    <mergeCell ref="T4868:W4869"/>
    <mergeCell ref="X4868:AA4869"/>
    <mergeCell ref="A4870:C4871"/>
    <mergeCell ref="D4870:O4871"/>
    <mergeCell ref="P4870:S4871"/>
    <mergeCell ref="T4870:W4871"/>
    <mergeCell ref="X4870:AA4871"/>
    <mergeCell ref="A4872:C4873"/>
    <mergeCell ref="D4872:O4873"/>
    <mergeCell ref="P4872:S4873"/>
    <mergeCell ref="T4872:W4873"/>
    <mergeCell ref="X4872:AA4873"/>
    <mergeCell ref="A4874:C4875"/>
    <mergeCell ref="D4874:O4875"/>
    <mergeCell ref="P4874:S4875"/>
    <mergeCell ref="T4874:W4875"/>
    <mergeCell ref="X4874:AA4875"/>
    <mergeCell ref="A4876:C4877"/>
    <mergeCell ref="D4876:O4877"/>
    <mergeCell ref="P4876:S4877"/>
    <mergeCell ref="T4876:W4877"/>
    <mergeCell ref="X4876:AA4877"/>
    <mergeCell ref="A4878:C4879"/>
    <mergeCell ref="D4878:O4879"/>
    <mergeCell ref="P4878:S4879"/>
    <mergeCell ref="T4878:W4879"/>
    <mergeCell ref="X4878:AA4879"/>
    <mergeCell ref="A4880:C4881"/>
    <mergeCell ref="D4880:O4881"/>
    <mergeCell ref="P4880:S4881"/>
    <mergeCell ref="T4880:W4881"/>
    <mergeCell ref="X4880:AA4881"/>
    <mergeCell ref="A4854:C4855"/>
    <mergeCell ref="D4854:O4855"/>
    <mergeCell ref="P4854:S4855"/>
    <mergeCell ref="T4854:W4855"/>
    <mergeCell ref="X4854:AA4855"/>
    <mergeCell ref="A4856:C4857"/>
    <mergeCell ref="D4856:O4857"/>
    <mergeCell ref="P4856:S4857"/>
    <mergeCell ref="T4856:W4857"/>
    <mergeCell ref="X4856:AA4857"/>
    <mergeCell ref="A4858:C4859"/>
    <mergeCell ref="D4858:O4859"/>
    <mergeCell ref="P4858:S4859"/>
    <mergeCell ref="T4858:W4859"/>
    <mergeCell ref="X4858:AA4859"/>
    <mergeCell ref="A4860:C4861"/>
    <mergeCell ref="D4860:O4861"/>
    <mergeCell ref="P4860:S4861"/>
    <mergeCell ref="T4860:W4861"/>
    <mergeCell ref="X4860:AA4861"/>
    <mergeCell ref="A4862:C4863"/>
    <mergeCell ref="D4862:O4863"/>
    <mergeCell ref="P4862:S4863"/>
    <mergeCell ref="T4862:W4863"/>
    <mergeCell ref="X4862:AA4863"/>
    <mergeCell ref="A4864:C4865"/>
    <mergeCell ref="D4864:O4865"/>
    <mergeCell ref="P4864:S4865"/>
    <mergeCell ref="T4864:W4865"/>
    <mergeCell ref="X4864:AA4865"/>
    <mergeCell ref="A4866:C4867"/>
    <mergeCell ref="D4866:O4867"/>
    <mergeCell ref="P4866:S4867"/>
    <mergeCell ref="T4866:W4867"/>
    <mergeCell ref="X4866:AA4867"/>
    <mergeCell ref="A4840:C4841"/>
    <mergeCell ref="D4840:O4841"/>
    <mergeCell ref="P4840:S4841"/>
    <mergeCell ref="T4840:W4841"/>
    <mergeCell ref="X4840:AA4841"/>
    <mergeCell ref="A4842:C4843"/>
    <mergeCell ref="D4842:O4843"/>
    <mergeCell ref="P4842:S4843"/>
    <mergeCell ref="T4842:W4843"/>
    <mergeCell ref="X4842:AA4843"/>
    <mergeCell ref="A4844:C4845"/>
    <mergeCell ref="D4844:O4845"/>
    <mergeCell ref="P4844:S4845"/>
    <mergeCell ref="T4844:W4845"/>
    <mergeCell ref="X4844:AA4845"/>
    <mergeCell ref="A4846:C4847"/>
    <mergeCell ref="D4846:O4847"/>
    <mergeCell ref="P4846:S4847"/>
    <mergeCell ref="T4846:W4847"/>
    <mergeCell ref="X4846:AA4847"/>
    <mergeCell ref="A4848:C4849"/>
    <mergeCell ref="D4848:O4849"/>
    <mergeCell ref="P4848:S4849"/>
    <mergeCell ref="T4848:W4849"/>
    <mergeCell ref="X4848:AA4849"/>
    <mergeCell ref="A4850:C4851"/>
    <mergeCell ref="D4850:O4851"/>
    <mergeCell ref="P4850:S4851"/>
    <mergeCell ref="T4850:W4851"/>
    <mergeCell ref="X4850:AA4851"/>
    <mergeCell ref="A4852:C4853"/>
    <mergeCell ref="D4852:O4853"/>
    <mergeCell ref="P4852:S4853"/>
    <mergeCell ref="T4852:W4853"/>
    <mergeCell ref="X4852:AA4853"/>
    <mergeCell ref="A4824:C4825"/>
    <mergeCell ref="D4824:O4825"/>
    <mergeCell ref="P4824:S4825"/>
    <mergeCell ref="T4824:W4825"/>
    <mergeCell ref="X4824:AA4825"/>
    <mergeCell ref="A4826:C4827"/>
    <mergeCell ref="D4826:O4827"/>
    <mergeCell ref="P4826:S4827"/>
    <mergeCell ref="T4826:W4827"/>
    <mergeCell ref="X4826:AA4827"/>
    <mergeCell ref="A4828:AA4829"/>
    <mergeCell ref="A4830:C4831"/>
    <mergeCell ref="D4830:O4831"/>
    <mergeCell ref="P4830:S4831"/>
    <mergeCell ref="T4830:W4831"/>
    <mergeCell ref="X4830:AA4831"/>
    <mergeCell ref="A4832:C4833"/>
    <mergeCell ref="D4832:O4833"/>
    <mergeCell ref="P4832:S4833"/>
    <mergeCell ref="T4832:W4833"/>
    <mergeCell ref="X4832:AA4833"/>
    <mergeCell ref="A4834:C4835"/>
    <mergeCell ref="D4834:O4835"/>
    <mergeCell ref="P4834:S4835"/>
    <mergeCell ref="T4834:W4835"/>
    <mergeCell ref="X4834:AA4835"/>
    <mergeCell ref="A4836:C4837"/>
    <mergeCell ref="D4836:O4837"/>
    <mergeCell ref="P4836:S4837"/>
    <mergeCell ref="T4836:W4837"/>
    <mergeCell ref="X4836:AA4837"/>
    <mergeCell ref="A4838:C4839"/>
    <mergeCell ref="D4838:O4839"/>
    <mergeCell ref="P4838:S4839"/>
    <mergeCell ref="T4838:W4839"/>
    <mergeCell ref="X4838:AA4839"/>
    <mergeCell ref="A4806:AA4807"/>
    <mergeCell ref="A4808:C4809"/>
    <mergeCell ref="D4808:O4809"/>
    <mergeCell ref="P4808:S4809"/>
    <mergeCell ref="T4808:W4809"/>
    <mergeCell ref="X4808:AA4809"/>
    <mergeCell ref="A4810:C4811"/>
    <mergeCell ref="D4810:O4811"/>
    <mergeCell ref="P4810:S4811"/>
    <mergeCell ref="T4810:W4811"/>
    <mergeCell ref="X4810:AA4811"/>
    <mergeCell ref="A4812:AA4813"/>
    <mergeCell ref="A4814:C4815"/>
    <mergeCell ref="D4814:O4815"/>
    <mergeCell ref="P4814:S4815"/>
    <mergeCell ref="T4814:W4815"/>
    <mergeCell ref="X4814:AA4815"/>
    <mergeCell ref="A4816:AA4817"/>
    <mergeCell ref="A4818:C4819"/>
    <mergeCell ref="D4818:O4819"/>
    <mergeCell ref="P4818:S4819"/>
    <mergeCell ref="T4818:W4819"/>
    <mergeCell ref="X4818:AA4819"/>
    <mergeCell ref="A4820:C4821"/>
    <mergeCell ref="D4820:O4821"/>
    <mergeCell ref="P4820:S4821"/>
    <mergeCell ref="T4820:W4821"/>
    <mergeCell ref="X4820:AA4821"/>
    <mergeCell ref="A4822:C4823"/>
    <mergeCell ref="D4822:O4823"/>
    <mergeCell ref="P4822:S4823"/>
    <mergeCell ref="T4822:W4823"/>
    <mergeCell ref="X4822:AA4823"/>
    <mergeCell ref="A4792:C4793"/>
    <mergeCell ref="D4792:O4793"/>
    <mergeCell ref="P4792:S4793"/>
    <mergeCell ref="T4792:W4793"/>
    <mergeCell ref="X4792:AA4793"/>
    <mergeCell ref="A4794:C4795"/>
    <mergeCell ref="D4794:O4795"/>
    <mergeCell ref="P4794:S4795"/>
    <mergeCell ref="T4794:W4795"/>
    <mergeCell ref="X4794:AA4795"/>
    <mergeCell ref="A4796:C4797"/>
    <mergeCell ref="D4796:O4797"/>
    <mergeCell ref="P4796:S4797"/>
    <mergeCell ref="T4796:W4797"/>
    <mergeCell ref="X4796:AA4797"/>
    <mergeCell ref="A4798:C4799"/>
    <mergeCell ref="D4798:O4799"/>
    <mergeCell ref="P4798:S4799"/>
    <mergeCell ref="T4798:W4799"/>
    <mergeCell ref="X4798:AA4799"/>
    <mergeCell ref="A4800:C4801"/>
    <mergeCell ref="D4800:O4801"/>
    <mergeCell ref="P4800:S4801"/>
    <mergeCell ref="T4800:W4801"/>
    <mergeCell ref="X4800:AA4801"/>
    <mergeCell ref="A4802:C4803"/>
    <mergeCell ref="D4802:O4803"/>
    <mergeCell ref="P4802:S4803"/>
    <mergeCell ref="T4802:W4803"/>
    <mergeCell ref="X4802:AA4803"/>
    <mergeCell ref="A4804:C4805"/>
    <mergeCell ref="D4804:O4805"/>
    <mergeCell ref="P4804:S4805"/>
    <mergeCell ref="T4804:W4805"/>
    <mergeCell ref="X4804:AA4805"/>
    <mergeCell ref="A4778:C4779"/>
    <mergeCell ref="D4778:O4779"/>
    <mergeCell ref="P4778:S4779"/>
    <mergeCell ref="T4778:W4779"/>
    <mergeCell ref="X4778:AA4779"/>
    <mergeCell ref="A4780:C4781"/>
    <mergeCell ref="D4780:O4781"/>
    <mergeCell ref="P4780:S4781"/>
    <mergeCell ref="T4780:W4781"/>
    <mergeCell ref="X4780:AA4781"/>
    <mergeCell ref="A4782:C4783"/>
    <mergeCell ref="D4782:O4783"/>
    <mergeCell ref="P4782:S4783"/>
    <mergeCell ref="T4782:W4783"/>
    <mergeCell ref="X4782:AA4783"/>
    <mergeCell ref="A4784:C4785"/>
    <mergeCell ref="D4784:O4785"/>
    <mergeCell ref="P4784:S4785"/>
    <mergeCell ref="T4784:W4785"/>
    <mergeCell ref="X4784:AA4785"/>
    <mergeCell ref="A4786:C4787"/>
    <mergeCell ref="D4786:O4787"/>
    <mergeCell ref="P4786:S4787"/>
    <mergeCell ref="T4786:W4787"/>
    <mergeCell ref="X4786:AA4787"/>
    <mergeCell ref="A4788:C4789"/>
    <mergeCell ref="D4788:O4789"/>
    <mergeCell ref="P4788:S4789"/>
    <mergeCell ref="T4788:W4789"/>
    <mergeCell ref="X4788:AA4789"/>
    <mergeCell ref="A4790:C4791"/>
    <mergeCell ref="D4790:O4791"/>
    <mergeCell ref="P4790:S4791"/>
    <mergeCell ref="T4790:W4791"/>
    <mergeCell ref="X4790:AA4791"/>
    <mergeCell ref="A4764:C4765"/>
    <mergeCell ref="D4764:O4765"/>
    <mergeCell ref="P4764:S4765"/>
    <mergeCell ref="T4764:W4765"/>
    <mergeCell ref="X4764:AA4765"/>
    <mergeCell ref="A4766:C4767"/>
    <mergeCell ref="D4766:O4767"/>
    <mergeCell ref="P4766:S4767"/>
    <mergeCell ref="T4766:W4767"/>
    <mergeCell ref="X4766:AA4767"/>
    <mergeCell ref="A4768:C4769"/>
    <mergeCell ref="D4768:O4769"/>
    <mergeCell ref="P4768:S4769"/>
    <mergeCell ref="T4768:W4769"/>
    <mergeCell ref="X4768:AA4769"/>
    <mergeCell ref="A4770:C4771"/>
    <mergeCell ref="D4770:O4771"/>
    <mergeCell ref="P4770:S4771"/>
    <mergeCell ref="T4770:W4771"/>
    <mergeCell ref="X4770:AA4771"/>
    <mergeCell ref="A4772:C4773"/>
    <mergeCell ref="D4772:O4773"/>
    <mergeCell ref="P4772:S4773"/>
    <mergeCell ref="T4772:W4773"/>
    <mergeCell ref="X4772:AA4773"/>
    <mergeCell ref="A4774:C4775"/>
    <mergeCell ref="D4774:O4775"/>
    <mergeCell ref="P4774:S4775"/>
    <mergeCell ref="T4774:W4775"/>
    <mergeCell ref="X4774:AA4775"/>
    <mergeCell ref="A4776:C4777"/>
    <mergeCell ref="D4776:O4777"/>
    <mergeCell ref="P4776:S4777"/>
    <mergeCell ref="T4776:W4777"/>
    <mergeCell ref="X4776:AA4777"/>
    <mergeCell ref="A4750:C4751"/>
    <mergeCell ref="D4750:O4751"/>
    <mergeCell ref="P4750:S4751"/>
    <mergeCell ref="T4750:W4751"/>
    <mergeCell ref="X4750:AA4751"/>
    <mergeCell ref="A4752:C4753"/>
    <mergeCell ref="D4752:O4753"/>
    <mergeCell ref="P4752:S4753"/>
    <mergeCell ref="T4752:W4753"/>
    <mergeCell ref="X4752:AA4753"/>
    <mergeCell ref="A4754:C4755"/>
    <mergeCell ref="D4754:O4755"/>
    <mergeCell ref="P4754:S4755"/>
    <mergeCell ref="T4754:W4755"/>
    <mergeCell ref="X4754:AA4755"/>
    <mergeCell ref="A4756:C4757"/>
    <mergeCell ref="D4756:O4757"/>
    <mergeCell ref="P4756:S4757"/>
    <mergeCell ref="T4756:W4757"/>
    <mergeCell ref="X4756:AA4757"/>
    <mergeCell ref="A4758:C4759"/>
    <mergeCell ref="D4758:O4759"/>
    <mergeCell ref="P4758:S4759"/>
    <mergeCell ref="T4758:W4759"/>
    <mergeCell ref="X4758:AA4759"/>
    <mergeCell ref="A4760:C4761"/>
    <mergeCell ref="D4760:O4761"/>
    <mergeCell ref="P4760:S4761"/>
    <mergeCell ref="T4760:W4761"/>
    <mergeCell ref="X4760:AA4761"/>
    <mergeCell ref="A4762:C4763"/>
    <mergeCell ref="D4762:O4763"/>
    <mergeCell ref="P4762:S4763"/>
    <mergeCell ref="T4762:W4763"/>
    <mergeCell ref="X4762:AA4763"/>
    <mergeCell ref="A4736:C4737"/>
    <mergeCell ref="D4736:O4737"/>
    <mergeCell ref="P4736:S4737"/>
    <mergeCell ref="T4736:W4737"/>
    <mergeCell ref="X4736:AA4737"/>
    <mergeCell ref="A4738:C4739"/>
    <mergeCell ref="D4738:O4739"/>
    <mergeCell ref="P4738:S4739"/>
    <mergeCell ref="T4738:W4739"/>
    <mergeCell ref="X4738:AA4739"/>
    <mergeCell ref="A4740:C4741"/>
    <mergeCell ref="D4740:O4741"/>
    <mergeCell ref="P4740:S4741"/>
    <mergeCell ref="T4740:W4741"/>
    <mergeCell ref="X4740:AA4741"/>
    <mergeCell ref="A4742:C4743"/>
    <mergeCell ref="D4742:O4743"/>
    <mergeCell ref="P4742:S4743"/>
    <mergeCell ref="T4742:W4743"/>
    <mergeCell ref="X4742:AA4743"/>
    <mergeCell ref="A4744:C4745"/>
    <mergeCell ref="D4744:O4745"/>
    <mergeCell ref="P4744:S4745"/>
    <mergeCell ref="T4744:W4745"/>
    <mergeCell ref="X4744:AA4745"/>
    <mergeCell ref="A4746:C4747"/>
    <mergeCell ref="D4746:O4747"/>
    <mergeCell ref="P4746:S4747"/>
    <mergeCell ref="T4746:W4747"/>
    <mergeCell ref="X4746:AA4747"/>
    <mergeCell ref="A4748:C4749"/>
    <mergeCell ref="D4748:O4749"/>
    <mergeCell ref="P4748:S4749"/>
    <mergeCell ref="T4748:W4749"/>
    <mergeCell ref="X4748:AA4749"/>
    <mergeCell ref="A4722:C4723"/>
    <mergeCell ref="D4722:O4723"/>
    <mergeCell ref="P4722:S4723"/>
    <mergeCell ref="T4722:W4723"/>
    <mergeCell ref="X4722:AA4723"/>
    <mergeCell ref="A4724:C4725"/>
    <mergeCell ref="D4724:O4725"/>
    <mergeCell ref="P4724:S4725"/>
    <mergeCell ref="T4724:W4725"/>
    <mergeCell ref="X4724:AA4725"/>
    <mergeCell ref="A4726:C4727"/>
    <mergeCell ref="D4726:O4727"/>
    <mergeCell ref="P4726:S4727"/>
    <mergeCell ref="T4726:W4727"/>
    <mergeCell ref="X4726:AA4727"/>
    <mergeCell ref="A4728:C4729"/>
    <mergeCell ref="D4728:O4729"/>
    <mergeCell ref="P4728:S4729"/>
    <mergeCell ref="T4728:W4729"/>
    <mergeCell ref="X4728:AA4729"/>
    <mergeCell ref="A4730:C4731"/>
    <mergeCell ref="D4730:O4731"/>
    <mergeCell ref="P4730:S4731"/>
    <mergeCell ref="T4730:W4731"/>
    <mergeCell ref="X4730:AA4731"/>
    <mergeCell ref="A4732:C4733"/>
    <mergeCell ref="D4732:O4733"/>
    <mergeCell ref="P4732:S4733"/>
    <mergeCell ref="T4732:W4733"/>
    <mergeCell ref="X4732:AA4733"/>
    <mergeCell ref="A4734:C4735"/>
    <mergeCell ref="D4734:O4735"/>
    <mergeCell ref="P4734:S4735"/>
    <mergeCell ref="T4734:W4735"/>
    <mergeCell ref="X4734:AA4735"/>
    <mergeCell ref="A4708:C4709"/>
    <mergeCell ref="D4708:O4709"/>
    <mergeCell ref="P4708:S4709"/>
    <mergeCell ref="T4708:W4709"/>
    <mergeCell ref="X4708:AA4709"/>
    <mergeCell ref="A4710:C4711"/>
    <mergeCell ref="D4710:O4711"/>
    <mergeCell ref="P4710:S4711"/>
    <mergeCell ref="T4710:W4711"/>
    <mergeCell ref="X4710:AA4711"/>
    <mergeCell ref="A4712:C4713"/>
    <mergeCell ref="D4712:O4713"/>
    <mergeCell ref="P4712:S4713"/>
    <mergeCell ref="T4712:W4713"/>
    <mergeCell ref="X4712:AA4713"/>
    <mergeCell ref="A4714:C4715"/>
    <mergeCell ref="D4714:O4715"/>
    <mergeCell ref="P4714:S4715"/>
    <mergeCell ref="T4714:W4715"/>
    <mergeCell ref="X4714:AA4715"/>
    <mergeCell ref="A4716:C4717"/>
    <mergeCell ref="D4716:O4717"/>
    <mergeCell ref="P4716:S4717"/>
    <mergeCell ref="T4716:W4717"/>
    <mergeCell ref="X4716:AA4717"/>
    <mergeCell ref="A4718:C4719"/>
    <mergeCell ref="D4718:O4719"/>
    <mergeCell ref="P4718:S4719"/>
    <mergeCell ref="T4718:W4719"/>
    <mergeCell ref="X4718:AA4719"/>
    <mergeCell ref="A4720:C4721"/>
    <mergeCell ref="D4720:O4721"/>
    <mergeCell ref="P4720:S4721"/>
    <mergeCell ref="T4720:W4721"/>
    <mergeCell ref="X4720:AA4721"/>
    <mergeCell ref="A4694:C4695"/>
    <mergeCell ref="D4694:O4695"/>
    <mergeCell ref="P4694:S4695"/>
    <mergeCell ref="T4694:W4695"/>
    <mergeCell ref="X4694:AA4695"/>
    <mergeCell ref="A4696:C4697"/>
    <mergeCell ref="D4696:O4697"/>
    <mergeCell ref="P4696:S4697"/>
    <mergeCell ref="T4696:W4697"/>
    <mergeCell ref="X4696:AA4697"/>
    <mergeCell ref="A4698:C4699"/>
    <mergeCell ref="D4698:O4699"/>
    <mergeCell ref="P4698:S4699"/>
    <mergeCell ref="T4698:W4699"/>
    <mergeCell ref="X4698:AA4699"/>
    <mergeCell ref="A4700:C4701"/>
    <mergeCell ref="D4700:O4701"/>
    <mergeCell ref="P4700:S4701"/>
    <mergeCell ref="T4700:W4701"/>
    <mergeCell ref="X4700:AA4701"/>
    <mergeCell ref="A4702:C4703"/>
    <mergeCell ref="D4702:O4703"/>
    <mergeCell ref="P4702:S4703"/>
    <mergeCell ref="T4702:W4703"/>
    <mergeCell ref="X4702:AA4703"/>
    <mergeCell ref="A4704:C4705"/>
    <mergeCell ref="D4704:O4705"/>
    <mergeCell ref="P4704:S4705"/>
    <mergeCell ref="T4704:W4705"/>
    <mergeCell ref="X4704:AA4705"/>
    <mergeCell ref="A4706:C4707"/>
    <mergeCell ref="D4706:O4707"/>
    <mergeCell ref="P4706:S4707"/>
    <mergeCell ref="T4706:W4707"/>
    <mergeCell ref="X4706:AA4707"/>
    <mergeCell ref="A4678:C4679"/>
    <mergeCell ref="D4678:O4679"/>
    <mergeCell ref="P4678:S4679"/>
    <mergeCell ref="T4678:W4679"/>
    <mergeCell ref="X4678:AA4679"/>
    <mergeCell ref="A4680:C4681"/>
    <mergeCell ref="D4680:O4681"/>
    <mergeCell ref="P4680:S4681"/>
    <mergeCell ref="T4680:W4681"/>
    <mergeCell ref="X4680:AA4681"/>
    <mergeCell ref="A4682:C4683"/>
    <mergeCell ref="D4682:O4683"/>
    <mergeCell ref="P4682:S4683"/>
    <mergeCell ref="T4682:W4683"/>
    <mergeCell ref="X4682:AA4683"/>
    <mergeCell ref="A4684:C4685"/>
    <mergeCell ref="D4684:O4685"/>
    <mergeCell ref="P4684:S4685"/>
    <mergeCell ref="T4684:W4685"/>
    <mergeCell ref="X4684:AA4685"/>
    <mergeCell ref="A4686:AA4687"/>
    <mergeCell ref="A4688:C4689"/>
    <mergeCell ref="D4688:O4689"/>
    <mergeCell ref="P4688:S4689"/>
    <mergeCell ref="T4688:W4689"/>
    <mergeCell ref="X4688:AA4689"/>
    <mergeCell ref="A4690:C4691"/>
    <mergeCell ref="D4690:O4691"/>
    <mergeCell ref="P4690:S4691"/>
    <mergeCell ref="T4690:W4691"/>
    <mergeCell ref="X4690:AA4691"/>
    <mergeCell ref="A4692:C4693"/>
    <mergeCell ref="D4692:O4693"/>
    <mergeCell ref="P4692:S4693"/>
    <mergeCell ref="T4692:W4693"/>
    <mergeCell ref="X4692:AA4693"/>
    <mergeCell ref="A4664:C4665"/>
    <mergeCell ref="D4664:O4665"/>
    <mergeCell ref="P4664:S4665"/>
    <mergeCell ref="T4664:W4665"/>
    <mergeCell ref="X4664:AA4665"/>
    <mergeCell ref="A4666:C4667"/>
    <mergeCell ref="D4666:O4667"/>
    <mergeCell ref="P4666:S4667"/>
    <mergeCell ref="T4666:W4667"/>
    <mergeCell ref="X4666:AA4667"/>
    <mergeCell ref="A4668:C4669"/>
    <mergeCell ref="D4668:O4669"/>
    <mergeCell ref="P4668:S4669"/>
    <mergeCell ref="T4668:W4669"/>
    <mergeCell ref="X4668:AA4669"/>
    <mergeCell ref="A4670:C4671"/>
    <mergeCell ref="D4670:O4671"/>
    <mergeCell ref="P4670:S4671"/>
    <mergeCell ref="T4670:W4671"/>
    <mergeCell ref="X4670:AA4671"/>
    <mergeCell ref="A4672:C4673"/>
    <mergeCell ref="D4672:O4673"/>
    <mergeCell ref="P4672:S4673"/>
    <mergeCell ref="T4672:W4673"/>
    <mergeCell ref="X4672:AA4673"/>
    <mergeCell ref="A4674:C4675"/>
    <mergeCell ref="D4674:O4675"/>
    <mergeCell ref="P4674:S4675"/>
    <mergeCell ref="T4674:W4675"/>
    <mergeCell ref="X4674:AA4675"/>
    <mergeCell ref="A4676:C4677"/>
    <mergeCell ref="D4676:O4677"/>
    <mergeCell ref="P4676:S4677"/>
    <mergeCell ref="T4676:W4677"/>
    <mergeCell ref="X4676:AA4677"/>
    <mergeCell ref="A4650:C4651"/>
    <mergeCell ref="D4650:O4651"/>
    <mergeCell ref="P4650:S4651"/>
    <mergeCell ref="T4650:W4651"/>
    <mergeCell ref="X4650:AA4651"/>
    <mergeCell ref="A4652:C4653"/>
    <mergeCell ref="D4652:O4653"/>
    <mergeCell ref="P4652:S4653"/>
    <mergeCell ref="T4652:W4653"/>
    <mergeCell ref="X4652:AA4653"/>
    <mergeCell ref="A4654:C4655"/>
    <mergeCell ref="D4654:O4655"/>
    <mergeCell ref="P4654:S4655"/>
    <mergeCell ref="T4654:W4655"/>
    <mergeCell ref="X4654:AA4655"/>
    <mergeCell ref="A4656:C4657"/>
    <mergeCell ref="D4656:O4657"/>
    <mergeCell ref="P4656:S4657"/>
    <mergeCell ref="T4656:W4657"/>
    <mergeCell ref="X4656:AA4657"/>
    <mergeCell ref="A4658:C4659"/>
    <mergeCell ref="D4658:O4659"/>
    <mergeCell ref="P4658:S4659"/>
    <mergeCell ref="T4658:W4659"/>
    <mergeCell ref="X4658:AA4659"/>
    <mergeCell ref="A4660:C4661"/>
    <mergeCell ref="D4660:O4661"/>
    <mergeCell ref="P4660:S4661"/>
    <mergeCell ref="T4660:W4661"/>
    <mergeCell ref="X4660:AA4661"/>
    <mergeCell ref="A4662:C4663"/>
    <mergeCell ref="D4662:O4663"/>
    <mergeCell ref="P4662:S4663"/>
    <mergeCell ref="T4662:W4663"/>
    <mergeCell ref="X4662:AA4663"/>
    <mergeCell ref="A4636:C4637"/>
    <mergeCell ref="D4636:O4637"/>
    <mergeCell ref="P4636:S4637"/>
    <mergeCell ref="T4636:W4637"/>
    <mergeCell ref="X4636:AA4637"/>
    <mergeCell ref="A4638:C4639"/>
    <mergeCell ref="D4638:O4639"/>
    <mergeCell ref="P4638:S4639"/>
    <mergeCell ref="T4638:W4639"/>
    <mergeCell ref="X4638:AA4639"/>
    <mergeCell ref="A4640:C4641"/>
    <mergeCell ref="D4640:O4641"/>
    <mergeCell ref="P4640:S4641"/>
    <mergeCell ref="T4640:W4641"/>
    <mergeCell ref="X4640:AA4641"/>
    <mergeCell ref="A4642:C4643"/>
    <mergeCell ref="D4642:O4643"/>
    <mergeCell ref="P4642:S4643"/>
    <mergeCell ref="T4642:W4643"/>
    <mergeCell ref="X4642:AA4643"/>
    <mergeCell ref="A4644:C4645"/>
    <mergeCell ref="D4644:O4645"/>
    <mergeCell ref="P4644:S4645"/>
    <mergeCell ref="T4644:W4645"/>
    <mergeCell ref="X4644:AA4645"/>
    <mergeCell ref="A4646:C4647"/>
    <mergeCell ref="D4646:O4647"/>
    <mergeCell ref="P4646:S4647"/>
    <mergeCell ref="T4646:W4647"/>
    <mergeCell ref="X4646:AA4647"/>
    <mergeCell ref="A4648:C4649"/>
    <mergeCell ref="D4648:O4649"/>
    <mergeCell ref="P4648:S4649"/>
    <mergeCell ref="T4648:W4649"/>
    <mergeCell ref="X4648:AA4649"/>
    <mergeCell ref="A4622:C4623"/>
    <mergeCell ref="D4622:O4623"/>
    <mergeCell ref="P4622:S4623"/>
    <mergeCell ref="T4622:W4623"/>
    <mergeCell ref="X4622:AA4623"/>
    <mergeCell ref="A4624:C4625"/>
    <mergeCell ref="D4624:O4625"/>
    <mergeCell ref="P4624:S4625"/>
    <mergeCell ref="T4624:W4625"/>
    <mergeCell ref="X4624:AA4625"/>
    <mergeCell ref="A4626:C4627"/>
    <mergeCell ref="D4626:O4627"/>
    <mergeCell ref="P4626:S4627"/>
    <mergeCell ref="T4626:W4627"/>
    <mergeCell ref="X4626:AA4627"/>
    <mergeCell ref="A4628:C4629"/>
    <mergeCell ref="D4628:O4629"/>
    <mergeCell ref="P4628:S4629"/>
    <mergeCell ref="T4628:W4629"/>
    <mergeCell ref="X4628:AA4629"/>
    <mergeCell ref="A4630:C4631"/>
    <mergeCell ref="D4630:O4631"/>
    <mergeCell ref="P4630:S4631"/>
    <mergeCell ref="T4630:W4631"/>
    <mergeCell ref="X4630:AA4631"/>
    <mergeCell ref="A4632:C4633"/>
    <mergeCell ref="D4632:O4633"/>
    <mergeCell ref="P4632:S4633"/>
    <mergeCell ref="T4632:W4633"/>
    <mergeCell ref="X4632:AA4633"/>
    <mergeCell ref="A4634:C4635"/>
    <mergeCell ref="D4634:O4635"/>
    <mergeCell ref="P4634:S4635"/>
    <mergeCell ref="T4634:W4635"/>
    <mergeCell ref="X4634:AA4635"/>
    <mergeCell ref="A4608:C4609"/>
    <mergeCell ref="D4608:O4609"/>
    <mergeCell ref="P4608:S4609"/>
    <mergeCell ref="T4608:W4609"/>
    <mergeCell ref="X4608:AA4609"/>
    <mergeCell ref="A4610:C4611"/>
    <mergeCell ref="D4610:O4611"/>
    <mergeCell ref="P4610:S4611"/>
    <mergeCell ref="T4610:W4611"/>
    <mergeCell ref="X4610:AA4611"/>
    <mergeCell ref="A4612:C4613"/>
    <mergeCell ref="D4612:O4613"/>
    <mergeCell ref="P4612:S4613"/>
    <mergeCell ref="T4612:W4613"/>
    <mergeCell ref="X4612:AA4613"/>
    <mergeCell ref="A4614:C4615"/>
    <mergeCell ref="D4614:O4615"/>
    <mergeCell ref="P4614:S4615"/>
    <mergeCell ref="T4614:W4615"/>
    <mergeCell ref="X4614:AA4615"/>
    <mergeCell ref="A4616:C4617"/>
    <mergeCell ref="D4616:O4617"/>
    <mergeCell ref="P4616:S4617"/>
    <mergeCell ref="T4616:W4617"/>
    <mergeCell ref="X4616:AA4617"/>
    <mergeCell ref="A4618:C4619"/>
    <mergeCell ref="D4618:O4619"/>
    <mergeCell ref="P4618:S4619"/>
    <mergeCell ref="T4618:W4619"/>
    <mergeCell ref="X4618:AA4619"/>
    <mergeCell ref="A4620:C4621"/>
    <mergeCell ref="D4620:O4621"/>
    <mergeCell ref="P4620:S4621"/>
    <mergeCell ref="T4620:W4621"/>
    <mergeCell ref="X4620:AA4621"/>
    <mergeCell ref="A4594:C4595"/>
    <mergeCell ref="D4594:O4595"/>
    <mergeCell ref="P4594:S4595"/>
    <mergeCell ref="T4594:W4595"/>
    <mergeCell ref="X4594:AA4595"/>
    <mergeCell ref="A4596:C4597"/>
    <mergeCell ref="D4596:O4597"/>
    <mergeCell ref="P4596:S4597"/>
    <mergeCell ref="T4596:W4597"/>
    <mergeCell ref="X4596:AA4597"/>
    <mergeCell ref="A4598:C4599"/>
    <mergeCell ref="D4598:O4599"/>
    <mergeCell ref="P4598:S4599"/>
    <mergeCell ref="T4598:W4599"/>
    <mergeCell ref="X4598:AA4599"/>
    <mergeCell ref="A4600:C4601"/>
    <mergeCell ref="D4600:O4601"/>
    <mergeCell ref="P4600:S4601"/>
    <mergeCell ref="T4600:W4601"/>
    <mergeCell ref="X4600:AA4601"/>
    <mergeCell ref="A4602:C4603"/>
    <mergeCell ref="D4602:O4603"/>
    <mergeCell ref="P4602:S4603"/>
    <mergeCell ref="T4602:W4603"/>
    <mergeCell ref="X4602:AA4603"/>
    <mergeCell ref="A4604:C4605"/>
    <mergeCell ref="D4604:O4605"/>
    <mergeCell ref="P4604:S4605"/>
    <mergeCell ref="T4604:W4605"/>
    <mergeCell ref="X4604:AA4605"/>
    <mergeCell ref="A4606:C4607"/>
    <mergeCell ref="D4606:O4607"/>
    <mergeCell ref="P4606:S4607"/>
    <mergeCell ref="T4606:W4607"/>
    <mergeCell ref="X4606:AA4607"/>
    <mergeCell ref="A4580:C4581"/>
    <mergeCell ref="D4580:O4581"/>
    <mergeCell ref="P4580:S4581"/>
    <mergeCell ref="T4580:W4581"/>
    <mergeCell ref="X4580:AA4581"/>
    <mergeCell ref="A4582:C4583"/>
    <mergeCell ref="D4582:O4583"/>
    <mergeCell ref="P4582:S4583"/>
    <mergeCell ref="T4582:W4583"/>
    <mergeCell ref="X4582:AA4583"/>
    <mergeCell ref="A4584:C4585"/>
    <mergeCell ref="D4584:O4585"/>
    <mergeCell ref="P4584:S4585"/>
    <mergeCell ref="T4584:W4585"/>
    <mergeCell ref="X4584:AA4585"/>
    <mergeCell ref="A4586:C4587"/>
    <mergeCell ref="D4586:O4587"/>
    <mergeCell ref="P4586:S4587"/>
    <mergeCell ref="T4586:W4587"/>
    <mergeCell ref="X4586:AA4587"/>
    <mergeCell ref="A4588:C4589"/>
    <mergeCell ref="D4588:O4589"/>
    <mergeCell ref="P4588:S4589"/>
    <mergeCell ref="T4588:W4589"/>
    <mergeCell ref="X4588:AA4589"/>
    <mergeCell ref="A4590:C4591"/>
    <mergeCell ref="D4590:O4591"/>
    <mergeCell ref="P4590:S4591"/>
    <mergeCell ref="T4590:W4591"/>
    <mergeCell ref="X4590:AA4591"/>
    <mergeCell ref="A4592:C4593"/>
    <mergeCell ref="D4592:O4593"/>
    <mergeCell ref="P4592:S4593"/>
    <mergeCell ref="T4592:W4593"/>
    <mergeCell ref="X4592:AA4593"/>
    <mergeCell ref="A4566:C4567"/>
    <mergeCell ref="D4566:O4567"/>
    <mergeCell ref="P4566:S4567"/>
    <mergeCell ref="T4566:W4567"/>
    <mergeCell ref="X4566:AA4567"/>
    <mergeCell ref="A4568:C4569"/>
    <mergeCell ref="D4568:O4569"/>
    <mergeCell ref="P4568:S4569"/>
    <mergeCell ref="T4568:W4569"/>
    <mergeCell ref="X4568:AA4569"/>
    <mergeCell ref="A4570:C4571"/>
    <mergeCell ref="D4570:O4571"/>
    <mergeCell ref="P4570:S4571"/>
    <mergeCell ref="T4570:W4571"/>
    <mergeCell ref="X4570:AA4571"/>
    <mergeCell ref="A4572:C4573"/>
    <mergeCell ref="D4572:O4573"/>
    <mergeCell ref="P4572:S4573"/>
    <mergeCell ref="T4572:W4573"/>
    <mergeCell ref="X4572:AA4573"/>
    <mergeCell ref="A4574:C4575"/>
    <mergeCell ref="D4574:O4575"/>
    <mergeCell ref="P4574:S4575"/>
    <mergeCell ref="T4574:W4575"/>
    <mergeCell ref="X4574:AA4575"/>
    <mergeCell ref="A4576:C4577"/>
    <mergeCell ref="D4576:O4577"/>
    <mergeCell ref="P4576:S4577"/>
    <mergeCell ref="T4576:W4577"/>
    <mergeCell ref="X4576:AA4577"/>
    <mergeCell ref="A4578:C4579"/>
    <mergeCell ref="D4578:O4579"/>
    <mergeCell ref="P4578:S4579"/>
    <mergeCell ref="T4578:W4579"/>
    <mergeCell ref="X4578:AA4579"/>
    <mergeCell ref="A4552:C4553"/>
    <mergeCell ref="D4552:O4553"/>
    <mergeCell ref="P4552:S4553"/>
    <mergeCell ref="T4552:W4553"/>
    <mergeCell ref="X4552:AA4553"/>
    <mergeCell ref="A4554:C4555"/>
    <mergeCell ref="D4554:O4555"/>
    <mergeCell ref="P4554:S4555"/>
    <mergeCell ref="T4554:W4555"/>
    <mergeCell ref="X4554:AA4555"/>
    <mergeCell ref="A4556:C4557"/>
    <mergeCell ref="D4556:O4557"/>
    <mergeCell ref="P4556:S4557"/>
    <mergeCell ref="T4556:W4557"/>
    <mergeCell ref="X4556:AA4557"/>
    <mergeCell ref="A4558:C4559"/>
    <mergeCell ref="D4558:O4559"/>
    <mergeCell ref="P4558:S4559"/>
    <mergeCell ref="T4558:W4559"/>
    <mergeCell ref="X4558:AA4559"/>
    <mergeCell ref="A4560:C4561"/>
    <mergeCell ref="D4560:O4561"/>
    <mergeCell ref="P4560:S4561"/>
    <mergeCell ref="T4560:W4561"/>
    <mergeCell ref="X4560:AA4561"/>
    <mergeCell ref="A4562:C4563"/>
    <mergeCell ref="D4562:O4563"/>
    <mergeCell ref="P4562:S4563"/>
    <mergeCell ref="T4562:W4563"/>
    <mergeCell ref="X4562:AA4563"/>
    <mergeCell ref="A4564:C4565"/>
    <mergeCell ref="D4564:O4565"/>
    <mergeCell ref="P4564:S4565"/>
    <mergeCell ref="T4564:W4565"/>
    <mergeCell ref="X4564:AA4565"/>
    <mergeCell ref="A4538:C4539"/>
    <mergeCell ref="D4538:O4539"/>
    <mergeCell ref="P4538:S4539"/>
    <mergeCell ref="T4538:W4539"/>
    <mergeCell ref="X4538:AA4539"/>
    <mergeCell ref="A4540:C4541"/>
    <mergeCell ref="D4540:O4541"/>
    <mergeCell ref="P4540:S4541"/>
    <mergeCell ref="T4540:W4541"/>
    <mergeCell ref="X4540:AA4541"/>
    <mergeCell ref="A4542:C4543"/>
    <mergeCell ref="D4542:O4543"/>
    <mergeCell ref="P4542:S4543"/>
    <mergeCell ref="T4542:W4543"/>
    <mergeCell ref="X4542:AA4543"/>
    <mergeCell ref="A4544:C4545"/>
    <mergeCell ref="D4544:O4545"/>
    <mergeCell ref="P4544:S4545"/>
    <mergeCell ref="T4544:W4545"/>
    <mergeCell ref="X4544:AA4545"/>
    <mergeCell ref="A4546:C4547"/>
    <mergeCell ref="D4546:O4547"/>
    <mergeCell ref="P4546:S4547"/>
    <mergeCell ref="T4546:W4547"/>
    <mergeCell ref="X4546:AA4547"/>
    <mergeCell ref="A4548:C4549"/>
    <mergeCell ref="D4548:O4549"/>
    <mergeCell ref="P4548:S4549"/>
    <mergeCell ref="T4548:W4549"/>
    <mergeCell ref="X4548:AA4549"/>
    <mergeCell ref="A4550:C4551"/>
    <mergeCell ref="D4550:O4551"/>
    <mergeCell ref="P4550:S4551"/>
    <mergeCell ref="T4550:W4551"/>
    <mergeCell ref="X4550:AA4551"/>
    <mergeCell ref="A4524:C4525"/>
    <mergeCell ref="D4524:O4525"/>
    <mergeCell ref="P4524:S4525"/>
    <mergeCell ref="T4524:W4525"/>
    <mergeCell ref="X4524:AA4525"/>
    <mergeCell ref="A4526:C4527"/>
    <mergeCell ref="D4526:O4527"/>
    <mergeCell ref="P4526:S4527"/>
    <mergeCell ref="T4526:W4527"/>
    <mergeCell ref="X4526:AA4527"/>
    <mergeCell ref="A4528:C4529"/>
    <mergeCell ref="D4528:O4529"/>
    <mergeCell ref="P4528:S4529"/>
    <mergeCell ref="T4528:W4529"/>
    <mergeCell ref="X4528:AA4529"/>
    <mergeCell ref="A4530:C4531"/>
    <mergeCell ref="D4530:O4531"/>
    <mergeCell ref="P4530:S4531"/>
    <mergeCell ref="T4530:W4531"/>
    <mergeCell ref="X4530:AA4531"/>
    <mergeCell ref="A4532:C4533"/>
    <mergeCell ref="D4532:O4533"/>
    <mergeCell ref="P4532:S4533"/>
    <mergeCell ref="T4532:W4533"/>
    <mergeCell ref="X4532:AA4533"/>
    <mergeCell ref="A4534:C4535"/>
    <mergeCell ref="D4534:O4535"/>
    <mergeCell ref="P4534:S4535"/>
    <mergeCell ref="T4534:W4535"/>
    <mergeCell ref="X4534:AA4535"/>
    <mergeCell ref="A4536:C4537"/>
    <mergeCell ref="D4536:O4537"/>
    <mergeCell ref="P4536:S4537"/>
    <mergeCell ref="T4536:W4537"/>
    <mergeCell ref="X4536:AA4537"/>
    <mergeCell ref="A4510:C4511"/>
    <mergeCell ref="D4510:O4511"/>
    <mergeCell ref="P4510:S4511"/>
    <mergeCell ref="T4510:W4511"/>
    <mergeCell ref="X4510:AA4511"/>
    <mergeCell ref="A4512:C4513"/>
    <mergeCell ref="D4512:O4513"/>
    <mergeCell ref="P4512:S4513"/>
    <mergeCell ref="T4512:W4513"/>
    <mergeCell ref="X4512:AA4513"/>
    <mergeCell ref="A4514:C4515"/>
    <mergeCell ref="D4514:O4515"/>
    <mergeCell ref="P4514:S4515"/>
    <mergeCell ref="T4514:W4515"/>
    <mergeCell ref="X4514:AA4515"/>
    <mergeCell ref="A4516:C4517"/>
    <mergeCell ref="D4516:O4517"/>
    <mergeCell ref="P4516:S4517"/>
    <mergeCell ref="T4516:W4517"/>
    <mergeCell ref="X4516:AA4517"/>
    <mergeCell ref="A4518:C4519"/>
    <mergeCell ref="D4518:O4519"/>
    <mergeCell ref="P4518:S4519"/>
    <mergeCell ref="T4518:W4519"/>
    <mergeCell ref="X4518:AA4519"/>
    <mergeCell ref="A4520:C4521"/>
    <mergeCell ref="D4520:O4521"/>
    <mergeCell ref="P4520:S4521"/>
    <mergeCell ref="T4520:W4521"/>
    <mergeCell ref="X4520:AA4521"/>
    <mergeCell ref="A4522:C4523"/>
    <mergeCell ref="D4522:O4523"/>
    <mergeCell ref="P4522:S4523"/>
    <mergeCell ref="T4522:W4523"/>
    <mergeCell ref="X4522:AA4523"/>
    <mergeCell ref="A4496:C4497"/>
    <mergeCell ref="D4496:O4497"/>
    <mergeCell ref="P4496:S4497"/>
    <mergeCell ref="T4496:W4497"/>
    <mergeCell ref="X4496:AA4497"/>
    <mergeCell ref="A4498:C4499"/>
    <mergeCell ref="D4498:O4499"/>
    <mergeCell ref="P4498:S4499"/>
    <mergeCell ref="T4498:W4499"/>
    <mergeCell ref="X4498:AA4499"/>
    <mergeCell ref="A4500:C4501"/>
    <mergeCell ref="D4500:O4501"/>
    <mergeCell ref="P4500:S4501"/>
    <mergeCell ref="T4500:W4501"/>
    <mergeCell ref="X4500:AA4501"/>
    <mergeCell ref="A4502:C4503"/>
    <mergeCell ref="D4502:O4503"/>
    <mergeCell ref="P4502:S4503"/>
    <mergeCell ref="T4502:W4503"/>
    <mergeCell ref="X4502:AA4503"/>
    <mergeCell ref="A4504:C4505"/>
    <mergeCell ref="D4504:O4505"/>
    <mergeCell ref="P4504:S4505"/>
    <mergeCell ref="T4504:W4505"/>
    <mergeCell ref="X4504:AA4505"/>
    <mergeCell ref="A4506:C4507"/>
    <mergeCell ref="D4506:O4507"/>
    <mergeCell ref="P4506:S4507"/>
    <mergeCell ref="T4506:W4507"/>
    <mergeCell ref="X4506:AA4507"/>
    <mergeCell ref="A4508:C4509"/>
    <mergeCell ref="D4508:O4509"/>
    <mergeCell ref="P4508:S4509"/>
    <mergeCell ref="T4508:W4509"/>
    <mergeCell ref="X4508:AA4509"/>
    <mergeCell ref="A4482:C4483"/>
    <mergeCell ref="D4482:O4483"/>
    <mergeCell ref="P4482:S4483"/>
    <mergeCell ref="T4482:W4483"/>
    <mergeCell ref="X4482:AA4483"/>
    <mergeCell ref="A4484:C4485"/>
    <mergeCell ref="D4484:O4485"/>
    <mergeCell ref="P4484:S4485"/>
    <mergeCell ref="T4484:W4485"/>
    <mergeCell ref="X4484:AA4485"/>
    <mergeCell ref="A4486:C4487"/>
    <mergeCell ref="D4486:O4487"/>
    <mergeCell ref="P4486:S4487"/>
    <mergeCell ref="T4486:W4487"/>
    <mergeCell ref="X4486:AA4487"/>
    <mergeCell ref="A4488:C4489"/>
    <mergeCell ref="D4488:O4489"/>
    <mergeCell ref="P4488:S4489"/>
    <mergeCell ref="T4488:W4489"/>
    <mergeCell ref="X4488:AA4489"/>
    <mergeCell ref="A4490:C4491"/>
    <mergeCell ref="D4490:O4491"/>
    <mergeCell ref="P4490:S4491"/>
    <mergeCell ref="T4490:W4491"/>
    <mergeCell ref="X4490:AA4491"/>
    <mergeCell ref="A4492:C4493"/>
    <mergeCell ref="D4492:O4493"/>
    <mergeCell ref="P4492:S4493"/>
    <mergeCell ref="T4492:W4493"/>
    <mergeCell ref="X4492:AA4493"/>
    <mergeCell ref="A4494:C4495"/>
    <mergeCell ref="D4494:O4495"/>
    <mergeCell ref="P4494:S4495"/>
    <mergeCell ref="T4494:W4495"/>
    <mergeCell ref="X4494:AA4495"/>
    <mergeCell ref="A4466:C4467"/>
    <mergeCell ref="D4466:O4467"/>
    <mergeCell ref="P4466:S4467"/>
    <mergeCell ref="T4466:W4467"/>
    <mergeCell ref="X4466:AA4467"/>
    <mergeCell ref="A4468:C4469"/>
    <mergeCell ref="D4468:O4469"/>
    <mergeCell ref="P4468:S4469"/>
    <mergeCell ref="T4468:W4469"/>
    <mergeCell ref="X4468:AA4469"/>
    <mergeCell ref="A4470:C4471"/>
    <mergeCell ref="D4470:O4471"/>
    <mergeCell ref="P4470:S4471"/>
    <mergeCell ref="T4470:W4471"/>
    <mergeCell ref="X4470:AA4471"/>
    <mergeCell ref="A4472:C4473"/>
    <mergeCell ref="D4472:O4473"/>
    <mergeCell ref="P4472:S4473"/>
    <mergeCell ref="T4472:W4473"/>
    <mergeCell ref="X4472:AA4473"/>
    <mergeCell ref="A4474:C4475"/>
    <mergeCell ref="D4474:O4475"/>
    <mergeCell ref="P4474:S4475"/>
    <mergeCell ref="T4474:W4475"/>
    <mergeCell ref="X4474:AA4475"/>
    <mergeCell ref="A4476:C4477"/>
    <mergeCell ref="D4476:O4477"/>
    <mergeCell ref="P4476:S4477"/>
    <mergeCell ref="T4476:W4477"/>
    <mergeCell ref="X4476:AA4477"/>
    <mergeCell ref="A4478:AA4479"/>
    <mergeCell ref="A4480:C4481"/>
    <mergeCell ref="D4480:O4481"/>
    <mergeCell ref="P4480:S4481"/>
    <mergeCell ref="T4480:W4481"/>
    <mergeCell ref="X4480:AA4481"/>
    <mergeCell ref="A4448:C4449"/>
    <mergeCell ref="D4448:O4449"/>
    <mergeCell ref="P4448:S4449"/>
    <mergeCell ref="T4448:W4449"/>
    <mergeCell ref="X4448:AA4449"/>
    <mergeCell ref="A4450:C4451"/>
    <mergeCell ref="D4450:O4451"/>
    <mergeCell ref="P4450:S4451"/>
    <mergeCell ref="T4450:W4451"/>
    <mergeCell ref="X4450:AA4451"/>
    <mergeCell ref="A4452:AA4453"/>
    <mergeCell ref="A4454:C4455"/>
    <mergeCell ref="D4454:O4455"/>
    <mergeCell ref="P4454:S4455"/>
    <mergeCell ref="T4454:W4455"/>
    <mergeCell ref="X4454:AA4455"/>
    <mergeCell ref="A4456:C4457"/>
    <mergeCell ref="D4456:O4457"/>
    <mergeCell ref="P4456:S4457"/>
    <mergeCell ref="T4456:W4457"/>
    <mergeCell ref="X4456:AA4457"/>
    <mergeCell ref="A4458:AA4459"/>
    <mergeCell ref="A4460:C4461"/>
    <mergeCell ref="D4460:O4461"/>
    <mergeCell ref="P4460:S4461"/>
    <mergeCell ref="T4460:W4461"/>
    <mergeCell ref="X4460:AA4461"/>
    <mergeCell ref="A4462:C4463"/>
    <mergeCell ref="D4462:O4463"/>
    <mergeCell ref="P4462:S4463"/>
    <mergeCell ref="T4462:W4463"/>
    <mergeCell ref="X4462:AA4463"/>
    <mergeCell ref="A4464:AA4465"/>
    <mergeCell ref="A4432:AA4433"/>
    <mergeCell ref="A4434:C4435"/>
    <mergeCell ref="D4434:O4435"/>
    <mergeCell ref="P4434:S4435"/>
    <mergeCell ref="T4434:W4435"/>
    <mergeCell ref="X4434:AA4435"/>
    <mergeCell ref="A4436:C4437"/>
    <mergeCell ref="D4436:O4437"/>
    <mergeCell ref="P4436:S4437"/>
    <mergeCell ref="T4436:W4437"/>
    <mergeCell ref="X4436:AA4437"/>
    <mergeCell ref="A4438:C4439"/>
    <mergeCell ref="D4438:O4439"/>
    <mergeCell ref="P4438:S4439"/>
    <mergeCell ref="T4438:W4439"/>
    <mergeCell ref="X4438:AA4439"/>
    <mergeCell ref="A4440:C4441"/>
    <mergeCell ref="D4440:O4441"/>
    <mergeCell ref="P4440:S4441"/>
    <mergeCell ref="T4440:W4441"/>
    <mergeCell ref="X4440:AA4441"/>
    <mergeCell ref="A4442:C4443"/>
    <mergeCell ref="D4442:O4443"/>
    <mergeCell ref="P4442:S4443"/>
    <mergeCell ref="T4442:W4443"/>
    <mergeCell ref="X4442:AA4443"/>
    <mergeCell ref="A4444:C4445"/>
    <mergeCell ref="D4444:O4445"/>
    <mergeCell ref="P4444:S4445"/>
    <mergeCell ref="T4444:W4445"/>
    <mergeCell ref="X4444:AA4445"/>
    <mergeCell ref="A4446:C4447"/>
    <mergeCell ref="D4446:O4447"/>
    <mergeCell ref="P4446:S4447"/>
    <mergeCell ref="T4446:W4447"/>
    <mergeCell ref="X4446:AA4447"/>
    <mergeCell ref="A4414:AA4415"/>
    <mergeCell ref="A4416:AA4417"/>
    <mergeCell ref="A4418:C4419"/>
    <mergeCell ref="D4418:O4419"/>
    <mergeCell ref="P4418:S4419"/>
    <mergeCell ref="T4418:W4419"/>
    <mergeCell ref="X4418:AA4419"/>
    <mergeCell ref="A4420:C4421"/>
    <mergeCell ref="D4420:O4421"/>
    <mergeCell ref="P4420:S4421"/>
    <mergeCell ref="T4420:W4421"/>
    <mergeCell ref="X4420:AA4421"/>
    <mergeCell ref="A4422:C4423"/>
    <mergeCell ref="D4422:O4423"/>
    <mergeCell ref="P4422:S4423"/>
    <mergeCell ref="T4422:W4423"/>
    <mergeCell ref="X4422:AA4423"/>
    <mergeCell ref="A4424:AA4425"/>
    <mergeCell ref="A4426:C4427"/>
    <mergeCell ref="D4426:O4427"/>
    <mergeCell ref="P4426:S4427"/>
    <mergeCell ref="T4426:W4427"/>
    <mergeCell ref="X4426:AA4427"/>
    <mergeCell ref="A4428:C4429"/>
    <mergeCell ref="D4428:O4429"/>
    <mergeCell ref="P4428:S4429"/>
    <mergeCell ref="T4428:W4429"/>
    <mergeCell ref="X4428:AA4429"/>
    <mergeCell ref="A4430:C4431"/>
    <mergeCell ref="D4430:O4431"/>
    <mergeCell ref="P4430:S4431"/>
    <mergeCell ref="T4430:W4431"/>
    <mergeCell ref="X4430:AA4431"/>
    <mergeCell ref="A4398:C4399"/>
    <mergeCell ref="D4398:O4399"/>
    <mergeCell ref="P4398:S4399"/>
    <mergeCell ref="T4398:W4399"/>
    <mergeCell ref="X4398:AA4399"/>
    <mergeCell ref="A4400:AA4401"/>
    <mergeCell ref="A4402:C4403"/>
    <mergeCell ref="D4402:O4403"/>
    <mergeCell ref="P4402:S4403"/>
    <mergeCell ref="T4402:W4403"/>
    <mergeCell ref="X4402:AA4403"/>
    <mergeCell ref="A4404:C4405"/>
    <mergeCell ref="D4404:O4405"/>
    <mergeCell ref="P4404:S4405"/>
    <mergeCell ref="T4404:W4405"/>
    <mergeCell ref="X4404:AA4405"/>
    <mergeCell ref="A4406:C4407"/>
    <mergeCell ref="D4406:O4407"/>
    <mergeCell ref="P4406:S4407"/>
    <mergeCell ref="T4406:W4407"/>
    <mergeCell ref="X4406:AA4407"/>
    <mergeCell ref="A4408:C4409"/>
    <mergeCell ref="D4408:O4409"/>
    <mergeCell ref="P4408:S4409"/>
    <mergeCell ref="T4408:W4409"/>
    <mergeCell ref="X4408:AA4409"/>
    <mergeCell ref="A4410:C4411"/>
    <mergeCell ref="D4410:O4411"/>
    <mergeCell ref="P4410:S4411"/>
    <mergeCell ref="T4410:W4411"/>
    <mergeCell ref="X4410:AA4411"/>
    <mergeCell ref="A4412:C4413"/>
    <mergeCell ref="D4412:O4413"/>
    <mergeCell ref="P4412:S4413"/>
    <mergeCell ref="T4412:W4413"/>
    <mergeCell ref="X4412:AA4413"/>
    <mergeCell ref="A4384:C4385"/>
    <mergeCell ref="D4384:O4385"/>
    <mergeCell ref="P4384:S4385"/>
    <mergeCell ref="T4384:W4385"/>
    <mergeCell ref="X4384:AA4385"/>
    <mergeCell ref="A4386:C4387"/>
    <mergeCell ref="D4386:O4387"/>
    <mergeCell ref="P4386:S4387"/>
    <mergeCell ref="T4386:W4387"/>
    <mergeCell ref="X4386:AA4387"/>
    <mergeCell ref="A4388:C4389"/>
    <mergeCell ref="D4388:O4389"/>
    <mergeCell ref="P4388:S4389"/>
    <mergeCell ref="T4388:W4389"/>
    <mergeCell ref="X4388:AA4389"/>
    <mergeCell ref="A4390:C4391"/>
    <mergeCell ref="D4390:O4391"/>
    <mergeCell ref="P4390:S4391"/>
    <mergeCell ref="T4390:W4391"/>
    <mergeCell ref="X4390:AA4391"/>
    <mergeCell ref="A4392:C4393"/>
    <mergeCell ref="D4392:O4393"/>
    <mergeCell ref="P4392:S4393"/>
    <mergeCell ref="T4392:W4393"/>
    <mergeCell ref="X4392:AA4393"/>
    <mergeCell ref="A4394:C4395"/>
    <mergeCell ref="D4394:O4395"/>
    <mergeCell ref="P4394:S4395"/>
    <mergeCell ref="T4394:W4395"/>
    <mergeCell ref="X4394:AA4395"/>
    <mergeCell ref="A4396:C4397"/>
    <mergeCell ref="D4396:O4397"/>
    <mergeCell ref="P4396:S4397"/>
    <mergeCell ref="T4396:W4397"/>
    <mergeCell ref="X4396:AA4397"/>
    <mergeCell ref="A4368:AA4369"/>
    <mergeCell ref="A4370:C4371"/>
    <mergeCell ref="D4370:O4371"/>
    <mergeCell ref="P4370:S4371"/>
    <mergeCell ref="T4370:W4371"/>
    <mergeCell ref="X4370:AA4371"/>
    <mergeCell ref="A4372:C4373"/>
    <mergeCell ref="D4372:O4373"/>
    <mergeCell ref="P4372:S4373"/>
    <mergeCell ref="T4372:W4373"/>
    <mergeCell ref="X4372:AA4373"/>
    <mergeCell ref="A4374:C4375"/>
    <mergeCell ref="D4374:O4375"/>
    <mergeCell ref="P4374:S4375"/>
    <mergeCell ref="T4374:W4375"/>
    <mergeCell ref="X4374:AA4375"/>
    <mergeCell ref="A4376:C4377"/>
    <mergeCell ref="D4376:O4377"/>
    <mergeCell ref="P4376:S4377"/>
    <mergeCell ref="T4376:W4377"/>
    <mergeCell ref="X4376:AA4377"/>
    <mergeCell ref="A4378:C4379"/>
    <mergeCell ref="D4378:O4379"/>
    <mergeCell ref="P4378:S4379"/>
    <mergeCell ref="T4378:W4379"/>
    <mergeCell ref="X4378:AA4379"/>
    <mergeCell ref="A4380:C4381"/>
    <mergeCell ref="D4380:O4381"/>
    <mergeCell ref="P4380:S4381"/>
    <mergeCell ref="T4380:W4381"/>
    <mergeCell ref="X4380:AA4381"/>
    <mergeCell ref="A4382:C4383"/>
    <mergeCell ref="D4382:O4383"/>
    <mergeCell ref="P4382:S4383"/>
    <mergeCell ref="T4382:W4383"/>
    <mergeCell ref="X4382:AA4383"/>
    <mergeCell ref="A4354:C4355"/>
    <mergeCell ref="D4354:O4355"/>
    <mergeCell ref="P4354:S4355"/>
    <mergeCell ref="T4354:W4355"/>
    <mergeCell ref="X4354:AA4355"/>
    <mergeCell ref="A4356:C4357"/>
    <mergeCell ref="D4356:O4357"/>
    <mergeCell ref="P4356:S4357"/>
    <mergeCell ref="T4356:W4357"/>
    <mergeCell ref="X4356:AA4357"/>
    <mergeCell ref="A4358:C4359"/>
    <mergeCell ref="D4358:O4359"/>
    <mergeCell ref="P4358:S4359"/>
    <mergeCell ref="T4358:W4359"/>
    <mergeCell ref="X4358:AA4359"/>
    <mergeCell ref="A4360:C4361"/>
    <mergeCell ref="D4360:O4361"/>
    <mergeCell ref="P4360:S4361"/>
    <mergeCell ref="T4360:W4361"/>
    <mergeCell ref="X4360:AA4361"/>
    <mergeCell ref="A4362:C4363"/>
    <mergeCell ref="D4362:O4363"/>
    <mergeCell ref="P4362:S4363"/>
    <mergeCell ref="T4362:W4363"/>
    <mergeCell ref="X4362:AA4363"/>
    <mergeCell ref="A4364:C4365"/>
    <mergeCell ref="D4364:O4365"/>
    <mergeCell ref="P4364:S4365"/>
    <mergeCell ref="T4364:W4365"/>
    <mergeCell ref="X4364:AA4365"/>
    <mergeCell ref="A4366:C4367"/>
    <mergeCell ref="D4366:O4367"/>
    <mergeCell ref="P4366:S4367"/>
    <mergeCell ref="T4366:W4367"/>
    <mergeCell ref="X4366:AA4367"/>
    <mergeCell ref="A4338:C4339"/>
    <mergeCell ref="D4338:O4339"/>
    <mergeCell ref="P4338:S4339"/>
    <mergeCell ref="T4338:W4339"/>
    <mergeCell ref="X4338:AA4339"/>
    <mergeCell ref="A4340:C4341"/>
    <mergeCell ref="D4340:O4341"/>
    <mergeCell ref="P4340:S4341"/>
    <mergeCell ref="T4340:W4341"/>
    <mergeCell ref="X4340:AA4341"/>
    <mergeCell ref="A4342:C4343"/>
    <mergeCell ref="D4342:O4343"/>
    <mergeCell ref="P4342:S4343"/>
    <mergeCell ref="T4342:W4343"/>
    <mergeCell ref="X4342:AA4343"/>
    <mergeCell ref="A4344:C4345"/>
    <mergeCell ref="D4344:O4345"/>
    <mergeCell ref="P4344:S4345"/>
    <mergeCell ref="T4344:W4345"/>
    <mergeCell ref="X4344:AA4345"/>
    <mergeCell ref="A4346:AA4347"/>
    <mergeCell ref="A4348:C4349"/>
    <mergeCell ref="D4348:O4349"/>
    <mergeCell ref="P4348:S4349"/>
    <mergeCell ref="T4348:W4349"/>
    <mergeCell ref="X4348:AA4349"/>
    <mergeCell ref="A4350:C4351"/>
    <mergeCell ref="D4350:O4351"/>
    <mergeCell ref="P4350:S4351"/>
    <mergeCell ref="T4350:W4351"/>
    <mergeCell ref="X4350:AA4351"/>
    <mergeCell ref="A4352:C4353"/>
    <mergeCell ref="D4352:O4353"/>
    <mergeCell ref="P4352:S4353"/>
    <mergeCell ref="T4352:W4353"/>
    <mergeCell ref="X4352:AA4353"/>
    <mergeCell ref="A4322:C4323"/>
    <mergeCell ref="D4322:O4323"/>
    <mergeCell ref="P4322:S4323"/>
    <mergeCell ref="T4322:W4323"/>
    <mergeCell ref="X4322:AA4323"/>
    <mergeCell ref="A4324:AA4325"/>
    <mergeCell ref="A4326:C4327"/>
    <mergeCell ref="D4326:O4327"/>
    <mergeCell ref="P4326:S4327"/>
    <mergeCell ref="T4326:W4327"/>
    <mergeCell ref="X4326:AA4327"/>
    <mergeCell ref="A4328:C4329"/>
    <mergeCell ref="D4328:O4329"/>
    <mergeCell ref="P4328:S4329"/>
    <mergeCell ref="T4328:W4329"/>
    <mergeCell ref="X4328:AA4329"/>
    <mergeCell ref="A4330:C4331"/>
    <mergeCell ref="D4330:O4331"/>
    <mergeCell ref="P4330:S4331"/>
    <mergeCell ref="T4330:W4331"/>
    <mergeCell ref="X4330:AA4331"/>
    <mergeCell ref="A4332:C4333"/>
    <mergeCell ref="D4332:O4333"/>
    <mergeCell ref="P4332:S4333"/>
    <mergeCell ref="T4332:W4333"/>
    <mergeCell ref="X4332:AA4333"/>
    <mergeCell ref="A4334:C4335"/>
    <mergeCell ref="D4334:O4335"/>
    <mergeCell ref="P4334:S4335"/>
    <mergeCell ref="T4334:W4335"/>
    <mergeCell ref="X4334:AA4335"/>
    <mergeCell ref="A4336:C4337"/>
    <mergeCell ref="D4336:O4337"/>
    <mergeCell ref="P4336:S4337"/>
    <mergeCell ref="T4336:W4337"/>
    <mergeCell ref="X4336:AA4337"/>
    <mergeCell ref="A4308:C4309"/>
    <mergeCell ref="D4308:O4309"/>
    <mergeCell ref="P4308:S4309"/>
    <mergeCell ref="T4308:W4309"/>
    <mergeCell ref="X4308:AA4309"/>
    <mergeCell ref="A4310:C4311"/>
    <mergeCell ref="D4310:O4311"/>
    <mergeCell ref="P4310:S4311"/>
    <mergeCell ref="T4310:W4311"/>
    <mergeCell ref="X4310:AA4311"/>
    <mergeCell ref="A4312:C4313"/>
    <mergeCell ref="D4312:O4313"/>
    <mergeCell ref="P4312:S4313"/>
    <mergeCell ref="T4312:W4313"/>
    <mergeCell ref="X4312:AA4313"/>
    <mergeCell ref="A4314:C4315"/>
    <mergeCell ref="D4314:O4315"/>
    <mergeCell ref="P4314:S4315"/>
    <mergeCell ref="T4314:W4315"/>
    <mergeCell ref="X4314:AA4315"/>
    <mergeCell ref="A4316:C4317"/>
    <mergeCell ref="D4316:O4317"/>
    <mergeCell ref="P4316:S4317"/>
    <mergeCell ref="T4316:W4317"/>
    <mergeCell ref="X4316:AA4317"/>
    <mergeCell ref="A4318:C4319"/>
    <mergeCell ref="D4318:O4319"/>
    <mergeCell ref="P4318:S4319"/>
    <mergeCell ref="T4318:W4319"/>
    <mergeCell ref="X4318:AA4319"/>
    <mergeCell ref="A4320:C4321"/>
    <mergeCell ref="D4320:O4321"/>
    <mergeCell ref="P4320:S4321"/>
    <mergeCell ref="T4320:W4321"/>
    <mergeCell ref="X4320:AA4321"/>
    <mergeCell ref="A4294:C4295"/>
    <mergeCell ref="D4294:O4295"/>
    <mergeCell ref="P4294:S4295"/>
    <mergeCell ref="T4294:W4295"/>
    <mergeCell ref="X4294:AA4295"/>
    <mergeCell ref="A4296:C4297"/>
    <mergeCell ref="D4296:O4297"/>
    <mergeCell ref="P4296:S4297"/>
    <mergeCell ref="T4296:W4297"/>
    <mergeCell ref="X4296:AA4297"/>
    <mergeCell ref="A4298:C4299"/>
    <mergeCell ref="D4298:O4299"/>
    <mergeCell ref="P4298:S4299"/>
    <mergeCell ref="T4298:W4299"/>
    <mergeCell ref="X4298:AA4299"/>
    <mergeCell ref="A4300:C4301"/>
    <mergeCell ref="D4300:O4301"/>
    <mergeCell ref="P4300:S4301"/>
    <mergeCell ref="T4300:W4301"/>
    <mergeCell ref="X4300:AA4301"/>
    <mergeCell ref="A4302:C4303"/>
    <mergeCell ref="D4302:O4303"/>
    <mergeCell ref="P4302:S4303"/>
    <mergeCell ref="T4302:W4303"/>
    <mergeCell ref="X4302:AA4303"/>
    <mergeCell ref="A4304:C4305"/>
    <mergeCell ref="D4304:O4305"/>
    <mergeCell ref="P4304:S4305"/>
    <mergeCell ref="T4304:W4305"/>
    <mergeCell ref="X4304:AA4305"/>
    <mergeCell ref="A4306:C4307"/>
    <mergeCell ref="D4306:O4307"/>
    <mergeCell ref="P4306:S4307"/>
    <mergeCell ref="T4306:W4307"/>
    <mergeCell ref="X4306:AA4307"/>
    <mergeCell ref="A4280:C4281"/>
    <mergeCell ref="D4280:O4281"/>
    <mergeCell ref="P4280:S4281"/>
    <mergeCell ref="T4280:W4281"/>
    <mergeCell ref="X4280:AA4281"/>
    <mergeCell ref="A4282:C4283"/>
    <mergeCell ref="D4282:O4283"/>
    <mergeCell ref="P4282:S4283"/>
    <mergeCell ref="T4282:W4283"/>
    <mergeCell ref="X4282:AA4283"/>
    <mergeCell ref="A4284:C4285"/>
    <mergeCell ref="D4284:O4285"/>
    <mergeCell ref="P4284:S4285"/>
    <mergeCell ref="T4284:W4285"/>
    <mergeCell ref="X4284:AA4285"/>
    <mergeCell ref="A4286:C4287"/>
    <mergeCell ref="D4286:O4287"/>
    <mergeCell ref="P4286:S4287"/>
    <mergeCell ref="T4286:W4287"/>
    <mergeCell ref="X4286:AA4287"/>
    <mergeCell ref="A4288:C4289"/>
    <mergeCell ref="D4288:O4289"/>
    <mergeCell ref="P4288:S4289"/>
    <mergeCell ref="T4288:W4289"/>
    <mergeCell ref="X4288:AA4289"/>
    <mergeCell ref="A4290:C4291"/>
    <mergeCell ref="D4290:O4291"/>
    <mergeCell ref="P4290:S4291"/>
    <mergeCell ref="T4290:W4291"/>
    <mergeCell ref="X4290:AA4291"/>
    <mergeCell ref="A4292:C4293"/>
    <mergeCell ref="D4292:O4293"/>
    <mergeCell ref="P4292:S4293"/>
    <mergeCell ref="T4292:W4293"/>
    <mergeCell ref="X4292:AA4293"/>
    <mergeCell ref="A4266:C4267"/>
    <mergeCell ref="D4266:O4267"/>
    <mergeCell ref="P4266:S4267"/>
    <mergeCell ref="T4266:W4267"/>
    <mergeCell ref="X4266:AA4267"/>
    <mergeCell ref="A4268:C4269"/>
    <mergeCell ref="D4268:O4269"/>
    <mergeCell ref="P4268:S4269"/>
    <mergeCell ref="T4268:W4269"/>
    <mergeCell ref="X4268:AA4269"/>
    <mergeCell ref="A4270:C4271"/>
    <mergeCell ref="D4270:O4271"/>
    <mergeCell ref="P4270:S4271"/>
    <mergeCell ref="T4270:W4271"/>
    <mergeCell ref="X4270:AA4271"/>
    <mergeCell ref="A4272:C4273"/>
    <mergeCell ref="D4272:O4273"/>
    <mergeCell ref="P4272:S4273"/>
    <mergeCell ref="T4272:W4273"/>
    <mergeCell ref="X4272:AA4273"/>
    <mergeCell ref="A4274:C4275"/>
    <mergeCell ref="D4274:O4275"/>
    <mergeCell ref="P4274:S4275"/>
    <mergeCell ref="T4274:W4275"/>
    <mergeCell ref="X4274:AA4275"/>
    <mergeCell ref="A4276:C4277"/>
    <mergeCell ref="D4276:O4277"/>
    <mergeCell ref="P4276:S4277"/>
    <mergeCell ref="T4276:W4277"/>
    <mergeCell ref="X4276:AA4277"/>
    <mergeCell ref="A4278:C4279"/>
    <mergeCell ref="D4278:O4279"/>
    <mergeCell ref="P4278:S4279"/>
    <mergeCell ref="T4278:W4279"/>
    <mergeCell ref="X4278:AA4279"/>
    <mergeCell ref="A4252:C4253"/>
    <mergeCell ref="D4252:O4253"/>
    <mergeCell ref="P4252:S4253"/>
    <mergeCell ref="T4252:W4253"/>
    <mergeCell ref="X4252:AA4253"/>
    <mergeCell ref="A4254:C4255"/>
    <mergeCell ref="D4254:O4255"/>
    <mergeCell ref="P4254:S4255"/>
    <mergeCell ref="T4254:W4255"/>
    <mergeCell ref="X4254:AA4255"/>
    <mergeCell ref="A4256:C4257"/>
    <mergeCell ref="D4256:O4257"/>
    <mergeCell ref="P4256:S4257"/>
    <mergeCell ref="T4256:W4257"/>
    <mergeCell ref="X4256:AA4257"/>
    <mergeCell ref="A4258:C4259"/>
    <mergeCell ref="D4258:O4259"/>
    <mergeCell ref="P4258:S4259"/>
    <mergeCell ref="T4258:W4259"/>
    <mergeCell ref="X4258:AA4259"/>
    <mergeCell ref="A4260:C4261"/>
    <mergeCell ref="D4260:O4261"/>
    <mergeCell ref="P4260:S4261"/>
    <mergeCell ref="T4260:W4261"/>
    <mergeCell ref="X4260:AA4261"/>
    <mergeCell ref="A4262:C4263"/>
    <mergeCell ref="D4262:O4263"/>
    <mergeCell ref="P4262:S4263"/>
    <mergeCell ref="T4262:W4263"/>
    <mergeCell ref="X4262:AA4263"/>
    <mergeCell ref="A4264:C4265"/>
    <mergeCell ref="D4264:O4265"/>
    <mergeCell ref="P4264:S4265"/>
    <mergeCell ref="T4264:W4265"/>
    <mergeCell ref="X4264:AA4265"/>
    <mergeCell ref="A4238:C4239"/>
    <mergeCell ref="D4238:O4239"/>
    <mergeCell ref="P4238:S4239"/>
    <mergeCell ref="T4238:W4239"/>
    <mergeCell ref="X4238:AA4239"/>
    <mergeCell ref="A4240:C4241"/>
    <mergeCell ref="D4240:O4241"/>
    <mergeCell ref="P4240:S4241"/>
    <mergeCell ref="T4240:W4241"/>
    <mergeCell ref="X4240:AA4241"/>
    <mergeCell ref="A4242:C4243"/>
    <mergeCell ref="D4242:O4243"/>
    <mergeCell ref="P4242:S4243"/>
    <mergeCell ref="T4242:W4243"/>
    <mergeCell ref="X4242:AA4243"/>
    <mergeCell ref="A4244:C4245"/>
    <mergeCell ref="D4244:O4245"/>
    <mergeCell ref="P4244:S4245"/>
    <mergeCell ref="T4244:W4245"/>
    <mergeCell ref="X4244:AA4245"/>
    <mergeCell ref="A4246:C4247"/>
    <mergeCell ref="D4246:O4247"/>
    <mergeCell ref="P4246:S4247"/>
    <mergeCell ref="T4246:W4247"/>
    <mergeCell ref="X4246:AA4247"/>
    <mergeCell ref="A4248:C4249"/>
    <mergeCell ref="D4248:O4249"/>
    <mergeCell ref="P4248:S4249"/>
    <mergeCell ref="T4248:W4249"/>
    <mergeCell ref="X4248:AA4249"/>
    <mergeCell ref="A4250:C4251"/>
    <mergeCell ref="D4250:O4251"/>
    <mergeCell ref="P4250:S4251"/>
    <mergeCell ref="T4250:W4251"/>
    <mergeCell ref="X4250:AA4251"/>
    <mergeCell ref="A4224:C4225"/>
    <mergeCell ref="D4224:O4225"/>
    <mergeCell ref="P4224:S4225"/>
    <mergeCell ref="T4224:W4225"/>
    <mergeCell ref="X4224:AA4225"/>
    <mergeCell ref="A4226:C4227"/>
    <mergeCell ref="D4226:O4227"/>
    <mergeCell ref="P4226:S4227"/>
    <mergeCell ref="T4226:W4227"/>
    <mergeCell ref="X4226:AA4227"/>
    <mergeCell ref="A4228:C4229"/>
    <mergeCell ref="D4228:O4229"/>
    <mergeCell ref="P4228:S4229"/>
    <mergeCell ref="T4228:W4229"/>
    <mergeCell ref="X4228:AA4229"/>
    <mergeCell ref="A4230:C4231"/>
    <mergeCell ref="D4230:O4231"/>
    <mergeCell ref="P4230:S4231"/>
    <mergeCell ref="T4230:W4231"/>
    <mergeCell ref="X4230:AA4231"/>
    <mergeCell ref="A4232:C4233"/>
    <mergeCell ref="D4232:O4233"/>
    <mergeCell ref="P4232:S4233"/>
    <mergeCell ref="T4232:W4233"/>
    <mergeCell ref="X4232:AA4233"/>
    <mergeCell ref="A4234:C4235"/>
    <mergeCell ref="D4234:O4235"/>
    <mergeCell ref="P4234:S4235"/>
    <mergeCell ref="T4234:W4235"/>
    <mergeCell ref="X4234:AA4235"/>
    <mergeCell ref="A4236:C4237"/>
    <mergeCell ref="D4236:O4237"/>
    <mergeCell ref="P4236:S4237"/>
    <mergeCell ref="T4236:W4237"/>
    <mergeCell ref="X4236:AA4237"/>
    <mergeCell ref="A4210:C4211"/>
    <mergeCell ref="D4210:O4211"/>
    <mergeCell ref="P4210:S4211"/>
    <mergeCell ref="T4210:W4211"/>
    <mergeCell ref="X4210:AA4211"/>
    <mergeCell ref="A4212:C4213"/>
    <mergeCell ref="D4212:O4213"/>
    <mergeCell ref="P4212:S4213"/>
    <mergeCell ref="T4212:W4213"/>
    <mergeCell ref="X4212:AA4213"/>
    <mergeCell ref="A4214:C4215"/>
    <mergeCell ref="D4214:O4215"/>
    <mergeCell ref="P4214:S4215"/>
    <mergeCell ref="T4214:W4215"/>
    <mergeCell ref="X4214:AA4215"/>
    <mergeCell ref="A4216:C4217"/>
    <mergeCell ref="D4216:O4217"/>
    <mergeCell ref="P4216:S4217"/>
    <mergeCell ref="T4216:W4217"/>
    <mergeCell ref="X4216:AA4217"/>
    <mergeCell ref="A4218:C4219"/>
    <mergeCell ref="D4218:O4219"/>
    <mergeCell ref="P4218:S4219"/>
    <mergeCell ref="T4218:W4219"/>
    <mergeCell ref="X4218:AA4219"/>
    <mergeCell ref="A4220:C4221"/>
    <mergeCell ref="D4220:O4221"/>
    <mergeCell ref="P4220:S4221"/>
    <mergeCell ref="T4220:W4221"/>
    <mergeCell ref="X4220:AA4221"/>
    <mergeCell ref="A4222:C4223"/>
    <mergeCell ref="D4222:O4223"/>
    <mergeCell ref="P4222:S4223"/>
    <mergeCell ref="T4222:W4223"/>
    <mergeCell ref="X4222:AA4223"/>
    <mergeCell ref="A4196:C4197"/>
    <mergeCell ref="D4196:O4197"/>
    <mergeCell ref="P4196:S4197"/>
    <mergeCell ref="T4196:W4197"/>
    <mergeCell ref="X4196:AA4197"/>
    <mergeCell ref="A4198:C4199"/>
    <mergeCell ref="D4198:O4199"/>
    <mergeCell ref="P4198:S4199"/>
    <mergeCell ref="T4198:W4199"/>
    <mergeCell ref="X4198:AA4199"/>
    <mergeCell ref="A4200:C4201"/>
    <mergeCell ref="D4200:O4201"/>
    <mergeCell ref="P4200:S4201"/>
    <mergeCell ref="T4200:W4201"/>
    <mergeCell ref="X4200:AA4201"/>
    <mergeCell ref="A4202:C4203"/>
    <mergeCell ref="D4202:O4203"/>
    <mergeCell ref="P4202:S4203"/>
    <mergeCell ref="T4202:W4203"/>
    <mergeCell ref="X4202:AA4203"/>
    <mergeCell ref="A4204:C4205"/>
    <mergeCell ref="D4204:O4205"/>
    <mergeCell ref="P4204:S4205"/>
    <mergeCell ref="T4204:W4205"/>
    <mergeCell ref="X4204:AA4205"/>
    <mergeCell ref="A4206:C4207"/>
    <mergeCell ref="D4206:O4207"/>
    <mergeCell ref="P4206:S4207"/>
    <mergeCell ref="T4206:W4207"/>
    <mergeCell ref="X4206:AA4207"/>
    <mergeCell ref="A4208:C4209"/>
    <mergeCell ref="D4208:O4209"/>
    <mergeCell ref="P4208:S4209"/>
    <mergeCell ref="T4208:W4209"/>
    <mergeCell ref="X4208:AA4209"/>
    <mergeCell ref="A4182:C4183"/>
    <mergeCell ref="D4182:O4183"/>
    <mergeCell ref="P4182:S4183"/>
    <mergeCell ref="T4182:W4183"/>
    <mergeCell ref="X4182:AA4183"/>
    <mergeCell ref="A4184:C4185"/>
    <mergeCell ref="D4184:O4185"/>
    <mergeCell ref="P4184:S4185"/>
    <mergeCell ref="T4184:W4185"/>
    <mergeCell ref="X4184:AA4185"/>
    <mergeCell ref="A4186:C4187"/>
    <mergeCell ref="D4186:O4187"/>
    <mergeCell ref="P4186:S4187"/>
    <mergeCell ref="T4186:W4187"/>
    <mergeCell ref="X4186:AA4187"/>
    <mergeCell ref="A4188:C4189"/>
    <mergeCell ref="D4188:O4189"/>
    <mergeCell ref="P4188:S4189"/>
    <mergeCell ref="T4188:W4189"/>
    <mergeCell ref="X4188:AA4189"/>
    <mergeCell ref="A4190:C4191"/>
    <mergeCell ref="D4190:O4191"/>
    <mergeCell ref="P4190:S4191"/>
    <mergeCell ref="T4190:W4191"/>
    <mergeCell ref="X4190:AA4191"/>
    <mergeCell ref="A4192:C4193"/>
    <mergeCell ref="D4192:O4193"/>
    <mergeCell ref="P4192:S4193"/>
    <mergeCell ref="T4192:W4193"/>
    <mergeCell ref="X4192:AA4193"/>
    <mergeCell ref="A4194:C4195"/>
    <mergeCell ref="D4194:O4195"/>
    <mergeCell ref="P4194:S4195"/>
    <mergeCell ref="T4194:W4195"/>
    <mergeCell ref="X4194:AA4195"/>
    <mergeCell ref="A4168:C4169"/>
    <mergeCell ref="D4168:O4169"/>
    <mergeCell ref="P4168:S4169"/>
    <mergeCell ref="T4168:W4169"/>
    <mergeCell ref="X4168:AA4169"/>
    <mergeCell ref="A4170:C4171"/>
    <mergeCell ref="D4170:O4171"/>
    <mergeCell ref="P4170:S4171"/>
    <mergeCell ref="T4170:W4171"/>
    <mergeCell ref="X4170:AA4171"/>
    <mergeCell ref="A4172:C4173"/>
    <mergeCell ref="D4172:O4173"/>
    <mergeCell ref="P4172:S4173"/>
    <mergeCell ref="T4172:W4173"/>
    <mergeCell ref="X4172:AA4173"/>
    <mergeCell ref="A4174:C4175"/>
    <mergeCell ref="D4174:O4175"/>
    <mergeCell ref="P4174:S4175"/>
    <mergeCell ref="T4174:W4175"/>
    <mergeCell ref="X4174:AA4175"/>
    <mergeCell ref="A4176:C4177"/>
    <mergeCell ref="D4176:O4177"/>
    <mergeCell ref="P4176:S4177"/>
    <mergeCell ref="T4176:W4177"/>
    <mergeCell ref="X4176:AA4177"/>
    <mergeCell ref="A4178:C4179"/>
    <mergeCell ref="D4178:O4179"/>
    <mergeCell ref="P4178:S4179"/>
    <mergeCell ref="T4178:W4179"/>
    <mergeCell ref="X4178:AA4179"/>
    <mergeCell ref="A4180:C4181"/>
    <mergeCell ref="D4180:O4181"/>
    <mergeCell ref="P4180:S4181"/>
    <mergeCell ref="T4180:W4181"/>
    <mergeCell ref="X4180:AA4181"/>
    <mergeCell ref="A4154:C4155"/>
    <mergeCell ref="D4154:O4155"/>
    <mergeCell ref="P4154:S4155"/>
    <mergeCell ref="T4154:W4155"/>
    <mergeCell ref="X4154:AA4155"/>
    <mergeCell ref="A4156:C4157"/>
    <mergeCell ref="D4156:O4157"/>
    <mergeCell ref="P4156:S4157"/>
    <mergeCell ref="T4156:W4157"/>
    <mergeCell ref="X4156:AA4157"/>
    <mergeCell ref="A4158:C4159"/>
    <mergeCell ref="D4158:O4159"/>
    <mergeCell ref="P4158:S4159"/>
    <mergeCell ref="T4158:W4159"/>
    <mergeCell ref="X4158:AA4159"/>
    <mergeCell ref="A4160:C4161"/>
    <mergeCell ref="D4160:O4161"/>
    <mergeCell ref="P4160:S4161"/>
    <mergeCell ref="T4160:W4161"/>
    <mergeCell ref="X4160:AA4161"/>
    <mergeCell ref="A4162:C4163"/>
    <mergeCell ref="D4162:O4163"/>
    <mergeCell ref="P4162:S4163"/>
    <mergeCell ref="T4162:W4163"/>
    <mergeCell ref="X4162:AA4163"/>
    <mergeCell ref="A4164:C4165"/>
    <mergeCell ref="D4164:O4165"/>
    <mergeCell ref="P4164:S4165"/>
    <mergeCell ref="T4164:W4165"/>
    <mergeCell ref="X4164:AA4165"/>
    <mergeCell ref="A4166:C4167"/>
    <mergeCell ref="D4166:O4167"/>
    <mergeCell ref="P4166:S4167"/>
    <mergeCell ref="T4166:W4167"/>
    <mergeCell ref="X4166:AA4167"/>
    <mergeCell ref="A4140:C4141"/>
    <mergeCell ref="D4140:O4141"/>
    <mergeCell ref="P4140:S4141"/>
    <mergeCell ref="T4140:W4141"/>
    <mergeCell ref="X4140:AA4141"/>
    <mergeCell ref="A4142:C4143"/>
    <mergeCell ref="D4142:O4143"/>
    <mergeCell ref="P4142:S4143"/>
    <mergeCell ref="T4142:W4143"/>
    <mergeCell ref="X4142:AA4143"/>
    <mergeCell ref="A4144:C4145"/>
    <mergeCell ref="D4144:O4145"/>
    <mergeCell ref="P4144:S4145"/>
    <mergeCell ref="T4144:W4145"/>
    <mergeCell ref="X4144:AA4145"/>
    <mergeCell ref="A4146:C4147"/>
    <mergeCell ref="D4146:O4147"/>
    <mergeCell ref="P4146:S4147"/>
    <mergeCell ref="T4146:W4147"/>
    <mergeCell ref="X4146:AA4147"/>
    <mergeCell ref="A4148:C4149"/>
    <mergeCell ref="D4148:O4149"/>
    <mergeCell ref="P4148:S4149"/>
    <mergeCell ref="T4148:W4149"/>
    <mergeCell ref="X4148:AA4149"/>
    <mergeCell ref="A4150:C4151"/>
    <mergeCell ref="D4150:O4151"/>
    <mergeCell ref="P4150:S4151"/>
    <mergeCell ref="T4150:W4151"/>
    <mergeCell ref="X4150:AA4151"/>
    <mergeCell ref="A4152:C4153"/>
    <mergeCell ref="D4152:O4153"/>
    <mergeCell ref="P4152:S4153"/>
    <mergeCell ref="T4152:W4153"/>
    <mergeCell ref="X4152:AA4153"/>
    <mergeCell ref="A4126:C4127"/>
    <mergeCell ref="D4126:O4127"/>
    <mergeCell ref="P4126:S4127"/>
    <mergeCell ref="T4126:W4127"/>
    <mergeCell ref="X4126:AA4127"/>
    <mergeCell ref="A4128:C4129"/>
    <mergeCell ref="D4128:O4129"/>
    <mergeCell ref="P4128:S4129"/>
    <mergeCell ref="T4128:W4129"/>
    <mergeCell ref="X4128:AA4129"/>
    <mergeCell ref="A4130:C4131"/>
    <mergeCell ref="D4130:O4131"/>
    <mergeCell ref="P4130:S4131"/>
    <mergeCell ref="T4130:W4131"/>
    <mergeCell ref="X4130:AA4131"/>
    <mergeCell ref="A4132:C4133"/>
    <mergeCell ref="D4132:O4133"/>
    <mergeCell ref="P4132:S4133"/>
    <mergeCell ref="T4132:W4133"/>
    <mergeCell ref="X4132:AA4133"/>
    <mergeCell ref="A4134:C4135"/>
    <mergeCell ref="D4134:O4135"/>
    <mergeCell ref="P4134:S4135"/>
    <mergeCell ref="T4134:W4135"/>
    <mergeCell ref="X4134:AA4135"/>
    <mergeCell ref="A4136:C4137"/>
    <mergeCell ref="D4136:O4137"/>
    <mergeCell ref="P4136:S4137"/>
    <mergeCell ref="T4136:W4137"/>
    <mergeCell ref="X4136:AA4137"/>
    <mergeCell ref="A4138:C4139"/>
    <mergeCell ref="D4138:O4139"/>
    <mergeCell ref="P4138:S4139"/>
    <mergeCell ref="T4138:W4139"/>
    <mergeCell ref="X4138:AA4139"/>
    <mergeCell ref="A4112:C4113"/>
    <mergeCell ref="D4112:O4113"/>
    <mergeCell ref="P4112:S4113"/>
    <mergeCell ref="T4112:W4113"/>
    <mergeCell ref="X4112:AA4113"/>
    <mergeCell ref="A4114:C4115"/>
    <mergeCell ref="D4114:O4115"/>
    <mergeCell ref="P4114:S4115"/>
    <mergeCell ref="T4114:W4115"/>
    <mergeCell ref="X4114:AA4115"/>
    <mergeCell ref="A4116:C4117"/>
    <mergeCell ref="D4116:O4117"/>
    <mergeCell ref="P4116:S4117"/>
    <mergeCell ref="T4116:W4117"/>
    <mergeCell ref="X4116:AA4117"/>
    <mergeCell ref="A4118:C4119"/>
    <mergeCell ref="D4118:O4119"/>
    <mergeCell ref="P4118:S4119"/>
    <mergeCell ref="T4118:W4119"/>
    <mergeCell ref="X4118:AA4119"/>
    <mergeCell ref="A4120:C4121"/>
    <mergeCell ref="D4120:O4121"/>
    <mergeCell ref="P4120:S4121"/>
    <mergeCell ref="T4120:W4121"/>
    <mergeCell ref="X4120:AA4121"/>
    <mergeCell ref="A4122:C4123"/>
    <mergeCell ref="D4122:O4123"/>
    <mergeCell ref="P4122:S4123"/>
    <mergeCell ref="T4122:W4123"/>
    <mergeCell ref="X4122:AA4123"/>
    <mergeCell ref="A4124:C4125"/>
    <mergeCell ref="D4124:O4125"/>
    <mergeCell ref="P4124:S4125"/>
    <mergeCell ref="T4124:W4125"/>
    <mergeCell ref="X4124:AA4125"/>
    <mergeCell ref="A4098:C4099"/>
    <mergeCell ref="D4098:O4099"/>
    <mergeCell ref="P4098:S4099"/>
    <mergeCell ref="T4098:W4099"/>
    <mergeCell ref="X4098:AA4099"/>
    <mergeCell ref="A4100:C4101"/>
    <mergeCell ref="D4100:O4101"/>
    <mergeCell ref="P4100:S4101"/>
    <mergeCell ref="T4100:W4101"/>
    <mergeCell ref="X4100:AA4101"/>
    <mergeCell ref="A4102:C4103"/>
    <mergeCell ref="D4102:O4103"/>
    <mergeCell ref="P4102:S4103"/>
    <mergeCell ref="T4102:W4103"/>
    <mergeCell ref="X4102:AA4103"/>
    <mergeCell ref="A4104:C4105"/>
    <mergeCell ref="D4104:O4105"/>
    <mergeCell ref="P4104:S4105"/>
    <mergeCell ref="T4104:W4105"/>
    <mergeCell ref="X4104:AA4105"/>
    <mergeCell ref="A4106:C4107"/>
    <mergeCell ref="D4106:O4107"/>
    <mergeCell ref="P4106:S4107"/>
    <mergeCell ref="T4106:W4107"/>
    <mergeCell ref="X4106:AA4107"/>
    <mergeCell ref="A4108:C4109"/>
    <mergeCell ref="D4108:O4109"/>
    <mergeCell ref="P4108:S4109"/>
    <mergeCell ref="T4108:W4109"/>
    <mergeCell ref="X4108:AA4109"/>
    <mergeCell ref="A4110:C4111"/>
    <mergeCell ref="D4110:O4111"/>
    <mergeCell ref="P4110:S4111"/>
    <mergeCell ref="T4110:W4111"/>
    <mergeCell ref="X4110:AA4111"/>
    <mergeCell ref="A4084:C4085"/>
    <mergeCell ref="D4084:O4085"/>
    <mergeCell ref="P4084:S4085"/>
    <mergeCell ref="T4084:W4085"/>
    <mergeCell ref="X4084:AA4085"/>
    <mergeCell ref="A4086:C4087"/>
    <mergeCell ref="D4086:O4087"/>
    <mergeCell ref="P4086:S4087"/>
    <mergeCell ref="T4086:W4087"/>
    <mergeCell ref="X4086:AA4087"/>
    <mergeCell ref="A4088:C4089"/>
    <mergeCell ref="D4088:O4089"/>
    <mergeCell ref="P4088:S4089"/>
    <mergeCell ref="T4088:W4089"/>
    <mergeCell ref="X4088:AA4089"/>
    <mergeCell ref="A4090:C4091"/>
    <mergeCell ref="D4090:O4091"/>
    <mergeCell ref="P4090:S4091"/>
    <mergeCell ref="T4090:W4091"/>
    <mergeCell ref="X4090:AA4091"/>
    <mergeCell ref="A4092:C4093"/>
    <mergeCell ref="D4092:O4093"/>
    <mergeCell ref="P4092:S4093"/>
    <mergeCell ref="T4092:W4093"/>
    <mergeCell ref="X4092:AA4093"/>
    <mergeCell ref="A4094:C4095"/>
    <mergeCell ref="D4094:O4095"/>
    <mergeCell ref="P4094:S4095"/>
    <mergeCell ref="T4094:W4095"/>
    <mergeCell ref="X4094:AA4095"/>
    <mergeCell ref="A4096:C4097"/>
    <mergeCell ref="D4096:O4097"/>
    <mergeCell ref="P4096:S4097"/>
    <mergeCell ref="T4096:W4097"/>
    <mergeCell ref="X4096:AA4097"/>
    <mergeCell ref="A4070:C4071"/>
    <mergeCell ref="D4070:O4071"/>
    <mergeCell ref="P4070:S4071"/>
    <mergeCell ref="T4070:W4071"/>
    <mergeCell ref="X4070:AA4071"/>
    <mergeCell ref="A4072:C4073"/>
    <mergeCell ref="D4072:O4073"/>
    <mergeCell ref="P4072:S4073"/>
    <mergeCell ref="T4072:W4073"/>
    <mergeCell ref="X4072:AA4073"/>
    <mergeCell ref="A4074:C4075"/>
    <mergeCell ref="D4074:O4075"/>
    <mergeCell ref="P4074:S4075"/>
    <mergeCell ref="T4074:W4075"/>
    <mergeCell ref="X4074:AA4075"/>
    <mergeCell ref="A4076:C4077"/>
    <mergeCell ref="D4076:O4077"/>
    <mergeCell ref="P4076:S4077"/>
    <mergeCell ref="T4076:W4077"/>
    <mergeCell ref="X4076:AA4077"/>
    <mergeCell ref="A4078:C4079"/>
    <mergeCell ref="D4078:O4079"/>
    <mergeCell ref="P4078:S4079"/>
    <mergeCell ref="T4078:W4079"/>
    <mergeCell ref="X4078:AA4079"/>
    <mergeCell ref="A4080:C4081"/>
    <mergeCell ref="D4080:O4081"/>
    <mergeCell ref="P4080:S4081"/>
    <mergeCell ref="T4080:W4081"/>
    <mergeCell ref="X4080:AA4081"/>
    <mergeCell ref="A4082:C4083"/>
    <mergeCell ref="D4082:O4083"/>
    <mergeCell ref="P4082:S4083"/>
    <mergeCell ref="T4082:W4083"/>
    <mergeCell ref="X4082:AA4083"/>
    <mergeCell ref="A4056:C4057"/>
    <mergeCell ref="D4056:O4057"/>
    <mergeCell ref="P4056:S4057"/>
    <mergeCell ref="T4056:W4057"/>
    <mergeCell ref="X4056:AA4057"/>
    <mergeCell ref="A4058:C4059"/>
    <mergeCell ref="D4058:O4059"/>
    <mergeCell ref="P4058:S4059"/>
    <mergeCell ref="T4058:W4059"/>
    <mergeCell ref="X4058:AA4059"/>
    <mergeCell ref="A4060:C4061"/>
    <mergeCell ref="D4060:O4061"/>
    <mergeCell ref="P4060:S4061"/>
    <mergeCell ref="T4060:W4061"/>
    <mergeCell ref="X4060:AA4061"/>
    <mergeCell ref="A4062:C4063"/>
    <mergeCell ref="D4062:O4063"/>
    <mergeCell ref="P4062:S4063"/>
    <mergeCell ref="T4062:W4063"/>
    <mergeCell ref="X4062:AA4063"/>
    <mergeCell ref="A4064:C4065"/>
    <mergeCell ref="D4064:O4065"/>
    <mergeCell ref="P4064:S4065"/>
    <mergeCell ref="T4064:W4065"/>
    <mergeCell ref="X4064:AA4065"/>
    <mergeCell ref="A4066:C4067"/>
    <mergeCell ref="D4066:O4067"/>
    <mergeCell ref="P4066:S4067"/>
    <mergeCell ref="T4066:W4067"/>
    <mergeCell ref="X4066:AA4067"/>
    <mergeCell ref="A4068:C4069"/>
    <mergeCell ref="D4068:O4069"/>
    <mergeCell ref="P4068:S4069"/>
    <mergeCell ref="T4068:W4069"/>
    <mergeCell ref="X4068:AA4069"/>
    <mergeCell ref="A4040:C4041"/>
    <mergeCell ref="D4040:O4041"/>
    <mergeCell ref="P4040:S4041"/>
    <mergeCell ref="T4040:W4041"/>
    <mergeCell ref="X4040:AA4041"/>
    <mergeCell ref="A4042:C4043"/>
    <mergeCell ref="D4042:O4043"/>
    <mergeCell ref="P4042:S4043"/>
    <mergeCell ref="T4042:W4043"/>
    <mergeCell ref="X4042:AA4043"/>
    <mergeCell ref="A4044:C4045"/>
    <mergeCell ref="D4044:O4045"/>
    <mergeCell ref="P4044:S4045"/>
    <mergeCell ref="T4044:W4045"/>
    <mergeCell ref="X4044:AA4045"/>
    <mergeCell ref="A4046:C4047"/>
    <mergeCell ref="D4046:O4047"/>
    <mergeCell ref="P4046:S4047"/>
    <mergeCell ref="T4046:W4047"/>
    <mergeCell ref="X4046:AA4047"/>
    <mergeCell ref="A4048:C4049"/>
    <mergeCell ref="D4048:O4049"/>
    <mergeCell ref="P4048:S4049"/>
    <mergeCell ref="T4048:W4049"/>
    <mergeCell ref="X4048:AA4049"/>
    <mergeCell ref="A4050:AA4051"/>
    <mergeCell ref="A4052:C4053"/>
    <mergeCell ref="D4052:O4053"/>
    <mergeCell ref="P4052:S4053"/>
    <mergeCell ref="T4052:W4053"/>
    <mergeCell ref="X4052:AA4053"/>
    <mergeCell ref="A4054:C4055"/>
    <mergeCell ref="D4054:O4055"/>
    <mergeCell ref="P4054:S4055"/>
    <mergeCell ref="T4054:W4055"/>
    <mergeCell ref="X4054:AA4055"/>
    <mergeCell ref="A4024:C4025"/>
    <mergeCell ref="D4024:O4025"/>
    <mergeCell ref="P4024:S4025"/>
    <mergeCell ref="T4024:W4025"/>
    <mergeCell ref="X4024:AA4025"/>
    <mergeCell ref="A4026:C4027"/>
    <mergeCell ref="D4026:O4027"/>
    <mergeCell ref="P4026:S4027"/>
    <mergeCell ref="T4026:W4027"/>
    <mergeCell ref="X4026:AA4027"/>
    <mergeCell ref="A4028:C4029"/>
    <mergeCell ref="D4028:O4029"/>
    <mergeCell ref="P4028:S4029"/>
    <mergeCell ref="T4028:W4029"/>
    <mergeCell ref="X4028:AA4029"/>
    <mergeCell ref="A4030:C4031"/>
    <mergeCell ref="D4030:O4031"/>
    <mergeCell ref="P4030:S4031"/>
    <mergeCell ref="T4030:W4031"/>
    <mergeCell ref="X4030:AA4031"/>
    <mergeCell ref="A4032:C4033"/>
    <mergeCell ref="D4032:O4033"/>
    <mergeCell ref="P4032:S4033"/>
    <mergeCell ref="T4032:W4033"/>
    <mergeCell ref="X4032:AA4033"/>
    <mergeCell ref="A4034:C4035"/>
    <mergeCell ref="D4034:O4035"/>
    <mergeCell ref="P4034:S4035"/>
    <mergeCell ref="T4034:W4035"/>
    <mergeCell ref="X4034:AA4035"/>
    <mergeCell ref="A4036:AA4037"/>
    <mergeCell ref="A4038:C4039"/>
    <mergeCell ref="D4038:O4039"/>
    <mergeCell ref="P4038:S4039"/>
    <mergeCell ref="T4038:W4039"/>
    <mergeCell ref="X4038:AA4039"/>
    <mergeCell ref="A4010:C4011"/>
    <mergeCell ref="D4010:O4011"/>
    <mergeCell ref="P4010:S4011"/>
    <mergeCell ref="T4010:W4011"/>
    <mergeCell ref="X4010:AA4011"/>
    <mergeCell ref="A4012:C4013"/>
    <mergeCell ref="D4012:O4013"/>
    <mergeCell ref="P4012:S4013"/>
    <mergeCell ref="T4012:W4013"/>
    <mergeCell ref="X4012:AA4013"/>
    <mergeCell ref="A4014:C4015"/>
    <mergeCell ref="D4014:O4015"/>
    <mergeCell ref="P4014:S4015"/>
    <mergeCell ref="T4014:W4015"/>
    <mergeCell ref="X4014:AA4015"/>
    <mergeCell ref="A4016:C4017"/>
    <mergeCell ref="D4016:O4017"/>
    <mergeCell ref="P4016:S4017"/>
    <mergeCell ref="T4016:W4017"/>
    <mergeCell ref="X4016:AA4017"/>
    <mergeCell ref="A4018:C4019"/>
    <mergeCell ref="D4018:O4019"/>
    <mergeCell ref="P4018:S4019"/>
    <mergeCell ref="T4018:W4019"/>
    <mergeCell ref="X4018:AA4019"/>
    <mergeCell ref="A4020:C4021"/>
    <mergeCell ref="D4020:O4021"/>
    <mergeCell ref="P4020:S4021"/>
    <mergeCell ref="T4020:W4021"/>
    <mergeCell ref="X4020:AA4021"/>
    <mergeCell ref="A4022:C4023"/>
    <mergeCell ref="D4022:O4023"/>
    <mergeCell ref="P4022:S4023"/>
    <mergeCell ref="T4022:W4023"/>
    <mergeCell ref="X4022:AA4023"/>
    <mergeCell ref="A3996:C3997"/>
    <mergeCell ref="D3996:O3997"/>
    <mergeCell ref="P3996:S3997"/>
    <mergeCell ref="T3996:W3997"/>
    <mergeCell ref="X3996:AA3997"/>
    <mergeCell ref="A3998:C3999"/>
    <mergeCell ref="D3998:O3999"/>
    <mergeCell ref="P3998:S3999"/>
    <mergeCell ref="T3998:W3999"/>
    <mergeCell ref="X3998:AA3999"/>
    <mergeCell ref="A4000:C4001"/>
    <mergeCell ref="D4000:O4001"/>
    <mergeCell ref="P4000:S4001"/>
    <mergeCell ref="T4000:W4001"/>
    <mergeCell ref="X4000:AA4001"/>
    <mergeCell ref="A4002:C4003"/>
    <mergeCell ref="D4002:O4003"/>
    <mergeCell ref="P4002:S4003"/>
    <mergeCell ref="T4002:W4003"/>
    <mergeCell ref="X4002:AA4003"/>
    <mergeCell ref="A4004:C4005"/>
    <mergeCell ref="D4004:O4005"/>
    <mergeCell ref="P4004:S4005"/>
    <mergeCell ref="T4004:W4005"/>
    <mergeCell ref="X4004:AA4005"/>
    <mergeCell ref="A4006:C4007"/>
    <mergeCell ref="D4006:O4007"/>
    <mergeCell ref="P4006:S4007"/>
    <mergeCell ref="T4006:W4007"/>
    <mergeCell ref="X4006:AA4007"/>
    <mergeCell ref="A4008:C4009"/>
    <mergeCell ref="D4008:O4009"/>
    <mergeCell ref="P4008:S4009"/>
    <mergeCell ref="T4008:W4009"/>
    <mergeCell ref="X4008:AA4009"/>
    <mergeCell ref="A3982:C3983"/>
    <mergeCell ref="D3982:O3983"/>
    <mergeCell ref="P3982:S3983"/>
    <mergeCell ref="T3982:W3983"/>
    <mergeCell ref="X3982:AA3983"/>
    <mergeCell ref="A3984:C3985"/>
    <mergeCell ref="D3984:O3985"/>
    <mergeCell ref="P3984:S3985"/>
    <mergeCell ref="T3984:W3985"/>
    <mergeCell ref="X3984:AA3985"/>
    <mergeCell ref="A3986:C3987"/>
    <mergeCell ref="D3986:O3987"/>
    <mergeCell ref="P3986:S3987"/>
    <mergeCell ref="T3986:W3987"/>
    <mergeCell ref="X3986:AA3987"/>
    <mergeCell ref="A3988:C3989"/>
    <mergeCell ref="D3988:O3989"/>
    <mergeCell ref="P3988:S3989"/>
    <mergeCell ref="T3988:W3989"/>
    <mergeCell ref="X3988:AA3989"/>
    <mergeCell ref="A3990:C3991"/>
    <mergeCell ref="D3990:O3991"/>
    <mergeCell ref="P3990:S3991"/>
    <mergeCell ref="T3990:W3991"/>
    <mergeCell ref="X3990:AA3991"/>
    <mergeCell ref="A3992:C3993"/>
    <mergeCell ref="D3992:O3993"/>
    <mergeCell ref="P3992:S3993"/>
    <mergeCell ref="T3992:W3993"/>
    <mergeCell ref="X3992:AA3993"/>
    <mergeCell ref="A3994:C3995"/>
    <mergeCell ref="D3994:O3995"/>
    <mergeCell ref="P3994:S3995"/>
    <mergeCell ref="T3994:W3995"/>
    <mergeCell ref="X3994:AA3995"/>
    <mergeCell ref="A3968:C3969"/>
    <mergeCell ref="D3968:O3969"/>
    <mergeCell ref="P3968:S3969"/>
    <mergeCell ref="T3968:W3969"/>
    <mergeCell ref="X3968:AA3969"/>
    <mergeCell ref="A3970:C3971"/>
    <mergeCell ref="D3970:O3971"/>
    <mergeCell ref="P3970:S3971"/>
    <mergeCell ref="T3970:W3971"/>
    <mergeCell ref="X3970:AA3971"/>
    <mergeCell ref="A3972:C3973"/>
    <mergeCell ref="D3972:O3973"/>
    <mergeCell ref="P3972:S3973"/>
    <mergeCell ref="T3972:W3973"/>
    <mergeCell ref="X3972:AA3973"/>
    <mergeCell ref="A3974:C3975"/>
    <mergeCell ref="D3974:O3975"/>
    <mergeCell ref="P3974:S3975"/>
    <mergeCell ref="T3974:W3975"/>
    <mergeCell ref="X3974:AA3975"/>
    <mergeCell ref="A3976:C3977"/>
    <mergeCell ref="D3976:O3977"/>
    <mergeCell ref="P3976:S3977"/>
    <mergeCell ref="T3976:W3977"/>
    <mergeCell ref="X3976:AA3977"/>
    <mergeCell ref="A3978:C3979"/>
    <mergeCell ref="D3978:O3979"/>
    <mergeCell ref="P3978:S3979"/>
    <mergeCell ref="T3978:W3979"/>
    <mergeCell ref="X3978:AA3979"/>
    <mergeCell ref="A3980:C3981"/>
    <mergeCell ref="D3980:O3981"/>
    <mergeCell ref="P3980:S3981"/>
    <mergeCell ref="T3980:W3981"/>
    <mergeCell ref="X3980:AA3981"/>
    <mergeCell ref="A3954:C3955"/>
    <mergeCell ref="D3954:O3955"/>
    <mergeCell ref="P3954:S3955"/>
    <mergeCell ref="T3954:W3955"/>
    <mergeCell ref="X3954:AA3955"/>
    <mergeCell ref="A3956:C3957"/>
    <mergeCell ref="D3956:O3957"/>
    <mergeCell ref="P3956:S3957"/>
    <mergeCell ref="T3956:W3957"/>
    <mergeCell ref="X3956:AA3957"/>
    <mergeCell ref="A3958:C3959"/>
    <mergeCell ref="D3958:O3959"/>
    <mergeCell ref="P3958:S3959"/>
    <mergeCell ref="T3958:W3959"/>
    <mergeCell ref="X3958:AA3959"/>
    <mergeCell ref="A3960:C3961"/>
    <mergeCell ref="D3960:O3961"/>
    <mergeCell ref="P3960:S3961"/>
    <mergeCell ref="T3960:W3961"/>
    <mergeCell ref="X3960:AA3961"/>
    <mergeCell ref="A3962:C3963"/>
    <mergeCell ref="D3962:O3963"/>
    <mergeCell ref="P3962:S3963"/>
    <mergeCell ref="T3962:W3963"/>
    <mergeCell ref="X3962:AA3963"/>
    <mergeCell ref="A3964:C3965"/>
    <mergeCell ref="D3964:O3965"/>
    <mergeCell ref="P3964:S3965"/>
    <mergeCell ref="T3964:W3965"/>
    <mergeCell ref="X3964:AA3965"/>
    <mergeCell ref="A3966:C3967"/>
    <mergeCell ref="D3966:O3967"/>
    <mergeCell ref="P3966:S3967"/>
    <mergeCell ref="T3966:W3967"/>
    <mergeCell ref="X3966:AA3967"/>
    <mergeCell ref="A3938:C3939"/>
    <mergeCell ref="D3938:O3939"/>
    <mergeCell ref="P3938:S3939"/>
    <mergeCell ref="T3938:W3939"/>
    <mergeCell ref="X3938:AA3939"/>
    <mergeCell ref="A3940:C3941"/>
    <mergeCell ref="D3940:O3941"/>
    <mergeCell ref="P3940:S3941"/>
    <mergeCell ref="T3940:W3941"/>
    <mergeCell ref="X3940:AA3941"/>
    <mergeCell ref="A3942:C3943"/>
    <mergeCell ref="D3942:O3943"/>
    <mergeCell ref="P3942:S3943"/>
    <mergeCell ref="T3942:W3943"/>
    <mergeCell ref="X3942:AA3943"/>
    <mergeCell ref="A3944:C3945"/>
    <mergeCell ref="D3944:O3945"/>
    <mergeCell ref="P3944:S3945"/>
    <mergeCell ref="T3944:W3945"/>
    <mergeCell ref="X3944:AA3945"/>
    <mergeCell ref="A3946:C3947"/>
    <mergeCell ref="D3946:O3947"/>
    <mergeCell ref="P3946:S3947"/>
    <mergeCell ref="T3946:W3947"/>
    <mergeCell ref="X3946:AA3947"/>
    <mergeCell ref="A3948:C3949"/>
    <mergeCell ref="D3948:O3949"/>
    <mergeCell ref="P3948:S3949"/>
    <mergeCell ref="T3948:W3949"/>
    <mergeCell ref="X3948:AA3949"/>
    <mergeCell ref="A3950:AA3951"/>
    <mergeCell ref="A3952:C3953"/>
    <mergeCell ref="D3952:O3953"/>
    <mergeCell ref="P3952:S3953"/>
    <mergeCell ref="T3952:W3953"/>
    <mergeCell ref="X3952:AA3953"/>
    <mergeCell ref="A3924:C3925"/>
    <mergeCell ref="D3924:O3925"/>
    <mergeCell ref="P3924:S3925"/>
    <mergeCell ref="T3924:W3925"/>
    <mergeCell ref="X3924:AA3925"/>
    <mergeCell ref="A3926:C3927"/>
    <mergeCell ref="D3926:O3927"/>
    <mergeCell ref="P3926:S3927"/>
    <mergeCell ref="T3926:W3927"/>
    <mergeCell ref="X3926:AA3927"/>
    <mergeCell ref="A3928:C3929"/>
    <mergeCell ref="D3928:O3929"/>
    <mergeCell ref="P3928:S3929"/>
    <mergeCell ref="T3928:W3929"/>
    <mergeCell ref="X3928:AA3929"/>
    <mergeCell ref="A3930:C3931"/>
    <mergeCell ref="D3930:O3931"/>
    <mergeCell ref="P3930:S3931"/>
    <mergeCell ref="T3930:W3931"/>
    <mergeCell ref="X3930:AA3931"/>
    <mergeCell ref="A3932:C3933"/>
    <mergeCell ref="D3932:O3933"/>
    <mergeCell ref="P3932:S3933"/>
    <mergeCell ref="T3932:W3933"/>
    <mergeCell ref="X3932:AA3933"/>
    <mergeCell ref="A3934:C3935"/>
    <mergeCell ref="D3934:O3935"/>
    <mergeCell ref="P3934:S3935"/>
    <mergeCell ref="T3934:W3935"/>
    <mergeCell ref="X3934:AA3935"/>
    <mergeCell ref="A3936:C3937"/>
    <mergeCell ref="D3936:O3937"/>
    <mergeCell ref="P3936:S3937"/>
    <mergeCell ref="T3936:W3937"/>
    <mergeCell ref="X3936:AA3937"/>
    <mergeCell ref="A3910:C3911"/>
    <mergeCell ref="D3910:O3911"/>
    <mergeCell ref="P3910:S3911"/>
    <mergeCell ref="T3910:W3911"/>
    <mergeCell ref="X3910:AA3911"/>
    <mergeCell ref="A3912:C3913"/>
    <mergeCell ref="D3912:O3913"/>
    <mergeCell ref="P3912:S3913"/>
    <mergeCell ref="T3912:W3913"/>
    <mergeCell ref="X3912:AA3913"/>
    <mergeCell ref="A3914:C3915"/>
    <mergeCell ref="D3914:O3915"/>
    <mergeCell ref="P3914:S3915"/>
    <mergeCell ref="T3914:W3915"/>
    <mergeCell ref="X3914:AA3915"/>
    <mergeCell ref="A3916:C3917"/>
    <mergeCell ref="D3916:O3917"/>
    <mergeCell ref="P3916:S3917"/>
    <mergeCell ref="T3916:W3917"/>
    <mergeCell ref="X3916:AA3917"/>
    <mergeCell ref="A3918:C3919"/>
    <mergeCell ref="D3918:O3919"/>
    <mergeCell ref="P3918:S3919"/>
    <mergeCell ref="T3918:W3919"/>
    <mergeCell ref="X3918:AA3919"/>
    <mergeCell ref="A3920:C3921"/>
    <mergeCell ref="D3920:O3921"/>
    <mergeCell ref="P3920:S3921"/>
    <mergeCell ref="T3920:W3921"/>
    <mergeCell ref="X3920:AA3921"/>
    <mergeCell ref="A3922:C3923"/>
    <mergeCell ref="D3922:O3923"/>
    <mergeCell ref="P3922:S3923"/>
    <mergeCell ref="T3922:W3923"/>
    <mergeCell ref="X3922:AA3923"/>
    <mergeCell ref="A3894:C3895"/>
    <mergeCell ref="D3894:O3895"/>
    <mergeCell ref="P3894:S3895"/>
    <mergeCell ref="T3894:W3895"/>
    <mergeCell ref="X3894:AA3895"/>
    <mergeCell ref="A3896:C3897"/>
    <mergeCell ref="D3896:O3897"/>
    <mergeCell ref="P3896:S3897"/>
    <mergeCell ref="T3896:W3897"/>
    <mergeCell ref="X3896:AA3897"/>
    <mergeCell ref="A3898:C3899"/>
    <mergeCell ref="D3898:O3899"/>
    <mergeCell ref="P3898:S3899"/>
    <mergeCell ref="T3898:W3899"/>
    <mergeCell ref="X3898:AA3899"/>
    <mergeCell ref="A3900:C3901"/>
    <mergeCell ref="D3900:O3901"/>
    <mergeCell ref="P3900:S3901"/>
    <mergeCell ref="T3900:W3901"/>
    <mergeCell ref="X3900:AA3901"/>
    <mergeCell ref="A3902:C3903"/>
    <mergeCell ref="D3902:O3903"/>
    <mergeCell ref="P3902:S3903"/>
    <mergeCell ref="T3902:W3903"/>
    <mergeCell ref="X3902:AA3903"/>
    <mergeCell ref="A3904:C3905"/>
    <mergeCell ref="D3904:O3905"/>
    <mergeCell ref="P3904:S3905"/>
    <mergeCell ref="T3904:W3905"/>
    <mergeCell ref="X3904:AA3905"/>
    <mergeCell ref="A3906:AA3907"/>
    <mergeCell ref="A3908:C3909"/>
    <mergeCell ref="D3908:O3909"/>
    <mergeCell ref="P3908:S3909"/>
    <mergeCell ref="T3908:W3909"/>
    <mergeCell ref="X3908:AA3909"/>
    <mergeCell ref="A3880:C3881"/>
    <mergeCell ref="D3880:O3881"/>
    <mergeCell ref="P3880:S3881"/>
    <mergeCell ref="T3880:W3881"/>
    <mergeCell ref="X3880:AA3881"/>
    <mergeCell ref="A3882:C3883"/>
    <mergeCell ref="D3882:O3883"/>
    <mergeCell ref="P3882:S3883"/>
    <mergeCell ref="T3882:W3883"/>
    <mergeCell ref="X3882:AA3883"/>
    <mergeCell ref="A3884:C3885"/>
    <mergeCell ref="D3884:O3885"/>
    <mergeCell ref="P3884:S3885"/>
    <mergeCell ref="T3884:W3885"/>
    <mergeCell ref="X3884:AA3885"/>
    <mergeCell ref="A3886:C3887"/>
    <mergeCell ref="D3886:O3887"/>
    <mergeCell ref="P3886:S3887"/>
    <mergeCell ref="T3886:W3887"/>
    <mergeCell ref="X3886:AA3887"/>
    <mergeCell ref="A3888:C3889"/>
    <mergeCell ref="D3888:O3889"/>
    <mergeCell ref="P3888:S3889"/>
    <mergeCell ref="T3888:W3889"/>
    <mergeCell ref="X3888:AA3889"/>
    <mergeCell ref="A3890:C3891"/>
    <mergeCell ref="D3890:O3891"/>
    <mergeCell ref="P3890:S3891"/>
    <mergeCell ref="T3890:W3891"/>
    <mergeCell ref="X3890:AA3891"/>
    <mergeCell ref="A3892:C3893"/>
    <mergeCell ref="D3892:O3893"/>
    <mergeCell ref="P3892:S3893"/>
    <mergeCell ref="T3892:W3893"/>
    <mergeCell ref="X3892:AA3893"/>
    <mergeCell ref="A3866:C3867"/>
    <mergeCell ref="D3866:O3867"/>
    <mergeCell ref="P3866:S3867"/>
    <mergeCell ref="T3866:W3867"/>
    <mergeCell ref="X3866:AA3867"/>
    <mergeCell ref="A3868:C3869"/>
    <mergeCell ref="D3868:O3869"/>
    <mergeCell ref="P3868:S3869"/>
    <mergeCell ref="T3868:W3869"/>
    <mergeCell ref="X3868:AA3869"/>
    <mergeCell ref="A3870:C3871"/>
    <mergeCell ref="D3870:O3871"/>
    <mergeCell ref="P3870:S3871"/>
    <mergeCell ref="T3870:W3871"/>
    <mergeCell ref="X3870:AA3871"/>
    <mergeCell ref="A3872:C3873"/>
    <mergeCell ref="D3872:O3873"/>
    <mergeCell ref="P3872:S3873"/>
    <mergeCell ref="T3872:W3873"/>
    <mergeCell ref="X3872:AA3873"/>
    <mergeCell ref="A3874:C3875"/>
    <mergeCell ref="D3874:O3875"/>
    <mergeCell ref="P3874:S3875"/>
    <mergeCell ref="T3874:W3875"/>
    <mergeCell ref="X3874:AA3875"/>
    <mergeCell ref="A3876:C3877"/>
    <mergeCell ref="D3876:O3877"/>
    <mergeCell ref="P3876:S3877"/>
    <mergeCell ref="T3876:W3877"/>
    <mergeCell ref="X3876:AA3877"/>
    <mergeCell ref="A3878:C3879"/>
    <mergeCell ref="D3878:O3879"/>
    <mergeCell ref="P3878:S3879"/>
    <mergeCell ref="T3878:W3879"/>
    <mergeCell ref="X3878:AA3879"/>
    <mergeCell ref="A3852:C3853"/>
    <mergeCell ref="D3852:O3853"/>
    <mergeCell ref="P3852:S3853"/>
    <mergeCell ref="T3852:W3853"/>
    <mergeCell ref="X3852:AA3853"/>
    <mergeCell ref="A3854:C3855"/>
    <mergeCell ref="D3854:O3855"/>
    <mergeCell ref="P3854:S3855"/>
    <mergeCell ref="T3854:W3855"/>
    <mergeCell ref="X3854:AA3855"/>
    <mergeCell ref="A3856:C3857"/>
    <mergeCell ref="D3856:O3857"/>
    <mergeCell ref="P3856:S3857"/>
    <mergeCell ref="T3856:W3857"/>
    <mergeCell ref="X3856:AA3857"/>
    <mergeCell ref="A3858:C3859"/>
    <mergeCell ref="D3858:O3859"/>
    <mergeCell ref="P3858:S3859"/>
    <mergeCell ref="T3858:W3859"/>
    <mergeCell ref="X3858:AA3859"/>
    <mergeCell ref="A3860:C3861"/>
    <mergeCell ref="D3860:O3861"/>
    <mergeCell ref="P3860:S3861"/>
    <mergeCell ref="T3860:W3861"/>
    <mergeCell ref="X3860:AA3861"/>
    <mergeCell ref="A3862:C3863"/>
    <mergeCell ref="D3862:O3863"/>
    <mergeCell ref="P3862:S3863"/>
    <mergeCell ref="T3862:W3863"/>
    <mergeCell ref="X3862:AA3863"/>
    <mergeCell ref="A3864:C3865"/>
    <mergeCell ref="D3864:O3865"/>
    <mergeCell ref="P3864:S3865"/>
    <mergeCell ref="T3864:W3865"/>
    <mergeCell ref="X3864:AA3865"/>
    <mergeCell ref="A3838:C3839"/>
    <mergeCell ref="D3838:O3839"/>
    <mergeCell ref="P3838:S3839"/>
    <mergeCell ref="T3838:W3839"/>
    <mergeCell ref="X3838:AA3839"/>
    <mergeCell ref="A3840:C3841"/>
    <mergeCell ref="D3840:O3841"/>
    <mergeCell ref="P3840:S3841"/>
    <mergeCell ref="T3840:W3841"/>
    <mergeCell ref="X3840:AA3841"/>
    <mergeCell ref="A3842:C3843"/>
    <mergeCell ref="D3842:O3843"/>
    <mergeCell ref="P3842:S3843"/>
    <mergeCell ref="T3842:W3843"/>
    <mergeCell ref="X3842:AA3843"/>
    <mergeCell ref="A3844:C3845"/>
    <mergeCell ref="D3844:O3845"/>
    <mergeCell ref="P3844:S3845"/>
    <mergeCell ref="T3844:W3845"/>
    <mergeCell ref="X3844:AA3845"/>
    <mergeCell ref="A3846:C3847"/>
    <mergeCell ref="D3846:O3847"/>
    <mergeCell ref="P3846:S3847"/>
    <mergeCell ref="T3846:W3847"/>
    <mergeCell ref="X3846:AA3847"/>
    <mergeCell ref="A3848:C3849"/>
    <mergeCell ref="D3848:O3849"/>
    <mergeCell ref="P3848:S3849"/>
    <mergeCell ref="T3848:W3849"/>
    <mergeCell ref="X3848:AA3849"/>
    <mergeCell ref="A3850:C3851"/>
    <mergeCell ref="D3850:O3851"/>
    <mergeCell ref="P3850:S3851"/>
    <mergeCell ref="T3850:W3851"/>
    <mergeCell ref="X3850:AA3851"/>
    <mergeCell ref="A3824:C3825"/>
    <mergeCell ref="D3824:O3825"/>
    <mergeCell ref="P3824:S3825"/>
    <mergeCell ref="T3824:W3825"/>
    <mergeCell ref="X3824:AA3825"/>
    <mergeCell ref="A3826:C3827"/>
    <mergeCell ref="D3826:O3827"/>
    <mergeCell ref="P3826:S3827"/>
    <mergeCell ref="T3826:W3827"/>
    <mergeCell ref="X3826:AA3827"/>
    <mergeCell ref="A3828:C3829"/>
    <mergeCell ref="D3828:O3829"/>
    <mergeCell ref="P3828:S3829"/>
    <mergeCell ref="T3828:W3829"/>
    <mergeCell ref="X3828:AA3829"/>
    <mergeCell ref="A3830:C3831"/>
    <mergeCell ref="D3830:O3831"/>
    <mergeCell ref="P3830:S3831"/>
    <mergeCell ref="T3830:W3831"/>
    <mergeCell ref="X3830:AA3831"/>
    <mergeCell ref="A3832:C3833"/>
    <mergeCell ref="D3832:O3833"/>
    <mergeCell ref="P3832:S3833"/>
    <mergeCell ref="T3832:W3833"/>
    <mergeCell ref="X3832:AA3833"/>
    <mergeCell ref="A3834:C3835"/>
    <mergeCell ref="D3834:O3835"/>
    <mergeCell ref="P3834:S3835"/>
    <mergeCell ref="T3834:W3835"/>
    <mergeCell ref="X3834:AA3835"/>
    <mergeCell ref="A3836:C3837"/>
    <mergeCell ref="D3836:O3837"/>
    <mergeCell ref="P3836:S3837"/>
    <mergeCell ref="T3836:W3837"/>
    <mergeCell ref="X3836:AA3837"/>
    <mergeCell ref="A3810:C3811"/>
    <mergeCell ref="D3810:O3811"/>
    <mergeCell ref="P3810:S3811"/>
    <mergeCell ref="T3810:W3811"/>
    <mergeCell ref="X3810:AA3811"/>
    <mergeCell ref="A3812:C3813"/>
    <mergeCell ref="D3812:O3813"/>
    <mergeCell ref="P3812:S3813"/>
    <mergeCell ref="T3812:W3813"/>
    <mergeCell ref="X3812:AA3813"/>
    <mergeCell ref="A3814:C3815"/>
    <mergeCell ref="D3814:O3815"/>
    <mergeCell ref="P3814:S3815"/>
    <mergeCell ref="T3814:W3815"/>
    <mergeCell ref="X3814:AA3815"/>
    <mergeCell ref="A3816:C3817"/>
    <mergeCell ref="D3816:O3817"/>
    <mergeCell ref="P3816:S3817"/>
    <mergeCell ref="T3816:W3817"/>
    <mergeCell ref="X3816:AA3817"/>
    <mergeCell ref="A3818:C3819"/>
    <mergeCell ref="D3818:O3819"/>
    <mergeCell ref="P3818:S3819"/>
    <mergeCell ref="T3818:W3819"/>
    <mergeCell ref="X3818:AA3819"/>
    <mergeCell ref="A3820:C3821"/>
    <mergeCell ref="D3820:O3821"/>
    <mergeCell ref="P3820:S3821"/>
    <mergeCell ref="T3820:W3821"/>
    <mergeCell ref="X3820:AA3821"/>
    <mergeCell ref="A3822:C3823"/>
    <mergeCell ref="D3822:O3823"/>
    <mergeCell ref="P3822:S3823"/>
    <mergeCell ref="T3822:W3823"/>
    <mergeCell ref="X3822:AA3823"/>
    <mergeCell ref="A3796:C3797"/>
    <mergeCell ref="D3796:O3797"/>
    <mergeCell ref="P3796:S3797"/>
    <mergeCell ref="T3796:W3797"/>
    <mergeCell ref="X3796:AA3797"/>
    <mergeCell ref="A3798:C3799"/>
    <mergeCell ref="D3798:O3799"/>
    <mergeCell ref="P3798:S3799"/>
    <mergeCell ref="T3798:W3799"/>
    <mergeCell ref="X3798:AA3799"/>
    <mergeCell ref="A3800:C3801"/>
    <mergeCell ref="D3800:O3801"/>
    <mergeCell ref="P3800:S3801"/>
    <mergeCell ref="T3800:W3801"/>
    <mergeCell ref="X3800:AA3801"/>
    <mergeCell ref="A3802:C3803"/>
    <mergeCell ref="D3802:O3803"/>
    <mergeCell ref="P3802:S3803"/>
    <mergeCell ref="T3802:W3803"/>
    <mergeCell ref="X3802:AA3803"/>
    <mergeCell ref="A3804:C3805"/>
    <mergeCell ref="D3804:O3805"/>
    <mergeCell ref="P3804:S3805"/>
    <mergeCell ref="T3804:W3805"/>
    <mergeCell ref="X3804:AA3805"/>
    <mergeCell ref="A3806:C3807"/>
    <mergeCell ref="D3806:O3807"/>
    <mergeCell ref="P3806:S3807"/>
    <mergeCell ref="T3806:W3807"/>
    <mergeCell ref="X3806:AA3807"/>
    <mergeCell ref="A3808:C3809"/>
    <mergeCell ref="D3808:O3809"/>
    <mergeCell ref="P3808:S3809"/>
    <mergeCell ref="T3808:W3809"/>
    <mergeCell ref="X3808:AA3809"/>
    <mergeCell ref="A3782:C3783"/>
    <mergeCell ref="D3782:O3783"/>
    <mergeCell ref="P3782:S3783"/>
    <mergeCell ref="T3782:W3783"/>
    <mergeCell ref="X3782:AA3783"/>
    <mergeCell ref="A3784:C3785"/>
    <mergeCell ref="D3784:O3785"/>
    <mergeCell ref="P3784:S3785"/>
    <mergeCell ref="T3784:W3785"/>
    <mergeCell ref="X3784:AA3785"/>
    <mergeCell ref="A3786:C3787"/>
    <mergeCell ref="D3786:O3787"/>
    <mergeCell ref="P3786:S3787"/>
    <mergeCell ref="T3786:W3787"/>
    <mergeCell ref="X3786:AA3787"/>
    <mergeCell ref="A3788:C3789"/>
    <mergeCell ref="D3788:O3789"/>
    <mergeCell ref="P3788:S3789"/>
    <mergeCell ref="T3788:W3789"/>
    <mergeCell ref="X3788:AA3789"/>
    <mergeCell ref="A3790:C3791"/>
    <mergeCell ref="D3790:O3791"/>
    <mergeCell ref="P3790:S3791"/>
    <mergeCell ref="T3790:W3791"/>
    <mergeCell ref="X3790:AA3791"/>
    <mergeCell ref="A3792:C3793"/>
    <mergeCell ref="D3792:O3793"/>
    <mergeCell ref="P3792:S3793"/>
    <mergeCell ref="T3792:W3793"/>
    <mergeCell ref="X3792:AA3793"/>
    <mergeCell ref="A3794:C3795"/>
    <mergeCell ref="D3794:O3795"/>
    <mergeCell ref="P3794:S3795"/>
    <mergeCell ref="T3794:W3795"/>
    <mergeCell ref="X3794:AA3795"/>
    <mergeCell ref="A3768:C3769"/>
    <mergeCell ref="D3768:O3769"/>
    <mergeCell ref="P3768:S3769"/>
    <mergeCell ref="T3768:W3769"/>
    <mergeCell ref="X3768:AA3769"/>
    <mergeCell ref="A3770:C3771"/>
    <mergeCell ref="D3770:O3771"/>
    <mergeCell ref="P3770:S3771"/>
    <mergeCell ref="T3770:W3771"/>
    <mergeCell ref="X3770:AA3771"/>
    <mergeCell ref="A3772:C3773"/>
    <mergeCell ref="D3772:O3773"/>
    <mergeCell ref="P3772:S3773"/>
    <mergeCell ref="T3772:W3773"/>
    <mergeCell ref="X3772:AA3773"/>
    <mergeCell ref="A3774:C3775"/>
    <mergeCell ref="D3774:O3775"/>
    <mergeCell ref="P3774:S3775"/>
    <mergeCell ref="T3774:W3775"/>
    <mergeCell ref="X3774:AA3775"/>
    <mergeCell ref="A3776:C3777"/>
    <mergeCell ref="D3776:O3777"/>
    <mergeCell ref="P3776:S3777"/>
    <mergeCell ref="T3776:W3777"/>
    <mergeCell ref="X3776:AA3777"/>
    <mergeCell ref="A3778:C3779"/>
    <mergeCell ref="D3778:O3779"/>
    <mergeCell ref="P3778:S3779"/>
    <mergeCell ref="T3778:W3779"/>
    <mergeCell ref="X3778:AA3779"/>
    <mergeCell ref="A3780:C3781"/>
    <mergeCell ref="D3780:O3781"/>
    <mergeCell ref="P3780:S3781"/>
    <mergeCell ref="T3780:W3781"/>
    <mergeCell ref="X3780:AA3781"/>
    <mergeCell ref="A3754:C3755"/>
    <mergeCell ref="D3754:O3755"/>
    <mergeCell ref="P3754:S3755"/>
    <mergeCell ref="T3754:W3755"/>
    <mergeCell ref="X3754:AA3755"/>
    <mergeCell ref="A3756:C3757"/>
    <mergeCell ref="D3756:O3757"/>
    <mergeCell ref="P3756:S3757"/>
    <mergeCell ref="T3756:W3757"/>
    <mergeCell ref="X3756:AA3757"/>
    <mergeCell ref="A3758:C3759"/>
    <mergeCell ref="D3758:O3759"/>
    <mergeCell ref="P3758:S3759"/>
    <mergeCell ref="T3758:W3759"/>
    <mergeCell ref="X3758:AA3759"/>
    <mergeCell ref="A3760:C3761"/>
    <mergeCell ref="D3760:O3761"/>
    <mergeCell ref="P3760:S3761"/>
    <mergeCell ref="T3760:W3761"/>
    <mergeCell ref="X3760:AA3761"/>
    <mergeCell ref="A3762:C3763"/>
    <mergeCell ref="D3762:O3763"/>
    <mergeCell ref="P3762:S3763"/>
    <mergeCell ref="T3762:W3763"/>
    <mergeCell ref="X3762:AA3763"/>
    <mergeCell ref="A3764:C3765"/>
    <mergeCell ref="D3764:O3765"/>
    <mergeCell ref="P3764:S3765"/>
    <mergeCell ref="T3764:W3765"/>
    <mergeCell ref="X3764:AA3765"/>
    <mergeCell ref="A3766:C3767"/>
    <mergeCell ref="D3766:O3767"/>
    <mergeCell ref="P3766:S3767"/>
    <mergeCell ref="T3766:W3767"/>
    <mergeCell ref="X3766:AA3767"/>
    <mergeCell ref="A3740:C3741"/>
    <mergeCell ref="D3740:O3741"/>
    <mergeCell ref="P3740:S3741"/>
    <mergeCell ref="T3740:W3741"/>
    <mergeCell ref="X3740:AA3741"/>
    <mergeCell ref="A3742:C3743"/>
    <mergeCell ref="D3742:O3743"/>
    <mergeCell ref="P3742:S3743"/>
    <mergeCell ref="T3742:W3743"/>
    <mergeCell ref="X3742:AA3743"/>
    <mergeCell ref="A3744:C3745"/>
    <mergeCell ref="D3744:O3745"/>
    <mergeCell ref="P3744:S3745"/>
    <mergeCell ref="T3744:W3745"/>
    <mergeCell ref="X3744:AA3745"/>
    <mergeCell ref="A3746:C3747"/>
    <mergeCell ref="D3746:O3747"/>
    <mergeCell ref="P3746:S3747"/>
    <mergeCell ref="T3746:W3747"/>
    <mergeCell ref="X3746:AA3747"/>
    <mergeCell ref="A3748:C3749"/>
    <mergeCell ref="D3748:O3749"/>
    <mergeCell ref="P3748:S3749"/>
    <mergeCell ref="T3748:W3749"/>
    <mergeCell ref="X3748:AA3749"/>
    <mergeCell ref="A3750:C3751"/>
    <mergeCell ref="D3750:O3751"/>
    <mergeCell ref="P3750:S3751"/>
    <mergeCell ref="T3750:W3751"/>
    <mergeCell ref="X3750:AA3751"/>
    <mergeCell ref="A3752:C3753"/>
    <mergeCell ref="D3752:O3753"/>
    <mergeCell ref="P3752:S3753"/>
    <mergeCell ref="T3752:W3753"/>
    <mergeCell ref="X3752:AA3753"/>
    <mergeCell ref="A3726:C3727"/>
    <mergeCell ref="D3726:O3727"/>
    <mergeCell ref="P3726:S3727"/>
    <mergeCell ref="T3726:W3727"/>
    <mergeCell ref="X3726:AA3727"/>
    <mergeCell ref="A3728:C3729"/>
    <mergeCell ref="D3728:O3729"/>
    <mergeCell ref="P3728:S3729"/>
    <mergeCell ref="T3728:W3729"/>
    <mergeCell ref="X3728:AA3729"/>
    <mergeCell ref="A3730:C3731"/>
    <mergeCell ref="D3730:O3731"/>
    <mergeCell ref="P3730:S3731"/>
    <mergeCell ref="T3730:W3731"/>
    <mergeCell ref="X3730:AA3731"/>
    <mergeCell ref="A3732:C3733"/>
    <mergeCell ref="D3732:O3733"/>
    <mergeCell ref="P3732:S3733"/>
    <mergeCell ref="T3732:W3733"/>
    <mergeCell ref="X3732:AA3733"/>
    <mergeCell ref="A3734:C3735"/>
    <mergeCell ref="D3734:O3735"/>
    <mergeCell ref="P3734:S3735"/>
    <mergeCell ref="T3734:W3735"/>
    <mergeCell ref="X3734:AA3735"/>
    <mergeCell ref="A3736:C3737"/>
    <mergeCell ref="D3736:O3737"/>
    <mergeCell ref="P3736:S3737"/>
    <mergeCell ref="T3736:W3737"/>
    <mergeCell ref="X3736:AA3737"/>
    <mergeCell ref="A3738:C3739"/>
    <mergeCell ref="D3738:O3739"/>
    <mergeCell ref="P3738:S3739"/>
    <mergeCell ref="T3738:W3739"/>
    <mergeCell ref="X3738:AA3739"/>
    <mergeCell ref="A3712:C3713"/>
    <mergeCell ref="D3712:O3713"/>
    <mergeCell ref="P3712:S3713"/>
    <mergeCell ref="T3712:W3713"/>
    <mergeCell ref="X3712:AA3713"/>
    <mergeCell ref="A3714:C3715"/>
    <mergeCell ref="D3714:O3715"/>
    <mergeCell ref="P3714:S3715"/>
    <mergeCell ref="T3714:W3715"/>
    <mergeCell ref="X3714:AA3715"/>
    <mergeCell ref="A3716:C3717"/>
    <mergeCell ref="D3716:O3717"/>
    <mergeCell ref="P3716:S3717"/>
    <mergeCell ref="T3716:W3717"/>
    <mergeCell ref="X3716:AA3717"/>
    <mergeCell ref="A3718:C3719"/>
    <mergeCell ref="D3718:O3719"/>
    <mergeCell ref="P3718:S3719"/>
    <mergeCell ref="T3718:W3719"/>
    <mergeCell ref="X3718:AA3719"/>
    <mergeCell ref="A3720:C3721"/>
    <mergeCell ref="D3720:O3721"/>
    <mergeCell ref="P3720:S3721"/>
    <mergeCell ref="T3720:W3721"/>
    <mergeCell ref="X3720:AA3721"/>
    <mergeCell ref="A3722:C3723"/>
    <mergeCell ref="D3722:O3723"/>
    <mergeCell ref="P3722:S3723"/>
    <mergeCell ref="T3722:W3723"/>
    <mergeCell ref="X3722:AA3723"/>
    <mergeCell ref="A3724:C3725"/>
    <mergeCell ref="D3724:O3725"/>
    <mergeCell ref="P3724:S3725"/>
    <mergeCell ref="T3724:W3725"/>
    <mergeCell ref="X3724:AA3725"/>
    <mergeCell ref="A3698:C3699"/>
    <mergeCell ref="D3698:O3699"/>
    <mergeCell ref="P3698:S3699"/>
    <mergeCell ref="T3698:W3699"/>
    <mergeCell ref="X3698:AA3699"/>
    <mergeCell ref="A3700:C3701"/>
    <mergeCell ref="D3700:O3701"/>
    <mergeCell ref="P3700:S3701"/>
    <mergeCell ref="T3700:W3701"/>
    <mergeCell ref="X3700:AA3701"/>
    <mergeCell ref="A3702:C3703"/>
    <mergeCell ref="D3702:O3703"/>
    <mergeCell ref="P3702:S3703"/>
    <mergeCell ref="T3702:W3703"/>
    <mergeCell ref="X3702:AA3703"/>
    <mergeCell ref="A3704:C3705"/>
    <mergeCell ref="D3704:O3705"/>
    <mergeCell ref="P3704:S3705"/>
    <mergeCell ref="T3704:W3705"/>
    <mergeCell ref="X3704:AA3705"/>
    <mergeCell ref="A3706:C3707"/>
    <mergeCell ref="D3706:O3707"/>
    <mergeCell ref="P3706:S3707"/>
    <mergeCell ref="T3706:W3707"/>
    <mergeCell ref="X3706:AA3707"/>
    <mergeCell ref="A3708:C3709"/>
    <mergeCell ref="D3708:O3709"/>
    <mergeCell ref="P3708:S3709"/>
    <mergeCell ref="T3708:W3709"/>
    <mergeCell ref="X3708:AA3709"/>
    <mergeCell ref="A3710:C3711"/>
    <mergeCell ref="D3710:O3711"/>
    <mergeCell ref="P3710:S3711"/>
    <mergeCell ref="T3710:W3711"/>
    <mergeCell ref="X3710:AA3711"/>
    <mergeCell ref="A3684:C3685"/>
    <mergeCell ref="D3684:O3685"/>
    <mergeCell ref="P3684:S3685"/>
    <mergeCell ref="T3684:W3685"/>
    <mergeCell ref="X3684:AA3685"/>
    <mergeCell ref="A3686:C3687"/>
    <mergeCell ref="D3686:O3687"/>
    <mergeCell ref="P3686:S3687"/>
    <mergeCell ref="T3686:W3687"/>
    <mergeCell ref="X3686:AA3687"/>
    <mergeCell ref="A3688:C3689"/>
    <mergeCell ref="D3688:O3689"/>
    <mergeCell ref="P3688:S3689"/>
    <mergeCell ref="T3688:W3689"/>
    <mergeCell ref="X3688:AA3689"/>
    <mergeCell ref="A3690:C3691"/>
    <mergeCell ref="D3690:O3691"/>
    <mergeCell ref="P3690:S3691"/>
    <mergeCell ref="T3690:W3691"/>
    <mergeCell ref="X3690:AA3691"/>
    <mergeCell ref="A3692:C3693"/>
    <mergeCell ref="D3692:O3693"/>
    <mergeCell ref="P3692:S3693"/>
    <mergeCell ref="T3692:W3693"/>
    <mergeCell ref="X3692:AA3693"/>
    <mergeCell ref="A3694:C3695"/>
    <mergeCell ref="D3694:O3695"/>
    <mergeCell ref="P3694:S3695"/>
    <mergeCell ref="T3694:W3695"/>
    <mergeCell ref="X3694:AA3695"/>
    <mergeCell ref="A3696:C3697"/>
    <mergeCell ref="D3696:O3697"/>
    <mergeCell ref="P3696:S3697"/>
    <mergeCell ref="T3696:W3697"/>
    <mergeCell ref="X3696:AA3697"/>
    <mergeCell ref="A3670:C3671"/>
    <mergeCell ref="D3670:O3671"/>
    <mergeCell ref="P3670:S3671"/>
    <mergeCell ref="T3670:W3671"/>
    <mergeCell ref="X3670:AA3671"/>
    <mergeCell ref="A3672:C3673"/>
    <mergeCell ref="D3672:O3673"/>
    <mergeCell ref="P3672:S3673"/>
    <mergeCell ref="T3672:W3673"/>
    <mergeCell ref="X3672:AA3673"/>
    <mergeCell ref="A3674:C3675"/>
    <mergeCell ref="D3674:O3675"/>
    <mergeCell ref="P3674:S3675"/>
    <mergeCell ref="T3674:W3675"/>
    <mergeCell ref="X3674:AA3675"/>
    <mergeCell ref="A3676:C3677"/>
    <mergeCell ref="D3676:O3677"/>
    <mergeCell ref="P3676:S3677"/>
    <mergeCell ref="T3676:W3677"/>
    <mergeCell ref="X3676:AA3677"/>
    <mergeCell ref="A3678:C3679"/>
    <mergeCell ref="D3678:O3679"/>
    <mergeCell ref="P3678:S3679"/>
    <mergeCell ref="T3678:W3679"/>
    <mergeCell ref="X3678:AA3679"/>
    <mergeCell ref="A3680:C3681"/>
    <mergeCell ref="D3680:O3681"/>
    <mergeCell ref="P3680:S3681"/>
    <mergeCell ref="T3680:W3681"/>
    <mergeCell ref="X3680:AA3681"/>
    <mergeCell ref="A3682:C3683"/>
    <mergeCell ref="D3682:O3683"/>
    <mergeCell ref="P3682:S3683"/>
    <mergeCell ref="T3682:W3683"/>
    <mergeCell ref="X3682:AA3683"/>
    <mergeCell ref="A3656:C3657"/>
    <mergeCell ref="D3656:O3657"/>
    <mergeCell ref="P3656:S3657"/>
    <mergeCell ref="T3656:W3657"/>
    <mergeCell ref="X3656:AA3657"/>
    <mergeCell ref="A3658:C3659"/>
    <mergeCell ref="D3658:O3659"/>
    <mergeCell ref="P3658:S3659"/>
    <mergeCell ref="T3658:W3659"/>
    <mergeCell ref="X3658:AA3659"/>
    <mergeCell ref="A3660:C3661"/>
    <mergeCell ref="D3660:O3661"/>
    <mergeCell ref="P3660:S3661"/>
    <mergeCell ref="T3660:W3661"/>
    <mergeCell ref="X3660:AA3661"/>
    <mergeCell ref="A3662:C3663"/>
    <mergeCell ref="D3662:O3663"/>
    <mergeCell ref="P3662:S3663"/>
    <mergeCell ref="T3662:W3663"/>
    <mergeCell ref="X3662:AA3663"/>
    <mergeCell ref="A3664:C3665"/>
    <mergeCell ref="D3664:O3665"/>
    <mergeCell ref="P3664:S3665"/>
    <mergeCell ref="T3664:W3665"/>
    <mergeCell ref="X3664:AA3665"/>
    <mergeCell ref="A3666:C3667"/>
    <mergeCell ref="D3666:O3667"/>
    <mergeCell ref="P3666:S3667"/>
    <mergeCell ref="T3666:W3667"/>
    <mergeCell ref="X3666:AA3667"/>
    <mergeCell ref="A3668:C3669"/>
    <mergeCell ref="D3668:O3669"/>
    <mergeCell ref="P3668:S3669"/>
    <mergeCell ref="T3668:W3669"/>
    <mergeCell ref="X3668:AA3669"/>
    <mergeCell ref="A3642:C3643"/>
    <mergeCell ref="D3642:O3643"/>
    <mergeCell ref="P3642:S3643"/>
    <mergeCell ref="T3642:W3643"/>
    <mergeCell ref="X3642:AA3643"/>
    <mergeCell ref="A3644:C3645"/>
    <mergeCell ref="D3644:O3645"/>
    <mergeCell ref="P3644:S3645"/>
    <mergeCell ref="T3644:W3645"/>
    <mergeCell ref="X3644:AA3645"/>
    <mergeCell ref="A3646:C3647"/>
    <mergeCell ref="D3646:O3647"/>
    <mergeCell ref="P3646:S3647"/>
    <mergeCell ref="T3646:W3647"/>
    <mergeCell ref="X3646:AA3647"/>
    <mergeCell ref="A3648:C3649"/>
    <mergeCell ref="D3648:O3649"/>
    <mergeCell ref="P3648:S3649"/>
    <mergeCell ref="T3648:W3649"/>
    <mergeCell ref="X3648:AA3649"/>
    <mergeCell ref="A3650:C3651"/>
    <mergeCell ref="D3650:O3651"/>
    <mergeCell ref="P3650:S3651"/>
    <mergeCell ref="T3650:W3651"/>
    <mergeCell ref="X3650:AA3651"/>
    <mergeCell ref="A3652:C3653"/>
    <mergeCell ref="D3652:O3653"/>
    <mergeCell ref="P3652:S3653"/>
    <mergeCell ref="T3652:W3653"/>
    <mergeCell ref="X3652:AA3653"/>
    <mergeCell ref="A3654:C3655"/>
    <mergeCell ref="D3654:O3655"/>
    <mergeCell ref="P3654:S3655"/>
    <mergeCell ref="T3654:W3655"/>
    <mergeCell ref="X3654:AA3655"/>
    <mergeCell ref="A3628:C3629"/>
    <mergeCell ref="D3628:O3629"/>
    <mergeCell ref="P3628:S3629"/>
    <mergeCell ref="T3628:W3629"/>
    <mergeCell ref="X3628:AA3629"/>
    <mergeCell ref="A3630:C3631"/>
    <mergeCell ref="D3630:O3631"/>
    <mergeCell ref="P3630:S3631"/>
    <mergeCell ref="T3630:W3631"/>
    <mergeCell ref="X3630:AA3631"/>
    <mergeCell ref="A3632:C3633"/>
    <mergeCell ref="D3632:O3633"/>
    <mergeCell ref="P3632:S3633"/>
    <mergeCell ref="T3632:W3633"/>
    <mergeCell ref="X3632:AA3633"/>
    <mergeCell ref="A3634:C3635"/>
    <mergeCell ref="D3634:O3635"/>
    <mergeCell ref="P3634:S3635"/>
    <mergeCell ref="T3634:W3635"/>
    <mergeCell ref="X3634:AA3635"/>
    <mergeCell ref="A3636:C3637"/>
    <mergeCell ref="D3636:O3637"/>
    <mergeCell ref="P3636:S3637"/>
    <mergeCell ref="T3636:W3637"/>
    <mergeCell ref="X3636:AA3637"/>
    <mergeCell ref="A3638:C3639"/>
    <mergeCell ref="D3638:O3639"/>
    <mergeCell ref="P3638:S3639"/>
    <mergeCell ref="T3638:W3639"/>
    <mergeCell ref="X3638:AA3639"/>
    <mergeCell ref="A3640:C3641"/>
    <mergeCell ref="D3640:O3641"/>
    <mergeCell ref="P3640:S3641"/>
    <mergeCell ref="T3640:W3641"/>
    <mergeCell ref="X3640:AA3641"/>
    <mergeCell ref="A3614:C3615"/>
    <mergeCell ref="D3614:O3615"/>
    <mergeCell ref="P3614:S3615"/>
    <mergeCell ref="T3614:W3615"/>
    <mergeCell ref="X3614:AA3615"/>
    <mergeCell ref="A3616:C3617"/>
    <mergeCell ref="D3616:O3617"/>
    <mergeCell ref="P3616:S3617"/>
    <mergeCell ref="T3616:W3617"/>
    <mergeCell ref="X3616:AA3617"/>
    <mergeCell ref="A3618:C3619"/>
    <mergeCell ref="D3618:O3619"/>
    <mergeCell ref="P3618:S3619"/>
    <mergeCell ref="T3618:W3619"/>
    <mergeCell ref="X3618:AA3619"/>
    <mergeCell ref="A3620:C3621"/>
    <mergeCell ref="D3620:O3621"/>
    <mergeCell ref="P3620:S3621"/>
    <mergeCell ref="T3620:W3621"/>
    <mergeCell ref="X3620:AA3621"/>
    <mergeCell ref="A3622:C3623"/>
    <mergeCell ref="D3622:O3623"/>
    <mergeCell ref="P3622:S3623"/>
    <mergeCell ref="T3622:W3623"/>
    <mergeCell ref="X3622:AA3623"/>
    <mergeCell ref="A3624:C3625"/>
    <mergeCell ref="D3624:O3625"/>
    <mergeCell ref="P3624:S3625"/>
    <mergeCell ref="T3624:W3625"/>
    <mergeCell ref="X3624:AA3625"/>
    <mergeCell ref="A3626:C3627"/>
    <mergeCell ref="D3626:O3627"/>
    <mergeCell ref="P3626:S3627"/>
    <mergeCell ref="T3626:W3627"/>
    <mergeCell ref="X3626:AA3627"/>
    <mergeCell ref="A3600:C3601"/>
    <mergeCell ref="D3600:O3601"/>
    <mergeCell ref="P3600:S3601"/>
    <mergeCell ref="T3600:W3601"/>
    <mergeCell ref="X3600:AA3601"/>
    <mergeCell ref="A3602:C3603"/>
    <mergeCell ref="D3602:O3603"/>
    <mergeCell ref="P3602:S3603"/>
    <mergeCell ref="T3602:W3603"/>
    <mergeCell ref="X3602:AA3603"/>
    <mergeCell ref="A3604:C3605"/>
    <mergeCell ref="D3604:O3605"/>
    <mergeCell ref="P3604:S3605"/>
    <mergeCell ref="T3604:W3605"/>
    <mergeCell ref="X3604:AA3605"/>
    <mergeCell ref="A3606:C3607"/>
    <mergeCell ref="D3606:O3607"/>
    <mergeCell ref="P3606:S3607"/>
    <mergeCell ref="T3606:W3607"/>
    <mergeCell ref="X3606:AA3607"/>
    <mergeCell ref="A3608:C3609"/>
    <mergeCell ref="D3608:O3609"/>
    <mergeCell ref="P3608:S3609"/>
    <mergeCell ref="T3608:W3609"/>
    <mergeCell ref="X3608:AA3609"/>
    <mergeCell ref="A3610:C3611"/>
    <mergeCell ref="D3610:O3611"/>
    <mergeCell ref="P3610:S3611"/>
    <mergeCell ref="T3610:W3611"/>
    <mergeCell ref="X3610:AA3611"/>
    <mergeCell ref="A3612:C3613"/>
    <mergeCell ref="D3612:O3613"/>
    <mergeCell ref="P3612:S3613"/>
    <mergeCell ref="T3612:W3613"/>
    <mergeCell ref="X3612:AA3613"/>
    <mergeCell ref="A3586:C3587"/>
    <mergeCell ref="D3586:O3587"/>
    <mergeCell ref="P3586:S3587"/>
    <mergeCell ref="T3586:W3587"/>
    <mergeCell ref="X3586:AA3587"/>
    <mergeCell ref="A3588:C3589"/>
    <mergeCell ref="D3588:O3589"/>
    <mergeCell ref="P3588:S3589"/>
    <mergeCell ref="T3588:W3589"/>
    <mergeCell ref="X3588:AA3589"/>
    <mergeCell ref="A3590:C3591"/>
    <mergeCell ref="D3590:O3591"/>
    <mergeCell ref="P3590:S3591"/>
    <mergeCell ref="T3590:W3591"/>
    <mergeCell ref="X3590:AA3591"/>
    <mergeCell ref="A3592:C3593"/>
    <mergeCell ref="D3592:O3593"/>
    <mergeCell ref="P3592:S3593"/>
    <mergeCell ref="T3592:W3593"/>
    <mergeCell ref="X3592:AA3593"/>
    <mergeCell ref="A3594:C3595"/>
    <mergeCell ref="D3594:O3595"/>
    <mergeCell ref="P3594:S3595"/>
    <mergeCell ref="T3594:W3595"/>
    <mergeCell ref="X3594:AA3595"/>
    <mergeCell ref="A3596:C3597"/>
    <mergeCell ref="D3596:O3597"/>
    <mergeCell ref="P3596:S3597"/>
    <mergeCell ref="T3596:W3597"/>
    <mergeCell ref="X3596:AA3597"/>
    <mergeCell ref="A3598:C3599"/>
    <mergeCell ref="D3598:O3599"/>
    <mergeCell ref="P3598:S3599"/>
    <mergeCell ref="T3598:W3599"/>
    <mergeCell ref="X3598:AA3599"/>
    <mergeCell ref="A3572:C3573"/>
    <mergeCell ref="D3572:O3573"/>
    <mergeCell ref="P3572:S3573"/>
    <mergeCell ref="T3572:W3573"/>
    <mergeCell ref="X3572:AA3573"/>
    <mergeCell ref="A3574:C3575"/>
    <mergeCell ref="D3574:O3575"/>
    <mergeCell ref="P3574:S3575"/>
    <mergeCell ref="T3574:W3575"/>
    <mergeCell ref="X3574:AA3575"/>
    <mergeCell ref="A3576:C3577"/>
    <mergeCell ref="D3576:O3577"/>
    <mergeCell ref="P3576:S3577"/>
    <mergeCell ref="T3576:W3577"/>
    <mergeCell ref="X3576:AA3577"/>
    <mergeCell ref="A3578:C3579"/>
    <mergeCell ref="D3578:O3579"/>
    <mergeCell ref="P3578:S3579"/>
    <mergeCell ref="T3578:W3579"/>
    <mergeCell ref="X3578:AA3579"/>
    <mergeCell ref="A3580:C3581"/>
    <mergeCell ref="D3580:O3581"/>
    <mergeCell ref="P3580:S3581"/>
    <mergeCell ref="T3580:W3581"/>
    <mergeCell ref="X3580:AA3581"/>
    <mergeCell ref="A3582:C3583"/>
    <mergeCell ref="D3582:O3583"/>
    <mergeCell ref="P3582:S3583"/>
    <mergeCell ref="T3582:W3583"/>
    <mergeCell ref="X3582:AA3583"/>
    <mergeCell ref="A3584:C3585"/>
    <mergeCell ref="D3584:O3585"/>
    <mergeCell ref="P3584:S3585"/>
    <mergeCell ref="T3584:W3585"/>
    <mergeCell ref="X3584:AA3585"/>
    <mergeCell ref="A3558:C3559"/>
    <mergeCell ref="D3558:O3559"/>
    <mergeCell ref="P3558:S3559"/>
    <mergeCell ref="T3558:W3559"/>
    <mergeCell ref="X3558:AA3559"/>
    <mergeCell ref="A3560:C3561"/>
    <mergeCell ref="D3560:O3561"/>
    <mergeCell ref="P3560:S3561"/>
    <mergeCell ref="T3560:W3561"/>
    <mergeCell ref="X3560:AA3561"/>
    <mergeCell ref="A3562:C3563"/>
    <mergeCell ref="D3562:O3563"/>
    <mergeCell ref="P3562:S3563"/>
    <mergeCell ref="T3562:W3563"/>
    <mergeCell ref="X3562:AA3563"/>
    <mergeCell ref="A3564:C3565"/>
    <mergeCell ref="D3564:O3565"/>
    <mergeCell ref="P3564:S3565"/>
    <mergeCell ref="T3564:W3565"/>
    <mergeCell ref="X3564:AA3565"/>
    <mergeCell ref="A3566:C3567"/>
    <mergeCell ref="D3566:O3567"/>
    <mergeCell ref="P3566:S3567"/>
    <mergeCell ref="T3566:W3567"/>
    <mergeCell ref="X3566:AA3567"/>
    <mergeCell ref="A3568:C3569"/>
    <mergeCell ref="D3568:O3569"/>
    <mergeCell ref="P3568:S3569"/>
    <mergeCell ref="T3568:W3569"/>
    <mergeCell ref="X3568:AA3569"/>
    <mergeCell ref="A3570:C3571"/>
    <mergeCell ref="D3570:O3571"/>
    <mergeCell ref="P3570:S3571"/>
    <mergeCell ref="T3570:W3571"/>
    <mergeCell ref="X3570:AA3571"/>
    <mergeCell ref="A3544:C3545"/>
    <mergeCell ref="D3544:O3545"/>
    <mergeCell ref="P3544:S3545"/>
    <mergeCell ref="T3544:W3545"/>
    <mergeCell ref="X3544:AA3545"/>
    <mergeCell ref="A3546:C3547"/>
    <mergeCell ref="D3546:O3547"/>
    <mergeCell ref="P3546:S3547"/>
    <mergeCell ref="T3546:W3547"/>
    <mergeCell ref="X3546:AA3547"/>
    <mergeCell ref="A3548:C3549"/>
    <mergeCell ref="D3548:O3549"/>
    <mergeCell ref="P3548:S3549"/>
    <mergeCell ref="T3548:W3549"/>
    <mergeCell ref="X3548:AA3549"/>
    <mergeCell ref="A3550:C3551"/>
    <mergeCell ref="D3550:O3551"/>
    <mergeCell ref="P3550:S3551"/>
    <mergeCell ref="T3550:W3551"/>
    <mergeCell ref="X3550:AA3551"/>
    <mergeCell ref="A3552:C3553"/>
    <mergeCell ref="D3552:O3553"/>
    <mergeCell ref="P3552:S3553"/>
    <mergeCell ref="T3552:W3553"/>
    <mergeCell ref="X3552:AA3553"/>
    <mergeCell ref="A3554:C3555"/>
    <mergeCell ref="D3554:O3555"/>
    <mergeCell ref="P3554:S3555"/>
    <mergeCell ref="T3554:W3555"/>
    <mergeCell ref="X3554:AA3555"/>
    <mergeCell ref="A3556:C3557"/>
    <mergeCell ref="D3556:O3557"/>
    <mergeCell ref="P3556:S3557"/>
    <mergeCell ref="T3556:W3557"/>
    <mergeCell ref="X3556:AA3557"/>
    <mergeCell ref="A3530:C3531"/>
    <mergeCell ref="D3530:O3531"/>
    <mergeCell ref="P3530:S3531"/>
    <mergeCell ref="T3530:W3531"/>
    <mergeCell ref="X3530:AA3531"/>
    <mergeCell ref="A3532:C3533"/>
    <mergeCell ref="D3532:O3533"/>
    <mergeCell ref="P3532:S3533"/>
    <mergeCell ref="T3532:W3533"/>
    <mergeCell ref="X3532:AA3533"/>
    <mergeCell ref="A3534:C3535"/>
    <mergeCell ref="D3534:O3535"/>
    <mergeCell ref="P3534:S3535"/>
    <mergeCell ref="T3534:W3535"/>
    <mergeCell ref="X3534:AA3535"/>
    <mergeCell ref="A3536:C3537"/>
    <mergeCell ref="D3536:O3537"/>
    <mergeCell ref="P3536:S3537"/>
    <mergeCell ref="T3536:W3537"/>
    <mergeCell ref="X3536:AA3537"/>
    <mergeCell ref="A3538:C3539"/>
    <mergeCell ref="D3538:O3539"/>
    <mergeCell ref="P3538:S3539"/>
    <mergeCell ref="T3538:W3539"/>
    <mergeCell ref="X3538:AA3539"/>
    <mergeCell ref="A3540:C3541"/>
    <mergeCell ref="D3540:O3541"/>
    <mergeCell ref="P3540:S3541"/>
    <mergeCell ref="T3540:W3541"/>
    <mergeCell ref="X3540:AA3541"/>
    <mergeCell ref="A3542:C3543"/>
    <mergeCell ref="D3542:O3543"/>
    <mergeCell ref="P3542:S3543"/>
    <mergeCell ref="T3542:W3543"/>
    <mergeCell ref="X3542:AA3543"/>
    <mergeCell ref="A3516:C3517"/>
    <mergeCell ref="D3516:O3517"/>
    <mergeCell ref="P3516:S3517"/>
    <mergeCell ref="T3516:W3517"/>
    <mergeCell ref="X3516:AA3517"/>
    <mergeCell ref="A3518:C3519"/>
    <mergeCell ref="D3518:O3519"/>
    <mergeCell ref="P3518:S3519"/>
    <mergeCell ref="T3518:W3519"/>
    <mergeCell ref="X3518:AA3519"/>
    <mergeCell ref="A3520:C3521"/>
    <mergeCell ref="D3520:O3521"/>
    <mergeCell ref="P3520:S3521"/>
    <mergeCell ref="T3520:W3521"/>
    <mergeCell ref="X3520:AA3521"/>
    <mergeCell ref="A3522:C3523"/>
    <mergeCell ref="D3522:O3523"/>
    <mergeCell ref="P3522:S3523"/>
    <mergeCell ref="T3522:W3523"/>
    <mergeCell ref="X3522:AA3523"/>
    <mergeCell ref="A3524:C3525"/>
    <mergeCell ref="D3524:O3525"/>
    <mergeCell ref="P3524:S3525"/>
    <mergeCell ref="T3524:W3525"/>
    <mergeCell ref="X3524:AA3525"/>
    <mergeCell ref="A3526:C3527"/>
    <mergeCell ref="D3526:O3527"/>
    <mergeCell ref="P3526:S3527"/>
    <mergeCell ref="T3526:W3527"/>
    <mergeCell ref="X3526:AA3527"/>
    <mergeCell ref="A3528:C3529"/>
    <mergeCell ref="D3528:O3529"/>
    <mergeCell ref="P3528:S3529"/>
    <mergeCell ref="T3528:W3529"/>
    <mergeCell ref="X3528:AA3529"/>
    <mergeCell ref="A3500:C3501"/>
    <mergeCell ref="D3500:O3501"/>
    <mergeCell ref="P3500:S3501"/>
    <mergeCell ref="T3500:W3501"/>
    <mergeCell ref="X3500:AA3501"/>
    <mergeCell ref="A3502:C3503"/>
    <mergeCell ref="D3502:O3503"/>
    <mergeCell ref="P3502:S3503"/>
    <mergeCell ref="T3502:W3503"/>
    <mergeCell ref="X3502:AA3503"/>
    <mergeCell ref="A3504:C3505"/>
    <mergeCell ref="D3504:O3505"/>
    <mergeCell ref="P3504:S3505"/>
    <mergeCell ref="T3504:W3505"/>
    <mergeCell ref="X3504:AA3505"/>
    <mergeCell ref="A3506:C3507"/>
    <mergeCell ref="D3506:O3507"/>
    <mergeCell ref="P3506:S3507"/>
    <mergeCell ref="T3506:W3507"/>
    <mergeCell ref="X3506:AA3507"/>
    <mergeCell ref="A3508:C3509"/>
    <mergeCell ref="D3508:O3509"/>
    <mergeCell ref="P3508:S3509"/>
    <mergeCell ref="T3508:W3509"/>
    <mergeCell ref="X3508:AA3509"/>
    <mergeCell ref="A3510:AA3511"/>
    <mergeCell ref="A3512:C3513"/>
    <mergeCell ref="D3512:O3513"/>
    <mergeCell ref="P3512:S3513"/>
    <mergeCell ref="T3512:W3513"/>
    <mergeCell ref="X3512:AA3513"/>
    <mergeCell ref="A3514:C3515"/>
    <mergeCell ref="D3514:O3515"/>
    <mergeCell ref="P3514:S3515"/>
    <mergeCell ref="T3514:W3515"/>
    <mergeCell ref="X3514:AA3515"/>
    <mergeCell ref="A3486:C3487"/>
    <mergeCell ref="D3486:O3487"/>
    <mergeCell ref="P3486:S3487"/>
    <mergeCell ref="T3486:W3487"/>
    <mergeCell ref="X3486:AA3487"/>
    <mergeCell ref="A3488:C3489"/>
    <mergeCell ref="D3488:O3489"/>
    <mergeCell ref="P3488:S3489"/>
    <mergeCell ref="T3488:W3489"/>
    <mergeCell ref="X3488:AA3489"/>
    <mergeCell ref="A3490:C3491"/>
    <mergeCell ref="D3490:O3491"/>
    <mergeCell ref="P3490:S3491"/>
    <mergeCell ref="T3490:W3491"/>
    <mergeCell ref="X3490:AA3491"/>
    <mergeCell ref="A3492:C3493"/>
    <mergeCell ref="D3492:O3493"/>
    <mergeCell ref="P3492:S3493"/>
    <mergeCell ref="T3492:W3493"/>
    <mergeCell ref="X3492:AA3493"/>
    <mergeCell ref="A3494:C3495"/>
    <mergeCell ref="D3494:O3495"/>
    <mergeCell ref="P3494:S3495"/>
    <mergeCell ref="T3494:W3495"/>
    <mergeCell ref="X3494:AA3495"/>
    <mergeCell ref="A3496:C3497"/>
    <mergeCell ref="D3496:O3497"/>
    <mergeCell ref="P3496:S3497"/>
    <mergeCell ref="T3496:W3497"/>
    <mergeCell ref="X3496:AA3497"/>
    <mergeCell ref="A3498:C3499"/>
    <mergeCell ref="D3498:O3499"/>
    <mergeCell ref="P3498:S3499"/>
    <mergeCell ref="T3498:W3499"/>
    <mergeCell ref="X3498:AA3499"/>
    <mergeCell ref="A3472:C3473"/>
    <mergeCell ref="D3472:O3473"/>
    <mergeCell ref="P3472:S3473"/>
    <mergeCell ref="T3472:W3473"/>
    <mergeCell ref="X3472:AA3473"/>
    <mergeCell ref="A3474:C3475"/>
    <mergeCell ref="D3474:O3475"/>
    <mergeCell ref="P3474:S3475"/>
    <mergeCell ref="T3474:W3475"/>
    <mergeCell ref="X3474:AA3475"/>
    <mergeCell ref="A3476:C3477"/>
    <mergeCell ref="D3476:O3477"/>
    <mergeCell ref="P3476:S3477"/>
    <mergeCell ref="T3476:W3477"/>
    <mergeCell ref="X3476:AA3477"/>
    <mergeCell ref="A3478:C3479"/>
    <mergeCell ref="D3478:O3479"/>
    <mergeCell ref="P3478:S3479"/>
    <mergeCell ref="T3478:W3479"/>
    <mergeCell ref="X3478:AA3479"/>
    <mergeCell ref="A3480:C3481"/>
    <mergeCell ref="D3480:O3481"/>
    <mergeCell ref="P3480:S3481"/>
    <mergeCell ref="T3480:W3481"/>
    <mergeCell ref="X3480:AA3481"/>
    <mergeCell ref="A3482:C3483"/>
    <mergeCell ref="D3482:O3483"/>
    <mergeCell ref="P3482:S3483"/>
    <mergeCell ref="T3482:W3483"/>
    <mergeCell ref="X3482:AA3483"/>
    <mergeCell ref="A3484:C3485"/>
    <mergeCell ref="D3484:O3485"/>
    <mergeCell ref="P3484:S3485"/>
    <mergeCell ref="T3484:W3485"/>
    <mergeCell ref="X3484:AA3485"/>
    <mergeCell ref="A3458:C3459"/>
    <mergeCell ref="D3458:O3459"/>
    <mergeCell ref="P3458:S3459"/>
    <mergeCell ref="T3458:W3459"/>
    <mergeCell ref="X3458:AA3459"/>
    <mergeCell ref="A3460:C3461"/>
    <mergeCell ref="D3460:O3461"/>
    <mergeCell ref="P3460:S3461"/>
    <mergeCell ref="T3460:W3461"/>
    <mergeCell ref="X3460:AA3461"/>
    <mergeCell ref="A3462:C3463"/>
    <mergeCell ref="D3462:O3463"/>
    <mergeCell ref="P3462:S3463"/>
    <mergeCell ref="T3462:W3463"/>
    <mergeCell ref="X3462:AA3463"/>
    <mergeCell ref="A3464:C3465"/>
    <mergeCell ref="D3464:O3465"/>
    <mergeCell ref="P3464:S3465"/>
    <mergeCell ref="T3464:W3465"/>
    <mergeCell ref="X3464:AA3465"/>
    <mergeCell ref="A3466:C3467"/>
    <mergeCell ref="D3466:O3467"/>
    <mergeCell ref="P3466:S3467"/>
    <mergeCell ref="T3466:W3467"/>
    <mergeCell ref="X3466:AA3467"/>
    <mergeCell ref="A3468:C3469"/>
    <mergeCell ref="D3468:O3469"/>
    <mergeCell ref="P3468:S3469"/>
    <mergeCell ref="T3468:W3469"/>
    <mergeCell ref="X3468:AA3469"/>
    <mergeCell ref="A3470:C3471"/>
    <mergeCell ref="D3470:O3471"/>
    <mergeCell ref="P3470:S3471"/>
    <mergeCell ref="T3470:W3471"/>
    <mergeCell ref="X3470:AA3471"/>
    <mergeCell ref="A3444:C3445"/>
    <mergeCell ref="D3444:O3445"/>
    <mergeCell ref="P3444:S3445"/>
    <mergeCell ref="T3444:W3445"/>
    <mergeCell ref="X3444:AA3445"/>
    <mergeCell ref="A3446:C3447"/>
    <mergeCell ref="D3446:O3447"/>
    <mergeCell ref="P3446:S3447"/>
    <mergeCell ref="T3446:W3447"/>
    <mergeCell ref="X3446:AA3447"/>
    <mergeCell ref="A3448:C3449"/>
    <mergeCell ref="D3448:O3449"/>
    <mergeCell ref="P3448:S3449"/>
    <mergeCell ref="T3448:W3449"/>
    <mergeCell ref="X3448:AA3449"/>
    <mergeCell ref="A3450:C3451"/>
    <mergeCell ref="D3450:O3451"/>
    <mergeCell ref="P3450:S3451"/>
    <mergeCell ref="T3450:W3451"/>
    <mergeCell ref="X3450:AA3451"/>
    <mergeCell ref="A3452:C3453"/>
    <mergeCell ref="D3452:O3453"/>
    <mergeCell ref="P3452:S3453"/>
    <mergeCell ref="T3452:W3453"/>
    <mergeCell ref="X3452:AA3453"/>
    <mergeCell ref="A3454:C3455"/>
    <mergeCell ref="D3454:O3455"/>
    <mergeCell ref="P3454:S3455"/>
    <mergeCell ref="T3454:W3455"/>
    <mergeCell ref="X3454:AA3455"/>
    <mergeCell ref="A3456:C3457"/>
    <mergeCell ref="D3456:O3457"/>
    <mergeCell ref="P3456:S3457"/>
    <mergeCell ref="T3456:W3457"/>
    <mergeCell ref="X3456:AA3457"/>
    <mergeCell ref="A3430:C3431"/>
    <mergeCell ref="D3430:O3431"/>
    <mergeCell ref="P3430:S3431"/>
    <mergeCell ref="T3430:W3431"/>
    <mergeCell ref="X3430:AA3431"/>
    <mergeCell ref="A3432:C3433"/>
    <mergeCell ref="D3432:O3433"/>
    <mergeCell ref="P3432:S3433"/>
    <mergeCell ref="T3432:W3433"/>
    <mergeCell ref="X3432:AA3433"/>
    <mergeCell ref="A3434:C3435"/>
    <mergeCell ref="D3434:O3435"/>
    <mergeCell ref="P3434:S3435"/>
    <mergeCell ref="T3434:W3435"/>
    <mergeCell ref="X3434:AA3435"/>
    <mergeCell ref="A3436:C3437"/>
    <mergeCell ref="D3436:O3437"/>
    <mergeCell ref="P3436:S3437"/>
    <mergeCell ref="T3436:W3437"/>
    <mergeCell ref="X3436:AA3437"/>
    <mergeCell ref="A3438:C3439"/>
    <mergeCell ref="D3438:O3439"/>
    <mergeCell ref="P3438:S3439"/>
    <mergeCell ref="T3438:W3439"/>
    <mergeCell ref="X3438:AA3439"/>
    <mergeCell ref="A3440:C3441"/>
    <mergeCell ref="D3440:O3441"/>
    <mergeCell ref="P3440:S3441"/>
    <mergeCell ref="T3440:W3441"/>
    <mergeCell ref="X3440:AA3441"/>
    <mergeCell ref="A3442:C3443"/>
    <mergeCell ref="D3442:O3443"/>
    <mergeCell ref="P3442:S3443"/>
    <mergeCell ref="T3442:W3443"/>
    <mergeCell ref="X3442:AA3443"/>
    <mergeCell ref="A3416:C3417"/>
    <mergeCell ref="D3416:O3417"/>
    <mergeCell ref="P3416:S3417"/>
    <mergeCell ref="T3416:W3417"/>
    <mergeCell ref="X3416:AA3417"/>
    <mergeCell ref="A3418:C3419"/>
    <mergeCell ref="D3418:O3419"/>
    <mergeCell ref="P3418:S3419"/>
    <mergeCell ref="T3418:W3419"/>
    <mergeCell ref="X3418:AA3419"/>
    <mergeCell ref="A3420:C3421"/>
    <mergeCell ref="D3420:O3421"/>
    <mergeCell ref="P3420:S3421"/>
    <mergeCell ref="T3420:W3421"/>
    <mergeCell ref="X3420:AA3421"/>
    <mergeCell ref="A3422:C3423"/>
    <mergeCell ref="D3422:O3423"/>
    <mergeCell ref="P3422:S3423"/>
    <mergeCell ref="T3422:W3423"/>
    <mergeCell ref="X3422:AA3423"/>
    <mergeCell ref="A3424:C3425"/>
    <mergeCell ref="D3424:O3425"/>
    <mergeCell ref="P3424:S3425"/>
    <mergeCell ref="T3424:W3425"/>
    <mergeCell ref="X3424:AA3425"/>
    <mergeCell ref="A3426:C3427"/>
    <mergeCell ref="D3426:O3427"/>
    <mergeCell ref="P3426:S3427"/>
    <mergeCell ref="T3426:W3427"/>
    <mergeCell ref="X3426:AA3427"/>
    <mergeCell ref="A3428:C3429"/>
    <mergeCell ref="D3428:O3429"/>
    <mergeCell ref="P3428:S3429"/>
    <mergeCell ref="T3428:W3429"/>
    <mergeCell ref="X3428:AA3429"/>
    <mergeCell ref="A3402:C3403"/>
    <mergeCell ref="D3402:O3403"/>
    <mergeCell ref="P3402:S3403"/>
    <mergeCell ref="T3402:W3403"/>
    <mergeCell ref="X3402:AA3403"/>
    <mergeCell ref="A3404:C3405"/>
    <mergeCell ref="D3404:O3405"/>
    <mergeCell ref="P3404:S3405"/>
    <mergeCell ref="T3404:W3405"/>
    <mergeCell ref="X3404:AA3405"/>
    <mergeCell ref="A3406:C3407"/>
    <mergeCell ref="D3406:O3407"/>
    <mergeCell ref="P3406:S3407"/>
    <mergeCell ref="T3406:W3407"/>
    <mergeCell ref="X3406:AA3407"/>
    <mergeCell ref="A3408:C3409"/>
    <mergeCell ref="D3408:O3409"/>
    <mergeCell ref="P3408:S3409"/>
    <mergeCell ref="T3408:W3409"/>
    <mergeCell ref="X3408:AA3409"/>
    <mergeCell ref="A3410:C3411"/>
    <mergeCell ref="D3410:O3411"/>
    <mergeCell ref="P3410:S3411"/>
    <mergeCell ref="T3410:W3411"/>
    <mergeCell ref="X3410:AA3411"/>
    <mergeCell ref="A3412:C3413"/>
    <mergeCell ref="D3412:O3413"/>
    <mergeCell ref="P3412:S3413"/>
    <mergeCell ref="T3412:W3413"/>
    <mergeCell ref="X3412:AA3413"/>
    <mergeCell ref="A3414:C3415"/>
    <mergeCell ref="D3414:O3415"/>
    <mergeCell ref="P3414:S3415"/>
    <mergeCell ref="T3414:W3415"/>
    <mergeCell ref="X3414:AA3415"/>
    <mergeCell ref="A3386:C3387"/>
    <mergeCell ref="D3386:O3387"/>
    <mergeCell ref="P3386:S3387"/>
    <mergeCell ref="T3386:W3387"/>
    <mergeCell ref="X3386:AA3387"/>
    <mergeCell ref="A3388:C3389"/>
    <mergeCell ref="D3388:O3389"/>
    <mergeCell ref="P3388:S3389"/>
    <mergeCell ref="T3388:W3389"/>
    <mergeCell ref="X3388:AA3389"/>
    <mergeCell ref="A3390:C3391"/>
    <mergeCell ref="D3390:O3391"/>
    <mergeCell ref="P3390:S3391"/>
    <mergeCell ref="T3390:W3391"/>
    <mergeCell ref="X3390:AA3391"/>
    <mergeCell ref="A3392:C3393"/>
    <mergeCell ref="D3392:O3393"/>
    <mergeCell ref="P3392:S3393"/>
    <mergeCell ref="T3392:W3393"/>
    <mergeCell ref="X3392:AA3393"/>
    <mergeCell ref="A3394:AA3395"/>
    <mergeCell ref="A3396:C3397"/>
    <mergeCell ref="D3396:O3397"/>
    <mergeCell ref="P3396:S3397"/>
    <mergeCell ref="T3396:W3397"/>
    <mergeCell ref="X3396:AA3397"/>
    <mergeCell ref="A3398:C3399"/>
    <mergeCell ref="D3398:O3399"/>
    <mergeCell ref="P3398:S3399"/>
    <mergeCell ref="T3398:W3399"/>
    <mergeCell ref="X3398:AA3399"/>
    <mergeCell ref="A3400:C3401"/>
    <mergeCell ref="D3400:O3401"/>
    <mergeCell ref="P3400:S3401"/>
    <mergeCell ref="T3400:W3401"/>
    <mergeCell ref="X3400:AA3401"/>
    <mergeCell ref="A3372:C3373"/>
    <mergeCell ref="D3372:O3373"/>
    <mergeCell ref="P3372:S3373"/>
    <mergeCell ref="T3372:W3373"/>
    <mergeCell ref="X3372:AA3373"/>
    <mergeCell ref="A3374:C3375"/>
    <mergeCell ref="D3374:O3375"/>
    <mergeCell ref="P3374:S3375"/>
    <mergeCell ref="T3374:W3375"/>
    <mergeCell ref="X3374:AA3375"/>
    <mergeCell ref="A3376:C3377"/>
    <mergeCell ref="D3376:O3377"/>
    <mergeCell ref="P3376:S3377"/>
    <mergeCell ref="T3376:W3377"/>
    <mergeCell ref="X3376:AA3377"/>
    <mergeCell ref="A3378:C3379"/>
    <mergeCell ref="D3378:O3379"/>
    <mergeCell ref="P3378:S3379"/>
    <mergeCell ref="T3378:W3379"/>
    <mergeCell ref="X3378:AA3379"/>
    <mergeCell ref="A3380:C3381"/>
    <mergeCell ref="D3380:O3381"/>
    <mergeCell ref="P3380:S3381"/>
    <mergeCell ref="T3380:W3381"/>
    <mergeCell ref="X3380:AA3381"/>
    <mergeCell ref="A3382:C3383"/>
    <mergeCell ref="D3382:O3383"/>
    <mergeCell ref="P3382:S3383"/>
    <mergeCell ref="T3382:W3383"/>
    <mergeCell ref="X3382:AA3383"/>
    <mergeCell ref="A3384:C3385"/>
    <mergeCell ref="D3384:O3385"/>
    <mergeCell ref="P3384:S3385"/>
    <mergeCell ref="T3384:W3385"/>
    <mergeCell ref="X3384:AA3385"/>
    <mergeCell ref="A3358:C3359"/>
    <mergeCell ref="D3358:O3359"/>
    <mergeCell ref="P3358:S3359"/>
    <mergeCell ref="T3358:W3359"/>
    <mergeCell ref="X3358:AA3359"/>
    <mergeCell ref="A3360:C3361"/>
    <mergeCell ref="D3360:O3361"/>
    <mergeCell ref="P3360:S3361"/>
    <mergeCell ref="T3360:W3361"/>
    <mergeCell ref="X3360:AA3361"/>
    <mergeCell ref="A3362:C3363"/>
    <mergeCell ref="D3362:O3363"/>
    <mergeCell ref="P3362:S3363"/>
    <mergeCell ref="T3362:W3363"/>
    <mergeCell ref="X3362:AA3363"/>
    <mergeCell ref="A3364:C3365"/>
    <mergeCell ref="D3364:O3365"/>
    <mergeCell ref="P3364:S3365"/>
    <mergeCell ref="T3364:W3365"/>
    <mergeCell ref="X3364:AA3365"/>
    <mergeCell ref="A3366:C3367"/>
    <mergeCell ref="D3366:O3367"/>
    <mergeCell ref="P3366:S3367"/>
    <mergeCell ref="T3366:W3367"/>
    <mergeCell ref="X3366:AA3367"/>
    <mergeCell ref="A3368:C3369"/>
    <mergeCell ref="D3368:O3369"/>
    <mergeCell ref="P3368:S3369"/>
    <mergeCell ref="T3368:W3369"/>
    <mergeCell ref="X3368:AA3369"/>
    <mergeCell ref="A3370:C3371"/>
    <mergeCell ref="D3370:O3371"/>
    <mergeCell ref="P3370:S3371"/>
    <mergeCell ref="T3370:W3371"/>
    <mergeCell ref="X3370:AA3371"/>
    <mergeCell ref="A3342:C3343"/>
    <mergeCell ref="D3342:O3343"/>
    <mergeCell ref="P3342:S3343"/>
    <mergeCell ref="T3342:W3343"/>
    <mergeCell ref="X3342:AA3343"/>
    <mergeCell ref="A3344:C3345"/>
    <mergeCell ref="D3344:O3345"/>
    <mergeCell ref="P3344:S3345"/>
    <mergeCell ref="T3344:W3345"/>
    <mergeCell ref="X3344:AA3345"/>
    <mergeCell ref="A3346:C3347"/>
    <mergeCell ref="D3346:O3347"/>
    <mergeCell ref="P3346:S3347"/>
    <mergeCell ref="T3346:W3347"/>
    <mergeCell ref="X3346:AA3347"/>
    <mergeCell ref="A3348:C3349"/>
    <mergeCell ref="D3348:O3349"/>
    <mergeCell ref="P3348:S3349"/>
    <mergeCell ref="T3348:W3349"/>
    <mergeCell ref="X3348:AA3349"/>
    <mergeCell ref="A3350:AA3351"/>
    <mergeCell ref="A3352:C3353"/>
    <mergeCell ref="D3352:O3353"/>
    <mergeCell ref="P3352:S3353"/>
    <mergeCell ref="T3352:W3353"/>
    <mergeCell ref="X3352:AA3353"/>
    <mergeCell ref="A3354:C3355"/>
    <mergeCell ref="D3354:O3355"/>
    <mergeCell ref="P3354:S3355"/>
    <mergeCell ref="T3354:W3355"/>
    <mergeCell ref="X3354:AA3355"/>
    <mergeCell ref="A3356:C3357"/>
    <mergeCell ref="D3356:O3357"/>
    <mergeCell ref="P3356:S3357"/>
    <mergeCell ref="T3356:W3357"/>
    <mergeCell ref="X3356:AA3357"/>
    <mergeCell ref="A3326:C3327"/>
    <mergeCell ref="D3326:O3327"/>
    <mergeCell ref="P3326:S3327"/>
    <mergeCell ref="T3326:W3327"/>
    <mergeCell ref="X3326:AA3327"/>
    <mergeCell ref="A3328:AA3329"/>
    <mergeCell ref="A3330:C3331"/>
    <mergeCell ref="D3330:O3331"/>
    <mergeCell ref="P3330:S3331"/>
    <mergeCell ref="T3330:W3331"/>
    <mergeCell ref="X3330:AA3331"/>
    <mergeCell ref="A3332:C3333"/>
    <mergeCell ref="D3332:O3333"/>
    <mergeCell ref="P3332:S3333"/>
    <mergeCell ref="T3332:W3333"/>
    <mergeCell ref="X3332:AA3333"/>
    <mergeCell ref="A3334:C3335"/>
    <mergeCell ref="D3334:O3335"/>
    <mergeCell ref="P3334:S3335"/>
    <mergeCell ref="T3334:W3335"/>
    <mergeCell ref="X3334:AA3335"/>
    <mergeCell ref="A3336:C3337"/>
    <mergeCell ref="D3336:O3337"/>
    <mergeCell ref="P3336:S3337"/>
    <mergeCell ref="T3336:W3337"/>
    <mergeCell ref="X3336:AA3337"/>
    <mergeCell ref="A3338:C3339"/>
    <mergeCell ref="D3338:O3339"/>
    <mergeCell ref="P3338:S3339"/>
    <mergeCell ref="T3338:W3339"/>
    <mergeCell ref="X3338:AA3339"/>
    <mergeCell ref="A3340:C3341"/>
    <mergeCell ref="D3340:O3341"/>
    <mergeCell ref="P3340:S3341"/>
    <mergeCell ref="T3340:W3341"/>
    <mergeCell ref="X3340:AA3341"/>
    <mergeCell ref="A3310:C3311"/>
    <mergeCell ref="D3310:O3311"/>
    <mergeCell ref="P3310:S3311"/>
    <mergeCell ref="T3310:W3311"/>
    <mergeCell ref="X3310:AA3311"/>
    <mergeCell ref="A3312:C3313"/>
    <mergeCell ref="D3312:O3313"/>
    <mergeCell ref="P3312:S3313"/>
    <mergeCell ref="T3312:W3313"/>
    <mergeCell ref="X3312:AA3313"/>
    <mergeCell ref="A3314:C3315"/>
    <mergeCell ref="D3314:O3315"/>
    <mergeCell ref="P3314:S3315"/>
    <mergeCell ref="T3314:W3315"/>
    <mergeCell ref="X3314:AA3315"/>
    <mergeCell ref="A3316:AA3317"/>
    <mergeCell ref="A3318:C3319"/>
    <mergeCell ref="D3318:O3319"/>
    <mergeCell ref="P3318:S3319"/>
    <mergeCell ref="T3318:W3319"/>
    <mergeCell ref="X3318:AA3319"/>
    <mergeCell ref="A3320:C3321"/>
    <mergeCell ref="D3320:O3321"/>
    <mergeCell ref="P3320:S3321"/>
    <mergeCell ref="T3320:W3321"/>
    <mergeCell ref="X3320:AA3321"/>
    <mergeCell ref="A3322:C3323"/>
    <mergeCell ref="D3322:O3323"/>
    <mergeCell ref="P3322:S3323"/>
    <mergeCell ref="T3322:W3323"/>
    <mergeCell ref="X3322:AA3323"/>
    <mergeCell ref="A3324:C3325"/>
    <mergeCell ref="D3324:O3325"/>
    <mergeCell ref="P3324:S3325"/>
    <mergeCell ref="T3324:W3325"/>
    <mergeCell ref="X3324:AA3325"/>
    <mergeCell ref="A3294:AA3295"/>
    <mergeCell ref="A3296:C3297"/>
    <mergeCell ref="D3296:O3297"/>
    <mergeCell ref="P3296:S3297"/>
    <mergeCell ref="T3296:W3297"/>
    <mergeCell ref="X3296:AA3297"/>
    <mergeCell ref="A3298:C3299"/>
    <mergeCell ref="D3298:O3299"/>
    <mergeCell ref="P3298:S3299"/>
    <mergeCell ref="T3298:W3299"/>
    <mergeCell ref="X3298:AA3299"/>
    <mergeCell ref="A3300:C3301"/>
    <mergeCell ref="D3300:O3301"/>
    <mergeCell ref="P3300:S3301"/>
    <mergeCell ref="T3300:W3301"/>
    <mergeCell ref="X3300:AA3301"/>
    <mergeCell ref="A3302:C3303"/>
    <mergeCell ref="D3302:O3303"/>
    <mergeCell ref="P3302:S3303"/>
    <mergeCell ref="T3302:W3303"/>
    <mergeCell ref="X3302:AA3303"/>
    <mergeCell ref="A3304:C3305"/>
    <mergeCell ref="D3304:O3305"/>
    <mergeCell ref="P3304:S3305"/>
    <mergeCell ref="T3304:W3305"/>
    <mergeCell ref="X3304:AA3305"/>
    <mergeCell ref="A3306:C3307"/>
    <mergeCell ref="D3306:O3307"/>
    <mergeCell ref="P3306:S3307"/>
    <mergeCell ref="T3306:W3307"/>
    <mergeCell ref="X3306:AA3307"/>
    <mergeCell ref="A3308:C3309"/>
    <mergeCell ref="D3308:O3309"/>
    <mergeCell ref="P3308:S3309"/>
    <mergeCell ref="T3308:W3309"/>
    <mergeCell ref="X3308:AA3309"/>
    <mergeCell ref="A3280:C3281"/>
    <mergeCell ref="D3280:O3281"/>
    <mergeCell ref="P3280:S3281"/>
    <mergeCell ref="T3280:W3281"/>
    <mergeCell ref="X3280:AA3281"/>
    <mergeCell ref="A3282:C3283"/>
    <mergeCell ref="D3282:O3283"/>
    <mergeCell ref="P3282:S3283"/>
    <mergeCell ref="T3282:W3283"/>
    <mergeCell ref="X3282:AA3283"/>
    <mergeCell ref="A3284:C3285"/>
    <mergeCell ref="D3284:O3285"/>
    <mergeCell ref="P3284:S3285"/>
    <mergeCell ref="T3284:W3285"/>
    <mergeCell ref="X3284:AA3285"/>
    <mergeCell ref="A3286:C3287"/>
    <mergeCell ref="D3286:O3287"/>
    <mergeCell ref="P3286:S3287"/>
    <mergeCell ref="T3286:W3287"/>
    <mergeCell ref="X3286:AA3287"/>
    <mergeCell ref="A3288:C3289"/>
    <mergeCell ref="D3288:O3289"/>
    <mergeCell ref="P3288:S3289"/>
    <mergeCell ref="T3288:W3289"/>
    <mergeCell ref="X3288:AA3289"/>
    <mergeCell ref="A3290:C3291"/>
    <mergeCell ref="D3290:O3291"/>
    <mergeCell ref="P3290:S3291"/>
    <mergeCell ref="T3290:W3291"/>
    <mergeCell ref="X3290:AA3291"/>
    <mergeCell ref="A3292:C3293"/>
    <mergeCell ref="D3292:O3293"/>
    <mergeCell ref="P3292:S3293"/>
    <mergeCell ref="T3292:W3293"/>
    <mergeCell ref="X3292:AA3293"/>
    <mergeCell ref="A3266:C3267"/>
    <mergeCell ref="D3266:O3267"/>
    <mergeCell ref="P3266:S3267"/>
    <mergeCell ref="T3266:W3267"/>
    <mergeCell ref="X3266:AA3267"/>
    <mergeCell ref="A3268:C3269"/>
    <mergeCell ref="D3268:O3269"/>
    <mergeCell ref="P3268:S3269"/>
    <mergeCell ref="T3268:W3269"/>
    <mergeCell ref="X3268:AA3269"/>
    <mergeCell ref="A3270:C3271"/>
    <mergeCell ref="D3270:O3271"/>
    <mergeCell ref="P3270:S3271"/>
    <mergeCell ref="T3270:W3271"/>
    <mergeCell ref="X3270:AA3271"/>
    <mergeCell ref="A3272:C3273"/>
    <mergeCell ref="D3272:O3273"/>
    <mergeCell ref="P3272:S3273"/>
    <mergeCell ref="T3272:W3273"/>
    <mergeCell ref="X3272:AA3273"/>
    <mergeCell ref="A3274:C3275"/>
    <mergeCell ref="D3274:O3275"/>
    <mergeCell ref="P3274:S3275"/>
    <mergeCell ref="T3274:W3275"/>
    <mergeCell ref="X3274:AA3275"/>
    <mergeCell ref="A3276:C3277"/>
    <mergeCell ref="D3276:O3277"/>
    <mergeCell ref="P3276:S3277"/>
    <mergeCell ref="T3276:W3277"/>
    <mergeCell ref="X3276:AA3277"/>
    <mergeCell ref="A3278:C3279"/>
    <mergeCell ref="D3278:O3279"/>
    <mergeCell ref="P3278:S3279"/>
    <mergeCell ref="T3278:W3279"/>
    <mergeCell ref="X3278:AA3279"/>
    <mergeCell ref="A3248:C3249"/>
    <mergeCell ref="D3248:O3249"/>
    <mergeCell ref="P3248:S3249"/>
    <mergeCell ref="T3248:W3249"/>
    <mergeCell ref="X3248:AA3249"/>
    <mergeCell ref="A3250:C3251"/>
    <mergeCell ref="D3250:O3251"/>
    <mergeCell ref="P3250:S3251"/>
    <mergeCell ref="T3250:W3251"/>
    <mergeCell ref="X3250:AA3251"/>
    <mergeCell ref="A3252:C3253"/>
    <mergeCell ref="D3252:O3253"/>
    <mergeCell ref="P3252:S3253"/>
    <mergeCell ref="T3252:W3253"/>
    <mergeCell ref="X3252:AA3253"/>
    <mergeCell ref="A3254:C3255"/>
    <mergeCell ref="D3254:O3255"/>
    <mergeCell ref="P3254:S3255"/>
    <mergeCell ref="T3254:W3255"/>
    <mergeCell ref="X3254:AA3255"/>
    <mergeCell ref="A3256:AA3257"/>
    <mergeCell ref="A3258:C3259"/>
    <mergeCell ref="D3258:O3259"/>
    <mergeCell ref="P3258:S3259"/>
    <mergeCell ref="T3258:W3259"/>
    <mergeCell ref="X3258:AA3259"/>
    <mergeCell ref="A3260:AA3261"/>
    <mergeCell ref="A3262:C3263"/>
    <mergeCell ref="D3262:O3263"/>
    <mergeCell ref="P3262:S3263"/>
    <mergeCell ref="T3262:W3263"/>
    <mergeCell ref="X3262:AA3263"/>
    <mergeCell ref="A3264:C3265"/>
    <mergeCell ref="D3264:O3265"/>
    <mergeCell ref="P3264:S3265"/>
    <mergeCell ref="T3264:W3265"/>
    <mergeCell ref="X3264:AA3265"/>
    <mergeCell ref="A3234:C3235"/>
    <mergeCell ref="D3234:O3235"/>
    <mergeCell ref="P3234:S3235"/>
    <mergeCell ref="T3234:W3235"/>
    <mergeCell ref="X3234:AA3235"/>
    <mergeCell ref="A3236:C3237"/>
    <mergeCell ref="D3236:O3237"/>
    <mergeCell ref="P3236:S3237"/>
    <mergeCell ref="T3236:W3237"/>
    <mergeCell ref="X3236:AA3237"/>
    <mergeCell ref="A3238:C3239"/>
    <mergeCell ref="D3238:O3239"/>
    <mergeCell ref="P3238:S3239"/>
    <mergeCell ref="T3238:W3239"/>
    <mergeCell ref="X3238:AA3239"/>
    <mergeCell ref="A3240:C3241"/>
    <mergeCell ref="D3240:O3241"/>
    <mergeCell ref="P3240:S3241"/>
    <mergeCell ref="T3240:W3241"/>
    <mergeCell ref="X3240:AA3241"/>
    <mergeCell ref="A3242:C3243"/>
    <mergeCell ref="D3242:O3243"/>
    <mergeCell ref="P3242:S3243"/>
    <mergeCell ref="T3242:W3243"/>
    <mergeCell ref="X3242:AA3243"/>
    <mergeCell ref="A3244:C3245"/>
    <mergeCell ref="D3244:O3245"/>
    <mergeCell ref="P3244:S3245"/>
    <mergeCell ref="T3244:W3245"/>
    <mergeCell ref="X3244:AA3245"/>
    <mergeCell ref="A3246:C3247"/>
    <mergeCell ref="D3246:O3247"/>
    <mergeCell ref="P3246:S3247"/>
    <mergeCell ref="T3246:W3247"/>
    <mergeCell ref="X3246:AA3247"/>
    <mergeCell ref="A3220:C3221"/>
    <mergeCell ref="D3220:O3221"/>
    <mergeCell ref="P3220:S3221"/>
    <mergeCell ref="T3220:W3221"/>
    <mergeCell ref="X3220:AA3221"/>
    <mergeCell ref="A3222:C3223"/>
    <mergeCell ref="D3222:O3223"/>
    <mergeCell ref="P3222:S3223"/>
    <mergeCell ref="T3222:W3223"/>
    <mergeCell ref="X3222:AA3223"/>
    <mergeCell ref="A3224:C3225"/>
    <mergeCell ref="D3224:O3225"/>
    <mergeCell ref="P3224:S3225"/>
    <mergeCell ref="T3224:W3225"/>
    <mergeCell ref="X3224:AA3225"/>
    <mergeCell ref="A3226:C3227"/>
    <mergeCell ref="D3226:O3227"/>
    <mergeCell ref="P3226:S3227"/>
    <mergeCell ref="T3226:W3227"/>
    <mergeCell ref="X3226:AA3227"/>
    <mergeCell ref="A3228:C3229"/>
    <mergeCell ref="D3228:O3229"/>
    <mergeCell ref="P3228:S3229"/>
    <mergeCell ref="T3228:W3229"/>
    <mergeCell ref="X3228:AA3229"/>
    <mergeCell ref="A3230:C3231"/>
    <mergeCell ref="D3230:O3231"/>
    <mergeCell ref="P3230:S3231"/>
    <mergeCell ref="T3230:W3231"/>
    <mergeCell ref="X3230:AA3231"/>
    <mergeCell ref="A3232:C3233"/>
    <mergeCell ref="D3232:O3233"/>
    <mergeCell ref="P3232:S3233"/>
    <mergeCell ref="T3232:W3233"/>
    <mergeCell ref="X3232:AA3233"/>
    <mergeCell ref="A3206:C3207"/>
    <mergeCell ref="D3206:O3207"/>
    <mergeCell ref="P3206:S3207"/>
    <mergeCell ref="T3206:W3207"/>
    <mergeCell ref="X3206:AA3207"/>
    <mergeCell ref="A3208:C3209"/>
    <mergeCell ref="D3208:O3209"/>
    <mergeCell ref="P3208:S3209"/>
    <mergeCell ref="T3208:W3209"/>
    <mergeCell ref="X3208:AA3209"/>
    <mergeCell ref="A3210:C3211"/>
    <mergeCell ref="D3210:O3211"/>
    <mergeCell ref="P3210:S3211"/>
    <mergeCell ref="T3210:W3211"/>
    <mergeCell ref="X3210:AA3211"/>
    <mergeCell ref="A3212:C3213"/>
    <mergeCell ref="D3212:O3213"/>
    <mergeCell ref="P3212:S3213"/>
    <mergeCell ref="T3212:W3213"/>
    <mergeCell ref="X3212:AA3213"/>
    <mergeCell ref="A3214:C3215"/>
    <mergeCell ref="D3214:O3215"/>
    <mergeCell ref="P3214:S3215"/>
    <mergeCell ref="T3214:W3215"/>
    <mergeCell ref="X3214:AA3215"/>
    <mergeCell ref="A3216:C3217"/>
    <mergeCell ref="D3216:O3217"/>
    <mergeCell ref="P3216:S3217"/>
    <mergeCell ref="T3216:W3217"/>
    <mergeCell ref="X3216:AA3217"/>
    <mergeCell ref="A3218:C3219"/>
    <mergeCell ref="D3218:O3219"/>
    <mergeCell ref="P3218:S3219"/>
    <mergeCell ref="T3218:W3219"/>
    <mergeCell ref="X3218:AA3219"/>
    <mergeCell ref="A3192:C3193"/>
    <mergeCell ref="D3192:O3193"/>
    <mergeCell ref="P3192:S3193"/>
    <mergeCell ref="T3192:W3193"/>
    <mergeCell ref="X3192:AA3193"/>
    <mergeCell ref="A3194:C3195"/>
    <mergeCell ref="D3194:O3195"/>
    <mergeCell ref="P3194:S3195"/>
    <mergeCell ref="T3194:W3195"/>
    <mergeCell ref="X3194:AA3195"/>
    <mergeCell ref="A3196:C3197"/>
    <mergeCell ref="D3196:O3197"/>
    <mergeCell ref="P3196:S3197"/>
    <mergeCell ref="T3196:W3197"/>
    <mergeCell ref="X3196:AA3197"/>
    <mergeCell ref="A3198:C3199"/>
    <mergeCell ref="D3198:O3199"/>
    <mergeCell ref="P3198:S3199"/>
    <mergeCell ref="T3198:W3199"/>
    <mergeCell ref="X3198:AA3199"/>
    <mergeCell ref="A3200:C3201"/>
    <mergeCell ref="D3200:O3201"/>
    <mergeCell ref="P3200:S3201"/>
    <mergeCell ref="T3200:W3201"/>
    <mergeCell ref="X3200:AA3201"/>
    <mergeCell ref="A3202:C3203"/>
    <mergeCell ref="D3202:O3203"/>
    <mergeCell ref="P3202:S3203"/>
    <mergeCell ref="T3202:W3203"/>
    <mergeCell ref="X3202:AA3203"/>
    <mergeCell ref="A3204:C3205"/>
    <mergeCell ref="D3204:O3205"/>
    <mergeCell ref="P3204:S3205"/>
    <mergeCell ref="T3204:W3205"/>
    <mergeCell ref="X3204:AA3205"/>
    <mergeCell ref="A3178:C3179"/>
    <mergeCell ref="D3178:O3179"/>
    <mergeCell ref="P3178:S3179"/>
    <mergeCell ref="T3178:W3179"/>
    <mergeCell ref="X3178:AA3179"/>
    <mergeCell ref="A3180:C3181"/>
    <mergeCell ref="D3180:O3181"/>
    <mergeCell ref="P3180:S3181"/>
    <mergeCell ref="T3180:W3181"/>
    <mergeCell ref="X3180:AA3181"/>
    <mergeCell ref="A3182:C3183"/>
    <mergeCell ref="D3182:O3183"/>
    <mergeCell ref="P3182:S3183"/>
    <mergeCell ref="T3182:W3183"/>
    <mergeCell ref="X3182:AA3183"/>
    <mergeCell ref="A3184:C3185"/>
    <mergeCell ref="D3184:O3185"/>
    <mergeCell ref="P3184:S3185"/>
    <mergeCell ref="T3184:W3185"/>
    <mergeCell ref="X3184:AA3185"/>
    <mergeCell ref="A3186:C3187"/>
    <mergeCell ref="D3186:O3187"/>
    <mergeCell ref="P3186:S3187"/>
    <mergeCell ref="T3186:W3187"/>
    <mergeCell ref="X3186:AA3187"/>
    <mergeCell ref="A3188:C3189"/>
    <mergeCell ref="D3188:O3189"/>
    <mergeCell ref="P3188:S3189"/>
    <mergeCell ref="T3188:W3189"/>
    <mergeCell ref="X3188:AA3189"/>
    <mergeCell ref="A3190:C3191"/>
    <mergeCell ref="D3190:O3191"/>
    <mergeCell ref="P3190:S3191"/>
    <mergeCell ref="T3190:W3191"/>
    <mergeCell ref="X3190:AA3191"/>
    <mergeCell ref="A3164:C3165"/>
    <mergeCell ref="D3164:O3165"/>
    <mergeCell ref="P3164:S3165"/>
    <mergeCell ref="T3164:W3165"/>
    <mergeCell ref="X3164:AA3165"/>
    <mergeCell ref="A3166:C3167"/>
    <mergeCell ref="D3166:O3167"/>
    <mergeCell ref="P3166:S3167"/>
    <mergeCell ref="T3166:W3167"/>
    <mergeCell ref="X3166:AA3167"/>
    <mergeCell ref="A3168:C3169"/>
    <mergeCell ref="D3168:O3169"/>
    <mergeCell ref="P3168:S3169"/>
    <mergeCell ref="T3168:W3169"/>
    <mergeCell ref="X3168:AA3169"/>
    <mergeCell ref="A3170:C3171"/>
    <mergeCell ref="D3170:O3171"/>
    <mergeCell ref="P3170:S3171"/>
    <mergeCell ref="T3170:W3171"/>
    <mergeCell ref="X3170:AA3171"/>
    <mergeCell ref="A3172:C3173"/>
    <mergeCell ref="D3172:O3173"/>
    <mergeCell ref="P3172:S3173"/>
    <mergeCell ref="T3172:W3173"/>
    <mergeCell ref="X3172:AA3173"/>
    <mergeCell ref="A3174:C3175"/>
    <mergeCell ref="D3174:O3175"/>
    <mergeCell ref="P3174:S3175"/>
    <mergeCell ref="T3174:W3175"/>
    <mergeCell ref="X3174:AA3175"/>
    <mergeCell ref="A3176:C3177"/>
    <mergeCell ref="D3176:O3177"/>
    <mergeCell ref="P3176:S3177"/>
    <mergeCell ref="T3176:W3177"/>
    <mergeCell ref="X3176:AA3177"/>
    <mergeCell ref="A3150:C3151"/>
    <mergeCell ref="D3150:O3151"/>
    <mergeCell ref="P3150:S3151"/>
    <mergeCell ref="T3150:W3151"/>
    <mergeCell ref="X3150:AA3151"/>
    <mergeCell ref="A3152:C3153"/>
    <mergeCell ref="D3152:O3153"/>
    <mergeCell ref="P3152:S3153"/>
    <mergeCell ref="T3152:W3153"/>
    <mergeCell ref="X3152:AA3153"/>
    <mergeCell ref="A3154:C3155"/>
    <mergeCell ref="D3154:O3155"/>
    <mergeCell ref="P3154:S3155"/>
    <mergeCell ref="T3154:W3155"/>
    <mergeCell ref="X3154:AA3155"/>
    <mergeCell ref="A3156:C3157"/>
    <mergeCell ref="D3156:O3157"/>
    <mergeCell ref="P3156:S3157"/>
    <mergeCell ref="T3156:W3157"/>
    <mergeCell ref="X3156:AA3157"/>
    <mergeCell ref="A3158:C3159"/>
    <mergeCell ref="D3158:O3159"/>
    <mergeCell ref="P3158:S3159"/>
    <mergeCell ref="T3158:W3159"/>
    <mergeCell ref="X3158:AA3159"/>
    <mergeCell ref="A3160:C3161"/>
    <mergeCell ref="D3160:O3161"/>
    <mergeCell ref="P3160:S3161"/>
    <mergeCell ref="T3160:W3161"/>
    <mergeCell ref="X3160:AA3161"/>
    <mergeCell ref="A3162:C3163"/>
    <mergeCell ref="D3162:O3163"/>
    <mergeCell ref="P3162:S3163"/>
    <mergeCell ref="T3162:W3163"/>
    <mergeCell ref="X3162:AA3163"/>
    <mergeCell ref="A3136:C3137"/>
    <mergeCell ref="D3136:O3137"/>
    <mergeCell ref="P3136:S3137"/>
    <mergeCell ref="T3136:W3137"/>
    <mergeCell ref="X3136:AA3137"/>
    <mergeCell ref="A3138:C3139"/>
    <mergeCell ref="D3138:O3139"/>
    <mergeCell ref="P3138:S3139"/>
    <mergeCell ref="T3138:W3139"/>
    <mergeCell ref="X3138:AA3139"/>
    <mergeCell ref="A3140:C3141"/>
    <mergeCell ref="D3140:O3141"/>
    <mergeCell ref="P3140:S3141"/>
    <mergeCell ref="T3140:W3141"/>
    <mergeCell ref="X3140:AA3141"/>
    <mergeCell ref="A3142:C3143"/>
    <mergeCell ref="D3142:O3143"/>
    <mergeCell ref="P3142:S3143"/>
    <mergeCell ref="T3142:W3143"/>
    <mergeCell ref="X3142:AA3143"/>
    <mergeCell ref="A3144:C3145"/>
    <mergeCell ref="D3144:O3145"/>
    <mergeCell ref="P3144:S3145"/>
    <mergeCell ref="T3144:W3145"/>
    <mergeCell ref="X3144:AA3145"/>
    <mergeCell ref="A3146:C3147"/>
    <mergeCell ref="D3146:O3147"/>
    <mergeCell ref="P3146:S3147"/>
    <mergeCell ref="T3146:W3147"/>
    <mergeCell ref="X3146:AA3147"/>
    <mergeCell ref="A3148:C3149"/>
    <mergeCell ref="D3148:O3149"/>
    <mergeCell ref="P3148:S3149"/>
    <mergeCell ref="T3148:W3149"/>
    <mergeCell ref="X3148:AA3149"/>
    <mergeCell ref="A3122:C3123"/>
    <mergeCell ref="D3122:O3123"/>
    <mergeCell ref="P3122:S3123"/>
    <mergeCell ref="T3122:W3123"/>
    <mergeCell ref="X3122:AA3123"/>
    <mergeCell ref="A3124:C3125"/>
    <mergeCell ref="D3124:O3125"/>
    <mergeCell ref="P3124:S3125"/>
    <mergeCell ref="T3124:W3125"/>
    <mergeCell ref="X3124:AA3125"/>
    <mergeCell ref="A3126:C3127"/>
    <mergeCell ref="D3126:O3127"/>
    <mergeCell ref="P3126:S3127"/>
    <mergeCell ref="T3126:W3127"/>
    <mergeCell ref="X3126:AA3127"/>
    <mergeCell ref="A3128:C3129"/>
    <mergeCell ref="D3128:O3129"/>
    <mergeCell ref="P3128:S3129"/>
    <mergeCell ref="T3128:W3129"/>
    <mergeCell ref="X3128:AA3129"/>
    <mergeCell ref="A3130:C3131"/>
    <mergeCell ref="D3130:O3131"/>
    <mergeCell ref="P3130:S3131"/>
    <mergeCell ref="T3130:W3131"/>
    <mergeCell ref="X3130:AA3131"/>
    <mergeCell ref="A3132:C3133"/>
    <mergeCell ref="D3132:O3133"/>
    <mergeCell ref="P3132:S3133"/>
    <mergeCell ref="T3132:W3133"/>
    <mergeCell ref="X3132:AA3133"/>
    <mergeCell ref="A3134:C3135"/>
    <mergeCell ref="D3134:O3135"/>
    <mergeCell ref="P3134:S3135"/>
    <mergeCell ref="T3134:W3135"/>
    <mergeCell ref="X3134:AA3135"/>
    <mergeCell ref="A3108:C3109"/>
    <mergeCell ref="D3108:O3109"/>
    <mergeCell ref="P3108:S3109"/>
    <mergeCell ref="T3108:W3109"/>
    <mergeCell ref="X3108:AA3109"/>
    <mergeCell ref="A3110:C3111"/>
    <mergeCell ref="D3110:O3111"/>
    <mergeCell ref="P3110:S3111"/>
    <mergeCell ref="T3110:W3111"/>
    <mergeCell ref="X3110:AA3111"/>
    <mergeCell ref="A3112:C3113"/>
    <mergeCell ref="D3112:O3113"/>
    <mergeCell ref="P3112:S3113"/>
    <mergeCell ref="T3112:W3113"/>
    <mergeCell ref="X3112:AA3113"/>
    <mergeCell ref="A3114:C3115"/>
    <mergeCell ref="D3114:O3115"/>
    <mergeCell ref="P3114:S3115"/>
    <mergeCell ref="T3114:W3115"/>
    <mergeCell ref="X3114:AA3115"/>
    <mergeCell ref="A3116:C3117"/>
    <mergeCell ref="D3116:O3117"/>
    <mergeCell ref="P3116:S3117"/>
    <mergeCell ref="T3116:W3117"/>
    <mergeCell ref="X3116:AA3117"/>
    <mergeCell ref="A3118:C3119"/>
    <mergeCell ref="D3118:O3119"/>
    <mergeCell ref="P3118:S3119"/>
    <mergeCell ref="T3118:W3119"/>
    <mergeCell ref="X3118:AA3119"/>
    <mergeCell ref="A3120:C3121"/>
    <mergeCell ref="D3120:O3121"/>
    <mergeCell ref="P3120:S3121"/>
    <mergeCell ref="T3120:W3121"/>
    <mergeCell ref="X3120:AA3121"/>
    <mergeCell ref="A3094:C3095"/>
    <mergeCell ref="D3094:O3095"/>
    <mergeCell ref="P3094:S3095"/>
    <mergeCell ref="T3094:W3095"/>
    <mergeCell ref="X3094:AA3095"/>
    <mergeCell ref="A3096:C3097"/>
    <mergeCell ref="D3096:O3097"/>
    <mergeCell ref="P3096:S3097"/>
    <mergeCell ref="T3096:W3097"/>
    <mergeCell ref="X3096:AA3097"/>
    <mergeCell ref="A3098:C3099"/>
    <mergeCell ref="D3098:O3099"/>
    <mergeCell ref="P3098:S3099"/>
    <mergeCell ref="T3098:W3099"/>
    <mergeCell ref="X3098:AA3099"/>
    <mergeCell ref="A3100:C3101"/>
    <mergeCell ref="D3100:O3101"/>
    <mergeCell ref="P3100:S3101"/>
    <mergeCell ref="T3100:W3101"/>
    <mergeCell ref="X3100:AA3101"/>
    <mergeCell ref="A3102:C3103"/>
    <mergeCell ref="D3102:O3103"/>
    <mergeCell ref="P3102:S3103"/>
    <mergeCell ref="T3102:W3103"/>
    <mergeCell ref="X3102:AA3103"/>
    <mergeCell ref="A3104:C3105"/>
    <mergeCell ref="D3104:O3105"/>
    <mergeCell ref="P3104:S3105"/>
    <mergeCell ref="T3104:W3105"/>
    <mergeCell ref="X3104:AA3105"/>
    <mergeCell ref="A3106:C3107"/>
    <mergeCell ref="D3106:O3107"/>
    <mergeCell ref="P3106:S3107"/>
    <mergeCell ref="T3106:W3107"/>
    <mergeCell ref="X3106:AA3107"/>
    <mergeCell ref="A3080:C3081"/>
    <mergeCell ref="D3080:O3081"/>
    <mergeCell ref="P3080:S3081"/>
    <mergeCell ref="T3080:W3081"/>
    <mergeCell ref="X3080:AA3081"/>
    <mergeCell ref="A3082:C3083"/>
    <mergeCell ref="D3082:O3083"/>
    <mergeCell ref="P3082:S3083"/>
    <mergeCell ref="T3082:W3083"/>
    <mergeCell ref="X3082:AA3083"/>
    <mergeCell ref="A3084:C3085"/>
    <mergeCell ref="D3084:O3085"/>
    <mergeCell ref="P3084:S3085"/>
    <mergeCell ref="T3084:W3085"/>
    <mergeCell ref="X3084:AA3085"/>
    <mergeCell ref="A3086:C3087"/>
    <mergeCell ref="D3086:O3087"/>
    <mergeCell ref="P3086:S3087"/>
    <mergeCell ref="T3086:W3087"/>
    <mergeCell ref="X3086:AA3087"/>
    <mergeCell ref="A3088:C3089"/>
    <mergeCell ref="D3088:O3089"/>
    <mergeCell ref="P3088:S3089"/>
    <mergeCell ref="T3088:W3089"/>
    <mergeCell ref="X3088:AA3089"/>
    <mergeCell ref="A3090:C3091"/>
    <mergeCell ref="D3090:O3091"/>
    <mergeCell ref="P3090:S3091"/>
    <mergeCell ref="T3090:W3091"/>
    <mergeCell ref="X3090:AA3091"/>
    <mergeCell ref="A3092:C3093"/>
    <mergeCell ref="D3092:O3093"/>
    <mergeCell ref="P3092:S3093"/>
    <mergeCell ref="T3092:W3093"/>
    <mergeCell ref="X3092:AA3093"/>
    <mergeCell ref="A3066:C3067"/>
    <mergeCell ref="D3066:O3067"/>
    <mergeCell ref="P3066:S3067"/>
    <mergeCell ref="T3066:W3067"/>
    <mergeCell ref="X3066:AA3067"/>
    <mergeCell ref="A3068:C3069"/>
    <mergeCell ref="D3068:O3069"/>
    <mergeCell ref="P3068:S3069"/>
    <mergeCell ref="T3068:W3069"/>
    <mergeCell ref="X3068:AA3069"/>
    <mergeCell ref="A3070:C3071"/>
    <mergeCell ref="D3070:O3071"/>
    <mergeCell ref="P3070:S3071"/>
    <mergeCell ref="T3070:W3071"/>
    <mergeCell ref="X3070:AA3071"/>
    <mergeCell ref="A3072:C3073"/>
    <mergeCell ref="D3072:O3073"/>
    <mergeCell ref="P3072:S3073"/>
    <mergeCell ref="T3072:W3073"/>
    <mergeCell ref="X3072:AA3073"/>
    <mergeCell ref="A3074:C3075"/>
    <mergeCell ref="D3074:O3075"/>
    <mergeCell ref="P3074:S3075"/>
    <mergeCell ref="T3074:W3075"/>
    <mergeCell ref="X3074:AA3075"/>
    <mergeCell ref="A3076:C3077"/>
    <mergeCell ref="D3076:O3077"/>
    <mergeCell ref="P3076:S3077"/>
    <mergeCell ref="T3076:W3077"/>
    <mergeCell ref="X3076:AA3077"/>
    <mergeCell ref="A3078:C3079"/>
    <mergeCell ref="D3078:O3079"/>
    <mergeCell ref="P3078:S3079"/>
    <mergeCell ref="T3078:W3079"/>
    <mergeCell ref="X3078:AA3079"/>
    <mergeCell ref="A3052:C3053"/>
    <mergeCell ref="D3052:O3053"/>
    <mergeCell ref="P3052:S3053"/>
    <mergeCell ref="T3052:W3053"/>
    <mergeCell ref="X3052:AA3053"/>
    <mergeCell ref="A3054:C3055"/>
    <mergeCell ref="D3054:O3055"/>
    <mergeCell ref="P3054:S3055"/>
    <mergeCell ref="T3054:W3055"/>
    <mergeCell ref="X3054:AA3055"/>
    <mergeCell ref="A3056:C3057"/>
    <mergeCell ref="D3056:O3057"/>
    <mergeCell ref="P3056:S3057"/>
    <mergeCell ref="T3056:W3057"/>
    <mergeCell ref="X3056:AA3057"/>
    <mergeCell ref="A3058:C3059"/>
    <mergeCell ref="D3058:O3059"/>
    <mergeCell ref="P3058:S3059"/>
    <mergeCell ref="T3058:W3059"/>
    <mergeCell ref="X3058:AA3059"/>
    <mergeCell ref="A3060:C3061"/>
    <mergeCell ref="D3060:O3061"/>
    <mergeCell ref="P3060:S3061"/>
    <mergeCell ref="T3060:W3061"/>
    <mergeCell ref="X3060:AA3061"/>
    <mergeCell ref="A3062:C3063"/>
    <mergeCell ref="D3062:O3063"/>
    <mergeCell ref="P3062:S3063"/>
    <mergeCell ref="T3062:W3063"/>
    <mergeCell ref="X3062:AA3063"/>
    <mergeCell ref="A3064:C3065"/>
    <mergeCell ref="D3064:O3065"/>
    <mergeCell ref="P3064:S3065"/>
    <mergeCell ref="T3064:W3065"/>
    <mergeCell ref="X3064:AA3065"/>
    <mergeCell ref="A3038:C3039"/>
    <mergeCell ref="D3038:O3039"/>
    <mergeCell ref="P3038:S3039"/>
    <mergeCell ref="T3038:W3039"/>
    <mergeCell ref="X3038:AA3039"/>
    <mergeCell ref="A3040:C3041"/>
    <mergeCell ref="D3040:O3041"/>
    <mergeCell ref="P3040:S3041"/>
    <mergeCell ref="T3040:W3041"/>
    <mergeCell ref="X3040:AA3041"/>
    <mergeCell ref="A3042:C3043"/>
    <mergeCell ref="D3042:O3043"/>
    <mergeCell ref="P3042:S3043"/>
    <mergeCell ref="T3042:W3043"/>
    <mergeCell ref="X3042:AA3043"/>
    <mergeCell ref="A3044:C3045"/>
    <mergeCell ref="D3044:O3045"/>
    <mergeCell ref="P3044:S3045"/>
    <mergeCell ref="T3044:W3045"/>
    <mergeCell ref="X3044:AA3045"/>
    <mergeCell ref="A3046:C3047"/>
    <mergeCell ref="D3046:O3047"/>
    <mergeCell ref="P3046:S3047"/>
    <mergeCell ref="T3046:W3047"/>
    <mergeCell ref="X3046:AA3047"/>
    <mergeCell ref="A3048:C3049"/>
    <mergeCell ref="D3048:O3049"/>
    <mergeCell ref="P3048:S3049"/>
    <mergeCell ref="T3048:W3049"/>
    <mergeCell ref="X3048:AA3049"/>
    <mergeCell ref="A3050:C3051"/>
    <mergeCell ref="D3050:O3051"/>
    <mergeCell ref="P3050:S3051"/>
    <mergeCell ref="T3050:W3051"/>
    <mergeCell ref="X3050:AA3051"/>
    <mergeCell ref="A3024:C3025"/>
    <mergeCell ref="D3024:O3025"/>
    <mergeCell ref="P3024:S3025"/>
    <mergeCell ref="T3024:W3025"/>
    <mergeCell ref="X3024:AA3025"/>
    <mergeCell ref="A3026:C3027"/>
    <mergeCell ref="D3026:O3027"/>
    <mergeCell ref="P3026:S3027"/>
    <mergeCell ref="T3026:W3027"/>
    <mergeCell ref="X3026:AA3027"/>
    <mergeCell ref="A3028:C3029"/>
    <mergeCell ref="D3028:O3029"/>
    <mergeCell ref="P3028:S3029"/>
    <mergeCell ref="T3028:W3029"/>
    <mergeCell ref="X3028:AA3029"/>
    <mergeCell ref="A3030:C3031"/>
    <mergeCell ref="D3030:O3031"/>
    <mergeCell ref="P3030:S3031"/>
    <mergeCell ref="T3030:W3031"/>
    <mergeCell ref="X3030:AA3031"/>
    <mergeCell ref="A3032:C3033"/>
    <mergeCell ref="D3032:O3033"/>
    <mergeCell ref="P3032:S3033"/>
    <mergeCell ref="T3032:W3033"/>
    <mergeCell ref="X3032:AA3033"/>
    <mergeCell ref="A3034:C3035"/>
    <mergeCell ref="D3034:O3035"/>
    <mergeCell ref="P3034:S3035"/>
    <mergeCell ref="T3034:W3035"/>
    <mergeCell ref="X3034:AA3035"/>
    <mergeCell ref="A3036:C3037"/>
    <mergeCell ref="D3036:O3037"/>
    <mergeCell ref="P3036:S3037"/>
    <mergeCell ref="T3036:W3037"/>
    <mergeCell ref="X3036:AA3037"/>
    <mergeCell ref="A3010:C3011"/>
    <mergeCell ref="D3010:O3011"/>
    <mergeCell ref="P3010:S3011"/>
    <mergeCell ref="T3010:W3011"/>
    <mergeCell ref="X3010:AA3011"/>
    <mergeCell ref="A3012:C3013"/>
    <mergeCell ref="D3012:O3013"/>
    <mergeCell ref="P3012:S3013"/>
    <mergeCell ref="T3012:W3013"/>
    <mergeCell ref="X3012:AA3013"/>
    <mergeCell ref="A3014:C3015"/>
    <mergeCell ref="D3014:O3015"/>
    <mergeCell ref="P3014:S3015"/>
    <mergeCell ref="T3014:W3015"/>
    <mergeCell ref="X3014:AA3015"/>
    <mergeCell ref="A3016:C3017"/>
    <mergeCell ref="D3016:O3017"/>
    <mergeCell ref="P3016:S3017"/>
    <mergeCell ref="T3016:W3017"/>
    <mergeCell ref="X3016:AA3017"/>
    <mergeCell ref="A3018:C3019"/>
    <mergeCell ref="D3018:O3019"/>
    <mergeCell ref="P3018:S3019"/>
    <mergeCell ref="T3018:W3019"/>
    <mergeCell ref="X3018:AA3019"/>
    <mergeCell ref="A3020:C3021"/>
    <mergeCell ref="D3020:O3021"/>
    <mergeCell ref="P3020:S3021"/>
    <mergeCell ref="T3020:W3021"/>
    <mergeCell ref="X3020:AA3021"/>
    <mergeCell ref="A3022:C3023"/>
    <mergeCell ref="D3022:O3023"/>
    <mergeCell ref="P3022:S3023"/>
    <mergeCell ref="T3022:W3023"/>
    <mergeCell ref="X3022:AA3023"/>
    <mergeCell ref="A2996:C2997"/>
    <mergeCell ref="D2996:O2997"/>
    <mergeCell ref="P2996:S2997"/>
    <mergeCell ref="T2996:W2997"/>
    <mergeCell ref="X2996:AA2997"/>
    <mergeCell ref="A2998:C2999"/>
    <mergeCell ref="D2998:O2999"/>
    <mergeCell ref="P2998:S2999"/>
    <mergeCell ref="T2998:W2999"/>
    <mergeCell ref="X2998:AA2999"/>
    <mergeCell ref="A3000:C3001"/>
    <mergeCell ref="D3000:O3001"/>
    <mergeCell ref="P3000:S3001"/>
    <mergeCell ref="T3000:W3001"/>
    <mergeCell ref="X3000:AA3001"/>
    <mergeCell ref="A3002:C3003"/>
    <mergeCell ref="D3002:O3003"/>
    <mergeCell ref="P3002:S3003"/>
    <mergeCell ref="T3002:W3003"/>
    <mergeCell ref="X3002:AA3003"/>
    <mergeCell ref="A3004:C3005"/>
    <mergeCell ref="D3004:O3005"/>
    <mergeCell ref="P3004:S3005"/>
    <mergeCell ref="T3004:W3005"/>
    <mergeCell ref="X3004:AA3005"/>
    <mergeCell ref="A3006:C3007"/>
    <mergeCell ref="D3006:O3007"/>
    <mergeCell ref="P3006:S3007"/>
    <mergeCell ref="T3006:W3007"/>
    <mergeCell ref="X3006:AA3007"/>
    <mergeCell ref="A3008:C3009"/>
    <mergeCell ref="D3008:O3009"/>
    <mergeCell ref="P3008:S3009"/>
    <mergeCell ref="T3008:W3009"/>
    <mergeCell ref="X3008:AA3009"/>
    <mergeCell ref="A2980:C2981"/>
    <mergeCell ref="D2980:O2981"/>
    <mergeCell ref="P2980:S2981"/>
    <mergeCell ref="T2980:W2981"/>
    <mergeCell ref="X2980:AA2981"/>
    <mergeCell ref="A2982:C2983"/>
    <mergeCell ref="D2982:O2983"/>
    <mergeCell ref="P2982:S2983"/>
    <mergeCell ref="T2982:W2983"/>
    <mergeCell ref="X2982:AA2983"/>
    <mergeCell ref="A2984:C2985"/>
    <mergeCell ref="D2984:O2985"/>
    <mergeCell ref="P2984:S2985"/>
    <mergeCell ref="T2984:W2985"/>
    <mergeCell ref="X2984:AA2985"/>
    <mergeCell ref="A2986:C2987"/>
    <mergeCell ref="D2986:O2987"/>
    <mergeCell ref="P2986:S2987"/>
    <mergeCell ref="T2986:W2987"/>
    <mergeCell ref="X2986:AA2987"/>
    <mergeCell ref="A2988:AA2989"/>
    <mergeCell ref="A2990:C2991"/>
    <mergeCell ref="D2990:O2991"/>
    <mergeCell ref="P2990:S2991"/>
    <mergeCell ref="T2990:W2991"/>
    <mergeCell ref="X2990:AA2991"/>
    <mergeCell ref="A2992:C2993"/>
    <mergeCell ref="D2992:O2993"/>
    <mergeCell ref="P2992:S2993"/>
    <mergeCell ref="T2992:W2993"/>
    <mergeCell ref="X2992:AA2993"/>
    <mergeCell ref="A2994:C2995"/>
    <mergeCell ref="D2994:O2995"/>
    <mergeCell ref="P2994:S2995"/>
    <mergeCell ref="T2994:W2995"/>
    <mergeCell ref="X2994:AA2995"/>
    <mergeCell ref="A2962:C2963"/>
    <mergeCell ref="D2962:O2963"/>
    <mergeCell ref="P2962:S2963"/>
    <mergeCell ref="T2962:W2963"/>
    <mergeCell ref="X2962:AA2963"/>
    <mergeCell ref="A2964:AA2965"/>
    <mergeCell ref="A2966:C2967"/>
    <mergeCell ref="D2966:O2967"/>
    <mergeCell ref="P2966:S2967"/>
    <mergeCell ref="T2966:W2967"/>
    <mergeCell ref="X2966:AA2967"/>
    <mergeCell ref="A2968:C2969"/>
    <mergeCell ref="D2968:O2969"/>
    <mergeCell ref="P2968:S2969"/>
    <mergeCell ref="T2968:W2969"/>
    <mergeCell ref="X2968:AA2969"/>
    <mergeCell ref="A2970:AA2971"/>
    <mergeCell ref="A2972:C2973"/>
    <mergeCell ref="D2972:O2973"/>
    <mergeCell ref="P2972:S2973"/>
    <mergeCell ref="T2972:W2973"/>
    <mergeCell ref="X2972:AA2973"/>
    <mergeCell ref="A2974:C2975"/>
    <mergeCell ref="D2974:O2975"/>
    <mergeCell ref="P2974:S2975"/>
    <mergeCell ref="T2974:W2975"/>
    <mergeCell ref="X2974:AA2975"/>
    <mergeCell ref="A2976:C2977"/>
    <mergeCell ref="D2976:O2977"/>
    <mergeCell ref="P2976:S2977"/>
    <mergeCell ref="T2976:W2977"/>
    <mergeCell ref="X2976:AA2977"/>
    <mergeCell ref="A2978:C2979"/>
    <mergeCell ref="D2978:O2979"/>
    <mergeCell ref="P2978:S2979"/>
    <mergeCell ref="T2978:W2979"/>
    <mergeCell ref="X2978:AA2979"/>
    <mergeCell ref="A2948:C2949"/>
    <mergeCell ref="D2948:O2949"/>
    <mergeCell ref="P2948:S2949"/>
    <mergeCell ref="T2948:W2949"/>
    <mergeCell ref="X2948:AA2949"/>
    <mergeCell ref="A2950:C2951"/>
    <mergeCell ref="D2950:O2951"/>
    <mergeCell ref="P2950:S2951"/>
    <mergeCell ref="T2950:W2951"/>
    <mergeCell ref="X2950:AA2951"/>
    <mergeCell ref="A2952:C2953"/>
    <mergeCell ref="D2952:O2953"/>
    <mergeCell ref="P2952:S2953"/>
    <mergeCell ref="T2952:W2953"/>
    <mergeCell ref="X2952:AA2953"/>
    <mergeCell ref="A2954:C2955"/>
    <mergeCell ref="D2954:O2955"/>
    <mergeCell ref="P2954:S2955"/>
    <mergeCell ref="T2954:W2955"/>
    <mergeCell ref="X2954:AA2955"/>
    <mergeCell ref="A2956:C2957"/>
    <mergeCell ref="D2956:O2957"/>
    <mergeCell ref="P2956:S2957"/>
    <mergeCell ref="T2956:W2957"/>
    <mergeCell ref="X2956:AA2957"/>
    <mergeCell ref="A2958:C2959"/>
    <mergeCell ref="D2958:O2959"/>
    <mergeCell ref="P2958:S2959"/>
    <mergeCell ref="T2958:W2959"/>
    <mergeCell ref="X2958:AA2959"/>
    <mergeCell ref="A2960:C2961"/>
    <mergeCell ref="D2960:O2961"/>
    <mergeCell ref="P2960:S2961"/>
    <mergeCell ref="T2960:W2961"/>
    <mergeCell ref="X2960:AA2961"/>
    <mergeCell ref="A2930:AA2931"/>
    <mergeCell ref="A2932:C2933"/>
    <mergeCell ref="D2932:O2933"/>
    <mergeCell ref="P2932:S2933"/>
    <mergeCell ref="T2932:W2933"/>
    <mergeCell ref="X2932:AA2933"/>
    <mergeCell ref="A2934:C2935"/>
    <mergeCell ref="D2934:O2935"/>
    <mergeCell ref="P2934:S2935"/>
    <mergeCell ref="T2934:W2935"/>
    <mergeCell ref="X2934:AA2935"/>
    <mergeCell ref="A2936:AA2937"/>
    <mergeCell ref="A2938:C2939"/>
    <mergeCell ref="D2938:O2939"/>
    <mergeCell ref="P2938:S2939"/>
    <mergeCell ref="T2938:W2939"/>
    <mergeCell ref="X2938:AA2939"/>
    <mergeCell ref="A2940:C2941"/>
    <mergeCell ref="D2940:O2941"/>
    <mergeCell ref="P2940:S2941"/>
    <mergeCell ref="T2940:W2941"/>
    <mergeCell ref="X2940:AA2941"/>
    <mergeCell ref="A2942:C2943"/>
    <mergeCell ref="D2942:O2943"/>
    <mergeCell ref="P2942:S2943"/>
    <mergeCell ref="T2942:W2943"/>
    <mergeCell ref="X2942:AA2943"/>
    <mergeCell ref="A2944:C2945"/>
    <mergeCell ref="D2944:O2945"/>
    <mergeCell ref="P2944:S2945"/>
    <mergeCell ref="T2944:W2945"/>
    <mergeCell ref="X2944:AA2945"/>
    <mergeCell ref="A2946:C2947"/>
    <mergeCell ref="D2946:O2947"/>
    <mergeCell ref="P2946:S2947"/>
    <mergeCell ref="T2946:W2947"/>
    <mergeCell ref="X2946:AA2947"/>
    <mergeCell ref="A2912:C2913"/>
    <mergeCell ref="D2912:O2913"/>
    <mergeCell ref="P2912:S2913"/>
    <mergeCell ref="T2912:W2913"/>
    <mergeCell ref="X2912:AA2913"/>
    <mergeCell ref="A2914:C2915"/>
    <mergeCell ref="D2914:O2915"/>
    <mergeCell ref="P2914:S2915"/>
    <mergeCell ref="T2914:W2915"/>
    <mergeCell ref="X2914:AA2915"/>
    <mergeCell ref="A2916:C2917"/>
    <mergeCell ref="D2916:O2917"/>
    <mergeCell ref="P2916:S2917"/>
    <mergeCell ref="T2916:W2917"/>
    <mergeCell ref="X2916:AA2917"/>
    <mergeCell ref="A2918:AA2919"/>
    <mergeCell ref="A2920:C2921"/>
    <mergeCell ref="D2920:O2921"/>
    <mergeCell ref="P2920:S2921"/>
    <mergeCell ref="T2920:W2921"/>
    <mergeCell ref="X2920:AA2921"/>
    <mergeCell ref="A2922:AA2923"/>
    <mergeCell ref="A2924:C2925"/>
    <mergeCell ref="D2924:O2925"/>
    <mergeCell ref="P2924:S2925"/>
    <mergeCell ref="T2924:W2925"/>
    <mergeCell ref="X2924:AA2925"/>
    <mergeCell ref="A2926:C2927"/>
    <mergeCell ref="D2926:O2927"/>
    <mergeCell ref="P2926:S2927"/>
    <mergeCell ref="T2926:W2927"/>
    <mergeCell ref="X2926:AA2927"/>
    <mergeCell ref="A2928:C2929"/>
    <mergeCell ref="D2928:O2929"/>
    <mergeCell ref="P2928:S2929"/>
    <mergeCell ref="T2928:W2929"/>
    <mergeCell ref="X2928:AA2929"/>
    <mergeCell ref="A2896:C2897"/>
    <mergeCell ref="D2896:O2897"/>
    <mergeCell ref="P2896:S2897"/>
    <mergeCell ref="T2896:W2897"/>
    <mergeCell ref="X2896:AA2897"/>
    <mergeCell ref="A2898:C2899"/>
    <mergeCell ref="D2898:O2899"/>
    <mergeCell ref="P2898:S2899"/>
    <mergeCell ref="T2898:W2899"/>
    <mergeCell ref="X2898:AA2899"/>
    <mergeCell ref="A2900:C2901"/>
    <mergeCell ref="D2900:O2901"/>
    <mergeCell ref="P2900:S2901"/>
    <mergeCell ref="T2900:W2901"/>
    <mergeCell ref="X2900:AA2901"/>
    <mergeCell ref="A2902:AA2903"/>
    <mergeCell ref="A2904:C2905"/>
    <mergeCell ref="D2904:O2905"/>
    <mergeCell ref="P2904:S2905"/>
    <mergeCell ref="T2904:W2905"/>
    <mergeCell ref="X2904:AA2905"/>
    <mergeCell ref="A2906:C2907"/>
    <mergeCell ref="D2906:O2907"/>
    <mergeCell ref="P2906:S2907"/>
    <mergeCell ref="T2906:W2907"/>
    <mergeCell ref="X2906:AA2907"/>
    <mergeCell ref="A2908:C2909"/>
    <mergeCell ref="D2908:O2909"/>
    <mergeCell ref="P2908:S2909"/>
    <mergeCell ref="T2908:W2909"/>
    <mergeCell ref="X2908:AA2909"/>
    <mergeCell ref="A2910:C2911"/>
    <mergeCell ref="D2910:O2911"/>
    <mergeCell ref="P2910:S2911"/>
    <mergeCell ref="T2910:W2911"/>
    <mergeCell ref="X2910:AA2911"/>
    <mergeCell ref="A2878:AA2879"/>
    <mergeCell ref="A2880:AA2881"/>
    <mergeCell ref="A2882:C2883"/>
    <mergeCell ref="D2882:O2883"/>
    <mergeCell ref="P2882:S2883"/>
    <mergeCell ref="T2882:W2883"/>
    <mergeCell ref="X2882:AA2883"/>
    <mergeCell ref="A2884:C2885"/>
    <mergeCell ref="D2884:O2885"/>
    <mergeCell ref="P2884:S2885"/>
    <mergeCell ref="T2884:W2885"/>
    <mergeCell ref="X2884:AA2885"/>
    <mergeCell ref="A2886:C2887"/>
    <mergeCell ref="D2886:O2887"/>
    <mergeCell ref="P2886:S2887"/>
    <mergeCell ref="T2886:W2887"/>
    <mergeCell ref="X2886:AA2887"/>
    <mergeCell ref="A2888:C2889"/>
    <mergeCell ref="D2888:O2889"/>
    <mergeCell ref="P2888:S2889"/>
    <mergeCell ref="T2888:W2889"/>
    <mergeCell ref="X2888:AA2889"/>
    <mergeCell ref="A2890:C2891"/>
    <mergeCell ref="D2890:O2891"/>
    <mergeCell ref="P2890:S2891"/>
    <mergeCell ref="T2890:W2891"/>
    <mergeCell ref="X2890:AA2891"/>
    <mergeCell ref="A2892:C2893"/>
    <mergeCell ref="D2892:O2893"/>
    <mergeCell ref="P2892:S2893"/>
    <mergeCell ref="T2892:W2893"/>
    <mergeCell ref="X2892:AA2893"/>
    <mergeCell ref="A2894:C2895"/>
    <mergeCell ref="D2894:O2895"/>
    <mergeCell ref="P2894:S2895"/>
    <mergeCell ref="T2894:W2895"/>
    <mergeCell ref="X2894:AA2895"/>
    <mergeCell ref="A2864:C2865"/>
    <mergeCell ref="D2864:O2865"/>
    <mergeCell ref="P2864:S2865"/>
    <mergeCell ref="T2864:W2865"/>
    <mergeCell ref="X2864:AA2865"/>
    <mergeCell ref="A2866:C2867"/>
    <mergeCell ref="D2866:O2867"/>
    <mergeCell ref="P2866:S2867"/>
    <mergeCell ref="T2866:W2867"/>
    <mergeCell ref="X2866:AA2867"/>
    <mergeCell ref="A2868:C2869"/>
    <mergeCell ref="D2868:O2869"/>
    <mergeCell ref="P2868:S2869"/>
    <mergeCell ref="T2868:W2869"/>
    <mergeCell ref="X2868:AA2869"/>
    <mergeCell ref="A2870:C2871"/>
    <mergeCell ref="D2870:O2871"/>
    <mergeCell ref="P2870:S2871"/>
    <mergeCell ref="T2870:W2871"/>
    <mergeCell ref="X2870:AA2871"/>
    <mergeCell ref="A2872:C2873"/>
    <mergeCell ref="D2872:O2873"/>
    <mergeCell ref="P2872:S2873"/>
    <mergeCell ref="T2872:W2873"/>
    <mergeCell ref="X2872:AA2873"/>
    <mergeCell ref="A2874:C2875"/>
    <mergeCell ref="D2874:O2875"/>
    <mergeCell ref="P2874:S2875"/>
    <mergeCell ref="T2874:W2875"/>
    <mergeCell ref="X2874:AA2875"/>
    <mergeCell ref="A2876:C2877"/>
    <mergeCell ref="D2876:O2877"/>
    <mergeCell ref="P2876:S2877"/>
    <mergeCell ref="T2876:W2877"/>
    <mergeCell ref="X2876:AA2877"/>
    <mergeCell ref="A2850:C2851"/>
    <mergeCell ref="D2850:O2851"/>
    <mergeCell ref="P2850:S2851"/>
    <mergeCell ref="T2850:W2851"/>
    <mergeCell ref="X2850:AA2851"/>
    <mergeCell ref="A2852:C2853"/>
    <mergeCell ref="D2852:O2853"/>
    <mergeCell ref="P2852:S2853"/>
    <mergeCell ref="T2852:W2853"/>
    <mergeCell ref="X2852:AA2853"/>
    <mergeCell ref="A2854:C2855"/>
    <mergeCell ref="D2854:O2855"/>
    <mergeCell ref="P2854:S2855"/>
    <mergeCell ref="T2854:W2855"/>
    <mergeCell ref="X2854:AA2855"/>
    <mergeCell ref="A2856:C2857"/>
    <mergeCell ref="D2856:O2857"/>
    <mergeCell ref="P2856:S2857"/>
    <mergeCell ref="T2856:W2857"/>
    <mergeCell ref="X2856:AA2857"/>
    <mergeCell ref="A2858:C2859"/>
    <mergeCell ref="D2858:O2859"/>
    <mergeCell ref="P2858:S2859"/>
    <mergeCell ref="T2858:W2859"/>
    <mergeCell ref="X2858:AA2859"/>
    <mergeCell ref="A2860:C2861"/>
    <mergeCell ref="D2860:O2861"/>
    <mergeCell ref="P2860:S2861"/>
    <mergeCell ref="T2860:W2861"/>
    <mergeCell ref="X2860:AA2861"/>
    <mergeCell ref="A2862:C2863"/>
    <mergeCell ref="D2862:O2863"/>
    <mergeCell ref="P2862:S2863"/>
    <mergeCell ref="T2862:W2863"/>
    <mergeCell ref="X2862:AA2863"/>
    <mergeCell ref="A2836:C2837"/>
    <mergeCell ref="D2836:O2837"/>
    <mergeCell ref="P2836:S2837"/>
    <mergeCell ref="T2836:W2837"/>
    <mergeCell ref="X2836:AA2837"/>
    <mergeCell ref="A2838:C2839"/>
    <mergeCell ref="D2838:O2839"/>
    <mergeCell ref="P2838:S2839"/>
    <mergeCell ref="T2838:W2839"/>
    <mergeCell ref="X2838:AA2839"/>
    <mergeCell ref="A2840:C2841"/>
    <mergeCell ref="D2840:O2841"/>
    <mergeCell ref="P2840:S2841"/>
    <mergeCell ref="T2840:W2841"/>
    <mergeCell ref="X2840:AA2841"/>
    <mergeCell ref="A2842:C2843"/>
    <mergeCell ref="D2842:O2843"/>
    <mergeCell ref="P2842:S2843"/>
    <mergeCell ref="T2842:W2843"/>
    <mergeCell ref="X2842:AA2843"/>
    <mergeCell ref="A2844:C2845"/>
    <mergeCell ref="D2844:O2845"/>
    <mergeCell ref="P2844:S2845"/>
    <mergeCell ref="T2844:W2845"/>
    <mergeCell ref="X2844:AA2845"/>
    <mergeCell ref="A2846:C2847"/>
    <mergeCell ref="D2846:O2847"/>
    <mergeCell ref="P2846:S2847"/>
    <mergeCell ref="T2846:W2847"/>
    <mergeCell ref="X2846:AA2847"/>
    <mergeCell ref="A2848:C2849"/>
    <mergeCell ref="D2848:O2849"/>
    <mergeCell ref="P2848:S2849"/>
    <mergeCell ref="T2848:W2849"/>
    <mergeCell ref="X2848:AA2849"/>
    <mergeCell ref="A2822:C2823"/>
    <mergeCell ref="D2822:O2823"/>
    <mergeCell ref="P2822:S2823"/>
    <mergeCell ref="T2822:W2823"/>
    <mergeCell ref="X2822:AA2823"/>
    <mergeCell ref="A2824:C2825"/>
    <mergeCell ref="D2824:O2825"/>
    <mergeCell ref="P2824:S2825"/>
    <mergeCell ref="T2824:W2825"/>
    <mergeCell ref="X2824:AA2825"/>
    <mergeCell ref="A2826:C2827"/>
    <mergeCell ref="D2826:O2827"/>
    <mergeCell ref="P2826:S2827"/>
    <mergeCell ref="T2826:W2827"/>
    <mergeCell ref="X2826:AA2827"/>
    <mergeCell ref="A2828:C2829"/>
    <mergeCell ref="D2828:O2829"/>
    <mergeCell ref="P2828:S2829"/>
    <mergeCell ref="T2828:W2829"/>
    <mergeCell ref="X2828:AA2829"/>
    <mergeCell ref="A2830:C2831"/>
    <mergeCell ref="D2830:O2831"/>
    <mergeCell ref="P2830:S2831"/>
    <mergeCell ref="T2830:W2831"/>
    <mergeCell ref="X2830:AA2831"/>
    <mergeCell ref="A2832:C2833"/>
    <mergeCell ref="D2832:O2833"/>
    <mergeCell ref="P2832:S2833"/>
    <mergeCell ref="T2832:W2833"/>
    <mergeCell ref="X2832:AA2833"/>
    <mergeCell ref="A2834:C2835"/>
    <mergeCell ref="D2834:O2835"/>
    <mergeCell ref="P2834:S2835"/>
    <mergeCell ref="T2834:W2835"/>
    <mergeCell ref="X2834:AA2835"/>
    <mergeCell ref="A2808:C2809"/>
    <mergeCell ref="D2808:O2809"/>
    <mergeCell ref="P2808:S2809"/>
    <mergeCell ref="T2808:W2809"/>
    <mergeCell ref="X2808:AA2809"/>
    <mergeCell ref="A2810:C2811"/>
    <mergeCell ref="D2810:O2811"/>
    <mergeCell ref="P2810:S2811"/>
    <mergeCell ref="T2810:W2811"/>
    <mergeCell ref="X2810:AA2811"/>
    <mergeCell ref="A2812:C2813"/>
    <mergeCell ref="D2812:O2813"/>
    <mergeCell ref="P2812:S2813"/>
    <mergeCell ref="T2812:W2813"/>
    <mergeCell ref="X2812:AA2813"/>
    <mergeCell ref="A2814:C2815"/>
    <mergeCell ref="D2814:O2815"/>
    <mergeCell ref="P2814:S2815"/>
    <mergeCell ref="T2814:W2815"/>
    <mergeCell ref="X2814:AA2815"/>
    <mergeCell ref="A2816:C2817"/>
    <mergeCell ref="D2816:O2817"/>
    <mergeCell ref="P2816:S2817"/>
    <mergeCell ref="T2816:W2817"/>
    <mergeCell ref="X2816:AA2817"/>
    <mergeCell ref="A2818:C2819"/>
    <mergeCell ref="D2818:O2819"/>
    <mergeCell ref="P2818:S2819"/>
    <mergeCell ref="T2818:W2819"/>
    <mergeCell ref="X2818:AA2819"/>
    <mergeCell ref="A2820:C2821"/>
    <mergeCell ref="D2820:O2821"/>
    <mergeCell ref="P2820:S2821"/>
    <mergeCell ref="T2820:W2821"/>
    <mergeCell ref="X2820:AA2821"/>
    <mergeCell ref="A2792:C2793"/>
    <mergeCell ref="D2792:O2793"/>
    <mergeCell ref="P2792:S2793"/>
    <mergeCell ref="T2792:W2793"/>
    <mergeCell ref="X2792:AA2793"/>
    <mergeCell ref="A2794:C2795"/>
    <mergeCell ref="D2794:O2795"/>
    <mergeCell ref="P2794:S2795"/>
    <mergeCell ref="T2794:W2795"/>
    <mergeCell ref="X2794:AA2795"/>
    <mergeCell ref="A2796:C2797"/>
    <mergeCell ref="D2796:O2797"/>
    <mergeCell ref="P2796:S2797"/>
    <mergeCell ref="T2796:W2797"/>
    <mergeCell ref="X2796:AA2797"/>
    <mergeCell ref="A2798:C2799"/>
    <mergeCell ref="D2798:O2799"/>
    <mergeCell ref="P2798:S2799"/>
    <mergeCell ref="T2798:W2799"/>
    <mergeCell ref="X2798:AA2799"/>
    <mergeCell ref="A2800:AA2801"/>
    <mergeCell ref="A2802:C2803"/>
    <mergeCell ref="D2802:O2803"/>
    <mergeCell ref="P2802:S2803"/>
    <mergeCell ref="T2802:W2803"/>
    <mergeCell ref="X2802:AA2803"/>
    <mergeCell ref="A2804:C2805"/>
    <mergeCell ref="D2804:O2805"/>
    <mergeCell ref="P2804:S2805"/>
    <mergeCell ref="T2804:W2805"/>
    <mergeCell ref="X2804:AA2805"/>
    <mergeCell ref="A2806:C2807"/>
    <mergeCell ref="D2806:O2807"/>
    <mergeCell ref="P2806:S2807"/>
    <mergeCell ref="T2806:W2807"/>
    <mergeCell ref="X2806:AA2807"/>
    <mergeCell ref="A2778:C2779"/>
    <mergeCell ref="D2778:O2779"/>
    <mergeCell ref="P2778:S2779"/>
    <mergeCell ref="T2778:W2779"/>
    <mergeCell ref="X2778:AA2779"/>
    <mergeCell ref="A2780:C2781"/>
    <mergeCell ref="D2780:O2781"/>
    <mergeCell ref="P2780:S2781"/>
    <mergeCell ref="T2780:W2781"/>
    <mergeCell ref="X2780:AA2781"/>
    <mergeCell ref="A2782:C2783"/>
    <mergeCell ref="D2782:O2783"/>
    <mergeCell ref="P2782:S2783"/>
    <mergeCell ref="T2782:W2783"/>
    <mergeCell ref="X2782:AA2783"/>
    <mergeCell ref="A2784:C2785"/>
    <mergeCell ref="D2784:O2785"/>
    <mergeCell ref="P2784:S2785"/>
    <mergeCell ref="T2784:W2785"/>
    <mergeCell ref="X2784:AA2785"/>
    <mergeCell ref="A2786:C2787"/>
    <mergeCell ref="D2786:O2787"/>
    <mergeCell ref="P2786:S2787"/>
    <mergeCell ref="T2786:W2787"/>
    <mergeCell ref="X2786:AA2787"/>
    <mergeCell ref="A2788:C2789"/>
    <mergeCell ref="D2788:O2789"/>
    <mergeCell ref="P2788:S2789"/>
    <mergeCell ref="T2788:W2789"/>
    <mergeCell ref="X2788:AA2789"/>
    <mergeCell ref="A2790:C2791"/>
    <mergeCell ref="D2790:O2791"/>
    <mergeCell ref="P2790:S2791"/>
    <mergeCell ref="T2790:W2791"/>
    <mergeCell ref="X2790:AA2791"/>
    <mergeCell ref="A2764:C2765"/>
    <mergeCell ref="D2764:O2765"/>
    <mergeCell ref="P2764:S2765"/>
    <mergeCell ref="T2764:W2765"/>
    <mergeCell ref="X2764:AA2765"/>
    <mergeCell ref="A2766:C2767"/>
    <mergeCell ref="D2766:O2767"/>
    <mergeCell ref="P2766:S2767"/>
    <mergeCell ref="T2766:W2767"/>
    <mergeCell ref="X2766:AA2767"/>
    <mergeCell ref="A2768:C2769"/>
    <mergeCell ref="D2768:O2769"/>
    <mergeCell ref="P2768:S2769"/>
    <mergeCell ref="T2768:W2769"/>
    <mergeCell ref="X2768:AA2769"/>
    <mergeCell ref="A2770:C2771"/>
    <mergeCell ref="D2770:O2771"/>
    <mergeCell ref="P2770:S2771"/>
    <mergeCell ref="T2770:W2771"/>
    <mergeCell ref="X2770:AA2771"/>
    <mergeCell ref="A2772:C2773"/>
    <mergeCell ref="D2772:O2773"/>
    <mergeCell ref="P2772:S2773"/>
    <mergeCell ref="T2772:W2773"/>
    <mergeCell ref="X2772:AA2773"/>
    <mergeCell ref="A2774:C2775"/>
    <mergeCell ref="D2774:O2775"/>
    <mergeCell ref="P2774:S2775"/>
    <mergeCell ref="T2774:W2775"/>
    <mergeCell ref="X2774:AA2775"/>
    <mergeCell ref="A2776:C2777"/>
    <mergeCell ref="D2776:O2777"/>
    <mergeCell ref="P2776:S2777"/>
    <mergeCell ref="T2776:W2777"/>
    <mergeCell ref="X2776:AA2777"/>
    <mergeCell ref="A2750:C2751"/>
    <mergeCell ref="D2750:O2751"/>
    <mergeCell ref="P2750:S2751"/>
    <mergeCell ref="T2750:W2751"/>
    <mergeCell ref="X2750:AA2751"/>
    <mergeCell ref="A2752:C2753"/>
    <mergeCell ref="D2752:O2753"/>
    <mergeCell ref="P2752:S2753"/>
    <mergeCell ref="T2752:W2753"/>
    <mergeCell ref="X2752:AA2753"/>
    <mergeCell ref="A2754:C2755"/>
    <mergeCell ref="D2754:O2755"/>
    <mergeCell ref="P2754:S2755"/>
    <mergeCell ref="T2754:W2755"/>
    <mergeCell ref="X2754:AA2755"/>
    <mergeCell ref="A2756:C2757"/>
    <mergeCell ref="D2756:O2757"/>
    <mergeCell ref="P2756:S2757"/>
    <mergeCell ref="T2756:W2757"/>
    <mergeCell ref="X2756:AA2757"/>
    <mergeCell ref="A2758:C2759"/>
    <mergeCell ref="D2758:O2759"/>
    <mergeCell ref="P2758:S2759"/>
    <mergeCell ref="T2758:W2759"/>
    <mergeCell ref="X2758:AA2759"/>
    <mergeCell ref="A2760:C2761"/>
    <mergeCell ref="D2760:O2761"/>
    <mergeCell ref="P2760:S2761"/>
    <mergeCell ref="T2760:W2761"/>
    <mergeCell ref="X2760:AA2761"/>
    <mergeCell ref="A2762:C2763"/>
    <mergeCell ref="D2762:O2763"/>
    <mergeCell ref="P2762:S2763"/>
    <mergeCell ref="T2762:W2763"/>
    <mergeCell ref="X2762:AA2763"/>
    <mergeCell ref="A2736:C2737"/>
    <mergeCell ref="D2736:O2737"/>
    <mergeCell ref="P2736:S2737"/>
    <mergeCell ref="T2736:W2737"/>
    <mergeCell ref="X2736:AA2737"/>
    <mergeCell ref="A2738:C2739"/>
    <mergeCell ref="D2738:O2739"/>
    <mergeCell ref="P2738:S2739"/>
    <mergeCell ref="T2738:W2739"/>
    <mergeCell ref="X2738:AA2739"/>
    <mergeCell ref="A2740:C2741"/>
    <mergeCell ref="D2740:O2741"/>
    <mergeCell ref="P2740:S2741"/>
    <mergeCell ref="T2740:W2741"/>
    <mergeCell ref="X2740:AA2741"/>
    <mergeCell ref="A2742:C2743"/>
    <mergeCell ref="D2742:O2743"/>
    <mergeCell ref="P2742:S2743"/>
    <mergeCell ref="T2742:W2743"/>
    <mergeCell ref="X2742:AA2743"/>
    <mergeCell ref="A2744:C2745"/>
    <mergeCell ref="D2744:O2745"/>
    <mergeCell ref="P2744:S2745"/>
    <mergeCell ref="T2744:W2745"/>
    <mergeCell ref="X2744:AA2745"/>
    <mergeCell ref="A2746:C2747"/>
    <mergeCell ref="D2746:O2747"/>
    <mergeCell ref="P2746:S2747"/>
    <mergeCell ref="T2746:W2747"/>
    <mergeCell ref="X2746:AA2747"/>
    <mergeCell ref="A2748:C2749"/>
    <mergeCell ref="D2748:O2749"/>
    <mergeCell ref="P2748:S2749"/>
    <mergeCell ref="T2748:W2749"/>
    <mergeCell ref="X2748:AA2749"/>
    <mergeCell ref="A2722:C2723"/>
    <mergeCell ref="D2722:O2723"/>
    <mergeCell ref="P2722:S2723"/>
    <mergeCell ref="T2722:W2723"/>
    <mergeCell ref="X2722:AA2723"/>
    <mergeCell ref="A2724:C2725"/>
    <mergeCell ref="D2724:O2725"/>
    <mergeCell ref="P2724:S2725"/>
    <mergeCell ref="T2724:W2725"/>
    <mergeCell ref="X2724:AA2725"/>
    <mergeCell ref="A2726:C2727"/>
    <mergeCell ref="D2726:O2727"/>
    <mergeCell ref="P2726:S2727"/>
    <mergeCell ref="T2726:W2727"/>
    <mergeCell ref="X2726:AA2727"/>
    <mergeCell ref="A2728:C2729"/>
    <mergeCell ref="D2728:O2729"/>
    <mergeCell ref="P2728:S2729"/>
    <mergeCell ref="T2728:W2729"/>
    <mergeCell ref="X2728:AA2729"/>
    <mergeCell ref="A2730:C2731"/>
    <mergeCell ref="D2730:O2731"/>
    <mergeCell ref="P2730:S2731"/>
    <mergeCell ref="T2730:W2731"/>
    <mergeCell ref="X2730:AA2731"/>
    <mergeCell ref="A2732:C2733"/>
    <mergeCell ref="D2732:O2733"/>
    <mergeCell ref="P2732:S2733"/>
    <mergeCell ref="T2732:W2733"/>
    <mergeCell ref="X2732:AA2733"/>
    <mergeCell ref="A2734:C2735"/>
    <mergeCell ref="D2734:O2735"/>
    <mergeCell ref="P2734:S2735"/>
    <mergeCell ref="T2734:W2735"/>
    <mergeCell ref="X2734:AA2735"/>
    <mergeCell ref="A2708:C2709"/>
    <mergeCell ref="D2708:O2709"/>
    <mergeCell ref="P2708:S2709"/>
    <mergeCell ref="T2708:W2709"/>
    <mergeCell ref="X2708:AA2709"/>
    <mergeCell ref="A2710:C2711"/>
    <mergeCell ref="D2710:O2711"/>
    <mergeCell ref="P2710:S2711"/>
    <mergeCell ref="T2710:W2711"/>
    <mergeCell ref="X2710:AA2711"/>
    <mergeCell ref="A2712:C2713"/>
    <mergeCell ref="D2712:O2713"/>
    <mergeCell ref="P2712:S2713"/>
    <mergeCell ref="T2712:W2713"/>
    <mergeCell ref="X2712:AA2713"/>
    <mergeCell ref="A2714:C2715"/>
    <mergeCell ref="D2714:O2715"/>
    <mergeCell ref="P2714:S2715"/>
    <mergeCell ref="T2714:W2715"/>
    <mergeCell ref="X2714:AA2715"/>
    <mergeCell ref="A2716:C2717"/>
    <mergeCell ref="D2716:O2717"/>
    <mergeCell ref="P2716:S2717"/>
    <mergeCell ref="T2716:W2717"/>
    <mergeCell ref="X2716:AA2717"/>
    <mergeCell ref="A2718:C2719"/>
    <mergeCell ref="D2718:O2719"/>
    <mergeCell ref="P2718:S2719"/>
    <mergeCell ref="T2718:W2719"/>
    <mergeCell ref="X2718:AA2719"/>
    <mergeCell ref="A2720:C2721"/>
    <mergeCell ref="D2720:O2721"/>
    <mergeCell ref="P2720:S2721"/>
    <mergeCell ref="T2720:W2721"/>
    <mergeCell ref="X2720:AA2721"/>
    <mergeCell ref="A2694:C2695"/>
    <mergeCell ref="D2694:O2695"/>
    <mergeCell ref="P2694:S2695"/>
    <mergeCell ref="T2694:W2695"/>
    <mergeCell ref="X2694:AA2695"/>
    <mergeCell ref="A2696:C2697"/>
    <mergeCell ref="D2696:O2697"/>
    <mergeCell ref="P2696:S2697"/>
    <mergeCell ref="T2696:W2697"/>
    <mergeCell ref="X2696:AA2697"/>
    <mergeCell ref="A2698:C2699"/>
    <mergeCell ref="D2698:O2699"/>
    <mergeCell ref="P2698:S2699"/>
    <mergeCell ref="T2698:W2699"/>
    <mergeCell ref="X2698:AA2699"/>
    <mergeCell ref="A2700:C2701"/>
    <mergeCell ref="D2700:O2701"/>
    <mergeCell ref="P2700:S2701"/>
    <mergeCell ref="T2700:W2701"/>
    <mergeCell ref="X2700:AA2701"/>
    <mergeCell ref="A2702:C2703"/>
    <mergeCell ref="D2702:O2703"/>
    <mergeCell ref="P2702:S2703"/>
    <mergeCell ref="T2702:W2703"/>
    <mergeCell ref="X2702:AA2703"/>
    <mergeCell ref="A2704:C2705"/>
    <mergeCell ref="D2704:O2705"/>
    <mergeCell ref="P2704:S2705"/>
    <mergeCell ref="T2704:W2705"/>
    <mergeCell ref="X2704:AA2705"/>
    <mergeCell ref="A2706:C2707"/>
    <mergeCell ref="D2706:O2707"/>
    <mergeCell ref="P2706:S2707"/>
    <mergeCell ref="T2706:W2707"/>
    <mergeCell ref="X2706:AA2707"/>
    <mergeCell ref="A2680:C2681"/>
    <mergeCell ref="D2680:O2681"/>
    <mergeCell ref="P2680:S2681"/>
    <mergeCell ref="T2680:W2681"/>
    <mergeCell ref="X2680:AA2681"/>
    <mergeCell ref="A2682:C2683"/>
    <mergeCell ref="D2682:O2683"/>
    <mergeCell ref="P2682:S2683"/>
    <mergeCell ref="T2682:W2683"/>
    <mergeCell ref="X2682:AA2683"/>
    <mergeCell ref="A2684:C2685"/>
    <mergeCell ref="D2684:O2685"/>
    <mergeCell ref="P2684:S2685"/>
    <mergeCell ref="T2684:W2685"/>
    <mergeCell ref="X2684:AA2685"/>
    <mergeCell ref="A2686:C2687"/>
    <mergeCell ref="D2686:O2687"/>
    <mergeCell ref="P2686:S2687"/>
    <mergeCell ref="T2686:W2687"/>
    <mergeCell ref="X2686:AA2687"/>
    <mergeCell ref="A2688:C2689"/>
    <mergeCell ref="D2688:O2689"/>
    <mergeCell ref="P2688:S2689"/>
    <mergeCell ref="T2688:W2689"/>
    <mergeCell ref="X2688:AA2689"/>
    <mergeCell ref="A2690:C2691"/>
    <mergeCell ref="D2690:O2691"/>
    <mergeCell ref="P2690:S2691"/>
    <mergeCell ref="T2690:W2691"/>
    <mergeCell ref="X2690:AA2691"/>
    <mergeCell ref="A2692:C2693"/>
    <mergeCell ref="D2692:O2693"/>
    <mergeCell ref="P2692:S2693"/>
    <mergeCell ref="T2692:W2693"/>
    <mergeCell ref="X2692:AA2693"/>
    <mergeCell ref="A2666:C2667"/>
    <mergeCell ref="D2666:O2667"/>
    <mergeCell ref="P2666:S2667"/>
    <mergeCell ref="T2666:W2667"/>
    <mergeCell ref="X2666:AA2667"/>
    <mergeCell ref="A2668:C2669"/>
    <mergeCell ref="D2668:O2669"/>
    <mergeCell ref="P2668:S2669"/>
    <mergeCell ref="T2668:W2669"/>
    <mergeCell ref="X2668:AA2669"/>
    <mergeCell ref="A2670:C2671"/>
    <mergeCell ref="D2670:O2671"/>
    <mergeCell ref="P2670:S2671"/>
    <mergeCell ref="T2670:W2671"/>
    <mergeCell ref="X2670:AA2671"/>
    <mergeCell ref="A2672:C2673"/>
    <mergeCell ref="D2672:O2673"/>
    <mergeCell ref="P2672:S2673"/>
    <mergeCell ref="T2672:W2673"/>
    <mergeCell ref="X2672:AA2673"/>
    <mergeCell ref="A2674:C2675"/>
    <mergeCell ref="D2674:O2675"/>
    <mergeCell ref="P2674:S2675"/>
    <mergeCell ref="T2674:W2675"/>
    <mergeCell ref="X2674:AA2675"/>
    <mergeCell ref="A2676:C2677"/>
    <mergeCell ref="D2676:O2677"/>
    <mergeCell ref="P2676:S2677"/>
    <mergeCell ref="T2676:W2677"/>
    <mergeCell ref="X2676:AA2677"/>
    <mergeCell ref="A2678:C2679"/>
    <mergeCell ref="D2678:O2679"/>
    <mergeCell ref="P2678:S2679"/>
    <mergeCell ref="T2678:W2679"/>
    <mergeCell ref="X2678:AA2679"/>
    <mergeCell ref="A2652:C2653"/>
    <mergeCell ref="D2652:O2653"/>
    <mergeCell ref="P2652:S2653"/>
    <mergeCell ref="T2652:W2653"/>
    <mergeCell ref="X2652:AA2653"/>
    <mergeCell ref="A2654:C2655"/>
    <mergeCell ref="D2654:O2655"/>
    <mergeCell ref="P2654:S2655"/>
    <mergeCell ref="T2654:W2655"/>
    <mergeCell ref="X2654:AA2655"/>
    <mergeCell ref="A2656:C2657"/>
    <mergeCell ref="D2656:O2657"/>
    <mergeCell ref="P2656:S2657"/>
    <mergeCell ref="T2656:W2657"/>
    <mergeCell ref="X2656:AA2657"/>
    <mergeCell ref="A2658:C2659"/>
    <mergeCell ref="D2658:O2659"/>
    <mergeCell ref="P2658:S2659"/>
    <mergeCell ref="T2658:W2659"/>
    <mergeCell ref="X2658:AA2659"/>
    <mergeCell ref="A2660:C2661"/>
    <mergeCell ref="D2660:O2661"/>
    <mergeCell ref="P2660:S2661"/>
    <mergeCell ref="T2660:W2661"/>
    <mergeCell ref="X2660:AA2661"/>
    <mergeCell ref="A2662:C2663"/>
    <mergeCell ref="D2662:O2663"/>
    <mergeCell ref="P2662:S2663"/>
    <mergeCell ref="T2662:W2663"/>
    <mergeCell ref="X2662:AA2663"/>
    <mergeCell ref="A2664:C2665"/>
    <mergeCell ref="D2664:O2665"/>
    <mergeCell ref="P2664:S2665"/>
    <mergeCell ref="T2664:W2665"/>
    <mergeCell ref="X2664:AA2665"/>
    <mergeCell ref="A2638:C2639"/>
    <mergeCell ref="D2638:O2639"/>
    <mergeCell ref="P2638:S2639"/>
    <mergeCell ref="T2638:W2639"/>
    <mergeCell ref="X2638:AA2639"/>
    <mergeCell ref="A2640:C2641"/>
    <mergeCell ref="D2640:O2641"/>
    <mergeCell ref="P2640:S2641"/>
    <mergeCell ref="T2640:W2641"/>
    <mergeCell ref="X2640:AA2641"/>
    <mergeCell ref="A2642:C2643"/>
    <mergeCell ref="D2642:O2643"/>
    <mergeCell ref="P2642:S2643"/>
    <mergeCell ref="T2642:W2643"/>
    <mergeCell ref="X2642:AA2643"/>
    <mergeCell ref="A2644:C2645"/>
    <mergeCell ref="D2644:O2645"/>
    <mergeCell ref="P2644:S2645"/>
    <mergeCell ref="T2644:W2645"/>
    <mergeCell ref="X2644:AA2645"/>
    <mergeCell ref="A2646:C2647"/>
    <mergeCell ref="D2646:O2647"/>
    <mergeCell ref="P2646:S2647"/>
    <mergeCell ref="T2646:W2647"/>
    <mergeCell ref="X2646:AA2647"/>
    <mergeCell ref="A2648:C2649"/>
    <mergeCell ref="D2648:O2649"/>
    <mergeCell ref="P2648:S2649"/>
    <mergeCell ref="T2648:W2649"/>
    <mergeCell ref="X2648:AA2649"/>
    <mergeCell ref="A2650:C2651"/>
    <mergeCell ref="D2650:O2651"/>
    <mergeCell ref="P2650:S2651"/>
    <mergeCell ref="T2650:W2651"/>
    <mergeCell ref="X2650:AA2651"/>
    <mergeCell ref="A2624:C2625"/>
    <mergeCell ref="D2624:O2625"/>
    <mergeCell ref="P2624:S2625"/>
    <mergeCell ref="T2624:W2625"/>
    <mergeCell ref="X2624:AA2625"/>
    <mergeCell ref="A2626:C2627"/>
    <mergeCell ref="D2626:O2627"/>
    <mergeCell ref="P2626:S2627"/>
    <mergeCell ref="T2626:W2627"/>
    <mergeCell ref="X2626:AA2627"/>
    <mergeCell ref="A2628:C2629"/>
    <mergeCell ref="D2628:O2629"/>
    <mergeCell ref="P2628:S2629"/>
    <mergeCell ref="T2628:W2629"/>
    <mergeCell ref="X2628:AA2629"/>
    <mergeCell ref="A2630:C2631"/>
    <mergeCell ref="D2630:O2631"/>
    <mergeCell ref="P2630:S2631"/>
    <mergeCell ref="T2630:W2631"/>
    <mergeCell ref="X2630:AA2631"/>
    <mergeCell ref="A2632:C2633"/>
    <mergeCell ref="D2632:O2633"/>
    <mergeCell ref="P2632:S2633"/>
    <mergeCell ref="T2632:W2633"/>
    <mergeCell ref="X2632:AA2633"/>
    <mergeCell ref="A2634:C2635"/>
    <mergeCell ref="D2634:O2635"/>
    <mergeCell ref="P2634:S2635"/>
    <mergeCell ref="T2634:W2635"/>
    <mergeCell ref="X2634:AA2635"/>
    <mergeCell ref="A2636:C2637"/>
    <mergeCell ref="D2636:O2637"/>
    <mergeCell ref="P2636:S2637"/>
    <mergeCell ref="T2636:W2637"/>
    <mergeCell ref="X2636:AA2637"/>
    <mergeCell ref="A2610:C2611"/>
    <mergeCell ref="D2610:O2611"/>
    <mergeCell ref="P2610:S2611"/>
    <mergeCell ref="T2610:W2611"/>
    <mergeCell ref="X2610:AA2611"/>
    <mergeCell ref="A2612:C2613"/>
    <mergeCell ref="D2612:O2613"/>
    <mergeCell ref="P2612:S2613"/>
    <mergeCell ref="T2612:W2613"/>
    <mergeCell ref="X2612:AA2613"/>
    <mergeCell ref="A2614:C2615"/>
    <mergeCell ref="D2614:O2615"/>
    <mergeCell ref="P2614:S2615"/>
    <mergeCell ref="T2614:W2615"/>
    <mergeCell ref="X2614:AA2615"/>
    <mergeCell ref="A2616:C2617"/>
    <mergeCell ref="D2616:O2617"/>
    <mergeCell ref="P2616:S2617"/>
    <mergeCell ref="T2616:W2617"/>
    <mergeCell ref="X2616:AA2617"/>
    <mergeCell ref="A2618:C2619"/>
    <mergeCell ref="D2618:O2619"/>
    <mergeCell ref="P2618:S2619"/>
    <mergeCell ref="T2618:W2619"/>
    <mergeCell ref="X2618:AA2619"/>
    <mergeCell ref="A2620:C2621"/>
    <mergeCell ref="D2620:O2621"/>
    <mergeCell ref="P2620:S2621"/>
    <mergeCell ref="T2620:W2621"/>
    <mergeCell ref="X2620:AA2621"/>
    <mergeCell ref="A2622:C2623"/>
    <mergeCell ref="D2622:O2623"/>
    <mergeCell ref="P2622:S2623"/>
    <mergeCell ref="T2622:W2623"/>
    <mergeCell ref="X2622:AA2623"/>
    <mergeCell ref="A2596:C2597"/>
    <mergeCell ref="D2596:O2597"/>
    <mergeCell ref="P2596:S2597"/>
    <mergeCell ref="T2596:W2597"/>
    <mergeCell ref="X2596:AA2597"/>
    <mergeCell ref="A2598:C2599"/>
    <mergeCell ref="D2598:O2599"/>
    <mergeCell ref="P2598:S2599"/>
    <mergeCell ref="T2598:W2599"/>
    <mergeCell ref="X2598:AA2599"/>
    <mergeCell ref="A2600:C2601"/>
    <mergeCell ref="D2600:O2601"/>
    <mergeCell ref="P2600:S2601"/>
    <mergeCell ref="T2600:W2601"/>
    <mergeCell ref="X2600:AA2601"/>
    <mergeCell ref="A2602:C2603"/>
    <mergeCell ref="D2602:O2603"/>
    <mergeCell ref="P2602:S2603"/>
    <mergeCell ref="T2602:W2603"/>
    <mergeCell ref="X2602:AA2603"/>
    <mergeCell ref="A2604:C2605"/>
    <mergeCell ref="D2604:O2605"/>
    <mergeCell ref="P2604:S2605"/>
    <mergeCell ref="T2604:W2605"/>
    <mergeCell ref="X2604:AA2605"/>
    <mergeCell ref="A2606:C2607"/>
    <mergeCell ref="D2606:O2607"/>
    <mergeCell ref="P2606:S2607"/>
    <mergeCell ref="T2606:W2607"/>
    <mergeCell ref="X2606:AA2607"/>
    <mergeCell ref="A2608:C2609"/>
    <mergeCell ref="D2608:O2609"/>
    <mergeCell ref="P2608:S2609"/>
    <mergeCell ref="T2608:W2609"/>
    <mergeCell ref="X2608:AA2609"/>
    <mergeCell ref="A2580:AA2581"/>
    <mergeCell ref="A2582:C2583"/>
    <mergeCell ref="D2582:O2583"/>
    <mergeCell ref="P2582:S2583"/>
    <mergeCell ref="T2582:W2583"/>
    <mergeCell ref="X2582:AA2583"/>
    <mergeCell ref="A2584:C2585"/>
    <mergeCell ref="D2584:O2585"/>
    <mergeCell ref="P2584:S2585"/>
    <mergeCell ref="T2584:W2585"/>
    <mergeCell ref="X2584:AA2585"/>
    <mergeCell ref="A2586:C2587"/>
    <mergeCell ref="D2586:O2587"/>
    <mergeCell ref="P2586:S2587"/>
    <mergeCell ref="T2586:W2587"/>
    <mergeCell ref="X2586:AA2587"/>
    <mergeCell ref="A2588:C2589"/>
    <mergeCell ref="D2588:O2589"/>
    <mergeCell ref="P2588:S2589"/>
    <mergeCell ref="T2588:W2589"/>
    <mergeCell ref="X2588:AA2589"/>
    <mergeCell ref="A2590:C2591"/>
    <mergeCell ref="D2590:O2591"/>
    <mergeCell ref="P2590:S2591"/>
    <mergeCell ref="T2590:W2591"/>
    <mergeCell ref="X2590:AA2591"/>
    <mergeCell ref="A2592:C2593"/>
    <mergeCell ref="D2592:O2593"/>
    <mergeCell ref="P2592:S2593"/>
    <mergeCell ref="T2592:W2593"/>
    <mergeCell ref="X2592:AA2593"/>
    <mergeCell ref="A2594:C2595"/>
    <mergeCell ref="D2594:O2595"/>
    <mergeCell ref="P2594:S2595"/>
    <mergeCell ref="T2594:W2595"/>
    <mergeCell ref="X2594:AA2595"/>
    <mergeCell ref="A2564:C2565"/>
    <mergeCell ref="D2564:O2565"/>
    <mergeCell ref="P2564:S2565"/>
    <mergeCell ref="T2564:W2565"/>
    <mergeCell ref="X2564:AA2565"/>
    <mergeCell ref="A2566:C2567"/>
    <mergeCell ref="D2566:O2567"/>
    <mergeCell ref="P2566:S2567"/>
    <mergeCell ref="T2566:W2567"/>
    <mergeCell ref="X2566:AA2567"/>
    <mergeCell ref="A2568:C2569"/>
    <mergeCell ref="D2568:O2569"/>
    <mergeCell ref="P2568:S2569"/>
    <mergeCell ref="T2568:W2569"/>
    <mergeCell ref="X2568:AA2569"/>
    <mergeCell ref="A2570:C2571"/>
    <mergeCell ref="D2570:O2571"/>
    <mergeCell ref="P2570:S2571"/>
    <mergeCell ref="T2570:W2571"/>
    <mergeCell ref="X2570:AA2571"/>
    <mergeCell ref="A2572:C2573"/>
    <mergeCell ref="D2572:O2573"/>
    <mergeCell ref="P2572:S2573"/>
    <mergeCell ref="T2572:W2573"/>
    <mergeCell ref="X2572:AA2573"/>
    <mergeCell ref="A2574:AA2575"/>
    <mergeCell ref="A2576:C2577"/>
    <mergeCell ref="D2576:O2577"/>
    <mergeCell ref="P2576:S2577"/>
    <mergeCell ref="T2576:W2577"/>
    <mergeCell ref="X2576:AA2577"/>
    <mergeCell ref="A2578:C2579"/>
    <mergeCell ref="D2578:O2579"/>
    <mergeCell ref="P2578:S2579"/>
    <mergeCell ref="T2578:W2579"/>
    <mergeCell ref="X2578:AA2579"/>
    <mergeCell ref="A2550:C2551"/>
    <mergeCell ref="D2550:O2551"/>
    <mergeCell ref="P2550:S2551"/>
    <mergeCell ref="T2550:W2551"/>
    <mergeCell ref="X2550:AA2551"/>
    <mergeCell ref="A2552:C2553"/>
    <mergeCell ref="D2552:O2553"/>
    <mergeCell ref="P2552:S2553"/>
    <mergeCell ref="T2552:W2553"/>
    <mergeCell ref="X2552:AA2553"/>
    <mergeCell ref="A2554:C2555"/>
    <mergeCell ref="D2554:O2555"/>
    <mergeCell ref="P2554:S2555"/>
    <mergeCell ref="T2554:W2555"/>
    <mergeCell ref="X2554:AA2555"/>
    <mergeCell ref="A2556:C2557"/>
    <mergeCell ref="D2556:O2557"/>
    <mergeCell ref="P2556:S2557"/>
    <mergeCell ref="T2556:W2557"/>
    <mergeCell ref="X2556:AA2557"/>
    <mergeCell ref="A2558:C2559"/>
    <mergeCell ref="D2558:O2559"/>
    <mergeCell ref="P2558:S2559"/>
    <mergeCell ref="T2558:W2559"/>
    <mergeCell ref="X2558:AA2559"/>
    <mergeCell ref="A2560:C2561"/>
    <mergeCell ref="D2560:O2561"/>
    <mergeCell ref="P2560:S2561"/>
    <mergeCell ref="T2560:W2561"/>
    <mergeCell ref="X2560:AA2561"/>
    <mergeCell ref="A2562:C2563"/>
    <mergeCell ref="D2562:O2563"/>
    <mergeCell ref="P2562:S2563"/>
    <mergeCell ref="T2562:W2563"/>
    <mergeCell ref="X2562:AA2563"/>
    <mergeCell ref="A2536:C2537"/>
    <mergeCell ref="D2536:O2537"/>
    <mergeCell ref="P2536:S2537"/>
    <mergeCell ref="T2536:W2537"/>
    <mergeCell ref="X2536:AA2537"/>
    <mergeCell ref="A2538:C2539"/>
    <mergeCell ref="D2538:O2539"/>
    <mergeCell ref="P2538:S2539"/>
    <mergeCell ref="T2538:W2539"/>
    <mergeCell ref="X2538:AA2539"/>
    <mergeCell ref="A2540:C2541"/>
    <mergeCell ref="D2540:O2541"/>
    <mergeCell ref="P2540:S2541"/>
    <mergeCell ref="T2540:W2541"/>
    <mergeCell ref="X2540:AA2541"/>
    <mergeCell ref="A2542:C2543"/>
    <mergeCell ref="D2542:O2543"/>
    <mergeCell ref="P2542:S2543"/>
    <mergeCell ref="T2542:W2543"/>
    <mergeCell ref="X2542:AA2543"/>
    <mergeCell ref="A2544:C2545"/>
    <mergeCell ref="D2544:O2545"/>
    <mergeCell ref="P2544:S2545"/>
    <mergeCell ref="T2544:W2545"/>
    <mergeCell ref="X2544:AA2545"/>
    <mergeCell ref="A2546:C2547"/>
    <mergeCell ref="D2546:O2547"/>
    <mergeCell ref="P2546:S2547"/>
    <mergeCell ref="T2546:W2547"/>
    <mergeCell ref="X2546:AA2547"/>
    <mergeCell ref="A2548:C2549"/>
    <mergeCell ref="D2548:O2549"/>
    <mergeCell ref="P2548:S2549"/>
    <mergeCell ref="T2548:W2549"/>
    <mergeCell ref="X2548:AA2549"/>
    <mergeCell ref="A2522:C2523"/>
    <mergeCell ref="D2522:O2523"/>
    <mergeCell ref="P2522:S2523"/>
    <mergeCell ref="T2522:W2523"/>
    <mergeCell ref="X2522:AA2523"/>
    <mergeCell ref="A2524:C2525"/>
    <mergeCell ref="D2524:O2525"/>
    <mergeCell ref="P2524:S2525"/>
    <mergeCell ref="T2524:W2525"/>
    <mergeCell ref="X2524:AA2525"/>
    <mergeCell ref="A2526:C2527"/>
    <mergeCell ref="D2526:O2527"/>
    <mergeCell ref="P2526:S2527"/>
    <mergeCell ref="T2526:W2527"/>
    <mergeCell ref="X2526:AA2527"/>
    <mergeCell ref="A2528:C2529"/>
    <mergeCell ref="D2528:O2529"/>
    <mergeCell ref="P2528:S2529"/>
    <mergeCell ref="T2528:W2529"/>
    <mergeCell ref="X2528:AA2529"/>
    <mergeCell ref="A2530:C2531"/>
    <mergeCell ref="D2530:O2531"/>
    <mergeCell ref="P2530:S2531"/>
    <mergeCell ref="T2530:W2531"/>
    <mergeCell ref="X2530:AA2531"/>
    <mergeCell ref="A2532:C2533"/>
    <mergeCell ref="D2532:O2533"/>
    <mergeCell ref="P2532:S2533"/>
    <mergeCell ref="T2532:W2533"/>
    <mergeCell ref="X2532:AA2533"/>
    <mergeCell ref="A2534:C2535"/>
    <mergeCell ref="D2534:O2535"/>
    <mergeCell ref="P2534:S2535"/>
    <mergeCell ref="T2534:W2535"/>
    <mergeCell ref="X2534:AA2535"/>
    <mergeCell ref="A2508:C2509"/>
    <mergeCell ref="D2508:O2509"/>
    <mergeCell ref="P2508:S2509"/>
    <mergeCell ref="T2508:W2509"/>
    <mergeCell ref="X2508:AA2509"/>
    <mergeCell ref="A2510:C2511"/>
    <mergeCell ref="D2510:O2511"/>
    <mergeCell ref="P2510:S2511"/>
    <mergeCell ref="T2510:W2511"/>
    <mergeCell ref="X2510:AA2511"/>
    <mergeCell ref="A2512:C2513"/>
    <mergeCell ref="D2512:O2513"/>
    <mergeCell ref="P2512:S2513"/>
    <mergeCell ref="T2512:W2513"/>
    <mergeCell ref="X2512:AA2513"/>
    <mergeCell ref="A2514:C2515"/>
    <mergeCell ref="D2514:O2515"/>
    <mergeCell ref="P2514:S2515"/>
    <mergeCell ref="T2514:W2515"/>
    <mergeCell ref="X2514:AA2515"/>
    <mergeCell ref="A2516:C2517"/>
    <mergeCell ref="D2516:O2517"/>
    <mergeCell ref="P2516:S2517"/>
    <mergeCell ref="T2516:W2517"/>
    <mergeCell ref="X2516:AA2517"/>
    <mergeCell ref="A2518:C2519"/>
    <mergeCell ref="D2518:O2519"/>
    <mergeCell ref="P2518:S2519"/>
    <mergeCell ref="T2518:W2519"/>
    <mergeCell ref="X2518:AA2519"/>
    <mergeCell ref="A2520:C2521"/>
    <mergeCell ref="D2520:O2521"/>
    <mergeCell ref="P2520:S2521"/>
    <mergeCell ref="T2520:W2521"/>
    <mergeCell ref="X2520:AA2521"/>
    <mergeCell ref="A2494:C2495"/>
    <mergeCell ref="D2494:O2495"/>
    <mergeCell ref="P2494:S2495"/>
    <mergeCell ref="T2494:W2495"/>
    <mergeCell ref="X2494:AA2495"/>
    <mergeCell ref="A2496:C2497"/>
    <mergeCell ref="D2496:O2497"/>
    <mergeCell ref="P2496:S2497"/>
    <mergeCell ref="T2496:W2497"/>
    <mergeCell ref="X2496:AA2497"/>
    <mergeCell ref="A2498:C2499"/>
    <mergeCell ref="D2498:O2499"/>
    <mergeCell ref="P2498:S2499"/>
    <mergeCell ref="T2498:W2499"/>
    <mergeCell ref="X2498:AA2499"/>
    <mergeCell ref="A2500:C2501"/>
    <mergeCell ref="D2500:O2501"/>
    <mergeCell ref="P2500:S2501"/>
    <mergeCell ref="T2500:W2501"/>
    <mergeCell ref="X2500:AA2501"/>
    <mergeCell ref="A2502:C2503"/>
    <mergeCell ref="D2502:O2503"/>
    <mergeCell ref="P2502:S2503"/>
    <mergeCell ref="T2502:W2503"/>
    <mergeCell ref="X2502:AA2503"/>
    <mergeCell ref="A2504:C2505"/>
    <mergeCell ref="D2504:O2505"/>
    <mergeCell ref="P2504:S2505"/>
    <mergeCell ref="T2504:W2505"/>
    <mergeCell ref="X2504:AA2505"/>
    <mergeCell ref="A2506:C2507"/>
    <mergeCell ref="D2506:O2507"/>
    <mergeCell ref="P2506:S2507"/>
    <mergeCell ref="T2506:W2507"/>
    <mergeCell ref="X2506:AA2507"/>
    <mergeCell ref="A2480:C2481"/>
    <mergeCell ref="D2480:O2481"/>
    <mergeCell ref="P2480:S2481"/>
    <mergeCell ref="T2480:W2481"/>
    <mergeCell ref="X2480:AA2481"/>
    <mergeCell ref="A2482:C2483"/>
    <mergeCell ref="D2482:O2483"/>
    <mergeCell ref="P2482:S2483"/>
    <mergeCell ref="T2482:W2483"/>
    <mergeCell ref="X2482:AA2483"/>
    <mergeCell ref="A2484:C2485"/>
    <mergeCell ref="D2484:O2485"/>
    <mergeCell ref="P2484:S2485"/>
    <mergeCell ref="T2484:W2485"/>
    <mergeCell ref="X2484:AA2485"/>
    <mergeCell ref="A2486:C2487"/>
    <mergeCell ref="D2486:O2487"/>
    <mergeCell ref="P2486:S2487"/>
    <mergeCell ref="T2486:W2487"/>
    <mergeCell ref="X2486:AA2487"/>
    <mergeCell ref="A2488:C2489"/>
    <mergeCell ref="D2488:O2489"/>
    <mergeCell ref="P2488:S2489"/>
    <mergeCell ref="T2488:W2489"/>
    <mergeCell ref="X2488:AA2489"/>
    <mergeCell ref="A2490:C2491"/>
    <mergeCell ref="D2490:O2491"/>
    <mergeCell ref="P2490:S2491"/>
    <mergeCell ref="T2490:W2491"/>
    <mergeCell ref="X2490:AA2491"/>
    <mergeCell ref="A2492:C2493"/>
    <mergeCell ref="D2492:O2493"/>
    <mergeCell ref="P2492:S2493"/>
    <mergeCell ref="T2492:W2493"/>
    <mergeCell ref="X2492:AA2493"/>
    <mergeCell ref="A2466:C2467"/>
    <mergeCell ref="D2466:O2467"/>
    <mergeCell ref="P2466:S2467"/>
    <mergeCell ref="T2466:W2467"/>
    <mergeCell ref="X2466:AA2467"/>
    <mergeCell ref="A2468:C2469"/>
    <mergeCell ref="D2468:O2469"/>
    <mergeCell ref="P2468:S2469"/>
    <mergeCell ref="T2468:W2469"/>
    <mergeCell ref="X2468:AA2469"/>
    <mergeCell ref="A2470:C2471"/>
    <mergeCell ref="D2470:O2471"/>
    <mergeCell ref="P2470:S2471"/>
    <mergeCell ref="T2470:W2471"/>
    <mergeCell ref="X2470:AA2471"/>
    <mergeCell ref="A2472:C2473"/>
    <mergeCell ref="D2472:O2473"/>
    <mergeCell ref="P2472:S2473"/>
    <mergeCell ref="T2472:W2473"/>
    <mergeCell ref="X2472:AA2473"/>
    <mergeCell ref="A2474:C2475"/>
    <mergeCell ref="D2474:O2475"/>
    <mergeCell ref="P2474:S2475"/>
    <mergeCell ref="T2474:W2475"/>
    <mergeCell ref="X2474:AA2475"/>
    <mergeCell ref="A2476:C2477"/>
    <mergeCell ref="D2476:O2477"/>
    <mergeCell ref="P2476:S2477"/>
    <mergeCell ref="T2476:W2477"/>
    <mergeCell ref="X2476:AA2477"/>
    <mergeCell ref="A2478:C2479"/>
    <mergeCell ref="D2478:O2479"/>
    <mergeCell ref="P2478:S2479"/>
    <mergeCell ref="T2478:W2479"/>
    <mergeCell ref="X2478:AA2479"/>
    <mergeCell ref="A2452:C2453"/>
    <mergeCell ref="D2452:O2453"/>
    <mergeCell ref="P2452:S2453"/>
    <mergeCell ref="T2452:W2453"/>
    <mergeCell ref="X2452:AA2453"/>
    <mergeCell ref="A2454:C2455"/>
    <mergeCell ref="D2454:O2455"/>
    <mergeCell ref="P2454:S2455"/>
    <mergeCell ref="T2454:W2455"/>
    <mergeCell ref="X2454:AA2455"/>
    <mergeCell ref="A2456:C2457"/>
    <mergeCell ref="D2456:O2457"/>
    <mergeCell ref="P2456:S2457"/>
    <mergeCell ref="T2456:W2457"/>
    <mergeCell ref="X2456:AA2457"/>
    <mergeCell ref="A2458:C2459"/>
    <mergeCell ref="D2458:O2459"/>
    <mergeCell ref="P2458:S2459"/>
    <mergeCell ref="T2458:W2459"/>
    <mergeCell ref="X2458:AA2459"/>
    <mergeCell ref="A2460:C2461"/>
    <mergeCell ref="D2460:O2461"/>
    <mergeCell ref="P2460:S2461"/>
    <mergeCell ref="T2460:W2461"/>
    <mergeCell ref="X2460:AA2461"/>
    <mergeCell ref="A2462:C2463"/>
    <mergeCell ref="D2462:O2463"/>
    <mergeCell ref="P2462:S2463"/>
    <mergeCell ref="T2462:W2463"/>
    <mergeCell ref="X2462:AA2463"/>
    <mergeCell ref="A2464:C2465"/>
    <mergeCell ref="D2464:O2465"/>
    <mergeCell ref="P2464:S2465"/>
    <mergeCell ref="T2464:W2465"/>
    <mergeCell ref="X2464:AA2465"/>
    <mergeCell ref="A2438:C2439"/>
    <mergeCell ref="D2438:O2439"/>
    <mergeCell ref="P2438:S2439"/>
    <mergeCell ref="T2438:W2439"/>
    <mergeCell ref="X2438:AA2439"/>
    <mergeCell ref="A2440:C2441"/>
    <mergeCell ref="D2440:O2441"/>
    <mergeCell ref="P2440:S2441"/>
    <mergeCell ref="T2440:W2441"/>
    <mergeCell ref="X2440:AA2441"/>
    <mergeCell ref="A2442:C2443"/>
    <mergeCell ref="D2442:O2443"/>
    <mergeCell ref="P2442:S2443"/>
    <mergeCell ref="T2442:W2443"/>
    <mergeCell ref="X2442:AA2443"/>
    <mergeCell ref="A2444:C2445"/>
    <mergeCell ref="D2444:O2445"/>
    <mergeCell ref="P2444:S2445"/>
    <mergeCell ref="T2444:W2445"/>
    <mergeCell ref="X2444:AA2445"/>
    <mergeCell ref="A2446:C2447"/>
    <mergeCell ref="D2446:O2447"/>
    <mergeCell ref="P2446:S2447"/>
    <mergeCell ref="T2446:W2447"/>
    <mergeCell ref="X2446:AA2447"/>
    <mergeCell ref="A2448:C2449"/>
    <mergeCell ref="D2448:O2449"/>
    <mergeCell ref="P2448:S2449"/>
    <mergeCell ref="T2448:W2449"/>
    <mergeCell ref="X2448:AA2449"/>
    <mergeCell ref="A2450:C2451"/>
    <mergeCell ref="D2450:O2451"/>
    <mergeCell ref="P2450:S2451"/>
    <mergeCell ref="T2450:W2451"/>
    <mergeCell ref="X2450:AA2451"/>
    <mergeCell ref="A2424:C2425"/>
    <mergeCell ref="D2424:O2425"/>
    <mergeCell ref="P2424:S2425"/>
    <mergeCell ref="T2424:W2425"/>
    <mergeCell ref="X2424:AA2425"/>
    <mergeCell ref="A2426:C2427"/>
    <mergeCell ref="D2426:O2427"/>
    <mergeCell ref="P2426:S2427"/>
    <mergeCell ref="T2426:W2427"/>
    <mergeCell ref="X2426:AA2427"/>
    <mergeCell ref="A2428:C2429"/>
    <mergeCell ref="D2428:O2429"/>
    <mergeCell ref="P2428:S2429"/>
    <mergeCell ref="T2428:W2429"/>
    <mergeCell ref="X2428:AA2429"/>
    <mergeCell ref="A2430:C2431"/>
    <mergeCell ref="D2430:O2431"/>
    <mergeCell ref="P2430:S2431"/>
    <mergeCell ref="T2430:W2431"/>
    <mergeCell ref="X2430:AA2431"/>
    <mergeCell ref="A2432:C2433"/>
    <mergeCell ref="D2432:O2433"/>
    <mergeCell ref="P2432:S2433"/>
    <mergeCell ref="T2432:W2433"/>
    <mergeCell ref="X2432:AA2433"/>
    <mergeCell ref="A2434:C2435"/>
    <mergeCell ref="D2434:O2435"/>
    <mergeCell ref="P2434:S2435"/>
    <mergeCell ref="T2434:W2435"/>
    <mergeCell ref="X2434:AA2435"/>
    <mergeCell ref="A2436:C2437"/>
    <mergeCell ref="D2436:O2437"/>
    <mergeCell ref="P2436:S2437"/>
    <mergeCell ref="T2436:W2437"/>
    <mergeCell ref="X2436:AA2437"/>
    <mergeCell ref="A2408:AA2409"/>
    <mergeCell ref="A2410:C2411"/>
    <mergeCell ref="D2410:O2411"/>
    <mergeCell ref="P2410:S2411"/>
    <mergeCell ref="T2410:W2411"/>
    <mergeCell ref="X2410:AA2411"/>
    <mergeCell ref="A2412:C2413"/>
    <mergeCell ref="D2412:O2413"/>
    <mergeCell ref="P2412:S2413"/>
    <mergeCell ref="T2412:W2413"/>
    <mergeCell ref="X2412:AA2413"/>
    <mergeCell ref="A2414:C2415"/>
    <mergeCell ref="D2414:O2415"/>
    <mergeCell ref="P2414:S2415"/>
    <mergeCell ref="T2414:W2415"/>
    <mergeCell ref="X2414:AA2415"/>
    <mergeCell ref="A2416:C2417"/>
    <mergeCell ref="D2416:O2417"/>
    <mergeCell ref="P2416:S2417"/>
    <mergeCell ref="T2416:W2417"/>
    <mergeCell ref="X2416:AA2417"/>
    <mergeCell ref="A2418:C2419"/>
    <mergeCell ref="D2418:O2419"/>
    <mergeCell ref="P2418:S2419"/>
    <mergeCell ref="T2418:W2419"/>
    <mergeCell ref="X2418:AA2419"/>
    <mergeCell ref="A2420:C2421"/>
    <mergeCell ref="D2420:O2421"/>
    <mergeCell ref="P2420:S2421"/>
    <mergeCell ref="T2420:W2421"/>
    <mergeCell ref="X2420:AA2421"/>
    <mergeCell ref="A2422:C2423"/>
    <mergeCell ref="D2422:O2423"/>
    <mergeCell ref="P2422:S2423"/>
    <mergeCell ref="T2422:W2423"/>
    <mergeCell ref="X2422:AA2423"/>
    <mergeCell ref="A2392:C2393"/>
    <mergeCell ref="D2392:O2393"/>
    <mergeCell ref="P2392:S2393"/>
    <mergeCell ref="T2392:W2393"/>
    <mergeCell ref="X2392:AA2393"/>
    <mergeCell ref="A2394:AA2395"/>
    <mergeCell ref="A2396:C2397"/>
    <mergeCell ref="D2396:O2397"/>
    <mergeCell ref="P2396:S2397"/>
    <mergeCell ref="T2396:W2397"/>
    <mergeCell ref="X2396:AA2397"/>
    <mergeCell ref="A2398:C2399"/>
    <mergeCell ref="D2398:O2399"/>
    <mergeCell ref="P2398:S2399"/>
    <mergeCell ref="T2398:W2399"/>
    <mergeCell ref="X2398:AA2399"/>
    <mergeCell ref="A2400:C2401"/>
    <mergeCell ref="D2400:O2401"/>
    <mergeCell ref="P2400:S2401"/>
    <mergeCell ref="T2400:W2401"/>
    <mergeCell ref="X2400:AA2401"/>
    <mergeCell ref="A2402:C2403"/>
    <mergeCell ref="D2402:O2403"/>
    <mergeCell ref="P2402:S2403"/>
    <mergeCell ref="T2402:W2403"/>
    <mergeCell ref="X2402:AA2403"/>
    <mergeCell ref="A2404:C2405"/>
    <mergeCell ref="D2404:O2405"/>
    <mergeCell ref="P2404:S2405"/>
    <mergeCell ref="T2404:W2405"/>
    <mergeCell ref="X2404:AA2405"/>
    <mergeCell ref="A2406:C2407"/>
    <mergeCell ref="D2406:O2407"/>
    <mergeCell ref="P2406:S2407"/>
    <mergeCell ref="T2406:W2407"/>
    <mergeCell ref="X2406:AA2407"/>
    <mergeCell ref="A2376:C2377"/>
    <mergeCell ref="D2376:O2377"/>
    <mergeCell ref="P2376:S2377"/>
    <mergeCell ref="T2376:W2377"/>
    <mergeCell ref="X2376:AA2377"/>
    <mergeCell ref="A2378:C2379"/>
    <mergeCell ref="D2378:O2379"/>
    <mergeCell ref="P2378:S2379"/>
    <mergeCell ref="T2378:W2379"/>
    <mergeCell ref="X2378:AA2379"/>
    <mergeCell ref="A2380:C2381"/>
    <mergeCell ref="D2380:O2381"/>
    <mergeCell ref="P2380:S2381"/>
    <mergeCell ref="T2380:W2381"/>
    <mergeCell ref="X2380:AA2381"/>
    <mergeCell ref="A2382:C2383"/>
    <mergeCell ref="D2382:O2383"/>
    <mergeCell ref="P2382:S2383"/>
    <mergeCell ref="T2382:W2383"/>
    <mergeCell ref="X2382:AA2383"/>
    <mergeCell ref="A2384:C2385"/>
    <mergeCell ref="D2384:O2385"/>
    <mergeCell ref="P2384:S2385"/>
    <mergeCell ref="T2384:W2385"/>
    <mergeCell ref="X2384:AA2385"/>
    <mergeCell ref="A2386:C2387"/>
    <mergeCell ref="D2386:O2387"/>
    <mergeCell ref="P2386:S2387"/>
    <mergeCell ref="T2386:W2387"/>
    <mergeCell ref="X2386:AA2387"/>
    <mergeCell ref="A2388:AA2389"/>
    <mergeCell ref="A2390:C2391"/>
    <mergeCell ref="D2390:O2391"/>
    <mergeCell ref="P2390:S2391"/>
    <mergeCell ref="T2390:W2391"/>
    <mergeCell ref="X2390:AA2391"/>
    <mergeCell ref="A2362:C2363"/>
    <mergeCell ref="D2362:O2363"/>
    <mergeCell ref="P2362:S2363"/>
    <mergeCell ref="T2362:W2363"/>
    <mergeCell ref="X2362:AA2363"/>
    <mergeCell ref="A2364:C2365"/>
    <mergeCell ref="D2364:O2365"/>
    <mergeCell ref="P2364:S2365"/>
    <mergeCell ref="T2364:W2365"/>
    <mergeCell ref="X2364:AA2365"/>
    <mergeCell ref="A2366:C2367"/>
    <mergeCell ref="D2366:O2367"/>
    <mergeCell ref="P2366:S2367"/>
    <mergeCell ref="T2366:W2367"/>
    <mergeCell ref="X2366:AA2367"/>
    <mergeCell ref="A2368:C2369"/>
    <mergeCell ref="D2368:O2369"/>
    <mergeCell ref="P2368:S2369"/>
    <mergeCell ref="T2368:W2369"/>
    <mergeCell ref="X2368:AA2369"/>
    <mergeCell ref="A2370:C2371"/>
    <mergeCell ref="D2370:O2371"/>
    <mergeCell ref="P2370:S2371"/>
    <mergeCell ref="T2370:W2371"/>
    <mergeCell ref="X2370:AA2371"/>
    <mergeCell ref="A2372:C2373"/>
    <mergeCell ref="D2372:O2373"/>
    <mergeCell ref="P2372:S2373"/>
    <mergeCell ref="T2372:W2373"/>
    <mergeCell ref="X2372:AA2373"/>
    <mergeCell ref="A2374:C2375"/>
    <mergeCell ref="D2374:O2375"/>
    <mergeCell ref="P2374:S2375"/>
    <mergeCell ref="T2374:W2375"/>
    <mergeCell ref="X2374:AA2375"/>
    <mergeCell ref="A2348:C2349"/>
    <mergeCell ref="D2348:O2349"/>
    <mergeCell ref="P2348:S2349"/>
    <mergeCell ref="T2348:W2349"/>
    <mergeCell ref="X2348:AA2349"/>
    <mergeCell ref="A2350:C2351"/>
    <mergeCell ref="D2350:O2351"/>
    <mergeCell ref="P2350:S2351"/>
    <mergeCell ref="T2350:W2351"/>
    <mergeCell ref="X2350:AA2351"/>
    <mergeCell ref="A2352:C2353"/>
    <mergeCell ref="D2352:O2353"/>
    <mergeCell ref="P2352:S2353"/>
    <mergeCell ref="T2352:W2353"/>
    <mergeCell ref="X2352:AA2353"/>
    <mergeCell ref="A2354:C2355"/>
    <mergeCell ref="D2354:O2355"/>
    <mergeCell ref="P2354:S2355"/>
    <mergeCell ref="T2354:W2355"/>
    <mergeCell ref="X2354:AA2355"/>
    <mergeCell ref="A2356:C2357"/>
    <mergeCell ref="D2356:O2357"/>
    <mergeCell ref="P2356:S2357"/>
    <mergeCell ref="T2356:W2357"/>
    <mergeCell ref="X2356:AA2357"/>
    <mergeCell ref="A2358:C2359"/>
    <mergeCell ref="D2358:O2359"/>
    <mergeCell ref="P2358:S2359"/>
    <mergeCell ref="T2358:W2359"/>
    <mergeCell ref="X2358:AA2359"/>
    <mergeCell ref="A2360:C2361"/>
    <mergeCell ref="D2360:O2361"/>
    <mergeCell ref="P2360:S2361"/>
    <mergeCell ref="T2360:W2361"/>
    <mergeCell ref="X2360:AA2361"/>
    <mergeCell ref="A2332:C2333"/>
    <mergeCell ref="D2332:O2333"/>
    <mergeCell ref="P2332:S2333"/>
    <mergeCell ref="T2332:W2333"/>
    <mergeCell ref="X2332:AA2333"/>
    <mergeCell ref="A2334:AA2335"/>
    <mergeCell ref="A2336:C2337"/>
    <mergeCell ref="D2336:O2337"/>
    <mergeCell ref="P2336:S2337"/>
    <mergeCell ref="T2336:W2337"/>
    <mergeCell ref="X2336:AA2337"/>
    <mergeCell ref="A2338:C2339"/>
    <mergeCell ref="D2338:O2339"/>
    <mergeCell ref="P2338:S2339"/>
    <mergeCell ref="T2338:W2339"/>
    <mergeCell ref="X2338:AA2339"/>
    <mergeCell ref="A2340:C2341"/>
    <mergeCell ref="D2340:O2341"/>
    <mergeCell ref="P2340:S2341"/>
    <mergeCell ref="T2340:W2341"/>
    <mergeCell ref="X2340:AA2341"/>
    <mergeCell ref="A2342:C2343"/>
    <mergeCell ref="D2342:O2343"/>
    <mergeCell ref="P2342:S2343"/>
    <mergeCell ref="T2342:W2343"/>
    <mergeCell ref="X2342:AA2343"/>
    <mergeCell ref="A2344:C2345"/>
    <mergeCell ref="D2344:O2345"/>
    <mergeCell ref="P2344:S2345"/>
    <mergeCell ref="T2344:W2345"/>
    <mergeCell ref="X2344:AA2345"/>
    <mergeCell ref="A2346:C2347"/>
    <mergeCell ref="D2346:O2347"/>
    <mergeCell ref="P2346:S2347"/>
    <mergeCell ref="T2346:W2347"/>
    <mergeCell ref="X2346:AA2347"/>
    <mergeCell ref="A2314:C2315"/>
    <mergeCell ref="D2314:O2315"/>
    <mergeCell ref="P2314:S2315"/>
    <mergeCell ref="T2314:W2315"/>
    <mergeCell ref="X2314:AA2315"/>
    <mergeCell ref="A2316:C2317"/>
    <mergeCell ref="D2316:O2317"/>
    <mergeCell ref="P2316:S2317"/>
    <mergeCell ref="T2316:W2317"/>
    <mergeCell ref="X2316:AA2317"/>
    <mergeCell ref="A2318:C2319"/>
    <mergeCell ref="D2318:O2319"/>
    <mergeCell ref="P2318:S2319"/>
    <mergeCell ref="T2318:W2319"/>
    <mergeCell ref="X2318:AA2319"/>
    <mergeCell ref="A2320:AA2321"/>
    <mergeCell ref="A2322:C2323"/>
    <mergeCell ref="D2322:O2323"/>
    <mergeCell ref="P2322:S2323"/>
    <mergeCell ref="T2322:W2323"/>
    <mergeCell ref="X2322:AA2323"/>
    <mergeCell ref="A2324:C2325"/>
    <mergeCell ref="D2324:O2325"/>
    <mergeCell ref="P2324:S2325"/>
    <mergeCell ref="T2324:W2325"/>
    <mergeCell ref="X2324:AA2325"/>
    <mergeCell ref="A2326:C2327"/>
    <mergeCell ref="D2326:O2327"/>
    <mergeCell ref="P2326:S2327"/>
    <mergeCell ref="T2326:W2327"/>
    <mergeCell ref="X2326:AA2327"/>
    <mergeCell ref="A2328:AA2329"/>
    <mergeCell ref="A2330:C2331"/>
    <mergeCell ref="D2330:O2331"/>
    <mergeCell ref="P2330:S2331"/>
    <mergeCell ref="T2330:W2331"/>
    <mergeCell ref="X2330:AA2331"/>
    <mergeCell ref="A2296:C2297"/>
    <mergeCell ref="D2296:O2297"/>
    <mergeCell ref="P2296:S2297"/>
    <mergeCell ref="T2296:W2297"/>
    <mergeCell ref="X2296:AA2297"/>
    <mergeCell ref="A2298:C2299"/>
    <mergeCell ref="D2298:O2299"/>
    <mergeCell ref="P2298:S2299"/>
    <mergeCell ref="T2298:W2299"/>
    <mergeCell ref="X2298:AA2299"/>
    <mergeCell ref="A2300:C2301"/>
    <mergeCell ref="D2300:O2301"/>
    <mergeCell ref="P2300:S2301"/>
    <mergeCell ref="T2300:W2301"/>
    <mergeCell ref="X2300:AA2301"/>
    <mergeCell ref="A2302:C2303"/>
    <mergeCell ref="D2302:O2303"/>
    <mergeCell ref="P2302:S2303"/>
    <mergeCell ref="T2302:W2303"/>
    <mergeCell ref="X2302:AA2303"/>
    <mergeCell ref="A2304:C2305"/>
    <mergeCell ref="D2304:O2305"/>
    <mergeCell ref="P2304:S2305"/>
    <mergeCell ref="T2304:W2305"/>
    <mergeCell ref="X2304:AA2305"/>
    <mergeCell ref="A2306:AA2307"/>
    <mergeCell ref="A2308:C2309"/>
    <mergeCell ref="D2308:O2309"/>
    <mergeCell ref="P2308:S2309"/>
    <mergeCell ref="T2308:W2309"/>
    <mergeCell ref="X2308:AA2309"/>
    <mergeCell ref="A2310:AA2311"/>
    <mergeCell ref="A2312:AA2313"/>
    <mergeCell ref="A2282:C2283"/>
    <mergeCell ref="D2282:O2283"/>
    <mergeCell ref="P2282:S2283"/>
    <mergeCell ref="T2282:W2283"/>
    <mergeCell ref="X2282:AA2283"/>
    <mergeCell ref="A2284:C2285"/>
    <mergeCell ref="D2284:O2285"/>
    <mergeCell ref="P2284:S2285"/>
    <mergeCell ref="T2284:W2285"/>
    <mergeCell ref="X2284:AA2285"/>
    <mergeCell ref="A2286:C2287"/>
    <mergeCell ref="D2286:O2287"/>
    <mergeCell ref="P2286:S2287"/>
    <mergeCell ref="T2286:W2287"/>
    <mergeCell ref="X2286:AA2287"/>
    <mergeCell ref="A2288:C2289"/>
    <mergeCell ref="D2288:O2289"/>
    <mergeCell ref="P2288:S2289"/>
    <mergeCell ref="T2288:W2289"/>
    <mergeCell ref="X2288:AA2289"/>
    <mergeCell ref="A2290:C2291"/>
    <mergeCell ref="D2290:O2291"/>
    <mergeCell ref="P2290:S2291"/>
    <mergeCell ref="T2290:W2291"/>
    <mergeCell ref="X2290:AA2291"/>
    <mergeCell ref="A2292:C2293"/>
    <mergeCell ref="D2292:O2293"/>
    <mergeCell ref="P2292:S2293"/>
    <mergeCell ref="T2292:W2293"/>
    <mergeCell ref="X2292:AA2293"/>
    <mergeCell ref="A2294:C2295"/>
    <mergeCell ref="D2294:O2295"/>
    <mergeCell ref="P2294:S2295"/>
    <mergeCell ref="T2294:W2295"/>
    <mergeCell ref="X2294:AA2295"/>
    <mergeCell ref="A2268:C2269"/>
    <mergeCell ref="D2268:O2269"/>
    <mergeCell ref="P2268:S2269"/>
    <mergeCell ref="T2268:W2269"/>
    <mergeCell ref="X2268:AA2269"/>
    <mergeCell ref="A2270:C2271"/>
    <mergeCell ref="D2270:O2271"/>
    <mergeCell ref="P2270:S2271"/>
    <mergeCell ref="T2270:W2271"/>
    <mergeCell ref="X2270:AA2271"/>
    <mergeCell ref="A2272:C2273"/>
    <mergeCell ref="D2272:O2273"/>
    <mergeCell ref="P2272:S2273"/>
    <mergeCell ref="T2272:W2273"/>
    <mergeCell ref="X2272:AA2273"/>
    <mergeCell ref="A2274:C2275"/>
    <mergeCell ref="D2274:O2275"/>
    <mergeCell ref="P2274:S2275"/>
    <mergeCell ref="T2274:W2275"/>
    <mergeCell ref="X2274:AA2275"/>
    <mergeCell ref="A2276:C2277"/>
    <mergeCell ref="D2276:O2277"/>
    <mergeCell ref="P2276:S2277"/>
    <mergeCell ref="T2276:W2277"/>
    <mergeCell ref="X2276:AA2277"/>
    <mergeCell ref="A2278:C2279"/>
    <mergeCell ref="D2278:O2279"/>
    <mergeCell ref="P2278:S2279"/>
    <mergeCell ref="T2278:W2279"/>
    <mergeCell ref="X2278:AA2279"/>
    <mergeCell ref="A2280:C2281"/>
    <mergeCell ref="D2280:O2281"/>
    <mergeCell ref="P2280:S2281"/>
    <mergeCell ref="T2280:W2281"/>
    <mergeCell ref="X2280:AA2281"/>
    <mergeCell ref="A2248:C2249"/>
    <mergeCell ref="D2248:O2249"/>
    <mergeCell ref="P2248:S2249"/>
    <mergeCell ref="T2248:W2249"/>
    <mergeCell ref="X2248:AA2249"/>
    <mergeCell ref="A2250:C2251"/>
    <mergeCell ref="D2250:O2251"/>
    <mergeCell ref="P2250:S2251"/>
    <mergeCell ref="T2250:W2251"/>
    <mergeCell ref="X2250:AA2251"/>
    <mergeCell ref="A2252:C2253"/>
    <mergeCell ref="D2252:O2253"/>
    <mergeCell ref="P2252:S2253"/>
    <mergeCell ref="T2252:W2253"/>
    <mergeCell ref="X2252:AA2253"/>
    <mergeCell ref="A2254:AA2255"/>
    <mergeCell ref="A2256:AA2257"/>
    <mergeCell ref="A2258:C2259"/>
    <mergeCell ref="D2258:O2259"/>
    <mergeCell ref="P2258:S2259"/>
    <mergeCell ref="T2258:W2259"/>
    <mergeCell ref="X2258:AA2259"/>
    <mergeCell ref="A2260:AA2261"/>
    <mergeCell ref="A2262:AA2263"/>
    <mergeCell ref="A2264:C2265"/>
    <mergeCell ref="D2264:O2265"/>
    <mergeCell ref="P2264:S2265"/>
    <mergeCell ref="T2264:W2265"/>
    <mergeCell ref="X2264:AA2265"/>
    <mergeCell ref="A2266:C2267"/>
    <mergeCell ref="D2266:O2267"/>
    <mergeCell ref="P2266:S2267"/>
    <mergeCell ref="T2266:W2267"/>
    <mergeCell ref="X2266:AA2267"/>
    <mergeCell ref="A2230:AA2231"/>
    <mergeCell ref="A2232:C2233"/>
    <mergeCell ref="D2232:O2233"/>
    <mergeCell ref="P2232:S2233"/>
    <mergeCell ref="T2232:W2233"/>
    <mergeCell ref="X2232:AA2233"/>
    <mergeCell ref="A2234:C2235"/>
    <mergeCell ref="D2234:O2235"/>
    <mergeCell ref="P2234:S2235"/>
    <mergeCell ref="T2234:W2235"/>
    <mergeCell ref="X2234:AA2235"/>
    <mergeCell ref="A2236:C2237"/>
    <mergeCell ref="D2236:O2237"/>
    <mergeCell ref="P2236:S2237"/>
    <mergeCell ref="T2236:W2237"/>
    <mergeCell ref="X2236:AA2237"/>
    <mergeCell ref="A2238:AA2239"/>
    <mergeCell ref="A2240:C2241"/>
    <mergeCell ref="D2240:O2241"/>
    <mergeCell ref="P2240:S2241"/>
    <mergeCell ref="T2240:W2241"/>
    <mergeCell ref="X2240:AA2241"/>
    <mergeCell ref="A2242:AA2243"/>
    <mergeCell ref="A2244:C2245"/>
    <mergeCell ref="D2244:O2245"/>
    <mergeCell ref="P2244:S2245"/>
    <mergeCell ref="T2244:W2245"/>
    <mergeCell ref="X2244:AA2245"/>
    <mergeCell ref="A2246:C2247"/>
    <mergeCell ref="D2246:O2247"/>
    <mergeCell ref="P2246:S2247"/>
    <mergeCell ref="T2246:W2247"/>
    <mergeCell ref="X2246:AA2247"/>
    <mergeCell ref="A2212:C2213"/>
    <mergeCell ref="D2212:O2213"/>
    <mergeCell ref="P2212:S2213"/>
    <mergeCell ref="T2212:W2213"/>
    <mergeCell ref="X2212:AA2213"/>
    <mergeCell ref="A2214:C2215"/>
    <mergeCell ref="D2214:O2215"/>
    <mergeCell ref="P2214:S2215"/>
    <mergeCell ref="T2214:W2215"/>
    <mergeCell ref="X2214:AA2215"/>
    <mergeCell ref="A2216:AA2217"/>
    <mergeCell ref="A2218:C2219"/>
    <mergeCell ref="D2218:O2219"/>
    <mergeCell ref="P2218:S2219"/>
    <mergeCell ref="T2218:W2219"/>
    <mergeCell ref="X2218:AA2219"/>
    <mergeCell ref="A2220:AA2221"/>
    <mergeCell ref="A2222:C2223"/>
    <mergeCell ref="D2222:O2223"/>
    <mergeCell ref="P2222:S2223"/>
    <mergeCell ref="T2222:W2223"/>
    <mergeCell ref="X2222:AA2223"/>
    <mergeCell ref="A2224:AA2225"/>
    <mergeCell ref="A2226:C2227"/>
    <mergeCell ref="D2226:O2227"/>
    <mergeCell ref="P2226:S2227"/>
    <mergeCell ref="T2226:W2227"/>
    <mergeCell ref="X2226:AA2227"/>
    <mergeCell ref="A2228:C2229"/>
    <mergeCell ref="D2228:O2229"/>
    <mergeCell ref="P2228:S2229"/>
    <mergeCell ref="T2228:W2229"/>
    <mergeCell ref="X2228:AA2229"/>
    <mergeCell ref="A2190:C2191"/>
    <mergeCell ref="D2190:O2191"/>
    <mergeCell ref="P2190:S2191"/>
    <mergeCell ref="T2190:W2191"/>
    <mergeCell ref="X2190:AA2191"/>
    <mergeCell ref="A2192:AA2193"/>
    <mergeCell ref="A2194:AA2195"/>
    <mergeCell ref="A2196:AA2197"/>
    <mergeCell ref="A2198:C2199"/>
    <mergeCell ref="D2198:O2199"/>
    <mergeCell ref="P2198:S2199"/>
    <mergeCell ref="T2198:W2199"/>
    <mergeCell ref="X2198:AA2199"/>
    <mergeCell ref="A2200:AA2201"/>
    <mergeCell ref="A2202:AA2203"/>
    <mergeCell ref="A2204:C2205"/>
    <mergeCell ref="D2204:O2205"/>
    <mergeCell ref="P2204:S2205"/>
    <mergeCell ref="T2204:W2205"/>
    <mergeCell ref="X2204:AA2205"/>
    <mergeCell ref="A2206:C2207"/>
    <mergeCell ref="D2206:O2207"/>
    <mergeCell ref="P2206:S2207"/>
    <mergeCell ref="T2206:W2207"/>
    <mergeCell ref="X2206:AA2207"/>
    <mergeCell ref="A2208:C2209"/>
    <mergeCell ref="D2208:O2209"/>
    <mergeCell ref="P2208:S2209"/>
    <mergeCell ref="T2208:W2209"/>
    <mergeCell ref="X2208:AA2209"/>
    <mergeCell ref="A2210:C2211"/>
    <mergeCell ref="D2210:O2211"/>
    <mergeCell ref="P2210:S2211"/>
    <mergeCell ref="T2210:W2211"/>
    <mergeCell ref="X2210:AA2211"/>
    <mergeCell ref="A2176:C2177"/>
    <mergeCell ref="D2176:O2177"/>
    <mergeCell ref="P2176:S2177"/>
    <mergeCell ref="T2176:W2177"/>
    <mergeCell ref="X2176:AA2177"/>
    <mergeCell ref="A2178:C2179"/>
    <mergeCell ref="D2178:O2179"/>
    <mergeCell ref="P2178:S2179"/>
    <mergeCell ref="T2178:W2179"/>
    <mergeCell ref="X2178:AA2179"/>
    <mergeCell ref="A2180:C2181"/>
    <mergeCell ref="D2180:O2181"/>
    <mergeCell ref="P2180:S2181"/>
    <mergeCell ref="T2180:W2181"/>
    <mergeCell ref="X2180:AA2181"/>
    <mergeCell ref="A2182:C2183"/>
    <mergeCell ref="D2182:O2183"/>
    <mergeCell ref="P2182:S2183"/>
    <mergeCell ref="T2182:W2183"/>
    <mergeCell ref="X2182:AA2183"/>
    <mergeCell ref="A2184:C2185"/>
    <mergeCell ref="D2184:O2185"/>
    <mergeCell ref="P2184:S2185"/>
    <mergeCell ref="T2184:W2185"/>
    <mergeCell ref="X2184:AA2185"/>
    <mergeCell ref="A2186:C2187"/>
    <mergeCell ref="D2186:O2187"/>
    <mergeCell ref="P2186:S2187"/>
    <mergeCell ref="T2186:W2187"/>
    <mergeCell ref="X2186:AA2187"/>
    <mergeCell ref="A2188:C2189"/>
    <mergeCell ref="D2188:O2189"/>
    <mergeCell ref="P2188:S2189"/>
    <mergeCell ref="T2188:W2189"/>
    <mergeCell ref="X2188:AA2189"/>
    <mergeCell ref="A2160:C2161"/>
    <mergeCell ref="D2160:O2161"/>
    <mergeCell ref="P2160:S2161"/>
    <mergeCell ref="T2160:W2161"/>
    <mergeCell ref="X2160:AA2161"/>
    <mergeCell ref="A2162:C2163"/>
    <mergeCell ref="D2162:O2163"/>
    <mergeCell ref="P2162:S2163"/>
    <mergeCell ref="T2162:W2163"/>
    <mergeCell ref="X2162:AA2163"/>
    <mergeCell ref="A2164:C2165"/>
    <mergeCell ref="D2164:O2165"/>
    <mergeCell ref="P2164:S2165"/>
    <mergeCell ref="T2164:W2165"/>
    <mergeCell ref="X2164:AA2165"/>
    <mergeCell ref="A2166:C2167"/>
    <mergeCell ref="D2166:O2167"/>
    <mergeCell ref="P2166:S2167"/>
    <mergeCell ref="T2166:W2167"/>
    <mergeCell ref="X2166:AA2167"/>
    <mergeCell ref="A2168:C2169"/>
    <mergeCell ref="D2168:O2169"/>
    <mergeCell ref="P2168:S2169"/>
    <mergeCell ref="T2168:W2169"/>
    <mergeCell ref="X2168:AA2169"/>
    <mergeCell ref="A2170:C2171"/>
    <mergeCell ref="D2170:O2171"/>
    <mergeCell ref="P2170:S2171"/>
    <mergeCell ref="T2170:W2171"/>
    <mergeCell ref="X2170:AA2171"/>
    <mergeCell ref="A2172:AA2173"/>
    <mergeCell ref="A2174:C2175"/>
    <mergeCell ref="D2174:O2175"/>
    <mergeCell ref="P2174:S2175"/>
    <mergeCell ref="T2174:W2175"/>
    <mergeCell ref="X2174:AA2175"/>
    <mergeCell ref="A2144:C2145"/>
    <mergeCell ref="D2144:O2145"/>
    <mergeCell ref="P2144:S2145"/>
    <mergeCell ref="T2144:W2145"/>
    <mergeCell ref="X2144:AA2145"/>
    <mergeCell ref="A2146:C2147"/>
    <mergeCell ref="D2146:O2147"/>
    <mergeCell ref="P2146:S2147"/>
    <mergeCell ref="T2146:W2147"/>
    <mergeCell ref="X2146:AA2147"/>
    <mergeCell ref="A2148:C2149"/>
    <mergeCell ref="D2148:O2149"/>
    <mergeCell ref="P2148:S2149"/>
    <mergeCell ref="T2148:W2149"/>
    <mergeCell ref="X2148:AA2149"/>
    <mergeCell ref="A2150:C2151"/>
    <mergeCell ref="D2150:O2151"/>
    <mergeCell ref="P2150:S2151"/>
    <mergeCell ref="T2150:W2151"/>
    <mergeCell ref="X2150:AA2151"/>
    <mergeCell ref="A2152:AA2153"/>
    <mergeCell ref="A2154:C2155"/>
    <mergeCell ref="D2154:O2155"/>
    <mergeCell ref="P2154:S2155"/>
    <mergeCell ref="T2154:W2155"/>
    <mergeCell ref="X2154:AA2155"/>
    <mergeCell ref="A2156:C2157"/>
    <mergeCell ref="D2156:O2157"/>
    <mergeCell ref="P2156:S2157"/>
    <mergeCell ref="T2156:W2157"/>
    <mergeCell ref="X2156:AA2157"/>
    <mergeCell ref="A2158:C2159"/>
    <mergeCell ref="D2158:O2159"/>
    <mergeCell ref="P2158:S2159"/>
    <mergeCell ref="T2158:W2159"/>
    <mergeCell ref="X2158:AA2159"/>
    <mergeCell ref="A2130:C2131"/>
    <mergeCell ref="D2130:O2131"/>
    <mergeCell ref="P2130:S2131"/>
    <mergeCell ref="T2130:W2131"/>
    <mergeCell ref="X2130:AA2131"/>
    <mergeCell ref="A2132:C2133"/>
    <mergeCell ref="D2132:O2133"/>
    <mergeCell ref="P2132:S2133"/>
    <mergeCell ref="T2132:W2133"/>
    <mergeCell ref="X2132:AA2133"/>
    <mergeCell ref="A2134:C2135"/>
    <mergeCell ref="D2134:O2135"/>
    <mergeCell ref="P2134:S2135"/>
    <mergeCell ref="T2134:W2135"/>
    <mergeCell ref="X2134:AA2135"/>
    <mergeCell ref="A2136:C2137"/>
    <mergeCell ref="D2136:O2137"/>
    <mergeCell ref="P2136:S2137"/>
    <mergeCell ref="T2136:W2137"/>
    <mergeCell ref="X2136:AA2137"/>
    <mergeCell ref="A2138:C2139"/>
    <mergeCell ref="D2138:O2139"/>
    <mergeCell ref="P2138:S2139"/>
    <mergeCell ref="T2138:W2139"/>
    <mergeCell ref="X2138:AA2139"/>
    <mergeCell ref="A2140:C2141"/>
    <mergeCell ref="D2140:O2141"/>
    <mergeCell ref="P2140:S2141"/>
    <mergeCell ref="T2140:W2141"/>
    <mergeCell ref="X2140:AA2141"/>
    <mergeCell ref="A2142:C2143"/>
    <mergeCell ref="D2142:O2143"/>
    <mergeCell ref="P2142:S2143"/>
    <mergeCell ref="T2142:W2143"/>
    <mergeCell ref="X2142:AA2143"/>
    <mergeCell ref="A2114:AA2115"/>
    <mergeCell ref="A2116:C2117"/>
    <mergeCell ref="D2116:O2117"/>
    <mergeCell ref="P2116:S2117"/>
    <mergeCell ref="T2116:W2117"/>
    <mergeCell ref="X2116:AA2117"/>
    <mergeCell ref="A2118:C2119"/>
    <mergeCell ref="D2118:O2119"/>
    <mergeCell ref="P2118:S2119"/>
    <mergeCell ref="T2118:W2119"/>
    <mergeCell ref="X2118:AA2119"/>
    <mergeCell ref="A2120:C2121"/>
    <mergeCell ref="D2120:O2121"/>
    <mergeCell ref="P2120:S2121"/>
    <mergeCell ref="T2120:W2121"/>
    <mergeCell ref="X2120:AA2121"/>
    <mergeCell ref="A2122:C2123"/>
    <mergeCell ref="D2122:O2123"/>
    <mergeCell ref="P2122:S2123"/>
    <mergeCell ref="T2122:W2123"/>
    <mergeCell ref="X2122:AA2123"/>
    <mergeCell ref="A2124:C2125"/>
    <mergeCell ref="D2124:O2125"/>
    <mergeCell ref="P2124:S2125"/>
    <mergeCell ref="T2124:W2125"/>
    <mergeCell ref="X2124:AA2125"/>
    <mergeCell ref="A2126:C2127"/>
    <mergeCell ref="D2126:O2127"/>
    <mergeCell ref="P2126:S2127"/>
    <mergeCell ref="T2126:W2127"/>
    <mergeCell ref="X2126:AA2127"/>
    <mergeCell ref="A2128:C2129"/>
    <mergeCell ref="D2128:O2129"/>
    <mergeCell ref="P2128:S2129"/>
    <mergeCell ref="T2128:W2129"/>
    <mergeCell ref="X2128:AA2129"/>
    <mergeCell ref="A2098:C2099"/>
    <mergeCell ref="D2098:O2099"/>
    <mergeCell ref="P2098:S2099"/>
    <mergeCell ref="T2098:W2099"/>
    <mergeCell ref="X2098:AA2099"/>
    <mergeCell ref="A2100:C2101"/>
    <mergeCell ref="D2100:O2101"/>
    <mergeCell ref="P2100:S2101"/>
    <mergeCell ref="T2100:W2101"/>
    <mergeCell ref="X2100:AA2101"/>
    <mergeCell ref="A2102:C2103"/>
    <mergeCell ref="D2102:O2103"/>
    <mergeCell ref="P2102:S2103"/>
    <mergeCell ref="T2102:W2103"/>
    <mergeCell ref="X2102:AA2103"/>
    <mergeCell ref="A2104:C2105"/>
    <mergeCell ref="D2104:O2105"/>
    <mergeCell ref="P2104:S2105"/>
    <mergeCell ref="T2104:W2105"/>
    <mergeCell ref="X2104:AA2105"/>
    <mergeCell ref="A2106:C2107"/>
    <mergeCell ref="D2106:O2107"/>
    <mergeCell ref="P2106:S2107"/>
    <mergeCell ref="T2106:W2107"/>
    <mergeCell ref="X2106:AA2107"/>
    <mergeCell ref="A2108:C2109"/>
    <mergeCell ref="D2108:O2109"/>
    <mergeCell ref="P2108:S2109"/>
    <mergeCell ref="T2108:W2109"/>
    <mergeCell ref="X2108:AA2109"/>
    <mergeCell ref="A2110:AA2111"/>
    <mergeCell ref="A2112:C2113"/>
    <mergeCell ref="D2112:O2113"/>
    <mergeCell ref="P2112:S2113"/>
    <mergeCell ref="T2112:W2113"/>
    <mergeCell ref="X2112:AA2113"/>
    <mergeCell ref="A2084:C2085"/>
    <mergeCell ref="D2084:O2085"/>
    <mergeCell ref="P2084:S2085"/>
    <mergeCell ref="T2084:W2085"/>
    <mergeCell ref="X2084:AA2085"/>
    <mergeCell ref="A2086:C2087"/>
    <mergeCell ref="D2086:O2087"/>
    <mergeCell ref="P2086:S2087"/>
    <mergeCell ref="T2086:W2087"/>
    <mergeCell ref="X2086:AA2087"/>
    <mergeCell ref="A2088:C2089"/>
    <mergeCell ref="D2088:O2089"/>
    <mergeCell ref="P2088:S2089"/>
    <mergeCell ref="T2088:W2089"/>
    <mergeCell ref="X2088:AA2089"/>
    <mergeCell ref="A2090:C2091"/>
    <mergeCell ref="D2090:O2091"/>
    <mergeCell ref="P2090:S2091"/>
    <mergeCell ref="T2090:W2091"/>
    <mergeCell ref="X2090:AA2091"/>
    <mergeCell ref="A2092:C2093"/>
    <mergeCell ref="D2092:O2093"/>
    <mergeCell ref="P2092:S2093"/>
    <mergeCell ref="T2092:W2093"/>
    <mergeCell ref="X2092:AA2093"/>
    <mergeCell ref="A2094:C2095"/>
    <mergeCell ref="D2094:O2095"/>
    <mergeCell ref="P2094:S2095"/>
    <mergeCell ref="T2094:W2095"/>
    <mergeCell ref="X2094:AA2095"/>
    <mergeCell ref="A2096:C2097"/>
    <mergeCell ref="D2096:O2097"/>
    <mergeCell ref="P2096:S2097"/>
    <mergeCell ref="T2096:W2097"/>
    <mergeCell ref="X2096:AA2097"/>
    <mergeCell ref="A2070:C2071"/>
    <mergeCell ref="D2070:O2071"/>
    <mergeCell ref="P2070:S2071"/>
    <mergeCell ref="T2070:W2071"/>
    <mergeCell ref="X2070:AA2071"/>
    <mergeCell ref="A2072:C2073"/>
    <mergeCell ref="D2072:O2073"/>
    <mergeCell ref="P2072:S2073"/>
    <mergeCell ref="T2072:W2073"/>
    <mergeCell ref="X2072:AA2073"/>
    <mergeCell ref="A2074:C2075"/>
    <mergeCell ref="D2074:O2075"/>
    <mergeCell ref="P2074:S2075"/>
    <mergeCell ref="T2074:W2075"/>
    <mergeCell ref="X2074:AA2075"/>
    <mergeCell ref="A2076:C2077"/>
    <mergeCell ref="D2076:O2077"/>
    <mergeCell ref="P2076:S2077"/>
    <mergeCell ref="T2076:W2077"/>
    <mergeCell ref="X2076:AA2077"/>
    <mergeCell ref="A2078:C2079"/>
    <mergeCell ref="D2078:O2079"/>
    <mergeCell ref="P2078:S2079"/>
    <mergeCell ref="T2078:W2079"/>
    <mergeCell ref="X2078:AA2079"/>
    <mergeCell ref="A2080:C2081"/>
    <mergeCell ref="D2080:O2081"/>
    <mergeCell ref="P2080:S2081"/>
    <mergeCell ref="T2080:W2081"/>
    <mergeCell ref="X2080:AA2081"/>
    <mergeCell ref="A2082:C2083"/>
    <mergeCell ref="D2082:O2083"/>
    <mergeCell ref="P2082:S2083"/>
    <mergeCell ref="T2082:W2083"/>
    <mergeCell ref="X2082:AA2083"/>
    <mergeCell ref="A2056:C2057"/>
    <mergeCell ref="D2056:O2057"/>
    <mergeCell ref="P2056:S2057"/>
    <mergeCell ref="T2056:W2057"/>
    <mergeCell ref="X2056:AA2057"/>
    <mergeCell ref="A2058:C2059"/>
    <mergeCell ref="D2058:O2059"/>
    <mergeCell ref="P2058:S2059"/>
    <mergeCell ref="T2058:W2059"/>
    <mergeCell ref="X2058:AA2059"/>
    <mergeCell ref="A2060:C2061"/>
    <mergeCell ref="D2060:O2061"/>
    <mergeCell ref="P2060:S2061"/>
    <mergeCell ref="T2060:W2061"/>
    <mergeCell ref="X2060:AA2061"/>
    <mergeCell ref="A2062:C2063"/>
    <mergeCell ref="D2062:O2063"/>
    <mergeCell ref="P2062:S2063"/>
    <mergeCell ref="T2062:W2063"/>
    <mergeCell ref="X2062:AA2063"/>
    <mergeCell ref="A2064:C2065"/>
    <mergeCell ref="D2064:O2065"/>
    <mergeCell ref="P2064:S2065"/>
    <mergeCell ref="T2064:W2065"/>
    <mergeCell ref="X2064:AA2065"/>
    <mergeCell ref="A2066:C2067"/>
    <mergeCell ref="D2066:O2067"/>
    <mergeCell ref="P2066:S2067"/>
    <mergeCell ref="T2066:W2067"/>
    <mergeCell ref="X2066:AA2067"/>
    <mergeCell ref="A2068:C2069"/>
    <mergeCell ref="D2068:O2069"/>
    <mergeCell ref="P2068:S2069"/>
    <mergeCell ref="T2068:W2069"/>
    <mergeCell ref="X2068:AA2069"/>
    <mergeCell ref="A2042:C2043"/>
    <mergeCell ref="D2042:O2043"/>
    <mergeCell ref="P2042:S2043"/>
    <mergeCell ref="T2042:W2043"/>
    <mergeCell ref="X2042:AA2043"/>
    <mergeCell ref="A2044:C2045"/>
    <mergeCell ref="D2044:O2045"/>
    <mergeCell ref="P2044:S2045"/>
    <mergeCell ref="T2044:W2045"/>
    <mergeCell ref="X2044:AA2045"/>
    <mergeCell ref="A2046:C2047"/>
    <mergeCell ref="D2046:O2047"/>
    <mergeCell ref="P2046:S2047"/>
    <mergeCell ref="T2046:W2047"/>
    <mergeCell ref="X2046:AA2047"/>
    <mergeCell ref="A2048:C2049"/>
    <mergeCell ref="D2048:O2049"/>
    <mergeCell ref="P2048:S2049"/>
    <mergeCell ref="T2048:W2049"/>
    <mergeCell ref="X2048:AA2049"/>
    <mergeCell ref="A2050:C2051"/>
    <mergeCell ref="D2050:O2051"/>
    <mergeCell ref="P2050:S2051"/>
    <mergeCell ref="T2050:W2051"/>
    <mergeCell ref="X2050:AA2051"/>
    <mergeCell ref="A2052:C2053"/>
    <mergeCell ref="D2052:O2053"/>
    <mergeCell ref="P2052:S2053"/>
    <mergeCell ref="T2052:W2053"/>
    <mergeCell ref="X2052:AA2053"/>
    <mergeCell ref="A2054:C2055"/>
    <mergeCell ref="D2054:O2055"/>
    <mergeCell ref="P2054:S2055"/>
    <mergeCell ref="T2054:W2055"/>
    <mergeCell ref="X2054:AA2055"/>
    <mergeCell ref="A2026:C2027"/>
    <mergeCell ref="D2026:O2027"/>
    <mergeCell ref="P2026:S2027"/>
    <mergeCell ref="T2026:W2027"/>
    <mergeCell ref="X2026:AA2027"/>
    <mergeCell ref="A2028:C2029"/>
    <mergeCell ref="D2028:O2029"/>
    <mergeCell ref="P2028:S2029"/>
    <mergeCell ref="T2028:W2029"/>
    <mergeCell ref="X2028:AA2029"/>
    <mergeCell ref="A2030:C2031"/>
    <mergeCell ref="D2030:O2031"/>
    <mergeCell ref="P2030:S2031"/>
    <mergeCell ref="T2030:W2031"/>
    <mergeCell ref="X2030:AA2031"/>
    <mergeCell ref="A2032:C2033"/>
    <mergeCell ref="D2032:O2033"/>
    <mergeCell ref="P2032:S2033"/>
    <mergeCell ref="T2032:W2033"/>
    <mergeCell ref="X2032:AA2033"/>
    <mergeCell ref="A2034:C2035"/>
    <mergeCell ref="D2034:O2035"/>
    <mergeCell ref="P2034:S2035"/>
    <mergeCell ref="T2034:W2035"/>
    <mergeCell ref="X2034:AA2035"/>
    <mergeCell ref="A2036:C2037"/>
    <mergeCell ref="D2036:O2037"/>
    <mergeCell ref="P2036:S2037"/>
    <mergeCell ref="T2036:W2037"/>
    <mergeCell ref="X2036:AA2037"/>
    <mergeCell ref="A2038:AA2039"/>
    <mergeCell ref="A2040:C2041"/>
    <mergeCell ref="D2040:O2041"/>
    <mergeCell ref="P2040:S2041"/>
    <mergeCell ref="T2040:W2041"/>
    <mergeCell ref="X2040:AA2041"/>
    <mergeCell ref="A2012:C2013"/>
    <mergeCell ref="D2012:O2013"/>
    <mergeCell ref="P2012:S2013"/>
    <mergeCell ref="T2012:W2013"/>
    <mergeCell ref="X2012:AA2013"/>
    <mergeCell ref="A2014:C2015"/>
    <mergeCell ref="D2014:O2015"/>
    <mergeCell ref="P2014:S2015"/>
    <mergeCell ref="T2014:W2015"/>
    <mergeCell ref="X2014:AA2015"/>
    <mergeCell ref="A2016:C2017"/>
    <mergeCell ref="D2016:O2017"/>
    <mergeCell ref="P2016:S2017"/>
    <mergeCell ref="T2016:W2017"/>
    <mergeCell ref="X2016:AA2017"/>
    <mergeCell ref="A2018:C2019"/>
    <mergeCell ref="D2018:O2019"/>
    <mergeCell ref="P2018:S2019"/>
    <mergeCell ref="T2018:W2019"/>
    <mergeCell ref="X2018:AA2019"/>
    <mergeCell ref="A2020:C2021"/>
    <mergeCell ref="D2020:O2021"/>
    <mergeCell ref="P2020:S2021"/>
    <mergeCell ref="T2020:W2021"/>
    <mergeCell ref="X2020:AA2021"/>
    <mergeCell ref="A2022:C2023"/>
    <mergeCell ref="D2022:O2023"/>
    <mergeCell ref="P2022:S2023"/>
    <mergeCell ref="T2022:W2023"/>
    <mergeCell ref="X2022:AA2023"/>
    <mergeCell ref="A2024:C2025"/>
    <mergeCell ref="D2024:O2025"/>
    <mergeCell ref="P2024:S2025"/>
    <mergeCell ref="T2024:W2025"/>
    <mergeCell ref="X2024:AA2025"/>
    <mergeCell ref="A1998:C1999"/>
    <mergeCell ref="D1998:O1999"/>
    <mergeCell ref="P1998:S1999"/>
    <mergeCell ref="T1998:W1999"/>
    <mergeCell ref="X1998:AA1999"/>
    <mergeCell ref="A2000:C2001"/>
    <mergeCell ref="D2000:O2001"/>
    <mergeCell ref="P2000:S2001"/>
    <mergeCell ref="T2000:W2001"/>
    <mergeCell ref="X2000:AA2001"/>
    <mergeCell ref="A2002:C2003"/>
    <mergeCell ref="D2002:O2003"/>
    <mergeCell ref="P2002:S2003"/>
    <mergeCell ref="T2002:W2003"/>
    <mergeCell ref="X2002:AA2003"/>
    <mergeCell ref="A2004:C2005"/>
    <mergeCell ref="D2004:O2005"/>
    <mergeCell ref="P2004:S2005"/>
    <mergeCell ref="T2004:W2005"/>
    <mergeCell ref="X2004:AA2005"/>
    <mergeCell ref="A2006:C2007"/>
    <mergeCell ref="D2006:O2007"/>
    <mergeCell ref="P2006:S2007"/>
    <mergeCell ref="T2006:W2007"/>
    <mergeCell ref="X2006:AA2007"/>
    <mergeCell ref="A2008:C2009"/>
    <mergeCell ref="D2008:O2009"/>
    <mergeCell ref="P2008:S2009"/>
    <mergeCell ref="T2008:W2009"/>
    <mergeCell ref="X2008:AA2009"/>
    <mergeCell ref="A2010:C2011"/>
    <mergeCell ref="D2010:O2011"/>
    <mergeCell ref="P2010:S2011"/>
    <mergeCell ref="T2010:W2011"/>
    <mergeCell ref="X2010:AA2011"/>
    <mergeCell ref="A1984:C1985"/>
    <mergeCell ref="D1984:O1985"/>
    <mergeCell ref="P1984:S1985"/>
    <mergeCell ref="T1984:W1985"/>
    <mergeCell ref="X1984:AA1985"/>
    <mergeCell ref="A1986:C1987"/>
    <mergeCell ref="D1986:O1987"/>
    <mergeCell ref="P1986:S1987"/>
    <mergeCell ref="T1986:W1987"/>
    <mergeCell ref="X1986:AA1987"/>
    <mergeCell ref="A1988:C1989"/>
    <mergeCell ref="D1988:O1989"/>
    <mergeCell ref="P1988:S1989"/>
    <mergeCell ref="T1988:W1989"/>
    <mergeCell ref="X1988:AA1989"/>
    <mergeCell ref="A1990:C1991"/>
    <mergeCell ref="D1990:O1991"/>
    <mergeCell ref="P1990:S1991"/>
    <mergeCell ref="T1990:W1991"/>
    <mergeCell ref="X1990:AA1991"/>
    <mergeCell ref="A1992:C1993"/>
    <mergeCell ref="D1992:O1993"/>
    <mergeCell ref="P1992:S1993"/>
    <mergeCell ref="T1992:W1993"/>
    <mergeCell ref="X1992:AA1993"/>
    <mergeCell ref="A1994:C1995"/>
    <mergeCell ref="D1994:O1995"/>
    <mergeCell ref="P1994:S1995"/>
    <mergeCell ref="T1994:W1995"/>
    <mergeCell ref="X1994:AA1995"/>
    <mergeCell ref="A1996:C1997"/>
    <mergeCell ref="D1996:O1997"/>
    <mergeCell ref="P1996:S1997"/>
    <mergeCell ref="T1996:W1997"/>
    <mergeCell ref="X1996:AA1997"/>
    <mergeCell ref="A1968:C1969"/>
    <mergeCell ref="D1968:O1969"/>
    <mergeCell ref="P1968:S1969"/>
    <mergeCell ref="T1968:W1969"/>
    <mergeCell ref="X1968:AA1969"/>
    <mergeCell ref="A1970:C1971"/>
    <mergeCell ref="D1970:O1971"/>
    <mergeCell ref="P1970:S1971"/>
    <mergeCell ref="T1970:W1971"/>
    <mergeCell ref="X1970:AA1971"/>
    <mergeCell ref="A1972:AA1973"/>
    <mergeCell ref="A1974:C1975"/>
    <mergeCell ref="D1974:O1975"/>
    <mergeCell ref="P1974:S1975"/>
    <mergeCell ref="T1974:W1975"/>
    <mergeCell ref="X1974:AA1975"/>
    <mergeCell ref="A1976:C1977"/>
    <mergeCell ref="D1976:O1977"/>
    <mergeCell ref="P1976:S1977"/>
    <mergeCell ref="T1976:W1977"/>
    <mergeCell ref="X1976:AA1977"/>
    <mergeCell ref="A1978:C1979"/>
    <mergeCell ref="D1978:O1979"/>
    <mergeCell ref="P1978:S1979"/>
    <mergeCell ref="T1978:W1979"/>
    <mergeCell ref="X1978:AA1979"/>
    <mergeCell ref="A1980:C1981"/>
    <mergeCell ref="D1980:O1981"/>
    <mergeCell ref="P1980:S1981"/>
    <mergeCell ref="T1980:W1981"/>
    <mergeCell ref="X1980:AA1981"/>
    <mergeCell ref="A1982:C1983"/>
    <mergeCell ref="D1982:O1983"/>
    <mergeCell ref="P1982:S1983"/>
    <mergeCell ref="T1982:W1983"/>
    <mergeCell ref="X1982:AA1983"/>
    <mergeCell ref="A1954:C1955"/>
    <mergeCell ref="D1954:O1955"/>
    <mergeCell ref="P1954:S1955"/>
    <mergeCell ref="T1954:W1955"/>
    <mergeCell ref="X1954:AA1955"/>
    <mergeCell ref="A1956:C1957"/>
    <mergeCell ref="D1956:O1957"/>
    <mergeCell ref="P1956:S1957"/>
    <mergeCell ref="T1956:W1957"/>
    <mergeCell ref="X1956:AA1957"/>
    <mergeCell ref="A1958:C1959"/>
    <mergeCell ref="D1958:O1959"/>
    <mergeCell ref="P1958:S1959"/>
    <mergeCell ref="T1958:W1959"/>
    <mergeCell ref="X1958:AA1959"/>
    <mergeCell ref="A1960:C1961"/>
    <mergeCell ref="D1960:O1961"/>
    <mergeCell ref="P1960:S1961"/>
    <mergeCell ref="T1960:W1961"/>
    <mergeCell ref="X1960:AA1961"/>
    <mergeCell ref="A1962:C1963"/>
    <mergeCell ref="D1962:O1963"/>
    <mergeCell ref="P1962:S1963"/>
    <mergeCell ref="T1962:W1963"/>
    <mergeCell ref="X1962:AA1963"/>
    <mergeCell ref="A1964:C1965"/>
    <mergeCell ref="D1964:O1965"/>
    <mergeCell ref="P1964:S1965"/>
    <mergeCell ref="T1964:W1965"/>
    <mergeCell ref="X1964:AA1965"/>
    <mergeCell ref="A1966:C1967"/>
    <mergeCell ref="D1966:O1967"/>
    <mergeCell ref="P1966:S1967"/>
    <mergeCell ref="T1966:W1967"/>
    <mergeCell ref="X1966:AA1967"/>
    <mergeCell ref="A1940:C1941"/>
    <mergeCell ref="D1940:O1941"/>
    <mergeCell ref="P1940:S1941"/>
    <mergeCell ref="T1940:W1941"/>
    <mergeCell ref="X1940:AA1941"/>
    <mergeCell ref="A1942:C1943"/>
    <mergeCell ref="D1942:O1943"/>
    <mergeCell ref="P1942:S1943"/>
    <mergeCell ref="T1942:W1943"/>
    <mergeCell ref="X1942:AA1943"/>
    <mergeCell ref="A1944:C1945"/>
    <mergeCell ref="D1944:O1945"/>
    <mergeCell ref="P1944:S1945"/>
    <mergeCell ref="T1944:W1945"/>
    <mergeCell ref="X1944:AA1945"/>
    <mergeCell ref="A1946:C1947"/>
    <mergeCell ref="D1946:O1947"/>
    <mergeCell ref="P1946:S1947"/>
    <mergeCell ref="T1946:W1947"/>
    <mergeCell ref="X1946:AA1947"/>
    <mergeCell ref="A1948:C1949"/>
    <mergeCell ref="D1948:O1949"/>
    <mergeCell ref="P1948:S1949"/>
    <mergeCell ref="T1948:W1949"/>
    <mergeCell ref="X1948:AA1949"/>
    <mergeCell ref="A1950:C1951"/>
    <mergeCell ref="D1950:O1951"/>
    <mergeCell ref="P1950:S1951"/>
    <mergeCell ref="T1950:W1951"/>
    <mergeCell ref="X1950:AA1951"/>
    <mergeCell ref="A1952:C1953"/>
    <mergeCell ref="D1952:O1953"/>
    <mergeCell ref="P1952:S1953"/>
    <mergeCell ref="T1952:W1953"/>
    <mergeCell ref="X1952:AA1953"/>
    <mergeCell ref="A1926:C1927"/>
    <mergeCell ref="D1926:O1927"/>
    <mergeCell ref="P1926:S1927"/>
    <mergeCell ref="T1926:W1927"/>
    <mergeCell ref="X1926:AA1927"/>
    <mergeCell ref="A1928:C1929"/>
    <mergeCell ref="D1928:O1929"/>
    <mergeCell ref="P1928:S1929"/>
    <mergeCell ref="T1928:W1929"/>
    <mergeCell ref="X1928:AA1929"/>
    <mergeCell ref="A1930:C1931"/>
    <mergeCell ref="D1930:O1931"/>
    <mergeCell ref="P1930:S1931"/>
    <mergeCell ref="T1930:W1931"/>
    <mergeCell ref="X1930:AA1931"/>
    <mergeCell ref="A1932:C1933"/>
    <mergeCell ref="D1932:O1933"/>
    <mergeCell ref="P1932:S1933"/>
    <mergeCell ref="T1932:W1933"/>
    <mergeCell ref="X1932:AA1933"/>
    <mergeCell ref="A1934:C1935"/>
    <mergeCell ref="D1934:O1935"/>
    <mergeCell ref="P1934:S1935"/>
    <mergeCell ref="T1934:W1935"/>
    <mergeCell ref="X1934:AA1935"/>
    <mergeCell ref="A1936:C1937"/>
    <mergeCell ref="D1936:O1937"/>
    <mergeCell ref="P1936:S1937"/>
    <mergeCell ref="T1936:W1937"/>
    <mergeCell ref="X1936:AA1937"/>
    <mergeCell ref="A1938:C1939"/>
    <mergeCell ref="D1938:O1939"/>
    <mergeCell ref="P1938:S1939"/>
    <mergeCell ref="T1938:W1939"/>
    <mergeCell ref="X1938:AA1939"/>
    <mergeCell ref="A1912:C1913"/>
    <mergeCell ref="D1912:O1913"/>
    <mergeCell ref="P1912:S1913"/>
    <mergeCell ref="T1912:W1913"/>
    <mergeCell ref="X1912:AA1913"/>
    <mergeCell ref="A1914:C1915"/>
    <mergeCell ref="D1914:O1915"/>
    <mergeCell ref="P1914:S1915"/>
    <mergeCell ref="T1914:W1915"/>
    <mergeCell ref="X1914:AA1915"/>
    <mergeCell ref="A1916:C1917"/>
    <mergeCell ref="D1916:O1917"/>
    <mergeCell ref="P1916:S1917"/>
    <mergeCell ref="T1916:W1917"/>
    <mergeCell ref="X1916:AA1917"/>
    <mergeCell ref="A1918:C1919"/>
    <mergeCell ref="D1918:O1919"/>
    <mergeCell ref="P1918:S1919"/>
    <mergeCell ref="T1918:W1919"/>
    <mergeCell ref="X1918:AA1919"/>
    <mergeCell ref="A1920:C1921"/>
    <mergeCell ref="D1920:O1921"/>
    <mergeCell ref="P1920:S1921"/>
    <mergeCell ref="T1920:W1921"/>
    <mergeCell ref="X1920:AA1921"/>
    <mergeCell ref="A1922:C1923"/>
    <mergeCell ref="D1922:O1923"/>
    <mergeCell ref="P1922:S1923"/>
    <mergeCell ref="T1922:W1923"/>
    <mergeCell ref="X1922:AA1923"/>
    <mergeCell ref="A1924:C1925"/>
    <mergeCell ref="D1924:O1925"/>
    <mergeCell ref="P1924:S1925"/>
    <mergeCell ref="T1924:W1925"/>
    <mergeCell ref="X1924:AA1925"/>
    <mergeCell ref="A1898:C1899"/>
    <mergeCell ref="D1898:O1899"/>
    <mergeCell ref="P1898:S1899"/>
    <mergeCell ref="T1898:W1899"/>
    <mergeCell ref="X1898:AA1899"/>
    <mergeCell ref="A1900:C1901"/>
    <mergeCell ref="D1900:O1901"/>
    <mergeCell ref="P1900:S1901"/>
    <mergeCell ref="T1900:W1901"/>
    <mergeCell ref="X1900:AA1901"/>
    <mergeCell ref="A1902:C1903"/>
    <mergeCell ref="D1902:O1903"/>
    <mergeCell ref="P1902:S1903"/>
    <mergeCell ref="T1902:W1903"/>
    <mergeCell ref="X1902:AA1903"/>
    <mergeCell ref="A1904:C1905"/>
    <mergeCell ref="D1904:O1905"/>
    <mergeCell ref="P1904:S1905"/>
    <mergeCell ref="T1904:W1905"/>
    <mergeCell ref="X1904:AA1905"/>
    <mergeCell ref="A1906:C1907"/>
    <mergeCell ref="D1906:O1907"/>
    <mergeCell ref="P1906:S1907"/>
    <mergeCell ref="T1906:W1907"/>
    <mergeCell ref="X1906:AA1907"/>
    <mergeCell ref="A1908:C1909"/>
    <mergeCell ref="D1908:O1909"/>
    <mergeCell ref="P1908:S1909"/>
    <mergeCell ref="T1908:W1909"/>
    <mergeCell ref="X1908:AA1909"/>
    <mergeCell ref="A1910:C1911"/>
    <mergeCell ref="D1910:O1911"/>
    <mergeCell ref="P1910:S1911"/>
    <mergeCell ref="T1910:W1911"/>
    <mergeCell ref="X1910:AA1911"/>
    <mergeCell ref="A1884:C1885"/>
    <mergeCell ref="D1884:O1885"/>
    <mergeCell ref="P1884:S1885"/>
    <mergeCell ref="T1884:W1885"/>
    <mergeCell ref="X1884:AA1885"/>
    <mergeCell ref="A1886:C1887"/>
    <mergeCell ref="D1886:O1887"/>
    <mergeCell ref="P1886:S1887"/>
    <mergeCell ref="T1886:W1887"/>
    <mergeCell ref="X1886:AA1887"/>
    <mergeCell ref="A1888:C1889"/>
    <mergeCell ref="D1888:O1889"/>
    <mergeCell ref="P1888:S1889"/>
    <mergeCell ref="T1888:W1889"/>
    <mergeCell ref="X1888:AA1889"/>
    <mergeCell ref="A1890:C1891"/>
    <mergeCell ref="D1890:O1891"/>
    <mergeCell ref="P1890:S1891"/>
    <mergeCell ref="T1890:W1891"/>
    <mergeCell ref="X1890:AA1891"/>
    <mergeCell ref="A1892:C1893"/>
    <mergeCell ref="D1892:O1893"/>
    <mergeCell ref="P1892:S1893"/>
    <mergeCell ref="T1892:W1893"/>
    <mergeCell ref="X1892:AA1893"/>
    <mergeCell ref="A1894:C1895"/>
    <mergeCell ref="D1894:O1895"/>
    <mergeCell ref="P1894:S1895"/>
    <mergeCell ref="T1894:W1895"/>
    <mergeCell ref="X1894:AA1895"/>
    <mergeCell ref="A1896:C1897"/>
    <mergeCell ref="D1896:O1897"/>
    <mergeCell ref="P1896:S1897"/>
    <mergeCell ref="T1896:W1897"/>
    <mergeCell ref="X1896:AA1897"/>
    <mergeCell ref="A1870:C1871"/>
    <mergeCell ref="D1870:O1871"/>
    <mergeCell ref="P1870:S1871"/>
    <mergeCell ref="T1870:W1871"/>
    <mergeCell ref="X1870:AA1871"/>
    <mergeCell ref="A1872:C1873"/>
    <mergeCell ref="D1872:O1873"/>
    <mergeCell ref="P1872:S1873"/>
    <mergeCell ref="T1872:W1873"/>
    <mergeCell ref="X1872:AA1873"/>
    <mergeCell ref="A1874:C1875"/>
    <mergeCell ref="D1874:O1875"/>
    <mergeCell ref="P1874:S1875"/>
    <mergeCell ref="T1874:W1875"/>
    <mergeCell ref="X1874:AA1875"/>
    <mergeCell ref="A1876:C1877"/>
    <mergeCell ref="D1876:O1877"/>
    <mergeCell ref="P1876:S1877"/>
    <mergeCell ref="T1876:W1877"/>
    <mergeCell ref="X1876:AA1877"/>
    <mergeCell ref="A1878:C1879"/>
    <mergeCell ref="D1878:O1879"/>
    <mergeCell ref="P1878:S1879"/>
    <mergeCell ref="T1878:W1879"/>
    <mergeCell ref="X1878:AA1879"/>
    <mergeCell ref="A1880:C1881"/>
    <mergeCell ref="D1880:O1881"/>
    <mergeCell ref="P1880:S1881"/>
    <mergeCell ref="T1880:W1881"/>
    <mergeCell ref="X1880:AA1881"/>
    <mergeCell ref="A1882:C1883"/>
    <mergeCell ref="D1882:O1883"/>
    <mergeCell ref="P1882:S1883"/>
    <mergeCell ref="T1882:W1883"/>
    <mergeCell ref="X1882:AA1883"/>
    <mergeCell ref="A1856:C1857"/>
    <mergeCell ref="D1856:O1857"/>
    <mergeCell ref="P1856:S1857"/>
    <mergeCell ref="T1856:W1857"/>
    <mergeCell ref="X1856:AA1857"/>
    <mergeCell ref="A1858:C1859"/>
    <mergeCell ref="D1858:O1859"/>
    <mergeCell ref="P1858:S1859"/>
    <mergeCell ref="T1858:W1859"/>
    <mergeCell ref="X1858:AA1859"/>
    <mergeCell ref="A1860:C1861"/>
    <mergeCell ref="D1860:O1861"/>
    <mergeCell ref="P1860:S1861"/>
    <mergeCell ref="T1860:W1861"/>
    <mergeCell ref="X1860:AA1861"/>
    <mergeCell ref="A1862:C1863"/>
    <mergeCell ref="D1862:O1863"/>
    <mergeCell ref="P1862:S1863"/>
    <mergeCell ref="T1862:W1863"/>
    <mergeCell ref="X1862:AA1863"/>
    <mergeCell ref="A1864:C1865"/>
    <mergeCell ref="D1864:O1865"/>
    <mergeCell ref="P1864:S1865"/>
    <mergeCell ref="T1864:W1865"/>
    <mergeCell ref="X1864:AA1865"/>
    <mergeCell ref="A1866:C1867"/>
    <mergeCell ref="D1866:O1867"/>
    <mergeCell ref="P1866:S1867"/>
    <mergeCell ref="T1866:W1867"/>
    <mergeCell ref="X1866:AA1867"/>
    <mergeCell ref="A1868:C1869"/>
    <mergeCell ref="D1868:O1869"/>
    <mergeCell ref="P1868:S1869"/>
    <mergeCell ref="T1868:W1869"/>
    <mergeCell ref="X1868:AA1869"/>
    <mergeCell ref="A1840:AA1841"/>
    <mergeCell ref="A1842:C1843"/>
    <mergeCell ref="D1842:O1843"/>
    <mergeCell ref="P1842:S1843"/>
    <mergeCell ref="T1842:W1843"/>
    <mergeCell ref="X1842:AA1843"/>
    <mergeCell ref="A1844:C1845"/>
    <mergeCell ref="D1844:O1845"/>
    <mergeCell ref="P1844:S1845"/>
    <mergeCell ref="T1844:W1845"/>
    <mergeCell ref="X1844:AA1845"/>
    <mergeCell ref="A1846:C1847"/>
    <mergeCell ref="D1846:O1847"/>
    <mergeCell ref="P1846:S1847"/>
    <mergeCell ref="T1846:W1847"/>
    <mergeCell ref="X1846:AA1847"/>
    <mergeCell ref="A1848:C1849"/>
    <mergeCell ref="D1848:O1849"/>
    <mergeCell ref="P1848:S1849"/>
    <mergeCell ref="T1848:W1849"/>
    <mergeCell ref="X1848:AA1849"/>
    <mergeCell ref="A1850:C1851"/>
    <mergeCell ref="D1850:O1851"/>
    <mergeCell ref="P1850:S1851"/>
    <mergeCell ref="T1850:W1851"/>
    <mergeCell ref="X1850:AA1851"/>
    <mergeCell ref="A1852:C1853"/>
    <mergeCell ref="D1852:O1853"/>
    <mergeCell ref="P1852:S1853"/>
    <mergeCell ref="T1852:W1853"/>
    <mergeCell ref="X1852:AA1853"/>
    <mergeCell ref="A1854:C1855"/>
    <mergeCell ref="D1854:O1855"/>
    <mergeCell ref="P1854:S1855"/>
    <mergeCell ref="T1854:W1855"/>
    <mergeCell ref="X1854:AA1855"/>
    <mergeCell ref="A1826:C1827"/>
    <mergeCell ref="D1826:O1827"/>
    <mergeCell ref="P1826:S1827"/>
    <mergeCell ref="T1826:W1827"/>
    <mergeCell ref="X1826:AA1827"/>
    <mergeCell ref="A1828:C1829"/>
    <mergeCell ref="D1828:O1829"/>
    <mergeCell ref="P1828:S1829"/>
    <mergeCell ref="T1828:W1829"/>
    <mergeCell ref="X1828:AA1829"/>
    <mergeCell ref="A1830:C1831"/>
    <mergeCell ref="D1830:O1831"/>
    <mergeCell ref="P1830:S1831"/>
    <mergeCell ref="T1830:W1831"/>
    <mergeCell ref="X1830:AA1831"/>
    <mergeCell ref="A1832:C1833"/>
    <mergeCell ref="D1832:O1833"/>
    <mergeCell ref="P1832:S1833"/>
    <mergeCell ref="T1832:W1833"/>
    <mergeCell ref="X1832:AA1833"/>
    <mergeCell ref="A1834:C1835"/>
    <mergeCell ref="D1834:O1835"/>
    <mergeCell ref="P1834:S1835"/>
    <mergeCell ref="T1834:W1835"/>
    <mergeCell ref="X1834:AA1835"/>
    <mergeCell ref="A1836:C1837"/>
    <mergeCell ref="D1836:O1837"/>
    <mergeCell ref="P1836:S1837"/>
    <mergeCell ref="T1836:W1837"/>
    <mergeCell ref="X1836:AA1837"/>
    <mergeCell ref="A1838:C1839"/>
    <mergeCell ref="D1838:O1839"/>
    <mergeCell ref="P1838:S1839"/>
    <mergeCell ref="T1838:W1839"/>
    <mergeCell ref="X1838:AA1839"/>
    <mergeCell ref="A1812:C1813"/>
    <mergeCell ref="D1812:O1813"/>
    <mergeCell ref="P1812:S1813"/>
    <mergeCell ref="T1812:W1813"/>
    <mergeCell ref="X1812:AA1813"/>
    <mergeCell ref="A1814:C1815"/>
    <mergeCell ref="D1814:O1815"/>
    <mergeCell ref="P1814:S1815"/>
    <mergeCell ref="T1814:W1815"/>
    <mergeCell ref="X1814:AA1815"/>
    <mergeCell ref="A1816:C1817"/>
    <mergeCell ref="D1816:O1817"/>
    <mergeCell ref="P1816:S1817"/>
    <mergeCell ref="T1816:W1817"/>
    <mergeCell ref="X1816:AA1817"/>
    <mergeCell ref="A1818:C1819"/>
    <mergeCell ref="D1818:O1819"/>
    <mergeCell ref="P1818:S1819"/>
    <mergeCell ref="T1818:W1819"/>
    <mergeCell ref="X1818:AA1819"/>
    <mergeCell ref="A1820:C1821"/>
    <mergeCell ref="D1820:O1821"/>
    <mergeCell ref="P1820:S1821"/>
    <mergeCell ref="T1820:W1821"/>
    <mergeCell ref="X1820:AA1821"/>
    <mergeCell ref="A1822:C1823"/>
    <mergeCell ref="D1822:O1823"/>
    <mergeCell ref="P1822:S1823"/>
    <mergeCell ref="T1822:W1823"/>
    <mergeCell ref="X1822:AA1823"/>
    <mergeCell ref="A1824:C1825"/>
    <mergeCell ref="D1824:O1825"/>
    <mergeCell ref="P1824:S1825"/>
    <mergeCell ref="T1824:W1825"/>
    <mergeCell ref="X1824:AA1825"/>
    <mergeCell ref="A1798:C1799"/>
    <mergeCell ref="D1798:O1799"/>
    <mergeCell ref="P1798:S1799"/>
    <mergeCell ref="T1798:W1799"/>
    <mergeCell ref="X1798:AA1799"/>
    <mergeCell ref="A1800:C1801"/>
    <mergeCell ref="D1800:O1801"/>
    <mergeCell ref="P1800:S1801"/>
    <mergeCell ref="T1800:W1801"/>
    <mergeCell ref="X1800:AA1801"/>
    <mergeCell ref="A1802:C1803"/>
    <mergeCell ref="D1802:O1803"/>
    <mergeCell ref="P1802:S1803"/>
    <mergeCell ref="T1802:W1803"/>
    <mergeCell ref="X1802:AA1803"/>
    <mergeCell ref="A1804:C1805"/>
    <mergeCell ref="D1804:O1805"/>
    <mergeCell ref="P1804:S1805"/>
    <mergeCell ref="T1804:W1805"/>
    <mergeCell ref="X1804:AA1805"/>
    <mergeCell ref="A1806:C1807"/>
    <mergeCell ref="D1806:O1807"/>
    <mergeCell ref="P1806:S1807"/>
    <mergeCell ref="T1806:W1807"/>
    <mergeCell ref="X1806:AA1807"/>
    <mergeCell ref="A1808:C1809"/>
    <mergeCell ref="D1808:O1809"/>
    <mergeCell ref="P1808:S1809"/>
    <mergeCell ref="T1808:W1809"/>
    <mergeCell ref="X1808:AA1809"/>
    <mergeCell ref="A1810:C1811"/>
    <mergeCell ref="D1810:O1811"/>
    <mergeCell ref="P1810:S1811"/>
    <mergeCell ref="T1810:W1811"/>
    <mergeCell ref="X1810:AA1811"/>
    <mergeCell ref="A1784:C1785"/>
    <mergeCell ref="D1784:O1785"/>
    <mergeCell ref="P1784:S1785"/>
    <mergeCell ref="T1784:W1785"/>
    <mergeCell ref="X1784:AA1785"/>
    <mergeCell ref="A1786:C1787"/>
    <mergeCell ref="D1786:O1787"/>
    <mergeCell ref="P1786:S1787"/>
    <mergeCell ref="T1786:W1787"/>
    <mergeCell ref="X1786:AA1787"/>
    <mergeCell ref="A1788:C1789"/>
    <mergeCell ref="D1788:O1789"/>
    <mergeCell ref="P1788:S1789"/>
    <mergeCell ref="T1788:W1789"/>
    <mergeCell ref="X1788:AA1789"/>
    <mergeCell ref="A1790:C1791"/>
    <mergeCell ref="D1790:O1791"/>
    <mergeCell ref="P1790:S1791"/>
    <mergeCell ref="T1790:W1791"/>
    <mergeCell ref="X1790:AA1791"/>
    <mergeCell ref="A1792:C1793"/>
    <mergeCell ref="D1792:O1793"/>
    <mergeCell ref="P1792:S1793"/>
    <mergeCell ref="T1792:W1793"/>
    <mergeCell ref="X1792:AA1793"/>
    <mergeCell ref="A1794:C1795"/>
    <mergeCell ref="D1794:O1795"/>
    <mergeCell ref="P1794:S1795"/>
    <mergeCell ref="T1794:W1795"/>
    <mergeCell ref="X1794:AA1795"/>
    <mergeCell ref="A1796:C1797"/>
    <mergeCell ref="D1796:O1797"/>
    <mergeCell ref="P1796:S1797"/>
    <mergeCell ref="T1796:W1797"/>
    <mergeCell ref="X1796:AA1797"/>
    <mergeCell ref="A1770:C1771"/>
    <mergeCell ref="D1770:O1771"/>
    <mergeCell ref="P1770:S1771"/>
    <mergeCell ref="T1770:W1771"/>
    <mergeCell ref="X1770:AA1771"/>
    <mergeCell ref="A1772:C1773"/>
    <mergeCell ref="D1772:O1773"/>
    <mergeCell ref="P1772:S1773"/>
    <mergeCell ref="T1772:W1773"/>
    <mergeCell ref="X1772:AA1773"/>
    <mergeCell ref="A1774:C1775"/>
    <mergeCell ref="D1774:O1775"/>
    <mergeCell ref="P1774:S1775"/>
    <mergeCell ref="T1774:W1775"/>
    <mergeCell ref="X1774:AA1775"/>
    <mergeCell ref="A1776:C1777"/>
    <mergeCell ref="D1776:O1777"/>
    <mergeCell ref="P1776:S1777"/>
    <mergeCell ref="T1776:W1777"/>
    <mergeCell ref="X1776:AA1777"/>
    <mergeCell ref="A1778:C1779"/>
    <mergeCell ref="D1778:O1779"/>
    <mergeCell ref="P1778:S1779"/>
    <mergeCell ref="T1778:W1779"/>
    <mergeCell ref="X1778:AA1779"/>
    <mergeCell ref="A1780:C1781"/>
    <mergeCell ref="D1780:O1781"/>
    <mergeCell ref="P1780:S1781"/>
    <mergeCell ref="T1780:W1781"/>
    <mergeCell ref="X1780:AA1781"/>
    <mergeCell ref="A1782:C1783"/>
    <mergeCell ref="D1782:O1783"/>
    <mergeCell ref="P1782:S1783"/>
    <mergeCell ref="T1782:W1783"/>
    <mergeCell ref="X1782:AA1783"/>
    <mergeCell ref="A1754:C1755"/>
    <mergeCell ref="D1754:O1755"/>
    <mergeCell ref="P1754:S1755"/>
    <mergeCell ref="T1754:W1755"/>
    <mergeCell ref="X1754:AA1755"/>
    <mergeCell ref="A1756:C1757"/>
    <mergeCell ref="D1756:O1757"/>
    <mergeCell ref="P1756:S1757"/>
    <mergeCell ref="T1756:W1757"/>
    <mergeCell ref="X1756:AA1757"/>
    <mergeCell ref="A1758:C1759"/>
    <mergeCell ref="D1758:O1759"/>
    <mergeCell ref="P1758:S1759"/>
    <mergeCell ref="T1758:W1759"/>
    <mergeCell ref="X1758:AA1759"/>
    <mergeCell ref="A1760:C1761"/>
    <mergeCell ref="D1760:O1761"/>
    <mergeCell ref="P1760:S1761"/>
    <mergeCell ref="T1760:W1761"/>
    <mergeCell ref="X1760:AA1761"/>
    <mergeCell ref="A1762:C1763"/>
    <mergeCell ref="D1762:O1763"/>
    <mergeCell ref="P1762:S1763"/>
    <mergeCell ref="T1762:W1763"/>
    <mergeCell ref="X1762:AA1763"/>
    <mergeCell ref="A1764:C1765"/>
    <mergeCell ref="D1764:O1765"/>
    <mergeCell ref="P1764:S1765"/>
    <mergeCell ref="T1764:W1765"/>
    <mergeCell ref="X1764:AA1765"/>
    <mergeCell ref="A1766:AA1767"/>
    <mergeCell ref="A1768:C1769"/>
    <mergeCell ref="D1768:O1769"/>
    <mergeCell ref="P1768:S1769"/>
    <mergeCell ref="T1768:W1769"/>
    <mergeCell ref="X1768:AA1769"/>
    <mergeCell ref="A1740:C1741"/>
    <mergeCell ref="D1740:O1741"/>
    <mergeCell ref="P1740:S1741"/>
    <mergeCell ref="T1740:W1741"/>
    <mergeCell ref="X1740:AA1741"/>
    <mergeCell ref="A1742:C1743"/>
    <mergeCell ref="D1742:O1743"/>
    <mergeCell ref="P1742:S1743"/>
    <mergeCell ref="T1742:W1743"/>
    <mergeCell ref="X1742:AA1743"/>
    <mergeCell ref="A1744:C1745"/>
    <mergeCell ref="D1744:O1745"/>
    <mergeCell ref="P1744:S1745"/>
    <mergeCell ref="T1744:W1745"/>
    <mergeCell ref="X1744:AA1745"/>
    <mergeCell ref="A1746:C1747"/>
    <mergeCell ref="D1746:O1747"/>
    <mergeCell ref="P1746:S1747"/>
    <mergeCell ref="T1746:W1747"/>
    <mergeCell ref="X1746:AA1747"/>
    <mergeCell ref="A1748:C1749"/>
    <mergeCell ref="D1748:O1749"/>
    <mergeCell ref="P1748:S1749"/>
    <mergeCell ref="T1748:W1749"/>
    <mergeCell ref="X1748:AA1749"/>
    <mergeCell ref="A1750:C1751"/>
    <mergeCell ref="D1750:O1751"/>
    <mergeCell ref="P1750:S1751"/>
    <mergeCell ref="T1750:W1751"/>
    <mergeCell ref="X1750:AA1751"/>
    <mergeCell ref="A1752:C1753"/>
    <mergeCell ref="D1752:O1753"/>
    <mergeCell ref="P1752:S1753"/>
    <mergeCell ref="T1752:W1753"/>
    <mergeCell ref="X1752:AA1753"/>
    <mergeCell ref="A1726:C1727"/>
    <mergeCell ref="D1726:O1727"/>
    <mergeCell ref="P1726:S1727"/>
    <mergeCell ref="T1726:W1727"/>
    <mergeCell ref="X1726:AA1727"/>
    <mergeCell ref="A1728:C1729"/>
    <mergeCell ref="D1728:O1729"/>
    <mergeCell ref="P1728:S1729"/>
    <mergeCell ref="T1728:W1729"/>
    <mergeCell ref="X1728:AA1729"/>
    <mergeCell ref="A1730:C1731"/>
    <mergeCell ref="D1730:O1731"/>
    <mergeCell ref="P1730:S1731"/>
    <mergeCell ref="T1730:W1731"/>
    <mergeCell ref="X1730:AA1731"/>
    <mergeCell ref="A1732:C1733"/>
    <mergeCell ref="D1732:O1733"/>
    <mergeCell ref="P1732:S1733"/>
    <mergeCell ref="T1732:W1733"/>
    <mergeCell ref="X1732:AA1733"/>
    <mergeCell ref="A1734:C1735"/>
    <mergeCell ref="D1734:O1735"/>
    <mergeCell ref="P1734:S1735"/>
    <mergeCell ref="T1734:W1735"/>
    <mergeCell ref="X1734:AA1735"/>
    <mergeCell ref="A1736:C1737"/>
    <mergeCell ref="D1736:O1737"/>
    <mergeCell ref="P1736:S1737"/>
    <mergeCell ref="T1736:W1737"/>
    <mergeCell ref="X1736:AA1737"/>
    <mergeCell ref="A1738:C1739"/>
    <mergeCell ref="D1738:O1739"/>
    <mergeCell ref="P1738:S1739"/>
    <mergeCell ref="T1738:W1739"/>
    <mergeCell ref="X1738:AA1739"/>
    <mergeCell ref="A1712:C1713"/>
    <mergeCell ref="D1712:O1713"/>
    <mergeCell ref="P1712:S1713"/>
    <mergeCell ref="T1712:W1713"/>
    <mergeCell ref="X1712:AA1713"/>
    <mergeCell ref="A1714:C1715"/>
    <mergeCell ref="D1714:O1715"/>
    <mergeCell ref="P1714:S1715"/>
    <mergeCell ref="T1714:W1715"/>
    <mergeCell ref="X1714:AA1715"/>
    <mergeCell ref="A1716:C1717"/>
    <mergeCell ref="D1716:O1717"/>
    <mergeCell ref="P1716:S1717"/>
    <mergeCell ref="T1716:W1717"/>
    <mergeCell ref="X1716:AA1717"/>
    <mergeCell ref="A1718:C1719"/>
    <mergeCell ref="D1718:O1719"/>
    <mergeCell ref="P1718:S1719"/>
    <mergeCell ref="T1718:W1719"/>
    <mergeCell ref="X1718:AA1719"/>
    <mergeCell ref="A1720:C1721"/>
    <mergeCell ref="D1720:O1721"/>
    <mergeCell ref="P1720:S1721"/>
    <mergeCell ref="T1720:W1721"/>
    <mergeCell ref="X1720:AA1721"/>
    <mergeCell ref="A1722:C1723"/>
    <mergeCell ref="D1722:O1723"/>
    <mergeCell ref="P1722:S1723"/>
    <mergeCell ref="T1722:W1723"/>
    <mergeCell ref="X1722:AA1723"/>
    <mergeCell ref="A1724:C1725"/>
    <mergeCell ref="D1724:O1725"/>
    <mergeCell ref="P1724:S1725"/>
    <mergeCell ref="T1724:W1725"/>
    <mergeCell ref="X1724:AA1725"/>
    <mergeCell ref="A1698:C1699"/>
    <mergeCell ref="D1698:O1699"/>
    <mergeCell ref="P1698:S1699"/>
    <mergeCell ref="T1698:W1699"/>
    <mergeCell ref="X1698:AA1699"/>
    <mergeCell ref="A1700:C1701"/>
    <mergeCell ref="D1700:O1701"/>
    <mergeCell ref="P1700:S1701"/>
    <mergeCell ref="T1700:W1701"/>
    <mergeCell ref="X1700:AA1701"/>
    <mergeCell ref="A1702:C1703"/>
    <mergeCell ref="D1702:O1703"/>
    <mergeCell ref="P1702:S1703"/>
    <mergeCell ref="T1702:W1703"/>
    <mergeCell ref="X1702:AA1703"/>
    <mergeCell ref="A1704:C1705"/>
    <mergeCell ref="D1704:O1705"/>
    <mergeCell ref="P1704:S1705"/>
    <mergeCell ref="T1704:W1705"/>
    <mergeCell ref="X1704:AA1705"/>
    <mergeCell ref="A1706:C1707"/>
    <mergeCell ref="D1706:O1707"/>
    <mergeCell ref="P1706:S1707"/>
    <mergeCell ref="T1706:W1707"/>
    <mergeCell ref="X1706:AA1707"/>
    <mergeCell ref="A1708:C1709"/>
    <mergeCell ref="D1708:O1709"/>
    <mergeCell ref="P1708:S1709"/>
    <mergeCell ref="T1708:W1709"/>
    <mergeCell ref="X1708:AA1709"/>
    <mergeCell ref="A1710:C1711"/>
    <mergeCell ref="D1710:O1711"/>
    <mergeCell ref="P1710:S1711"/>
    <mergeCell ref="T1710:W1711"/>
    <mergeCell ref="X1710:AA1711"/>
    <mergeCell ref="A1682:C1683"/>
    <mergeCell ref="D1682:O1683"/>
    <mergeCell ref="P1682:S1683"/>
    <mergeCell ref="T1682:W1683"/>
    <mergeCell ref="X1682:AA1683"/>
    <mergeCell ref="A1684:C1685"/>
    <mergeCell ref="D1684:O1685"/>
    <mergeCell ref="P1684:S1685"/>
    <mergeCell ref="T1684:W1685"/>
    <mergeCell ref="X1684:AA1685"/>
    <mergeCell ref="A1686:C1687"/>
    <mergeCell ref="D1686:O1687"/>
    <mergeCell ref="P1686:S1687"/>
    <mergeCell ref="T1686:W1687"/>
    <mergeCell ref="X1686:AA1687"/>
    <mergeCell ref="A1688:C1689"/>
    <mergeCell ref="D1688:O1689"/>
    <mergeCell ref="P1688:S1689"/>
    <mergeCell ref="T1688:W1689"/>
    <mergeCell ref="X1688:AA1689"/>
    <mergeCell ref="A1690:AA1691"/>
    <mergeCell ref="A1692:C1693"/>
    <mergeCell ref="D1692:O1693"/>
    <mergeCell ref="P1692:S1693"/>
    <mergeCell ref="T1692:W1693"/>
    <mergeCell ref="X1692:AA1693"/>
    <mergeCell ref="A1694:C1695"/>
    <mergeCell ref="D1694:O1695"/>
    <mergeCell ref="P1694:S1695"/>
    <mergeCell ref="T1694:W1695"/>
    <mergeCell ref="X1694:AA1695"/>
    <mergeCell ref="A1696:C1697"/>
    <mergeCell ref="D1696:O1697"/>
    <mergeCell ref="P1696:S1697"/>
    <mergeCell ref="T1696:W1697"/>
    <mergeCell ref="X1696:AA1697"/>
    <mergeCell ref="A1668:C1669"/>
    <mergeCell ref="D1668:O1669"/>
    <mergeCell ref="P1668:S1669"/>
    <mergeCell ref="T1668:W1669"/>
    <mergeCell ref="X1668:AA1669"/>
    <mergeCell ref="A1670:C1671"/>
    <mergeCell ref="D1670:O1671"/>
    <mergeCell ref="P1670:S1671"/>
    <mergeCell ref="T1670:W1671"/>
    <mergeCell ref="X1670:AA1671"/>
    <mergeCell ref="A1672:C1673"/>
    <mergeCell ref="D1672:O1673"/>
    <mergeCell ref="P1672:S1673"/>
    <mergeCell ref="T1672:W1673"/>
    <mergeCell ref="X1672:AA1673"/>
    <mergeCell ref="A1674:C1675"/>
    <mergeCell ref="D1674:O1675"/>
    <mergeCell ref="P1674:S1675"/>
    <mergeCell ref="T1674:W1675"/>
    <mergeCell ref="X1674:AA1675"/>
    <mergeCell ref="A1676:C1677"/>
    <mergeCell ref="D1676:O1677"/>
    <mergeCell ref="P1676:S1677"/>
    <mergeCell ref="T1676:W1677"/>
    <mergeCell ref="X1676:AA1677"/>
    <mergeCell ref="A1678:C1679"/>
    <mergeCell ref="D1678:O1679"/>
    <mergeCell ref="P1678:S1679"/>
    <mergeCell ref="T1678:W1679"/>
    <mergeCell ref="X1678:AA1679"/>
    <mergeCell ref="A1680:C1681"/>
    <mergeCell ref="D1680:O1681"/>
    <mergeCell ref="P1680:S1681"/>
    <mergeCell ref="T1680:W1681"/>
    <mergeCell ref="X1680:AA1681"/>
    <mergeCell ref="A1654:C1655"/>
    <mergeCell ref="D1654:O1655"/>
    <mergeCell ref="P1654:S1655"/>
    <mergeCell ref="T1654:W1655"/>
    <mergeCell ref="X1654:AA1655"/>
    <mergeCell ref="A1656:C1657"/>
    <mergeCell ref="D1656:O1657"/>
    <mergeCell ref="P1656:S1657"/>
    <mergeCell ref="T1656:W1657"/>
    <mergeCell ref="X1656:AA1657"/>
    <mergeCell ref="A1658:C1659"/>
    <mergeCell ref="D1658:O1659"/>
    <mergeCell ref="P1658:S1659"/>
    <mergeCell ref="T1658:W1659"/>
    <mergeCell ref="X1658:AA1659"/>
    <mergeCell ref="A1660:C1661"/>
    <mergeCell ref="D1660:O1661"/>
    <mergeCell ref="P1660:S1661"/>
    <mergeCell ref="T1660:W1661"/>
    <mergeCell ref="X1660:AA1661"/>
    <mergeCell ref="A1662:C1663"/>
    <mergeCell ref="D1662:O1663"/>
    <mergeCell ref="P1662:S1663"/>
    <mergeCell ref="T1662:W1663"/>
    <mergeCell ref="X1662:AA1663"/>
    <mergeCell ref="A1664:C1665"/>
    <mergeCell ref="D1664:O1665"/>
    <mergeCell ref="P1664:S1665"/>
    <mergeCell ref="T1664:W1665"/>
    <mergeCell ref="X1664:AA1665"/>
    <mergeCell ref="A1666:C1667"/>
    <mergeCell ref="D1666:O1667"/>
    <mergeCell ref="P1666:S1667"/>
    <mergeCell ref="T1666:W1667"/>
    <mergeCell ref="X1666:AA1667"/>
    <mergeCell ref="A1640:C1641"/>
    <mergeCell ref="D1640:O1641"/>
    <mergeCell ref="P1640:S1641"/>
    <mergeCell ref="T1640:W1641"/>
    <mergeCell ref="X1640:AA1641"/>
    <mergeCell ref="A1642:C1643"/>
    <mergeCell ref="D1642:O1643"/>
    <mergeCell ref="P1642:S1643"/>
    <mergeCell ref="T1642:W1643"/>
    <mergeCell ref="X1642:AA1643"/>
    <mergeCell ref="A1644:C1645"/>
    <mergeCell ref="D1644:O1645"/>
    <mergeCell ref="P1644:S1645"/>
    <mergeCell ref="T1644:W1645"/>
    <mergeCell ref="X1644:AA1645"/>
    <mergeCell ref="A1646:C1647"/>
    <mergeCell ref="D1646:O1647"/>
    <mergeCell ref="P1646:S1647"/>
    <mergeCell ref="T1646:W1647"/>
    <mergeCell ref="X1646:AA1647"/>
    <mergeCell ref="A1648:C1649"/>
    <mergeCell ref="D1648:O1649"/>
    <mergeCell ref="P1648:S1649"/>
    <mergeCell ref="T1648:W1649"/>
    <mergeCell ref="X1648:AA1649"/>
    <mergeCell ref="A1650:C1651"/>
    <mergeCell ref="D1650:O1651"/>
    <mergeCell ref="P1650:S1651"/>
    <mergeCell ref="T1650:W1651"/>
    <mergeCell ref="X1650:AA1651"/>
    <mergeCell ref="A1652:C1653"/>
    <mergeCell ref="D1652:O1653"/>
    <mergeCell ref="P1652:S1653"/>
    <mergeCell ref="T1652:W1653"/>
    <mergeCell ref="X1652:AA1653"/>
    <mergeCell ref="A1626:C1627"/>
    <mergeCell ref="D1626:O1627"/>
    <mergeCell ref="P1626:S1627"/>
    <mergeCell ref="T1626:W1627"/>
    <mergeCell ref="X1626:AA1627"/>
    <mergeCell ref="A1628:C1629"/>
    <mergeCell ref="D1628:O1629"/>
    <mergeCell ref="P1628:S1629"/>
    <mergeCell ref="T1628:W1629"/>
    <mergeCell ref="X1628:AA1629"/>
    <mergeCell ref="A1630:C1631"/>
    <mergeCell ref="D1630:O1631"/>
    <mergeCell ref="P1630:S1631"/>
    <mergeCell ref="T1630:W1631"/>
    <mergeCell ref="X1630:AA1631"/>
    <mergeCell ref="A1632:C1633"/>
    <mergeCell ref="D1632:O1633"/>
    <mergeCell ref="P1632:S1633"/>
    <mergeCell ref="T1632:W1633"/>
    <mergeCell ref="X1632:AA1633"/>
    <mergeCell ref="A1634:C1635"/>
    <mergeCell ref="D1634:O1635"/>
    <mergeCell ref="P1634:S1635"/>
    <mergeCell ref="T1634:W1635"/>
    <mergeCell ref="X1634:AA1635"/>
    <mergeCell ref="A1636:C1637"/>
    <mergeCell ref="D1636:O1637"/>
    <mergeCell ref="P1636:S1637"/>
    <mergeCell ref="T1636:W1637"/>
    <mergeCell ref="X1636:AA1637"/>
    <mergeCell ref="A1638:C1639"/>
    <mergeCell ref="D1638:O1639"/>
    <mergeCell ref="P1638:S1639"/>
    <mergeCell ref="T1638:W1639"/>
    <mergeCell ref="X1638:AA1639"/>
    <mergeCell ref="A1612:C1613"/>
    <mergeCell ref="D1612:O1613"/>
    <mergeCell ref="P1612:S1613"/>
    <mergeCell ref="T1612:W1613"/>
    <mergeCell ref="X1612:AA1613"/>
    <mergeCell ref="A1614:C1615"/>
    <mergeCell ref="D1614:O1615"/>
    <mergeCell ref="P1614:S1615"/>
    <mergeCell ref="T1614:W1615"/>
    <mergeCell ref="X1614:AA1615"/>
    <mergeCell ref="A1616:C1617"/>
    <mergeCell ref="D1616:O1617"/>
    <mergeCell ref="P1616:S1617"/>
    <mergeCell ref="T1616:W1617"/>
    <mergeCell ref="X1616:AA1617"/>
    <mergeCell ref="A1618:C1619"/>
    <mergeCell ref="D1618:O1619"/>
    <mergeCell ref="P1618:S1619"/>
    <mergeCell ref="T1618:W1619"/>
    <mergeCell ref="X1618:AA1619"/>
    <mergeCell ref="A1620:C1621"/>
    <mergeCell ref="D1620:O1621"/>
    <mergeCell ref="P1620:S1621"/>
    <mergeCell ref="T1620:W1621"/>
    <mergeCell ref="X1620:AA1621"/>
    <mergeCell ref="A1622:C1623"/>
    <mergeCell ref="D1622:O1623"/>
    <mergeCell ref="P1622:S1623"/>
    <mergeCell ref="T1622:W1623"/>
    <mergeCell ref="X1622:AA1623"/>
    <mergeCell ref="A1624:C1625"/>
    <mergeCell ref="D1624:O1625"/>
    <mergeCell ref="P1624:S1625"/>
    <mergeCell ref="T1624:W1625"/>
    <mergeCell ref="X1624:AA1625"/>
    <mergeCell ref="A1598:C1599"/>
    <mergeCell ref="D1598:O1599"/>
    <mergeCell ref="P1598:S1599"/>
    <mergeCell ref="T1598:W1599"/>
    <mergeCell ref="X1598:AA1599"/>
    <mergeCell ref="A1600:C1601"/>
    <mergeCell ref="D1600:O1601"/>
    <mergeCell ref="P1600:S1601"/>
    <mergeCell ref="T1600:W1601"/>
    <mergeCell ref="X1600:AA1601"/>
    <mergeCell ref="A1602:C1603"/>
    <mergeCell ref="D1602:O1603"/>
    <mergeCell ref="P1602:S1603"/>
    <mergeCell ref="T1602:W1603"/>
    <mergeCell ref="X1602:AA1603"/>
    <mergeCell ref="A1604:C1605"/>
    <mergeCell ref="D1604:O1605"/>
    <mergeCell ref="P1604:S1605"/>
    <mergeCell ref="T1604:W1605"/>
    <mergeCell ref="X1604:AA1605"/>
    <mergeCell ref="A1606:C1607"/>
    <mergeCell ref="D1606:O1607"/>
    <mergeCell ref="P1606:S1607"/>
    <mergeCell ref="T1606:W1607"/>
    <mergeCell ref="X1606:AA1607"/>
    <mergeCell ref="A1608:C1609"/>
    <mergeCell ref="D1608:O1609"/>
    <mergeCell ref="P1608:S1609"/>
    <mergeCell ref="T1608:W1609"/>
    <mergeCell ref="X1608:AA1609"/>
    <mergeCell ref="A1610:C1611"/>
    <mergeCell ref="D1610:O1611"/>
    <mergeCell ref="P1610:S1611"/>
    <mergeCell ref="T1610:W1611"/>
    <mergeCell ref="X1610:AA1611"/>
    <mergeCell ref="A1584:C1585"/>
    <mergeCell ref="D1584:O1585"/>
    <mergeCell ref="P1584:S1585"/>
    <mergeCell ref="T1584:W1585"/>
    <mergeCell ref="X1584:AA1585"/>
    <mergeCell ref="A1586:C1587"/>
    <mergeCell ref="D1586:O1587"/>
    <mergeCell ref="P1586:S1587"/>
    <mergeCell ref="T1586:W1587"/>
    <mergeCell ref="X1586:AA1587"/>
    <mergeCell ref="A1588:C1589"/>
    <mergeCell ref="D1588:O1589"/>
    <mergeCell ref="P1588:S1589"/>
    <mergeCell ref="T1588:W1589"/>
    <mergeCell ref="X1588:AA1589"/>
    <mergeCell ref="A1590:C1591"/>
    <mergeCell ref="D1590:O1591"/>
    <mergeCell ref="P1590:S1591"/>
    <mergeCell ref="T1590:W1591"/>
    <mergeCell ref="X1590:AA1591"/>
    <mergeCell ref="A1592:C1593"/>
    <mergeCell ref="D1592:O1593"/>
    <mergeCell ref="P1592:S1593"/>
    <mergeCell ref="T1592:W1593"/>
    <mergeCell ref="X1592:AA1593"/>
    <mergeCell ref="A1594:C1595"/>
    <mergeCell ref="D1594:O1595"/>
    <mergeCell ref="P1594:S1595"/>
    <mergeCell ref="T1594:W1595"/>
    <mergeCell ref="X1594:AA1595"/>
    <mergeCell ref="A1596:C1597"/>
    <mergeCell ref="D1596:O1597"/>
    <mergeCell ref="P1596:S1597"/>
    <mergeCell ref="T1596:W1597"/>
    <mergeCell ref="X1596:AA1597"/>
    <mergeCell ref="A1568:C1569"/>
    <mergeCell ref="D1568:O1569"/>
    <mergeCell ref="P1568:S1569"/>
    <mergeCell ref="T1568:W1569"/>
    <mergeCell ref="X1568:AA1569"/>
    <mergeCell ref="A1570:C1571"/>
    <mergeCell ref="D1570:O1571"/>
    <mergeCell ref="P1570:S1571"/>
    <mergeCell ref="T1570:W1571"/>
    <mergeCell ref="X1570:AA1571"/>
    <mergeCell ref="A1572:C1573"/>
    <mergeCell ref="D1572:O1573"/>
    <mergeCell ref="P1572:S1573"/>
    <mergeCell ref="T1572:W1573"/>
    <mergeCell ref="X1572:AA1573"/>
    <mergeCell ref="A1574:C1575"/>
    <mergeCell ref="D1574:O1575"/>
    <mergeCell ref="P1574:S1575"/>
    <mergeCell ref="T1574:W1575"/>
    <mergeCell ref="X1574:AA1575"/>
    <mergeCell ref="A1576:C1577"/>
    <mergeCell ref="D1576:O1577"/>
    <mergeCell ref="P1576:S1577"/>
    <mergeCell ref="T1576:W1577"/>
    <mergeCell ref="X1576:AA1577"/>
    <mergeCell ref="A1578:C1579"/>
    <mergeCell ref="D1578:O1579"/>
    <mergeCell ref="P1578:S1579"/>
    <mergeCell ref="T1578:W1579"/>
    <mergeCell ref="X1578:AA1579"/>
    <mergeCell ref="A1580:AA1581"/>
    <mergeCell ref="A1582:C1583"/>
    <mergeCell ref="D1582:O1583"/>
    <mergeCell ref="P1582:S1583"/>
    <mergeCell ref="T1582:W1583"/>
    <mergeCell ref="X1582:AA1583"/>
    <mergeCell ref="A1554:C1555"/>
    <mergeCell ref="D1554:O1555"/>
    <mergeCell ref="P1554:S1555"/>
    <mergeCell ref="T1554:W1555"/>
    <mergeCell ref="X1554:AA1555"/>
    <mergeCell ref="A1556:C1557"/>
    <mergeCell ref="D1556:O1557"/>
    <mergeCell ref="P1556:S1557"/>
    <mergeCell ref="T1556:W1557"/>
    <mergeCell ref="X1556:AA1557"/>
    <mergeCell ref="A1558:C1559"/>
    <mergeCell ref="D1558:O1559"/>
    <mergeCell ref="P1558:S1559"/>
    <mergeCell ref="T1558:W1559"/>
    <mergeCell ref="X1558:AA1559"/>
    <mergeCell ref="A1560:C1561"/>
    <mergeCell ref="D1560:O1561"/>
    <mergeCell ref="P1560:S1561"/>
    <mergeCell ref="T1560:W1561"/>
    <mergeCell ref="X1560:AA1561"/>
    <mergeCell ref="A1562:C1563"/>
    <mergeCell ref="D1562:O1563"/>
    <mergeCell ref="P1562:S1563"/>
    <mergeCell ref="T1562:W1563"/>
    <mergeCell ref="X1562:AA1563"/>
    <mergeCell ref="A1564:C1565"/>
    <mergeCell ref="D1564:O1565"/>
    <mergeCell ref="P1564:S1565"/>
    <mergeCell ref="T1564:W1565"/>
    <mergeCell ref="X1564:AA1565"/>
    <mergeCell ref="A1566:C1567"/>
    <mergeCell ref="D1566:O1567"/>
    <mergeCell ref="P1566:S1567"/>
    <mergeCell ref="T1566:W1567"/>
    <mergeCell ref="X1566:AA1567"/>
    <mergeCell ref="A1540:C1541"/>
    <mergeCell ref="D1540:O1541"/>
    <mergeCell ref="P1540:S1541"/>
    <mergeCell ref="T1540:W1541"/>
    <mergeCell ref="X1540:AA1541"/>
    <mergeCell ref="A1542:C1543"/>
    <mergeCell ref="D1542:O1543"/>
    <mergeCell ref="P1542:S1543"/>
    <mergeCell ref="T1542:W1543"/>
    <mergeCell ref="X1542:AA1543"/>
    <mergeCell ref="A1544:C1545"/>
    <mergeCell ref="D1544:O1545"/>
    <mergeCell ref="P1544:S1545"/>
    <mergeCell ref="T1544:W1545"/>
    <mergeCell ref="X1544:AA1545"/>
    <mergeCell ref="A1546:C1547"/>
    <mergeCell ref="D1546:O1547"/>
    <mergeCell ref="P1546:S1547"/>
    <mergeCell ref="T1546:W1547"/>
    <mergeCell ref="X1546:AA1547"/>
    <mergeCell ref="A1548:C1549"/>
    <mergeCell ref="D1548:O1549"/>
    <mergeCell ref="P1548:S1549"/>
    <mergeCell ref="T1548:W1549"/>
    <mergeCell ref="X1548:AA1549"/>
    <mergeCell ref="A1550:C1551"/>
    <mergeCell ref="D1550:O1551"/>
    <mergeCell ref="P1550:S1551"/>
    <mergeCell ref="T1550:W1551"/>
    <mergeCell ref="X1550:AA1551"/>
    <mergeCell ref="A1552:C1553"/>
    <mergeCell ref="D1552:O1553"/>
    <mergeCell ref="P1552:S1553"/>
    <mergeCell ref="T1552:W1553"/>
    <mergeCell ref="X1552:AA1553"/>
    <mergeCell ref="A1524:C1525"/>
    <mergeCell ref="D1524:O1525"/>
    <mergeCell ref="P1524:S1525"/>
    <mergeCell ref="T1524:W1525"/>
    <mergeCell ref="X1524:AA1525"/>
    <mergeCell ref="A1526:C1527"/>
    <mergeCell ref="D1526:O1527"/>
    <mergeCell ref="P1526:S1527"/>
    <mergeCell ref="T1526:W1527"/>
    <mergeCell ref="X1526:AA1527"/>
    <mergeCell ref="A1528:AA1529"/>
    <mergeCell ref="A1530:C1531"/>
    <mergeCell ref="D1530:O1531"/>
    <mergeCell ref="P1530:S1531"/>
    <mergeCell ref="T1530:W1531"/>
    <mergeCell ref="X1530:AA1531"/>
    <mergeCell ref="A1532:C1533"/>
    <mergeCell ref="D1532:O1533"/>
    <mergeCell ref="P1532:S1533"/>
    <mergeCell ref="T1532:W1533"/>
    <mergeCell ref="X1532:AA1533"/>
    <mergeCell ref="A1534:C1535"/>
    <mergeCell ref="D1534:O1535"/>
    <mergeCell ref="P1534:S1535"/>
    <mergeCell ref="T1534:W1535"/>
    <mergeCell ref="X1534:AA1535"/>
    <mergeCell ref="A1536:C1537"/>
    <mergeCell ref="D1536:O1537"/>
    <mergeCell ref="P1536:S1537"/>
    <mergeCell ref="T1536:W1537"/>
    <mergeCell ref="X1536:AA1537"/>
    <mergeCell ref="A1538:C1539"/>
    <mergeCell ref="D1538:O1539"/>
    <mergeCell ref="P1538:S1539"/>
    <mergeCell ref="T1538:W1539"/>
    <mergeCell ref="X1538:AA1539"/>
    <mergeCell ref="A1510:C1511"/>
    <mergeCell ref="D1510:O1511"/>
    <mergeCell ref="P1510:S1511"/>
    <mergeCell ref="T1510:W1511"/>
    <mergeCell ref="X1510:AA1511"/>
    <mergeCell ref="A1512:C1513"/>
    <mergeCell ref="D1512:O1513"/>
    <mergeCell ref="P1512:S1513"/>
    <mergeCell ref="T1512:W1513"/>
    <mergeCell ref="X1512:AA1513"/>
    <mergeCell ref="A1514:C1515"/>
    <mergeCell ref="D1514:O1515"/>
    <mergeCell ref="P1514:S1515"/>
    <mergeCell ref="T1514:W1515"/>
    <mergeCell ref="X1514:AA1515"/>
    <mergeCell ref="A1516:C1517"/>
    <mergeCell ref="D1516:O1517"/>
    <mergeCell ref="P1516:S1517"/>
    <mergeCell ref="T1516:W1517"/>
    <mergeCell ref="X1516:AA1517"/>
    <mergeCell ref="A1518:C1519"/>
    <mergeCell ref="D1518:O1519"/>
    <mergeCell ref="P1518:S1519"/>
    <mergeCell ref="T1518:W1519"/>
    <mergeCell ref="X1518:AA1519"/>
    <mergeCell ref="A1520:C1521"/>
    <mergeCell ref="D1520:O1521"/>
    <mergeCell ref="P1520:S1521"/>
    <mergeCell ref="T1520:W1521"/>
    <mergeCell ref="X1520:AA1521"/>
    <mergeCell ref="A1522:C1523"/>
    <mergeCell ref="D1522:O1523"/>
    <mergeCell ref="P1522:S1523"/>
    <mergeCell ref="T1522:W1523"/>
    <mergeCell ref="X1522:AA1523"/>
    <mergeCell ref="A1496:C1497"/>
    <mergeCell ref="D1496:O1497"/>
    <mergeCell ref="P1496:S1497"/>
    <mergeCell ref="T1496:W1497"/>
    <mergeCell ref="X1496:AA1497"/>
    <mergeCell ref="A1498:C1499"/>
    <mergeCell ref="D1498:O1499"/>
    <mergeCell ref="P1498:S1499"/>
    <mergeCell ref="T1498:W1499"/>
    <mergeCell ref="X1498:AA1499"/>
    <mergeCell ref="A1500:C1501"/>
    <mergeCell ref="D1500:O1501"/>
    <mergeCell ref="P1500:S1501"/>
    <mergeCell ref="T1500:W1501"/>
    <mergeCell ref="X1500:AA1501"/>
    <mergeCell ref="A1502:C1503"/>
    <mergeCell ref="D1502:O1503"/>
    <mergeCell ref="P1502:S1503"/>
    <mergeCell ref="T1502:W1503"/>
    <mergeCell ref="X1502:AA1503"/>
    <mergeCell ref="A1504:C1505"/>
    <mergeCell ref="D1504:O1505"/>
    <mergeCell ref="P1504:S1505"/>
    <mergeCell ref="T1504:W1505"/>
    <mergeCell ref="X1504:AA1505"/>
    <mergeCell ref="A1506:C1507"/>
    <mergeCell ref="D1506:O1507"/>
    <mergeCell ref="P1506:S1507"/>
    <mergeCell ref="T1506:W1507"/>
    <mergeCell ref="X1506:AA1507"/>
    <mergeCell ref="A1508:C1509"/>
    <mergeCell ref="D1508:O1509"/>
    <mergeCell ref="P1508:S1509"/>
    <mergeCell ref="T1508:W1509"/>
    <mergeCell ref="X1508:AA1509"/>
    <mergeCell ref="A1482:C1483"/>
    <mergeCell ref="D1482:O1483"/>
    <mergeCell ref="P1482:S1483"/>
    <mergeCell ref="T1482:W1483"/>
    <mergeCell ref="X1482:AA1483"/>
    <mergeCell ref="A1484:C1485"/>
    <mergeCell ref="D1484:O1485"/>
    <mergeCell ref="P1484:S1485"/>
    <mergeCell ref="T1484:W1485"/>
    <mergeCell ref="X1484:AA1485"/>
    <mergeCell ref="A1486:C1487"/>
    <mergeCell ref="D1486:O1487"/>
    <mergeCell ref="P1486:S1487"/>
    <mergeCell ref="T1486:W1487"/>
    <mergeCell ref="X1486:AA1487"/>
    <mergeCell ref="A1488:C1489"/>
    <mergeCell ref="D1488:O1489"/>
    <mergeCell ref="P1488:S1489"/>
    <mergeCell ref="T1488:W1489"/>
    <mergeCell ref="X1488:AA1489"/>
    <mergeCell ref="A1490:C1491"/>
    <mergeCell ref="D1490:O1491"/>
    <mergeCell ref="P1490:S1491"/>
    <mergeCell ref="T1490:W1491"/>
    <mergeCell ref="X1490:AA1491"/>
    <mergeCell ref="A1492:C1493"/>
    <mergeCell ref="D1492:O1493"/>
    <mergeCell ref="P1492:S1493"/>
    <mergeCell ref="T1492:W1493"/>
    <mergeCell ref="X1492:AA1493"/>
    <mergeCell ref="A1494:C1495"/>
    <mergeCell ref="D1494:O1495"/>
    <mergeCell ref="P1494:S1495"/>
    <mergeCell ref="T1494:W1495"/>
    <mergeCell ref="X1494:AA1495"/>
    <mergeCell ref="A1468:C1469"/>
    <mergeCell ref="D1468:O1469"/>
    <mergeCell ref="P1468:S1469"/>
    <mergeCell ref="T1468:W1469"/>
    <mergeCell ref="X1468:AA1469"/>
    <mergeCell ref="A1470:C1471"/>
    <mergeCell ref="D1470:O1471"/>
    <mergeCell ref="P1470:S1471"/>
    <mergeCell ref="T1470:W1471"/>
    <mergeCell ref="X1470:AA1471"/>
    <mergeCell ref="A1472:C1473"/>
    <mergeCell ref="D1472:O1473"/>
    <mergeCell ref="P1472:S1473"/>
    <mergeCell ref="T1472:W1473"/>
    <mergeCell ref="X1472:AA1473"/>
    <mergeCell ref="A1474:C1475"/>
    <mergeCell ref="D1474:O1475"/>
    <mergeCell ref="P1474:S1475"/>
    <mergeCell ref="T1474:W1475"/>
    <mergeCell ref="X1474:AA1475"/>
    <mergeCell ref="A1476:C1477"/>
    <mergeCell ref="D1476:O1477"/>
    <mergeCell ref="P1476:S1477"/>
    <mergeCell ref="T1476:W1477"/>
    <mergeCell ref="X1476:AA1477"/>
    <mergeCell ref="A1478:C1479"/>
    <mergeCell ref="D1478:O1479"/>
    <mergeCell ref="P1478:S1479"/>
    <mergeCell ref="T1478:W1479"/>
    <mergeCell ref="X1478:AA1479"/>
    <mergeCell ref="A1480:C1481"/>
    <mergeCell ref="D1480:O1481"/>
    <mergeCell ref="P1480:S1481"/>
    <mergeCell ref="T1480:W1481"/>
    <mergeCell ref="X1480:AA1481"/>
    <mergeCell ref="A1452:C1453"/>
    <mergeCell ref="D1452:O1453"/>
    <mergeCell ref="P1452:S1453"/>
    <mergeCell ref="T1452:W1453"/>
    <mergeCell ref="X1452:AA1453"/>
    <mergeCell ref="A1454:C1455"/>
    <mergeCell ref="D1454:O1455"/>
    <mergeCell ref="P1454:S1455"/>
    <mergeCell ref="T1454:W1455"/>
    <mergeCell ref="X1454:AA1455"/>
    <mergeCell ref="A1456:C1457"/>
    <mergeCell ref="D1456:O1457"/>
    <mergeCell ref="P1456:S1457"/>
    <mergeCell ref="T1456:W1457"/>
    <mergeCell ref="X1456:AA1457"/>
    <mergeCell ref="A1458:C1459"/>
    <mergeCell ref="D1458:O1459"/>
    <mergeCell ref="P1458:S1459"/>
    <mergeCell ref="T1458:W1459"/>
    <mergeCell ref="X1458:AA1459"/>
    <mergeCell ref="A1460:C1461"/>
    <mergeCell ref="D1460:O1461"/>
    <mergeCell ref="P1460:S1461"/>
    <mergeCell ref="T1460:W1461"/>
    <mergeCell ref="X1460:AA1461"/>
    <mergeCell ref="A1462:AA1463"/>
    <mergeCell ref="A1464:C1465"/>
    <mergeCell ref="D1464:O1465"/>
    <mergeCell ref="P1464:S1465"/>
    <mergeCell ref="T1464:W1465"/>
    <mergeCell ref="X1464:AA1465"/>
    <mergeCell ref="A1466:C1467"/>
    <mergeCell ref="D1466:O1467"/>
    <mergeCell ref="P1466:S1467"/>
    <mergeCell ref="T1466:W1467"/>
    <mergeCell ref="X1466:AA1467"/>
    <mergeCell ref="A1438:C1439"/>
    <mergeCell ref="D1438:O1439"/>
    <mergeCell ref="P1438:S1439"/>
    <mergeCell ref="T1438:W1439"/>
    <mergeCell ref="X1438:AA1439"/>
    <mergeCell ref="A1440:C1441"/>
    <mergeCell ref="D1440:O1441"/>
    <mergeCell ref="P1440:S1441"/>
    <mergeCell ref="T1440:W1441"/>
    <mergeCell ref="X1440:AA1441"/>
    <mergeCell ref="A1442:C1443"/>
    <mergeCell ref="D1442:O1443"/>
    <mergeCell ref="P1442:S1443"/>
    <mergeCell ref="T1442:W1443"/>
    <mergeCell ref="X1442:AA1443"/>
    <mergeCell ref="A1444:C1445"/>
    <mergeCell ref="D1444:O1445"/>
    <mergeCell ref="P1444:S1445"/>
    <mergeCell ref="T1444:W1445"/>
    <mergeCell ref="X1444:AA1445"/>
    <mergeCell ref="A1446:C1447"/>
    <mergeCell ref="D1446:O1447"/>
    <mergeCell ref="P1446:S1447"/>
    <mergeCell ref="T1446:W1447"/>
    <mergeCell ref="X1446:AA1447"/>
    <mergeCell ref="A1448:C1449"/>
    <mergeCell ref="D1448:O1449"/>
    <mergeCell ref="P1448:S1449"/>
    <mergeCell ref="T1448:W1449"/>
    <mergeCell ref="X1448:AA1449"/>
    <mergeCell ref="A1450:C1451"/>
    <mergeCell ref="D1450:O1451"/>
    <mergeCell ref="P1450:S1451"/>
    <mergeCell ref="T1450:W1451"/>
    <mergeCell ref="X1450:AA1451"/>
    <mergeCell ref="A1424:C1425"/>
    <mergeCell ref="D1424:O1425"/>
    <mergeCell ref="P1424:S1425"/>
    <mergeCell ref="T1424:W1425"/>
    <mergeCell ref="X1424:AA1425"/>
    <mergeCell ref="A1426:C1427"/>
    <mergeCell ref="D1426:O1427"/>
    <mergeCell ref="P1426:S1427"/>
    <mergeCell ref="T1426:W1427"/>
    <mergeCell ref="X1426:AA1427"/>
    <mergeCell ref="A1428:C1429"/>
    <mergeCell ref="D1428:O1429"/>
    <mergeCell ref="P1428:S1429"/>
    <mergeCell ref="T1428:W1429"/>
    <mergeCell ref="X1428:AA1429"/>
    <mergeCell ref="A1430:C1431"/>
    <mergeCell ref="D1430:O1431"/>
    <mergeCell ref="P1430:S1431"/>
    <mergeCell ref="T1430:W1431"/>
    <mergeCell ref="X1430:AA1431"/>
    <mergeCell ref="A1432:C1433"/>
    <mergeCell ref="D1432:O1433"/>
    <mergeCell ref="P1432:S1433"/>
    <mergeCell ref="T1432:W1433"/>
    <mergeCell ref="X1432:AA1433"/>
    <mergeCell ref="A1434:C1435"/>
    <mergeCell ref="D1434:O1435"/>
    <mergeCell ref="P1434:S1435"/>
    <mergeCell ref="T1434:W1435"/>
    <mergeCell ref="X1434:AA1435"/>
    <mergeCell ref="A1436:C1437"/>
    <mergeCell ref="D1436:O1437"/>
    <mergeCell ref="P1436:S1437"/>
    <mergeCell ref="T1436:W1437"/>
    <mergeCell ref="X1436:AA1437"/>
    <mergeCell ref="A1408:C1409"/>
    <mergeCell ref="D1408:O1409"/>
    <mergeCell ref="P1408:S1409"/>
    <mergeCell ref="T1408:W1409"/>
    <mergeCell ref="X1408:AA1409"/>
    <mergeCell ref="A1410:C1411"/>
    <mergeCell ref="D1410:O1411"/>
    <mergeCell ref="P1410:S1411"/>
    <mergeCell ref="T1410:W1411"/>
    <mergeCell ref="X1410:AA1411"/>
    <mergeCell ref="A1412:AA1413"/>
    <mergeCell ref="A1414:C1415"/>
    <mergeCell ref="D1414:O1415"/>
    <mergeCell ref="P1414:S1415"/>
    <mergeCell ref="T1414:W1415"/>
    <mergeCell ref="X1414:AA1415"/>
    <mergeCell ref="A1416:C1417"/>
    <mergeCell ref="D1416:O1417"/>
    <mergeCell ref="P1416:S1417"/>
    <mergeCell ref="T1416:W1417"/>
    <mergeCell ref="X1416:AA1417"/>
    <mergeCell ref="A1418:C1419"/>
    <mergeCell ref="D1418:O1419"/>
    <mergeCell ref="P1418:S1419"/>
    <mergeCell ref="T1418:W1419"/>
    <mergeCell ref="X1418:AA1419"/>
    <mergeCell ref="A1420:C1421"/>
    <mergeCell ref="D1420:O1421"/>
    <mergeCell ref="P1420:S1421"/>
    <mergeCell ref="T1420:W1421"/>
    <mergeCell ref="X1420:AA1421"/>
    <mergeCell ref="A1422:C1423"/>
    <mergeCell ref="D1422:O1423"/>
    <mergeCell ref="P1422:S1423"/>
    <mergeCell ref="T1422:W1423"/>
    <mergeCell ref="X1422:AA1423"/>
    <mergeCell ref="A1394:C1395"/>
    <mergeCell ref="D1394:O1395"/>
    <mergeCell ref="P1394:S1395"/>
    <mergeCell ref="T1394:W1395"/>
    <mergeCell ref="X1394:AA1395"/>
    <mergeCell ref="A1396:C1397"/>
    <mergeCell ref="D1396:O1397"/>
    <mergeCell ref="P1396:S1397"/>
    <mergeCell ref="T1396:W1397"/>
    <mergeCell ref="X1396:AA1397"/>
    <mergeCell ref="A1398:C1399"/>
    <mergeCell ref="D1398:O1399"/>
    <mergeCell ref="P1398:S1399"/>
    <mergeCell ref="T1398:W1399"/>
    <mergeCell ref="X1398:AA1399"/>
    <mergeCell ref="A1400:C1401"/>
    <mergeCell ref="D1400:O1401"/>
    <mergeCell ref="P1400:S1401"/>
    <mergeCell ref="T1400:W1401"/>
    <mergeCell ref="X1400:AA1401"/>
    <mergeCell ref="A1402:C1403"/>
    <mergeCell ref="D1402:O1403"/>
    <mergeCell ref="P1402:S1403"/>
    <mergeCell ref="T1402:W1403"/>
    <mergeCell ref="X1402:AA1403"/>
    <mergeCell ref="A1404:C1405"/>
    <mergeCell ref="D1404:O1405"/>
    <mergeCell ref="P1404:S1405"/>
    <mergeCell ref="T1404:W1405"/>
    <mergeCell ref="X1404:AA1405"/>
    <mergeCell ref="A1406:C1407"/>
    <mergeCell ref="D1406:O1407"/>
    <mergeCell ref="P1406:S1407"/>
    <mergeCell ref="T1406:W1407"/>
    <mergeCell ref="X1406:AA1407"/>
    <mergeCell ref="A1380:C1381"/>
    <mergeCell ref="D1380:O1381"/>
    <mergeCell ref="P1380:S1381"/>
    <mergeCell ref="T1380:W1381"/>
    <mergeCell ref="X1380:AA1381"/>
    <mergeCell ref="A1382:C1383"/>
    <mergeCell ref="D1382:O1383"/>
    <mergeCell ref="P1382:S1383"/>
    <mergeCell ref="T1382:W1383"/>
    <mergeCell ref="X1382:AA1383"/>
    <mergeCell ref="A1384:C1385"/>
    <mergeCell ref="D1384:O1385"/>
    <mergeCell ref="P1384:S1385"/>
    <mergeCell ref="T1384:W1385"/>
    <mergeCell ref="X1384:AA1385"/>
    <mergeCell ref="A1386:C1387"/>
    <mergeCell ref="D1386:O1387"/>
    <mergeCell ref="P1386:S1387"/>
    <mergeCell ref="T1386:W1387"/>
    <mergeCell ref="X1386:AA1387"/>
    <mergeCell ref="A1388:C1389"/>
    <mergeCell ref="D1388:O1389"/>
    <mergeCell ref="P1388:S1389"/>
    <mergeCell ref="T1388:W1389"/>
    <mergeCell ref="X1388:AA1389"/>
    <mergeCell ref="A1390:C1391"/>
    <mergeCell ref="D1390:O1391"/>
    <mergeCell ref="P1390:S1391"/>
    <mergeCell ref="T1390:W1391"/>
    <mergeCell ref="X1390:AA1391"/>
    <mergeCell ref="A1392:C1393"/>
    <mergeCell ref="D1392:O1393"/>
    <mergeCell ref="P1392:S1393"/>
    <mergeCell ref="T1392:W1393"/>
    <mergeCell ref="X1392:AA1393"/>
    <mergeCell ref="A1366:C1367"/>
    <mergeCell ref="D1366:O1367"/>
    <mergeCell ref="P1366:S1367"/>
    <mergeCell ref="T1366:W1367"/>
    <mergeCell ref="X1366:AA1367"/>
    <mergeCell ref="A1368:C1369"/>
    <mergeCell ref="D1368:O1369"/>
    <mergeCell ref="P1368:S1369"/>
    <mergeCell ref="T1368:W1369"/>
    <mergeCell ref="X1368:AA1369"/>
    <mergeCell ref="A1370:C1371"/>
    <mergeCell ref="D1370:O1371"/>
    <mergeCell ref="P1370:S1371"/>
    <mergeCell ref="T1370:W1371"/>
    <mergeCell ref="X1370:AA1371"/>
    <mergeCell ref="A1372:C1373"/>
    <mergeCell ref="D1372:O1373"/>
    <mergeCell ref="P1372:S1373"/>
    <mergeCell ref="T1372:W1373"/>
    <mergeCell ref="X1372:AA1373"/>
    <mergeCell ref="A1374:C1375"/>
    <mergeCell ref="D1374:O1375"/>
    <mergeCell ref="P1374:S1375"/>
    <mergeCell ref="T1374:W1375"/>
    <mergeCell ref="X1374:AA1375"/>
    <mergeCell ref="A1376:C1377"/>
    <mergeCell ref="D1376:O1377"/>
    <mergeCell ref="P1376:S1377"/>
    <mergeCell ref="T1376:W1377"/>
    <mergeCell ref="X1376:AA1377"/>
    <mergeCell ref="A1378:C1379"/>
    <mergeCell ref="D1378:O1379"/>
    <mergeCell ref="P1378:S1379"/>
    <mergeCell ref="T1378:W1379"/>
    <mergeCell ref="X1378:AA1379"/>
    <mergeCell ref="A1350:C1351"/>
    <mergeCell ref="D1350:O1351"/>
    <mergeCell ref="P1350:S1351"/>
    <mergeCell ref="T1350:W1351"/>
    <mergeCell ref="X1350:AA1351"/>
    <mergeCell ref="A1352:C1353"/>
    <mergeCell ref="D1352:O1353"/>
    <mergeCell ref="P1352:S1353"/>
    <mergeCell ref="T1352:W1353"/>
    <mergeCell ref="X1352:AA1353"/>
    <mergeCell ref="A1354:AA1355"/>
    <mergeCell ref="A1356:C1357"/>
    <mergeCell ref="D1356:O1357"/>
    <mergeCell ref="P1356:S1357"/>
    <mergeCell ref="T1356:W1357"/>
    <mergeCell ref="X1356:AA1357"/>
    <mergeCell ref="A1358:C1359"/>
    <mergeCell ref="D1358:O1359"/>
    <mergeCell ref="P1358:S1359"/>
    <mergeCell ref="T1358:W1359"/>
    <mergeCell ref="X1358:AA1359"/>
    <mergeCell ref="A1360:C1361"/>
    <mergeCell ref="D1360:O1361"/>
    <mergeCell ref="P1360:S1361"/>
    <mergeCell ref="T1360:W1361"/>
    <mergeCell ref="X1360:AA1361"/>
    <mergeCell ref="A1362:C1363"/>
    <mergeCell ref="D1362:O1363"/>
    <mergeCell ref="P1362:S1363"/>
    <mergeCell ref="T1362:W1363"/>
    <mergeCell ref="X1362:AA1363"/>
    <mergeCell ref="A1364:C1365"/>
    <mergeCell ref="D1364:O1365"/>
    <mergeCell ref="P1364:S1365"/>
    <mergeCell ref="T1364:W1365"/>
    <mergeCell ref="X1364:AA1365"/>
    <mergeCell ref="A1336:C1337"/>
    <mergeCell ref="D1336:O1337"/>
    <mergeCell ref="P1336:S1337"/>
    <mergeCell ref="T1336:W1337"/>
    <mergeCell ref="X1336:AA1337"/>
    <mergeCell ref="A1338:C1339"/>
    <mergeCell ref="D1338:O1339"/>
    <mergeCell ref="P1338:S1339"/>
    <mergeCell ref="T1338:W1339"/>
    <mergeCell ref="X1338:AA1339"/>
    <mergeCell ref="A1340:C1341"/>
    <mergeCell ref="D1340:O1341"/>
    <mergeCell ref="P1340:S1341"/>
    <mergeCell ref="T1340:W1341"/>
    <mergeCell ref="X1340:AA1341"/>
    <mergeCell ref="A1342:C1343"/>
    <mergeCell ref="D1342:O1343"/>
    <mergeCell ref="P1342:S1343"/>
    <mergeCell ref="T1342:W1343"/>
    <mergeCell ref="X1342:AA1343"/>
    <mergeCell ref="A1344:C1345"/>
    <mergeCell ref="D1344:O1345"/>
    <mergeCell ref="P1344:S1345"/>
    <mergeCell ref="T1344:W1345"/>
    <mergeCell ref="X1344:AA1345"/>
    <mergeCell ref="A1346:C1347"/>
    <mergeCell ref="D1346:O1347"/>
    <mergeCell ref="P1346:S1347"/>
    <mergeCell ref="T1346:W1347"/>
    <mergeCell ref="X1346:AA1347"/>
    <mergeCell ref="A1348:C1349"/>
    <mergeCell ref="D1348:O1349"/>
    <mergeCell ref="P1348:S1349"/>
    <mergeCell ref="T1348:W1349"/>
    <mergeCell ref="X1348:AA1349"/>
    <mergeCell ref="A1322:C1323"/>
    <mergeCell ref="D1322:O1323"/>
    <mergeCell ref="P1322:S1323"/>
    <mergeCell ref="T1322:W1323"/>
    <mergeCell ref="X1322:AA1323"/>
    <mergeCell ref="A1324:C1325"/>
    <mergeCell ref="D1324:O1325"/>
    <mergeCell ref="P1324:S1325"/>
    <mergeCell ref="T1324:W1325"/>
    <mergeCell ref="X1324:AA1325"/>
    <mergeCell ref="A1326:C1327"/>
    <mergeCell ref="D1326:O1327"/>
    <mergeCell ref="P1326:S1327"/>
    <mergeCell ref="T1326:W1327"/>
    <mergeCell ref="X1326:AA1327"/>
    <mergeCell ref="A1328:C1329"/>
    <mergeCell ref="D1328:O1329"/>
    <mergeCell ref="P1328:S1329"/>
    <mergeCell ref="T1328:W1329"/>
    <mergeCell ref="X1328:AA1329"/>
    <mergeCell ref="A1330:C1331"/>
    <mergeCell ref="D1330:O1331"/>
    <mergeCell ref="P1330:S1331"/>
    <mergeCell ref="T1330:W1331"/>
    <mergeCell ref="X1330:AA1331"/>
    <mergeCell ref="A1332:C1333"/>
    <mergeCell ref="D1332:O1333"/>
    <mergeCell ref="P1332:S1333"/>
    <mergeCell ref="T1332:W1333"/>
    <mergeCell ref="X1332:AA1333"/>
    <mergeCell ref="A1334:C1335"/>
    <mergeCell ref="D1334:O1335"/>
    <mergeCell ref="P1334:S1335"/>
    <mergeCell ref="T1334:W1335"/>
    <mergeCell ref="X1334:AA1335"/>
    <mergeCell ref="A1308:C1309"/>
    <mergeCell ref="D1308:O1309"/>
    <mergeCell ref="P1308:S1309"/>
    <mergeCell ref="T1308:W1309"/>
    <mergeCell ref="X1308:AA1309"/>
    <mergeCell ref="A1310:C1311"/>
    <mergeCell ref="D1310:O1311"/>
    <mergeCell ref="P1310:S1311"/>
    <mergeCell ref="T1310:W1311"/>
    <mergeCell ref="X1310:AA1311"/>
    <mergeCell ref="A1312:C1313"/>
    <mergeCell ref="D1312:O1313"/>
    <mergeCell ref="P1312:S1313"/>
    <mergeCell ref="T1312:W1313"/>
    <mergeCell ref="X1312:AA1313"/>
    <mergeCell ref="A1314:C1315"/>
    <mergeCell ref="D1314:O1315"/>
    <mergeCell ref="P1314:S1315"/>
    <mergeCell ref="T1314:W1315"/>
    <mergeCell ref="X1314:AA1315"/>
    <mergeCell ref="A1316:C1317"/>
    <mergeCell ref="D1316:O1317"/>
    <mergeCell ref="P1316:S1317"/>
    <mergeCell ref="T1316:W1317"/>
    <mergeCell ref="X1316:AA1317"/>
    <mergeCell ref="A1318:C1319"/>
    <mergeCell ref="D1318:O1319"/>
    <mergeCell ref="P1318:S1319"/>
    <mergeCell ref="T1318:W1319"/>
    <mergeCell ref="X1318:AA1319"/>
    <mergeCell ref="A1320:C1321"/>
    <mergeCell ref="D1320:O1321"/>
    <mergeCell ref="P1320:S1321"/>
    <mergeCell ref="T1320:W1321"/>
    <mergeCell ref="X1320:AA1321"/>
    <mergeCell ref="A1292:C1293"/>
    <mergeCell ref="D1292:O1293"/>
    <mergeCell ref="P1292:S1293"/>
    <mergeCell ref="T1292:W1293"/>
    <mergeCell ref="X1292:AA1293"/>
    <mergeCell ref="A1294:C1295"/>
    <mergeCell ref="D1294:O1295"/>
    <mergeCell ref="P1294:S1295"/>
    <mergeCell ref="T1294:W1295"/>
    <mergeCell ref="X1294:AA1295"/>
    <mergeCell ref="A1296:C1297"/>
    <mergeCell ref="D1296:O1297"/>
    <mergeCell ref="P1296:S1297"/>
    <mergeCell ref="T1296:W1297"/>
    <mergeCell ref="X1296:AA1297"/>
    <mergeCell ref="A1298:C1299"/>
    <mergeCell ref="D1298:O1299"/>
    <mergeCell ref="P1298:S1299"/>
    <mergeCell ref="T1298:W1299"/>
    <mergeCell ref="X1298:AA1299"/>
    <mergeCell ref="A1300:C1301"/>
    <mergeCell ref="D1300:O1301"/>
    <mergeCell ref="P1300:S1301"/>
    <mergeCell ref="T1300:W1301"/>
    <mergeCell ref="X1300:AA1301"/>
    <mergeCell ref="A1302:C1303"/>
    <mergeCell ref="D1302:O1303"/>
    <mergeCell ref="P1302:S1303"/>
    <mergeCell ref="T1302:W1303"/>
    <mergeCell ref="X1302:AA1303"/>
    <mergeCell ref="A1304:AA1305"/>
    <mergeCell ref="A1306:C1307"/>
    <mergeCell ref="D1306:O1307"/>
    <mergeCell ref="P1306:S1307"/>
    <mergeCell ref="T1306:W1307"/>
    <mergeCell ref="X1306:AA1307"/>
    <mergeCell ref="A1278:C1279"/>
    <mergeCell ref="D1278:O1279"/>
    <mergeCell ref="P1278:S1279"/>
    <mergeCell ref="T1278:W1279"/>
    <mergeCell ref="X1278:AA1279"/>
    <mergeCell ref="A1280:C1281"/>
    <mergeCell ref="D1280:O1281"/>
    <mergeCell ref="P1280:S1281"/>
    <mergeCell ref="T1280:W1281"/>
    <mergeCell ref="X1280:AA1281"/>
    <mergeCell ref="A1282:C1283"/>
    <mergeCell ref="D1282:O1283"/>
    <mergeCell ref="P1282:S1283"/>
    <mergeCell ref="T1282:W1283"/>
    <mergeCell ref="X1282:AA1283"/>
    <mergeCell ref="A1284:C1285"/>
    <mergeCell ref="D1284:O1285"/>
    <mergeCell ref="P1284:S1285"/>
    <mergeCell ref="T1284:W1285"/>
    <mergeCell ref="X1284:AA1285"/>
    <mergeCell ref="A1286:C1287"/>
    <mergeCell ref="D1286:O1287"/>
    <mergeCell ref="P1286:S1287"/>
    <mergeCell ref="T1286:W1287"/>
    <mergeCell ref="X1286:AA1287"/>
    <mergeCell ref="A1288:C1289"/>
    <mergeCell ref="D1288:O1289"/>
    <mergeCell ref="P1288:S1289"/>
    <mergeCell ref="T1288:W1289"/>
    <mergeCell ref="X1288:AA1289"/>
    <mergeCell ref="A1290:C1291"/>
    <mergeCell ref="D1290:O1291"/>
    <mergeCell ref="P1290:S1291"/>
    <mergeCell ref="T1290:W1291"/>
    <mergeCell ref="X1290:AA1291"/>
    <mergeCell ref="A1264:C1265"/>
    <mergeCell ref="D1264:O1265"/>
    <mergeCell ref="P1264:S1265"/>
    <mergeCell ref="T1264:W1265"/>
    <mergeCell ref="X1264:AA1265"/>
    <mergeCell ref="A1266:C1267"/>
    <mergeCell ref="D1266:O1267"/>
    <mergeCell ref="P1266:S1267"/>
    <mergeCell ref="T1266:W1267"/>
    <mergeCell ref="X1266:AA1267"/>
    <mergeCell ref="A1268:C1269"/>
    <mergeCell ref="D1268:O1269"/>
    <mergeCell ref="P1268:S1269"/>
    <mergeCell ref="T1268:W1269"/>
    <mergeCell ref="X1268:AA1269"/>
    <mergeCell ref="A1270:C1271"/>
    <mergeCell ref="D1270:O1271"/>
    <mergeCell ref="P1270:S1271"/>
    <mergeCell ref="T1270:W1271"/>
    <mergeCell ref="X1270:AA1271"/>
    <mergeCell ref="A1272:C1273"/>
    <mergeCell ref="D1272:O1273"/>
    <mergeCell ref="P1272:S1273"/>
    <mergeCell ref="T1272:W1273"/>
    <mergeCell ref="X1272:AA1273"/>
    <mergeCell ref="A1274:C1275"/>
    <mergeCell ref="D1274:O1275"/>
    <mergeCell ref="P1274:S1275"/>
    <mergeCell ref="T1274:W1275"/>
    <mergeCell ref="X1274:AA1275"/>
    <mergeCell ref="A1276:C1277"/>
    <mergeCell ref="D1276:O1277"/>
    <mergeCell ref="P1276:S1277"/>
    <mergeCell ref="T1276:W1277"/>
    <mergeCell ref="X1276:AA1277"/>
    <mergeCell ref="A1250:C1251"/>
    <mergeCell ref="D1250:O1251"/>
    <mergeCell ref="P1250:S1251"/>
    <mergeCell ref="T1250:W1251"/>
    <mergeCell ref="X1250:AA1251"/>
    <mergeCell ref="A1252:C1253"/>
    <mergeCell ref="D1252:O1253"/>
    <mergeCell ref="P1252:S1253"/>
    <mergeCell ref="T1252:W1253"/>
    <mergeCell ref="X1252:AA1253"/>
    <mergeCell ref="A1254:C1255"/>
    <mergeCell ref="D1254:O1255"/>
    <mergeCell ref="P1254:S1255"/>
    <mergeCell ref="T1254:W1255"/>
    <mergeCell ref="X1254:AA1255"/>
    <mergeCell ref="A1256:C1257"/>
    <mergeCell ref="D1256:O1257"/>
    <mergeCell ref="P1256:S1257"/>
    <mergeCell ref="T1256:W1257"/>
    <mergeCell ref="X1256:AA1257"/>
    <mergeCell ref="A1258:C1259"/>
    <mergeCell ref="D1258:O1259"/>
    <mergeCell ref="P1258:S1259"/>
    <mergeCell ref="T1258:W1259"/>
    <mergeCell ref="X1258:AA1259"/>
    <mergeCell ref="A1260:C1261"/>
    <mergeCell ref="D1260:O1261"/>
    <mergeCell ref="P1260:S1261"/>
    <mergeCell ref="T1260:W1261"/>
    <mergeCell ref="X1260:AA1261"/>
    <mergeCell ref="A1262:C1263"/>
    <mergeCell ref="D1262:O1263"/>
    <mergeCell ref="P1262:S1263"/>
    <mergeCell ref="T1262:W1263"/>
    <mergeCell ref="X1262:AA1263"/>
    <mergeCell ref="A1236:C1237"/>
    <mergeCell ref="D1236:O1237"/>
    <mergeCell ref="P1236:S1237"/>
    <mergeCell ref="T1236:W1237"/>
    <mergeCell ref="X1236:AA1237"/>
    <mergeCell ref="A1238:C1239"/>
    <mergeCell ref="D1238:O1239"/>
    <mergeCell ref="P1238:S1239"/>
    <mergeCell ref="T1238:W1239"/>
    <mergeCell ref="X1238:AA1239"/>
    <mergeCell ref="A1240:C1241"/>
    <mergeCell ref="D1240:O1241"/>
    <mergeCell ref="P1240:S1241"/>
    <mergeCell ref="T1240:W1241"/>
    <mergeCell ref="X1240:AA1241"/>
    <mergeCell ref="A1242:C1243"/>
    <mergeCell ref="D1242:O1243"/>
    <mergeCell ref="P1242:S1243"/>
    <mergeCell ref="T1242:W1243"/>
    <mergeCell ref="X1242:AA1243"/>
    <mergeCell ref="A1244:C1245"/>
    <mergeCell ref="D1244:O1245"/>
    <mergeCell ref="P1244:S1245"/>
    <mergeCell ref="T1244:W1245"/>
    <mergeCell ref="X1244:AA1245"/>
    <mergeCell ref="A1246:C1247"/>
    <mergeCell ref="D1246:O1247"/>
    <mergeCell ref="P1246:S1247"/>
    <mergeCell ref="T1246:W1247"/>
    <mergeCell ref="X1246:AA1247"/>
    <mergeCell ref="A1248:C1249"/>
    <mergeCell ref="D1248:O1249"/>
    <mergeCell ref="P1248:S1249"/>
    <mergeCell ref="T1248:W1249"/>
    <mergeCell ref="X1248:AA1249"/>
    <mergeCell ref="A1220:C1221"/>
    <mergeCell ref="D1220:O1221"/>
    <mergeCell ref="P1220:S1221"/>
    <mergeCell ref="T1220:W1221"/>
    <mergeCell ref="X1220:AA1221"/>
    <mergeCell ref="A1222:C1223"/>
    <mergeCell ref="D1222:O1223"/>
    <mergeCell ref="P1222:S1223"/>
    <mergeCell ref="T1222:W1223"/>
    <mergeCell ref="X1222:AA1223"/>
    <mergeCell ref="A1224:C1225"/>
    <mergeCell ref="D1224:O1225"/>
    <mergeCell ref="P1224:S1225"/>
    <mergeCell ref="T1224:W1225"/>
    <mergeCell ref="X1224:AA1225"/>
    <mergeCell ref="A1226:C1227"/>
    <mergeCell ref="D1226:O1227"/>
    <mergeCell ref="P1226:S1227"/>
    <mergeCell ref="T1226:W1227"/>
    <mergeCell ref="X1226:AA1227"/>
    <mergeCell ref="A1228:AA1229"/>
    <mergeCell ref="A1230:C1231"/>
    <mergeCell ref="D1230:O1231"/>
    <mergeCell ref="P1230:S1231"/>
    <mergeCell ref="T1230:W1231"/>
    <mergeCell ref="X1230:AA1231"/>
    <mergeCell ref="A1232:C1233"/>
    <mergeCell ref="D1232:O1233"/>
    <mergeCell ref="P1232:S1233"/>
    <mergeCell ref="T1232:W1233"/>
    <mergeCell ref="X1232:AA1233"/>
    <mergeCell ref="A1234:C1235"/>
    <mergeCell ref="D1234:O1235"/>
    <mergeCell ref="P1234:S1235"/>
    <mergeCell ref="T1234:W1235"/>
    <mergeCell ref="X1234:AA1235"/>
    <mergeCell ref="A1206:C1207"/>
    <mergeCell ref="D1206:O1207"/>
    <mergeCell ref="P1206:S1207"/>
    <mergeCell ref="T1206:W1207"/>
    <mergeCell ref="X1206:AA1207"/>
    <mergeCell ref="A1208:C1209"/>
    <mergeCell ref="D1208:O1209"/>
    <mergeCell ref="P1208:S1209"/>
    <mergeCell ref="T1208:W1209"/>
    <mergeCell ref="X1208:AA1209"/>
    <mergeCell ref="A1210:C1211"/>
    <mergeCell ref="D1210:O1211"/>
    <mergeCell ref="P1210:S1211"/>
    <mergeCell ref="T1210:W1211"/>
    <mergeCell ref="X1210:AA1211"/>
    <mergeCell ref="A1212:C1213"/>
    <mergeCell ref="D1212:O1213"/>
    <mergeCell ref="P1212:S1213"/>
    <mergeCell ref="T1212:W1213"/>
    <mergeCell ref="X1212:AA1213"/>
    <mergeCell ref="A1214:C1215"/>
    <mergeCell ref="D1214:O1215"/>
    <mergeCell ref="P1214:S1215"/>
    <mergeCell ref="T1214:W1215"/>
    <mergeCell ref="X1214:AA1215"/>
    <mergeCell ref="A1216:C1217"/>
    <mergeCell ref="D1216:O1217"/>
    <mergeCell ref="P1216:S1217"/>
    <mergeCell ref="T1216:W1217"/>
    <mergeCell ref="X1216:AA1217"/>
    <mergeCell ref="A1218:C1219"/>
    <mergeCell ref="D1218:O1219"/>
    <mergeCell ref="P1218:S1219"/>
    <mergeCell ref="T1218:W1219"/>
    <mergeCell ref="X1218:AA1219"/>
    <mergeCell ref="A1192:C1193"/>
    <mergeCell ref="D1192:O1193"/>
    <mergeCell ref="P1192:S1193"/>
    <mergeCell ref="T1192:W1193"/>
    <mergeCell ref="X1192:AA1193"/>
    <mergeCell ref="A1194:C1195"/>
    <mergeCell ref="D1194:O1195"/>
    <mergeCell ref="P1194:S1195"/>
    <mergeCell ref="T1194:W1195"/>
    <mergeCell ref="X1194:AA1195"/>
    <mergeCell ref="A1196:C1197"/>
    <mergeCell ref="D1196:O1197"/>
    <mergeCell ref="P1196:S1197"/>
    <mergeCell ref="T1196:W1197"/>
    <mergeCell ref="X1196:AA1197"/>
    <mergeCell ref="A1198:C1199"/>
    <mergeCell ref="D1198:O1199"/>
    <mergeCell ref="P1198:S1199"/>
    <mergeCell ref="T1198:W1199"/>
    <mergeCell ref="X1198:AA1199"/>
    <mergeCell ref="A1200:C1201"/>
    <mergeCell ref="D1200:O1201"/>
    <mergeCell ref="P1200:S1201"/>
    <mergeCell ref="T1200:W1201"/>
    <mergeCell ref="X1200:AA1201"/>
    <mergeCell ref="A1202:C1203"/>
    <mergeCell ref="D1202:O1203"/>
    <mergeCell ref="P1202:S1203"/>
    <mergeCell ref="T1202:W1203"/>
    <mergeCell ref="X1202:AA1203"/>
    <mergeCell ref="A1204:C1205"/>
    <mergeCell ref="D1204:O1205"/>
    <mergeCell ref="P1204:S1205"/>
    <mergeCell ref="T1204:W1205"/>
    <mergeCell ref="X1204:AA1205"/>
    <mergeCell ref="A1174:C1175"/>
    <mergeCell ref="D1174:O1175"/>
    <mergeCell ref="P1174:S1175"/>
    <mergeCell ref="T1174:W1175"/>
    <mergeCell ref="X1174:AA1175"/>
    <mergeCell ref="A1176:AA1177"/>
    <mergeCell ref="A1178:C1179"/>
    <mergeCell ref="D1178:O1179"/>
    <mergeCell ref="P1178:S1179"/>
    <mergeCell ref="T1178:W1179"/>
    <mergeCell ref="X1178:AA1179"/>
    <mergeCell ref="A1180:C1181"/>
    <mergeCell ref="D1180:O1181"/>
    <mergeCell ref="P1180:S1181"/>
    <mergeCell ref="T1180:W1181"/>
    <mergeCell ref="X1180:AA1181"/>
    <mergeCell ref="A1182:AA1183"/>
    <mergeCell ref="A1184:C1185"/>
    <mergeCell ref="D1184:O1185"/>
    <mergeCell ref="P1184:S1185"/>
    <mergeCell ref="T1184:W1185"/>
    <mergeCell ref="X1184:AA1185"/>
    <mergeCell ref="A1186:C1187"/>
    <mergeCell ref="D1186:O1187"/>
    <mergeCell ref="P1186:S1187"/>
    <mergeCell ref="T1186:W1187"/>
    <mergeCell ref="X1186:AA1187"/>
    <mergeCell ref="A1188:C1189"/>
    <mergeCell ref="D1188:O1189"/>
    <mergeCell ref="P1188:S1189"/>
    <mergeCell ref="T1188:W1189"/>
    <mergeCell ref="X1188:AA1189"/>
    <mergeCell ref="A1190:C1191"/>
    <mergeCell ref="D1190:O1191"/>
    <mergeCell ref="P1190:S1191"/>
    <mergeCell ref="T1190:W1191"/>
    <mergeCell ref="X1190:AA1191"/>
    <mergeCell ref="A1160:C1161"/>
    <mergeCell ref="D1160:O1161"/>
    <mergeCell ref="P1160:S1161"/>
    <mergeCell ref="T1160:W1161"/>
    <mergeCell ref="X1160:AA1161"/>
    <mergeCell ref="A1162:C1163"/>
    <mergeCell ref="D1162:O1163"/>
    <mergeCell ref="P1162:S1163"/>
    <mergeCell ref="T1162:W1163"/>
    <mergeCell ref="X1162:AA1163"/>
    <mergeCell ref="A1164:C1165"/>
    <mergeCell ref="D1164:O1165"/>
    <mergeCell ref="P1164:S1165"/>
    <mergeCell ref="T1164:W1165"/>
    <mergeCell ref="X1164:AA1165"/>
    <mergeCell ref="A1166:C1167"/>
    <mergeCell ref="D1166:O1167"/>
    <mergeCell ref="P1166:S1167"/>
    <mergeCell ref="T1166:W1167"/>
    <mergeCell ref="X1166:AA1167"/>
    <mergeCell ref="A1168:C1169"/>
    <mergeCell ref="D1168:O1169"/>
    <mergeCell ref="P1168:S1169"/>
    <mergeCell ref="T1168:W1169"/>
    <mergeCell ref="X1168:AA1169"/>
    <mergeCell ref="A1170:C1171"/>
    <mergeCell ref="D1170:O1171"/>
    <mergeCell ref="P1170:S1171"/>
    <mergeCell ref="T1170:W1171"/>
    <mergeCell ref="X1170:AA1171"/>
    <mergeCell ref="A1172:C1173"/>
    <mergeCell ref="D1172:O1173"/>
    <mergeCell ref="P1172:S1173"/>
    <mergeCell ref="T1172:W1173"/>
    <mergeCell ref="X1172:AA1173"/>
    <mergeCell ref="A1144:C1145"/>
    <mergeCell ref="D1144:O1145"/>
    <mergeCell ref="P1144:S1145"/>
    <mergeCell ref="T1144:W1145"/>
    <mergeCell ref="X1144:AA1145"/>
    <mergeCell ref="A1146:C1147"/>
    <mergeCell ref="D1146:O1147"/>
    <mergeCell ref="P1146:S1147"/>
    <mergeCell ref="T1146:W1147"/>
    <mergeCell ref="X1146:AA1147"/>
    <mergeCell ref="A1148:C1149"/>
    <mergeCell ref="D1148:O1149"/>
    <mergeCell ref="P1148:S1149"/>
    <mergeCell ref="T1148:W1149"/>
    <mergeCell ref="X1148:AA1149"/>
    <mergeCell ref="A1150:C1151"/>
    <mergeCell ref="D1150:O1151"/>
    <mergeCell ref="P1150:S1151"/>
    <mergeCell ref="T1150:W1151"/>
    <mergeCell ref="X1150:AA1151"/>
    <mergeCell ref="A1152:C1153"/>
    <mergeCell ref="D1152:O1153"/>
    <mergeCell ref="P1152:S1153"/>
    <mergeCell ref="T1152:W1153"/>
    <mergeCell ref="X1152:AA1153"/>
    <mergeCell ref="A1154:AA1155"/>
    <mergeCell ref="A1156:C1157"/>
    <mergeCell ref="D1156:O1157"/>
    <mergeCell ref="P1156:S1157"/>
    <mergeCell ref="T1156:W1157"/>
    <mergeCell ref="X1156:AA1157"/>
    <mergeCell ref="A1158:C1159"/>
    <mergeCell ref="D1158:O1159"/>
    <mergeCell ref="P1158:S1159"/>
    <mergeCell ref="T1158:W1159"/>
    <mergeCell ref="X1158:AA1159"/>
    <mergeCell ref="A1126:C1127"/>
    <mergeCell ref="D1126:O1127"/>
    <mergeCell ref="P1126:S1127"/>
    <mergeCell ref="T1126:W1127"/>
    <mergeCell ref="X1126:AA1127"/>
    <mergeCell ref="A1128:C1129"/>
    <mergeCell ref="D1128:O1129"/>
    <mergeCell ref="P1128:S1129"/>
    <mergeCell ref="T1128:W1129"/>
    <mergeCell ref="X1128:AA1129"/>
    <mergeCell ref="A1130:AA1131"/>
    <mergeCell ref="A1132:C1133"/>
    <mergeCell ref="D1132:O1133"/>
    <mergeCell ref="P1132:S1133"/>
    <mergeCell ref="T1132:W1133"/>
    <mergeCell ref="X1132:AA1133"/>
    <mergeCell ref="A1134:C1135"/>
    <mergeCell ref="D1134:O1135"/>
    <mergeCell ref="P1134:S1135"/>
    <mergeCell ref="T1134:W1135"/>
    <mergeCell ref="X1134:AA1135"/>
    <mergeCell ref="A1136:C1137"/>
    <mergeCell ref="D1136:O1137"/>
    <mergeCell ref="P1136:S1137"/>
    <mergeCell ref="T1136:W1137"/>
    <mergeCell ref="X1136:AA1137"/>
    <mergeCell ref="A1138:C1139"/>
    <mergeCell ref="D1138:O1139"/>
    <mergeCell ref="P1138:S1139"/>
    <mergeCell ref="T1138:W1139"/>
    <mergeCell ref="X1138:AA1139"/>
    <mergeCell ref="A1140:AA1141"/>
    <mergeCell ref="A1142:C1143"/>
    <mergeCell ref="D1142:O1143"/>
    <mergeCell ref="P1142:S1143"/>
    <mergeCell ref="T1142:W1143"/>
    <mergeCell ref="X1142:AA1143"/>
    <mergeCell ref="A1108:AA1109"/>
    <mergeCell ref="A1110:C1111"/>
    <mergeCell ref="D1110:O1111"/>
    <mergeCell ref="P1110:S1111"/>
    <mergeCell ref="T1110:W1111"/>
    <mergeCell ref="X1110:AA1111"/>
    <mergeCell ref="A1112:C1113"/>
    <mergeCell ref="D1112:O1113"/>
    <mergeCell ref="P1112:S1113"/>
    <mergeCell ref="T1112:W1113"/>
    <mergeCell ref="X1112:AA1113"/>
    <mergeCell ref="A1114:C1115"/>
    <mergeCell ref="D1114:O1115"/>
    <mergeCell ref="P1114:S1115"/>
    <mergeCell ref="T1114:W1115"/>
    <mergeCell ref="X1114:AA1115"/>
    <mergeCell ref="A1116:AA1117"/>
    <mergeCell ref="A1118:C1119"/>
    <mergeCell ref="D1118:O1119"/>
    <mergeCell ref="P1118:S1119"/>
    <mergeCell ref="T1118:W1119"/>
    <mergeCell ref="X1118:AA1119"/>
    <mergeCell ref="A1120:C1121"/>
    <mergeCell ref="D1120:O1121"/>
    <mergeCell ref="P1120:S1121"/>
    <mergeCell ref="T1120:W1121"/>
    <mergeCell ref="X1120:AA1121"/>
    <mergeCell ref="A1122:C1123"/>
    <mergeCell ref="D1122:O1123"/>
    <mergeCell ref="P1122:S1123"/>
    <mergeCell ref="T1122:W1123"/>
    <mergeCell ref="X1122:AA1123"/>
    <mergeCell ref="A1124:AA1125"/>
    <mergeCell ref="A1090:C1091"/>
    <mergeCell ref="D1090:O1091"/>
    <mergeCell ref="P1090:S1091"/>
    <mergeCell ref="T1090:W1091"/>
    <mergeCell ref="X1090:AA1091"/>
    <mergeCell ref="A1092:C1093"/>
    <mergeCell ref="D1092:O1093"/>
    <mergeCell ref="P1092:S1093"/>
    <mergeCell ref="T1092:W1093"/>
    <mergeCell ref="X1092:AA1093"/>
    <mergeCell ref="A1094:AA1095"/>
    <mergeCell ref="A1096:C1097"/>
    <mergeCell ref="D1096:O1097"/>
    <mergeCell ref="P1096:S1097"/>
    <mergeCell ref="T1096:W1097"/>
    <mergeCell ref="X1096:AA1097"/>
    <mergeCell ref="A1098:C1099"/>
    <mergeCell ref="D1098:O1099"/>
    <mergeCell ref="P1098:S1099"/>
    <mergeCell ref="T1098:W1099"/>
    <mergeCell ref="X1098:AA1099"/>
    <mergeCell ref="A1100:C1101"/>
    <mergeCell ref="D1100:O1101"/>
    <mergeCell ref="P1100:S1101"/>
    <mergeCell ref="T1100:W1101"/>
    <mergeCell ref="X1100:AA1101"/>
    <mergeCell ref="A1102:AA1103"/>
    <mergeCell ref="A1104:C1105"/>
    <mergeCell ref="D1104:O1105"/>
    <mergeCell ref="P1104:S1105"/>
    <mergeCell ref="T1104:W1105"/>
    <mergeCell ref="X1104:AA1105"/>
    <mergeCell ref="A1106:C1107"/>
    <mergeCell ref="D1106:O1107"/>
    <mergeCell ref="P1106:S1107"/>
    <mergeCell ref="T1106:W1107"/>
    <mergeCell ref="X1106:AA1107"/>
    <mergeCell ref="A1076:C1077"/>
    <mergeCell ref="D1076:O1077"/>
    <mergeCell ref="P1076:S1077"/>
    <mergeCell ref="T1076:W1077"/>
    <mergeCell ref="X1076:AA1077"/>
    <mergeCell ref="A1078:C1079"/>
    <mergeCell ref="D1078:O1079"/>
    <mergeCell ref="P1078:S1079"/>
    <mergeCell ref="T1078:W1079"/>
    <mergeCell ref="X1078:AA1079"/>
    <mergeCell ref="A1080:C1081"/>
    <mergeCell ref="D1080:O1081"/>
    <mergeCell ref="P1080:S1081"/>
    <mergeCell ref="T1080:W1081"/>
    <mergeCell ref="X1080:AA1081"/>
    <mergeCell ref="A1082:C1083"/>
    <mergeCell ref="D1082:O1083"/>
    <mergeCell ref="P1082:S1083"/>
    <mergeCell ref="T1082:W1083"/>
    <mergeCell ref="X1082:AA1083"/>
    <mergeCell ref="A1084:C1085"/>
    <mergeCell ref="D1084:O1085"/>
    <mergeCell ref="P1084:S1085"/>
    <mergeCell ref="T1084:W1085"/>
    <mergeCell ref="X1084:AA1085"/>
    <mergeCell ref="A1086:C1087"/>
    <mergeCell ref="D1086:O1087"/>
    <mergeCell ref="P1086:S1087"/>
    <mergeCell ref="T1086:W1087"/>
    <mergeCell ref="X1086:AA1087"/>
    <mergeCell ref="A1088:C1089"/>
    <mergeCell ref="D1088:O1089"/>
    <mergeCell ref="P1088:S1089"/>
    <mergeCell ref="T1088:W1089"/>
    <mergeCell ref="X1088:AA1089"/>
    <mergeCell ref="A1060:AA1061"/>
    <mergeCell ref="A1062:C1063"/>
    <mergeCell ref="D1062:O1063"/>
    <mergeCell ref="P1062:S1063"/>
    <mergeCell ref="T1062:W1063"/>
    <mergeCell ref="X1062:AA1063"/>
    <mergeCell ref="A1064:C1065"/>
    <mergeCell ref="D1064:O1065"/>
    <mergeCell ref="P1064:S1065"/>
    <mergeCell ref="T1064:W1065"/>
    <mergeCell ref="X1064:AA1065"/>
    <mergeCell ref="A1066:C1067"/>
    <mergeCell ref="D1066:O1067"/>
    <mergeCell ref="P1066:S1067"/>
    <mergeCell ref="T1066:W1067"/>
    <mergeCell ref="X1066:AA1067"/>
    <mergeCell ref="A1068:C1069"/>
    <mergeCell ref="D1068:O1069"/>
    <mergeCell ref="P1068:S1069"/>
    <mergeCell ref="T1068:W1069"/>
    <mergeCell ref="X1068:AA1069"/>
    <mergeCell ref="A1070:C1071"/>
    <mergeCell ref="D1070:O1071"/>
    <mergeCell ref="P1070:S1071"/>
    <mergeCell ref="T1070:W1071"/>
    <mergeCell ref="X1070:AA1071"/>
    <mergeCell ref="A1072:C1073"/>
    <mergeCell ref="D1072:O1073"/>
    <mergeCell ref="P1072:S1073"/>
    <mergeCell ref="T1072:W1073"/>
    <mergeCell ref="X1072:AA1073"/>
    <mergeCell ref="A1074:C1075"/>
    <mergeCell ref="D1074:O1075"/>
    <mergeCell ref="P1074:S1075"/>
    <mergeCell ref="T1074:W1075"/>
    <mergeCell ref="X1074:AA1075"/>
    <mergeCell ref="A1046:C1047"/>
    <mergeCell ref="D1046:O1047"/>
    <mergeCell ref="P1046:S1047"/>
    <mergeCell ref="T1046:W1047"/>
    <mergeCell ref="X1046:AA1047"/>
    <mergeCell ref="A1048:C1049"/>
    <mergeCell ref="D1048:O1049"/>
    <mergeCell ref="P1048:S1049"/>
    <mergeCell ref="T1048:W1049"/>
    <mergeCell ref="X1048:AA1049"/>
    <mergeCell ref="A1050:C1051"/>
    <mergeCell ref="D1050:O1051"/>
    <mergeCell ref="P1050:S1051"/>
    <mergeCell ref="T1050:W1051"/>
    <mergeCell ref="X1050:AA1051"/>
    <mergeCell ref="A1052:C1053"/>
    <mergeCell ref="D1052:O1053"/>
    <mergeCell ref="P1052:S1053"/>
    <mergeCell ref="T1052:W1053"/>
    <mergeCell ref="X1052:AA1053"/>
    <mergeCell ref="A1054:C1055"/>
    <mergeCell ref="D1054:O1055"/>
    <mergeCell ref="P1054:S1055"/>
    <mergeCell ref="T1054:W1055"/>
    <mergeCell ref="X1054:AA1055"/>
    <mergeCell ref="A1056:C1057"/>
    <mergeCell ref="D1056:O1057"/>
    <mergeCell ref="P1056:S1057"/>
    <mergeCell ref="T1056:W1057"/>
    <mergeCell ref="X1056:AA1057"/>
    <mergeCell ref="A1058:C1059"/>
    <mergeCell ref="D1058:O1059"/>
    <mergeCell ref="P1058:S1059"/>
    <mergeCell ref="T1058:W1059"/>
    <mergeCell ref="X1058:AA1059"/>
    <mergeCell ref="A1030:C1031"/>
    <mergeCell ref="D1030:O1031"/>
    <mergeCell ref="P1030:S1031"/>
    <mergeCell ref="T1030:W1031"/>
    <mergeCell ref="X1030:AA1031"/>
    <mergeCell ref="A1032:AA1033"/>
    <mergeCell ref="A1034:C1035"/>
    <mergeCell ref="D1034:O1035"/>
    <mergeCell ref="P1034:S1035"/>
    <mergeCell ref="T1034:W1035"/>
    <mergeCell ref="X1034:AA1035"/>
    <mergeCell ref="A1036:C1037"/>
    <mergeCell ref="D1036:O1037"/>
    <mergeCell ref="P1036:S1037"/>
    <mergeCell ref="T1036:W1037"/>
    <mergeCell ref="X1036:AA1037"/>
    <mergeCell ref="A1038:C1039"/>
    <mergeCell ref="D1038:O1039"/>
    <mergeCell ref="P1038:S1039"/>
    <mergeCell ref="T1038:W1039"/>
    <mergeCell ref="X1038:AA1039"/>
    <mergeCell ref="A1040:C1041"/>
    <mergeCell ref="D1040:O1041"/>
    <mergeCell ref="P1040:S1041"/>
    <mergeCell ref="T1040:W1041"/>
    <mergeCell ref="X1040:AA1041"/>
    <mergeCell ref="A1042:C1043"/>
    <mergeCell ref="D1042:O1043"/>
    <mergeCell ref="P1042:S1043"/>
    <mergeCell ref="T1042:W1043"/>
    <mergeCell ref="X1042:AA1043"/>
    <mergeCell ref="A1044:C1045"/>
    <mergeCell ref="D1044:O1045"/>
    <mergeCell ref="P1044:S1045"/>
    <mergeCell ref="T1044:W1045"/>
    <mergeCell ref="X1044:AA1045"/>
    <mergeCell ref="A1014:C1015"/>
    <mergeCell ref="D1014:O1015"/>
    <mergeCell ref="P1014:S1015"/>
    <mergeCell ref="T1014:W1015"/>
    <mergeCell ref="X1014:AA1015"/>
    <mergeCell ref="A1016:C1017"/>
    <mergeCell ref="D1016:O1017"/>
    <mergeCell ref="P1016:S1017"/>
    <mergeCell ref="T1016:W1017"/>
    <mergeCell ref="X1016:AA1017"/>
    <mergeCell ref="A1018:AA1019"/>
    <mergeCell ref="A1020:C1021"/>
    <mergeCell ref="D1020:O1021"/>
    <mergeCell ref="P1020:S1021"/>
    <mergeCell ref="T1020:W1021"/>
    <mergeCell ref="X1020:AA1021"/>
    <mergeCell ref="A1022:C1023"/>
    <mergeCell ref="D1022:O1023"/>
    <mergeCell ref="P1022:S1023"/>
    <mergeCell ref="T1022:W1023"/>
    <mergeCell ref="X1022:AA1023"/>
    <mergeCell ref="A1024:C1025"/>
    <mergeCell ref="D1024:O1025"/>
    <mergeCell ref="P1024:S1025"/>
    <mergeCell ref="T1024:W1025"/>
    <mergeCell ref="X1024:AA1025"/>
    <mergeCell ref="A1026:C1027"/>
    <mergeCell ref="D1026:O1027"/>
    <mergeCell ref="P1026:S1027"/>
    <mergeCell ref="T1026:W1027"/>
    <mergeCell ref="X1026:AA1027"/>
    <mergeCell ref="A1028:C1029"/>
    <mergeCell ref="D1028:O1029"/>
    <mergeCell ref="P1028:S1029"/>
    <mergeCell ref="T1028:W1029"/>
    <mergeCell ref="X1028:AA1029"/>
    <mergeCell ref="A1000:C1001"/>
    <mergeCell ref="D1000:O1001"/>
    <mergeCell ref="P1000:S1001"/>
    <mergeCell ref="T1000:W1001"/>
    <mergeCell ref="X1000:AA1001"/>
    <mergeCell ref="A1002:C1003"/>
    <mergeCell ref="D1002:O1003"/>
    <mergeCell ref="P1002:S1003"/>
    <mergeCell ref="T1002:W1003"/>
    <mergeCell ref="X1002:AA1003"/>
    <mergeCell ref="A1004:C1005"/>
    <mergeCell ref="D1004:O1005"/>
    <mergeCell ref="P1004:S1005"/>
    <mergeCell ref="T1004:W1005"/>
    <mergeCell ref="X1004:AA1005"/>
    <mergeCell ref="A1006:C1007"/>
    <mergeCell ref="D1006:O1007"/>
    <mergeCell ref="P1006:S1007"/>
    <mergeCell ref="T1006:W1007"/>
    <mergeCell ref="X1006:AA1007"/>
    <mergeCell ref="A1008:C1009"/>
    <mergeCell ref="D1008:O1009"/>
    <mergeCell ref="P1008:S1009"/>
    <mergeCell ref="T1008:W1009"/>
    <mergeCell ref="X1008:AA1009"/>
    <mergeCell ref="A1010:C1011"/>
    <mergeCell ref="D1010:O1011"/>
    <mergeCell ref="P1010:S1011"/>
    <mergeCell ref="T1010:W1011"/>
    <mergeCell ref="X1010:AA1011"/>
    <mergeCell ref="A1012:C1013"/>
    <mergeCell ref="D1012:O1013"/>
    <mergeCell ref="P1012:S1013"/>
    <mergeCell ref="T1012:W1013"/>
    <mergeCell ref="X1012:AA1013"/>
    <mergeCell ref="A984:C985"/>
    <mergeCell ref="D984:O985"/>
    <mergeCell ref="P984:S985"/>
    <mergeCell ref="T984:W985"/>
    <mergeCell ref="X984:AA985"/>
    <mergeCell ref="A986:AA987"/>
    <mergeCell ref="A988:C989"/>
    <mergeCell ref="D988:O989"/>
    <mergeCell ref="P988:S989"/>
    <mergeCell ref="T988:W989"/>
    <mergeCell ref="X988:AA989"/>
    <mergeCell ref="A990:C991"/>
    <mergeCell ref="D990:O991"/>
    <mergeCell ref="P990:S991"/>
    <mergeCell ref="T990:W991"/>
    <mergeCell ref="X990:AA991"/>
    <mergeCell ref="A992:C993"/>
    <mergeCell ref="D992:O993"/>
    <mergeCell ref="P992:S993"/>
    <mergeCell ref="T992:W993"/>
    <mergeCell ref="X992:AA993"/>
    <mergeCell ref="A994:C995"/>
    <mergeCell ref="D994:O995"/>
    <mergeCell ref="P994:S995"/>
    <mergeCell ref="T994:W995"/>
    <mergeCell ref="X994:AA995"/>
    <mergeCell ref="A996:C997"/>
    <mergeCell ref="D996:O997"/>
    <mergeCell ref="P996:S997"/>
    <mergeCell ref="T996:W997"/>
    <mergeCell ref="X996:AA997"/>
    <mergeCell ref="A998:C999"/>
    <mergeCell ref="D998:O999"/>
    <mergeCell ref="P998:S999"/>
    <mergeCell ref="T998:W999"/>
    <mergeCell ref="X998:AA999"/>
    <mergeCell ref="A970:C971"/>
    <mergeCell ref="D970:O971"/>
    <mergeCell ref="P970:S971"/>
    <mergeCell ref="T970:W971"/>
    <mergeCell ref="X970:AA971"/>
    <mergeCell ref="A972:C973"/>
    <mergeCell ref="D972:O973"/>
    <mergeCell ref="P972:S973"/>
    <mergeCell ref="T972:W973"/>
    <mergeCell ref="X972:AA973"/>
    <mergeCell ref="A974:C975"/>
    <mergeCell ref="D974:O975"/>
    <mergeCell ref="P974:S975"/>
    <mergeCell ref="T974:W975"/>
    <mergeCell ref="X974:AA975"/>
    <mergeCell ref="A976:C977"/>
    <mergeCell ref="D976:O977"/>
    <mergeCell ref="P976:S977"/>
    <mergeCell ref="T976:W977"/>
    <mergeCell ref="X976:AA977"/>
    <mergeCell ref="A978:C979"/>
    <mergeCell ref="D978:O979"/>
    <mergeCell ref="P978:S979"/>
    <mergeCell ref="T978:W979"/>
    <mergeCell ref="X978:AA979"/>
    <mergeCell ref="A980:C981"/>
    <mergeCell ref="D980:O981"/>
    <mergeCell ref="P980:S981"/>
    <mergeCell ref="T980:W981"/>
    <mergeCell ref="X980:AA981"/>
    <mergeCell ref="A982:C983"/>
    <mergeCell ref="D982:O983"/>
    <mergeCell ref="P982:S983"/>
    <mergeCell ref="T982:W983"/>
    <mergeCell ref="X982:AA983"/>
    <mergeCell ref="A954:C955"/>
    <mergeCell ref="D954:O955"/>
    <mergeCell ref="P954:S955"/>
    <mergeCell ref="T954:W955"/>
    <mergeCell ref="X954:AA955"/>
    <mergeCell ref="A956:AA957"/>
    <mergeCell ref="A958:C959"/>
    <mergeCell ref="D958:O959"/>
    <mergeCell ref="P958:S959"/>
    <mergeCell ref="T958:W959"/>
    <mergeCell ref="X958:AA959"/>
    <mergeCell ref="A960:C961"/>
    <mergeCell ref="D960:O961"/>
    <mergeCell ref="P960:S961"/>
    <mergeCell ref="T960:W961"/>
    <mergeCell ref="X960:AA961"/>
    <mergeCell ref="A962:C963"/>
    <mergeCell ref="D962:O963"/>
    <mergeCell ref="P962:S963"/>
    <mergeCell ref="T962:W963"/>
    <mergeCell ref="X962:AA963"/>
    <mergeCell ref="A964:C965"/>
    <mergeCell ref="D964:O965"/>
    <mergeCell ref="P964:S965"/>
    <mergeCell ref="T964:W965"/>
    <mergeCell ref="X964:AA965"/>
    <mergeCell ref="A966:C967"/>
    <mergeCell ref="D966:O967"/>
    <mergeCell ref="P966:S967"/>
    <mergeCell ref="T966:W967"/>
    <mergeCell ref="X966:AA967"/>
    <mergeCell ref="A968:C969"/>
    <mergeCell ref="D968:O969"/>
    <mergeCell ref="P968:S969"/>
    <mergeCell ref="T968:W969"/>
    <mergeCell ref="X968:AA969"/>
    <mergeCell ref="A940:C941"/>
    <mergeCell ref="D940:O941"/>
    <mergeCell ref="P940:S941"/>
    <mergeCell ref="T940:W941"/>
    <mergeCell ref="X940:AA941"/>
    <mergeCell ref="A942:C943"/>
    <mergeCell ref="D942:O943"/>
    <mergeCell ref="P942:S943"/>
    <mergeCell ref="T942:W943"/>
    <mergeCell ref="X942:AA943"/>
    <mergeCell ref="A944:C945"/>
    <mergeCell ref="D944:O945"/>
    <mergeCell ref="P944:S945"/>
    <mergeCell ref="T944:W945"/>
    <mergeCell ref="X944:AA945"/>
    <mergeCell ref="A946:C947"/>
    <mergeCell ref="D946:O947"/>
    <mergeCell ref="P946:S947"/>
    <mergeCell ref="T946:W947"/>
    <mergeCell ref="X946:AA947"/>
    <mergeCell ref="A948:C949"/>
    <mergeCell ref="D948:O949"/>
    <mergeCell ref="P948:S949"/>
    <mergeCell ref="T948:W949"/>
    <mergeCell ref="X948:AA949"/>
    <mergeCell ref="A950:C951"/>
    <mergeCell ref="D950:O951"/>
    <mergeCell ref="P950:S951"/>
    <mergeCell ref="T950:W951"/>
    <mergeCell ref="X950:AA951"/>
    <mergeCell ref="A952:C953"/>
    <mergeCell ref="D952:O953"/>
    <mergeCell ref="P952:S953"/>
    <mergeCell ref="T952:W953"/>
    <mergeCell ref="X952:AA953"/>
    <mergeCell ref="A924:C925"/>
    <mergeCell ref="D924:O925"/>
    <mergeCell ref="P924:S925"/>
    <mergeCell ref="T924:W925"/>
    <mergeCell ref="X924:AA925"/>
    <mergeCell ref="A926:C927"/>
    <mergeCell ref="D926:O927"/>
    <mergeCell ref="P926:S927"/>
    <mergeCell ref="T926:W927"/>
    <mergeCell ref="X926:AA927"/>
    <mergeCell ref="A928:AA929"/>
    <mergeCell ref="A930:C931"/>
    <mergeCell ref="D930:O931"/>
    <mergeCell ref="P930:S931"/>
    <mergeCell ref="T930:W931"/>
    <mergeCell ref="X930:AA931"/>
    <mergeCell ref="A932:C933"/>
    <mergeCell ref="D932:O933"/>
    <mergeCell ref="P932:S933"/>
    <mergeCell ref="T932:W933"/>
    <mergeCell ref="X932:AA933"/>
    <mergeCell ref="A934:C935"/>
    <mergeCell ref="D934:O935"/>
    <mergeCell ref="P934:S935"/>
    <mergeCell ref="T934:W935"/>
    <mergeCell ref="X934:AA935"/>
    <mergeCell ref="A936:C937"/>
    <mergeCell ref="D936:O937"/>
    <mergeCell ref="P936:S937"/>
    <mergeCell ref="T936:W937"/>
    <mergeCell ref="X936:AA937"/>
    <mergeCell ref="A938:C939"/>
    <mergeCell ref="D938:O939"/>
    <mergeCell ref="P938:S939"/>
    <mergeCell ref="T938:W939"/>
    <mergeCell ref="X938:AA939"/>
    <mergeCell ref="A910:C911"/>
    <mergeCell ref="D910:O911"/>
    <mergeCell ref="P910:S911"/>
    <mergeCell ref="T910:W911"/>
    <mergeCell ref="X910:AA911"/>
    <mergeCell ref="A912:C913"/>
    <mergeCell ref="D912:O913"/>
    <mergeCell ref="P912:S913"/>
    <mergeCell ref="T912:W913"/>
    <mergeCell ref="X912:AA913"/>
    <mergeCell ref="A914:C915"/>
    <mergeCell ref="D914:O915"/>
    <mergeCell ref="P914:S915"/>
    <mergeCell ref="T914:W915"/>
    <mergeCell ref="X914:AA915"/>
    <mergeCell ref="A916:C917"/>
    <mergeCell ref="D916:O917"/>
    <mergeCell ref="P916:S917"/>
    <mergeCell ref="T916:W917"/>
    <mergeCell ref="X916:AA917"/>
    <mergeCell ref="A918:C919"/>
    <mergeCell ref="D918:O919"/>
    <mergeCell ref="P918:S919"/>
    <mergeCell ref="T918:W919"/>
    <mergeCell ref="X918:AA919"/>
    <mergeCell ref="A920:C921"/>
    <mergeCell ref="D920:O921"/>
    <mergeCell ref="P920:S921"/>
    <mergeCell ref="T920:W921"/>
    <mergeCell ref="X920:AA921"/>
    <mergeCell ref="A922:C923"/>
    <mergeCell ref="D922:O923"/>
    <mergeCell ref="P922:S923"/>
    <mergeCell ref="T922:W923"/>
    <mergeCell ref="X922:AA923"/>
    <mergeCell ref="A896:C897"/>
    <mergeCell ref="D896:O897"/>
    <mergeCell ref="P896:S897"/>
    <mergeCell ref="T896:W897"/>
    <mergeCell ref="X896:AA897"/>
    <mergeCell ref="A898:C899"/>
    <mergeCell ref="D898:O899"/>
    <mergeCell ref="P898:S899"/>
    <mergeCell ref="T898:W899"/>
    <mergeCell ref="X898:AA899"/>
    <mergeCell ref="A900:C901"/>
    <mergeCell ref="D900:O901"/>
    <mergeCell ref="P900:S901"/>
    <mergeCell ref="T900:W901"/>
    <mergeCell ref="X900:AA901"/>
    <mergeCell ref="A902:C903"/>
    <mergeCell ref="D902:O903"/>
    <mergeCell ref="P902:S903"/>
    <mergeCell ref="T902:W903"/>
    <mergeCell ref="X902:AA903"/>
    <mergeCell ref="A904:C905"/>
    <mergeCell ref="D904:O905"/>
    <mergeCell ref="P904:S905"/>
    <mergeCell ref="T904:W905"/>
    <mergeCell ref="X904:AA905"/>
    <mergeCell ref="A906:C907"/>
    <mergeCell ref="D906:O907"/>
    <mergeCell ref="P906:S907"/>
    <mergeCell ref="T906:W907"/>
    <mergeCell ref="X906:AA907"/>
    <mergeCell ref="A908:C909"/>
    <mergeCell ref="D908:O909"/>
    <mergeCell ref="P908:S909"/>
    <mergeCell ref="T908:W909"/>
    <mergeCell ref="X908:AA909"/>
    <mergeCell ref="A882:C883"/>
    <mergeCell ref="D882:O883"/>
    <mergeCell ref="P882:S883"/>
    <mergeCell ref="T882:W883"/>
    <mergeCell ref="X882:AA883"/>
    <mergeCell ref="A884:C885"/>
    <mergeCell ref="D884:O885"/>
    <mergeCell ref="P884:S885"/>
    <mergeCell ref="T884:W885"/>
    <mergeCell ref="X884:AA885"/>
    <mergeCell ref="A886:C887"/>
    <mergeCell ref="D886:O887"/>
    <mergeCell ref="P886:S887"/>
    <mergeCell ref="T886:W887"/>
    <mergeCell ref="X886:AA887"/>
    <mergeCell ref="A888:C889"/>
    <mergeCell ref="D888:O889"/>
    <mergeCell ref="P888:S889"/>
    <mergeCell ref="T888:W889"/>
    <mergeCell ref="X888:AA889"/>
    <mergeCell ref="A890:C891"/>
    <mergeCell ref="D890:O891"/>
    <mergeCell ref="P890:S891"/>
    <mergeCell ref="T890:W891"/>
    <mergeCell ref="X890:AA891"/>
    <mergeCell ref="A892:C893"/>
    <mergeCell ref="D892:O893"/>
    <mergeCell ref="P892:S893"/>
    <mergeCell ref="T892:W893"/>
    <mergeCell ref="X892:AA893"/>
    <mergeCell ref="A894:C895"/>
    <mergeCell ref="D894:O895"/>
    <mergeCell ref="P894:S895"/>
    <mergeCell ref="T894:W895"/>
    <mergeCell ref="X894:AA895"/>
    <mergeCell ref="A868:C869"/>
    <mergeCell ref="D868:O869"/>
    <mergeCell ref="P868:S869"/>
    <mergeCell ref="T868:W869"/>
    <mergeCell ref="X868:AA869"/>
    <mergeCell ref="A870:C871"/>
    <mergeCell ref="D870:O871"/>
    <mergeCell ref="P870:S871"/>
    <mergeCell ref="T870:W871"/>
    <mergeCell ref="X870:AA871"/>
    <mergeCell ref="A872:C873"/>
    <mergeCell ref="D872:O873"/>
    <mergeCell ref="P872:S873"/>
    <mergeCell ref="T872:W873"/>
    <mergeCell ref="X872:AA873"/>
    <mergeCell ref="A874:C875"/>
    <mergeCell ref="D874:O875"/>
    <mergeCell ref="P874:S875"/>
    <mergeCell ref="T874:W875"/>
    <mergeCell ref="X874:AA875"/>
    <mergeCell ref="A876:C877"/>
    <mergeCell ref="D876:O877"/>
    <mergeCell ref="P876:S877"/>
    <mergeCell ref="T876:W877"/>
    <mergeCell ref="X876:AA877"/>
    <mergeCell ref="A878:C879"/>
    <mergeCell ref="D878:O879"/>
    <mergeCell ref="P878:S879"/>
    <mergeCell ref="T878:W879"/>
    <mergeCell ref="X878:AA879"/>
    <mergeCell ref="A880:C881"/>
    <mergeCell ref="D880:O881"/>
    <mergeCell ref="P880:S881"/>
    <mergeCell ref="T880:W881"/>
    <mergeCell ref="X880:AA881"/>
    <mergeCell ref="A854:C855"/>
    <mergeCell ref="D854:O855"/>
    <mergeCell ref="P854:S855"/>
    <mergeCell ref="T854:W855"/>
    <mergeCell ref="X854:AA855"/>
    <mergeCell ref="A856:C857"/>
    <mergeCell ref="D856:O857"/>
    <mergeCell ref="P856:S857"/>
    <mergeCell ref="T856:W857"/>
    <mergeCell ref="X856:AA857"/>
    <mergeCell ref="A858:C859"/>
    <mergeCell ref="D858:O859"/>
    <mergeCell ref="P858:S859"/>
    <mergeCell ref="T858:W859"/>
    <mergeCell ref="X858:AA859"/>
    <mergeCell ref="A860:C861"/>
    <mergeCell ref="D860:O861"/>
    <mergeCell ref="P860:S861"/>
    <mergeCell ref="T860:W861"/>
    <mergeCell ref="X860:AA861"/>
    <mergeCell ref="A862:C863"/>
    <mergeCell ref="D862:O863"/>
    <mergeCell ref="P862:S863"/>
    <mergeCell ref="T862:W863"/>
    <mergeCell ref="X862:AA863"/>
    <mergeCell ref="A864:C865"/>
    <mergeCell ref="D864:O865"/>
    <mergeCell ref="P864:S865"/>
    <mergeCell ref="T864:W865"/>
    <mergeCell ref="X864:AA865"/>
    <mergeCell ref="A866:C867"/>
    <mergeCell ref="D866:O867"/>
    <mergeCell ref="P866:S867"/>
    <mergeCell ref="T866:W867"/>
    <mergeCell ref="X866:AA867"/>
    <mergeCell ref="A840:C841"/>
    <mergeCell ref="D840:O841"/>
    <mergeCell ref="P840:S841"/>
    <mergeCell ref="T840:W841"/>
    <mergeCell ref="X840:AA841"/>
    <mergeCell ref="A842:C843"/>
    <mergeCell ref="D842:O843"/>
    <mergeCell ref="P842:S843"/>
    <mergeCell ref="T842:W843"/>
    <mergeCell ref="X842:AA843"/>
    <mergeCell ref="A844:C845"/>
    <mergeCell ref="D844:O845"/>
    <mergeCell ref="P844:S845"/>
    <mergeCell ref="T844:W845"/>
    <mergeCell ref="X844:AA845"/>
    <mergeCell ref="A846:C847"/>
    <mergeCell ref="D846:O847"/>
    <mergeCell ref="P846:S847"/>
    <mergeCell ref="T846:W847"/>
    <mergeCell ref="X846:AA847"/>
    <mergeCell ref="A848:C849"/>
    <mergeCell ref="D848:O849"/>
    <mergeCell ref="P848:S849"/>
    <mergeCell ref="T848:W849"/>
    <mergeCell ref="X848:AA849"/>
    <mergeCell ref="A850:C851"/>
    <mergeCell ref="D850:O851"/>
    <mergeCell ref="P850:S851"/>
    <mergeCell ref="T850:W851"/>
    <mergeCell ref="X850:AA851"/>
    <mergeCell ref="A852:C853"/>
    <mergeCell ref="D852:O853"/>
    <mergeCell ref="P852:S853"/>
    <mergeCell ref="T852:W853"/>
    <mergeCell ref="X852:AA853"/>
    <mergeCell ref="A826:C827"/>
    <mergeCell ref="D826:O827"/>
    <mergeCell ref="P826:S827"/>
    <mergeCell ref="T826:W827"/>
    <mergeCell ref="X826:AA827"/>
    <mergeCell ref="A828:C829"/>
    <mergeCell ref="D828:O829"/>
    <mergeCell ref="P828:S829"/>
    <mergeCell ref="T828:W829"/>
    <mergeCell ref="X828:AA829"/>
    <mergeCell ref="A830:C831"/>
    <mergeCell ref="D830:O831"/>
    <mergeCell ref="P830:S831"/>
    <mergeCell ref="T830:W831"/>
    <mergeCell ref="X830:AA831"/>
    <mergeCell ref="A832:C833"/>
    <mergeCell ref="D832:O833"/>
    <mergeCell ref="P832:S833"/>
    <mergeCell ref="T832:W833"/>
    <mergeCell ref="X832:AA833"/>
    <mergeCell ref="A834:C835"/>
    <mergeCell ref="D834:O835"/>
    <mergeCell ref="P834:S835"/>
    <mergeCell ref="T834:W835"/>
    <mergeCell ref="X834:AA835"/>
    <mergeCell ref="A836:C837"/>
    <mergeCell ref="D836:O837"/>
    <mergeCell ref="P836:S837"/>
    <mergeCell ref="T836:W837"/>
    <mergeCell ref="X836:AA837"/>
    <mergeCell ref="A838:C839"/>
    <mergeCell ref="D838:O839"/>
    <mergeCell ref="P838:S839"/>
    <mergeCell ref="T838:W839"/>
    <mergeCell ref="X838:AA839"/>
    <mergeCell ref="A812:C813"/>
    <mergeCell ref="D812:O813"/>
    <mergeCell ref="P812:S813"/>
    <mergeCell ref="T812:W813"/>
    <mergeCell ref="X812:AA813"/>
    <mergeCell ref="A814:C815"/>
    <mergeCell ref="D814:O815"/>
    <mergeCell ref="P814:S815"/>
    <mergeCell ref="T814:W815"/>
    <mergeCell ref="X814:AA815"/>
    <mergeCell ref="A816:C817"/>
    <mergeCell ref="D816:O817"/>
    <mergeCell ref="P816:S817"/>
    <mergeCell ref="T816:W817"/>
    <mergeCell ref="X816:AA817"/>
    <mergeCell ref="A818:C819"/>
    <mergeCell ref="D818:O819"/>
    <mergeCell ref="P818:S819"/>
    <mergeCell ref="T818:W819"/>
    <mergeCell ref="X818:AA819"/>
    <mergeCell ref="A820:C821"/>
    <mergeCell ref="D820:O821"/>
    <mergeCell ref="P820:S821"/>
    <mergeCell ref="T820:W821"/>
    <mergeCell ref="X820:AA821"/>
    <mergeCell ref="A822:C823"/>
    <mergeCell ref="D822:O823"/>
    <mergeCell ref="P822:S823"/>
    <mergeCell ref="T822:W823"/>
    <mergeCell ref="X822:AA823"/>
    <mergeCell ref="A824:C825"/>
    <mergeCell ref="D824:O825"/>
    <mergeCell ref="P824:S825"/>
    <mergeCell ref="T824:W825"/>
    <mergeCell ref="X824:AA825"/>
    <mergeCell ref="A796:AA797"/>
    <mergeCell ref="A798:C799"/>
    <mergeCell ref="D798:O799"/>
    <mergeCell ref="P798:S799"/>
    <mergeCell ref="T798:W799"/>
    <mergeCell ref="X798:AA799"/>
    <mergeCell ref="A800:C801"/>
    <mergeCell ref="D800:O801"/>
    <mergeCell ref="P800:S801"/>
    <mergeCell ref="T800:W801"/>
    <mergeCell ref="X800:AA801"/>
    <mergeCell ref="A802:C803"/>
    <mergeCell ref="D802:O803"/>
    <mergeCell ref="P802:S803"/>
    <mergeCell ref="T802:W803"/>
    <mergeCell ref="X802:AA803"/>
    <mergeCell ref="A804:C805"/>
    <mergeCell ref="D804:O805"/>
    <mergeCell ref="P804:S805"/>
    <mergeCell ref="T804:W805"/>
    <mergeCell ref="X804:AA805"/>
    <mergeCell ref="A806:C807"/>
    <mergeCell ref="D806:O807"/>
    <mergeCell ref="P806:S807"/>
    <mergeCell ref="T806:W807"/>
    <mergeCell ref="X806:AA807"/>
    <mergeCell ref="A808:C809"/>
    <mergeCell ref="D808:O809"/>
    <mergeCell ref="P808:S809"/>
    <mergeCell ref="T808:W809"/>
    <mergeCell ref="X808:AA809"/>
    <mergeCell ref="A810:C811"/>
    <mergeCell ref="D810:O811"/>
    <mergeCell ref="P810:S811"/>
    <mergeCell ref="T810:W811"/>
    <mergeCell ref="X810:AA811"/>
    <mergeCell ref="A782:C783"/>
    <mergeCell ref="D782:O783"/>
    <mergeCell ref="P782:S783"/>
    <mergeCell ref="T782:W783"/>
    <mergeCell ref="X782:AA783"/>
    <mergeCell ref="A784:C785"/>
    <mergeCell ref="D784:O785"/>
    <mergeCell ref="P784:S785"/>
    <mergeCell ref="T784:W785"/>
    <mergeCell ref="X784:AA785"/>
    <mergeCell ref="A786:C787"/>
    <mergeCell ref="D786:O787"/>
    <mergeCell ref="P786:S787"/>
    <mergeCell ref="T786:W787"/>
    <mergeCell ref="X786:AA787"/>
    <mergeCell ref="A788:C789"/>
    <mergeCell ref="D788:O789"/>
    <mergeCell ref="P788:S789"/>
    <mergeCell ref="T788:W789"/>
    <mergeCell ref="X788:AA789"/>
    <mergeCell ref="A790:C791"/>
    <mergeCell ref="D790:O791"/>
    <mergeCell ref="P790:S791"/>
    <mergeCell ref="T790:W791"/>
    <mergeCell ref="X790:AA791"/>
    <mergeCell ref="A792:C793"/>
    <mergeCell ref="D792:O793"/>
    <mergeCell ref="P792:S793"/>
    <mergeCell ref="T792:W793"/>
    <mergeCell ref="X792:AA793"/>
    <mergeCell ref="A794:C795"/>
    <mergeCell ref="D794:O795"/>
    <mergeCell ref="P794:S795"/>
    <mergeCell ref="T794:W795"/>
    <mergeCell ref="X794:AA795"/>
    <mergeCell ref="A768:C769"/>
    <mergeCell ref="D768:O769"/>
    <mergeCell ref="P768:S769"/>
    <mergeCell ref="T768:W769"/>
    <mergeCell ref="X768:AA769"/>
    <mergeCell ref="A770:C771"/>
    <mergeCell ref="D770:O771"/>
    <mergeCell ref="P770:S771"/>
    <mergeCell ref="T770:W771"/>
    <mergeCell ref="X770:AA771"/>
    <mergeCell ref="A772:C773"/>
    <mergeCell ref="D772:O773"/>
    <mergeCell ref="P772:S773"/>
    <mergeCell ref="T772:W773"/>
    <mergeCell ref="X772:AA773"/>
    <mergeCell ref="A774:C775"/>
    <mergeCell ref="D774:O775"/>
    <mergeCell ref="P774:S775"/>
    <mergeCell ref="T774:W775"/>
    <mergeCell ref="X774:AA775"/>
    <mergeCell ref="A776:C777"/>
    <mergeCell ref="D776:O777"/>
    <mergeCell ref="P776:S777"/>
    <mergeCell ref="T776:W777"/>
    <mergeCell ref="X776:AA777"/>
    <mergeCell ref="A778:C779"/>
    <mergeCell ref="D778:O779"/>
    <mergeCell ref="P778:S779"/>
    <mergeCell ref="T778:W779"/>
    <mergeCell ref="X778:AA779"/>
    <mergeCell ref="A780:C781"/>
    <mergeCell ref="D780:O781"/>
    <mergeCell ref="P780:S781"/>
    <mergeCell ref="T780:W781"/>
    <mergeCell ref="X780:AA781"/>
    <mergeCell ref="A754:C755"/>
    <mergeCell ref="D754:O755"/>
    <mergeCell ref="P754:S755"/>
    <mergeCell ref="T754:W755"/>
    <mergeCell ref="X754:AA755"/>
    <mergeCell ref="A756:C757"/>
    <mergeCell ref="D756:O757"/>
    <mergeCell ref="P756:S757"/>
    <mergeCell ref="T756:W757"/>
    <mergeCell ref="X756:AA757"/>
    <mergeCell ref="A758:C759"/>
    <mergeCell ref="D758:O759"/>
    <mergeCell ref="P758:S759"/>
    <mergeCell ref="T758:W759"/>
    <mergeCell ref="X758:AA759"/>
    <mergeCell ref="A760:C761"/>
    <mergeCell ref="D760:O761"/>
    <mergeCell ref="P760:S761"/>
    <mergeCell ref="T760:W761"/>
    <mergeCell ref="X760:AA761"/>
    <mergeCell ref="A762:C763"/>
    <mergeCell ref="D762:O763"/>
    <mergeCell ref="P762:S763"/>
    <mergeCell ref="T762:W763"/>
    <mergeCell ref="X762:AA763"/>
    <mergeCell ref="A764:C765"/>
    <mergeCell ref="D764:O765"/>
    <mergeCell ref="P764:S765"/>
    <mergeCell ref="T764:W765"/>
    <mergeCell ref="X764:AA765"/>
    <mergeCell ref="A766:C767"/>
    <mergeCell ref="D766:O767"/>
    <mergeCell ref="P766:S767"/>
    <mergeCell ref="T766:W767"/>
    <mergeCell ref="X766:AA767"/>
    <mergeCell ref="A740:C741"/>
    <mergeCell ref="D740:O741"/>
    <mergeCell ref="P740:S741"/>
    <mergeCell ref="T740:W741"/>
    <mergeCell ref="X740:AA741"/>
    <mergeCell ref="A742:C743"/>
    <mergeCell ref="D742:O743"/>
    <mergeCell ref="P742:S743"/>
    <mergeCell ref="T742:W743"/>
    <mergeCell ref="X742:AA743"/>
    <mergeCell ref="A744:C745"/>
    <mergeCell ref="D744:O745"/>
    <mergeCell ref="P744:S745"/>
    <mergeCell ref="T744:W745"/>
    <mergeCell ref="X744:AA745"/>
    <mergeCell ref="A746:C747"/>
    <mergeCell ref="D746:O747"/>
    <mergeCell ref="P746:S747"/>
    <mergeCell ref="T746:W747"/>
    <mergeCell ref="X746:AA747"/>
    <mergeCell ref="A748:C749"/>
    <mergeCell ref="D748:O749"/>
    <mergeCell ref="P748:S749"/>
    <mergeCell ref="T748:W749"/>
    <mergeCell ref="X748:AA749"/>
    <mergeCell ref="A750:C751"/>
    <mergeCell ref="D750:O751"/>
    <mergeCell ref="P750:S751"/>
    <mergeCell ref="T750:W751"/>
    <mergeCell ref="X750:AA751"/>
    <mergeCell ref="A752:C753"/>
    <mergeCell ref="D752:O753"/>
    <mergeCell ref="P752:S753"/>
    <mergeCell ref="T752:W753"/>
    <mergeCell ref="X752:AA753"/>
    <mergeCell ref="A724:AA725"/>
    <mergeCell ref="A726:C727"/>
    <mergeCell ref="D726:O727"/>
    <mergeCell ref="P726:S727"/>
    <mergeCell ref="T726:W727"/>
    <mergeCell ref="X726:AA727"/>
    <mergeCell ref="A728:C729"/>
    <mergeCell ref="D728:O729"/>
    <mergeCell ref="P728:S729"/>
    <mergeCell ref="T728:W729"/>
    <mergeCell ref="X728:AA729"/>
    <mergeCell ref="A730:C731"/>
    <mergeCell ref="D730:O731"/>
    <mergeCell ref="P730:S731"/>
    <mergeCell ref="T730:W731"/>
    <mergeCell ref="X730:AA731"/>
    <mergeCell ref="A732:C733"/>
    <mergeCell ref="D732:O733"/>
    <mergeCell ref="P732:S733"/>
    <mergeCell ref="T732:W733"/>
    <mergeCell ref="X732:AA733"/>
    <mergeCell ref="A734:C735"/>
    <mergeCell ref="D734:O735"/>
    <mergeCell ref="P734:S735"/>
    <mergeCell ref="T734:W735"/>
    <mergeCell ref="X734:AA735"/>
    <mergeCell ref="A736:C737"/>
    <mergeCell ref="D736:O737"/>
    <mergeCell ref="P736:S737"/>
    <mergeCell ref="T736:W737"/>
    <mergeCell ref="X736:AA737"/>
    <mergeCell ref="A738:C739"/>
    <mergeCell ref="D738:O739"/>
    <mergeCell ref="P738:S739"/>
    <mergeCell ref="T738:W739"/>
    <mergeCell ref="X738:AA739"/>
    <mergeCell ref="A710:C711"/>
    <mergeCell ref="D710:O711"/>
    <mergeCell ref="P710:S711"/>
    <mergeCell ref="T710:W711"/>
    <mergeCell ref="X710:AA711"/>
    <mergeCell ref="A712:C713"/>
    <mergeCell ref="D712:O713"/>
    <mergeCell ref="P712:S713"/>
    <mergeCell ref="T712:W713"/>
    <mergeCell ref="X712:AA713"/>
    <mergeCell ref="A714:C715"/>
    <mergeCell ref="D714:O715"/>
    <mergeCell ref="P714:S715"/>
    <mergeCell ref="T714:W715"/>
    <mergeCell ref="X714:AA715"/>
    <mergeCell ref="A716:C717"/>
    <mergeCell ref="D716:O717"/>
    <mergeCell ref="P716:S717"/>
    <mergeCell ref="T716:W717"/>
    <mergeCell ref="X716:AA717"/>
    <mergeCell ref="A718:C719"/>
    <mergeCell ref="D718:O719"/>
    <mergeCell ref="P718:S719"/>
    <mergeCell ref="T718:W719"/>
    <mergeCell ref="X718:AA719"/>
    <mergeCell ref="A720:C721"/>
    <mergeCell ref="D720:O721"/>
    <mergeCell ref="P720:S721"/>
    <mergeCell ref="T720:W721"/>
    <mergeCell ref="X720:AA721"/>
    <mergeCell ref="A722:C723"/>
    <mergeCell ref="D722:O723"/>
    <mergeCell ref="P722:S723"/>
    <mergeCell ref="T722:W723"/>
    <mergeCell ref="X722:AA723"/>
    <mergeCell ref="A696:C697"/>
    <mergeCell ref="D696:O697"/>
    <mergeCell ref="P696:S697"/>
    <mergeCell ref="T696:W697"/>
    <mergeCell ref="X696:AA697"/>
    <mergeCell ref="A698:C699"/>
    <mergeCell ref="D698:O699"/>
    <mergeCell ref="P698:S699"/>
    <mergeCell ref="T698:W699"/>
    <mergeCell ref="X698:AA699"/>
    <mergeCell ref="A700:C701"/>
    <mergeCell ref="D700:O701"/>
    <mergeCell ref="P700:S701"/>
    <mergeCell ref="T700:W701"/>
    <mergeCell ref="X700:AA701"/>
    <mergeCell ref="A702:C703"/>
    <mergeCell ref="D702:O703"/>
    <mergeCell ref="P702:S703"/>
    <mergeCell ref="T702:W703"/>
    <mergeCell ref="X702:AA703"/>
    <mergeCell ref="A704:C705"/>
    <mergeCell ref="D704:O705"/>
    <mergeCell ref="P704:S705"/>
    <mergeCell ref="T704:W705"/>
    <mergeCell ref="X704:AA705"/>
    <mergeCell ref="A706:C707"/>
    <mergeCell ref="D706:O707"/>
    <mergeCell ref="P706:S707"/>
    <mergeCell ref="T706:W707"/>
    <mergeCell ref="X706:AA707"/>
    <mergeCell ref="A708:C709"/>
    <mergeCell ref="D708:O709"/>
    <mergeCell ref="P708:S709"/>
    <mergeCell ref="T708:W709"/>
    <mergeCell ref="X708:AA709"/>
    <mergeCell ref="A682:C683"/>
    <mergeCell ref="D682:O683"/>
    <mergeCell ref="P682:S683"/>
    <mergeCell ref="T682:W683"/>
    <mergeCell ref="X682:AA683"/>
    <mergeCell ref="A684:C685"/>
    <mergeCell ref="D684:O685"/>
    <mergeCell ref="P684:S685"/>
    <mergeCell ref="T684:W685"/>
    <mergeCell ref="X684:AA685"/>
    <mergeCell ref="A686:C687"/>
    <mergeCell ref="D686:O687"/>
    <mergeCell ref="P686:S687"/>
    <mergeCell ref="T686:W687"/>
    <mergeCell ref="X686:AA687"/>
    <mergeCell ref="A688:C689"/>
    <mergeCell ref="D688:O689"/>
    <mergeCell ref="P688:S689"/>
    <mergeCell ref="T688:W689"/>
    <mergeCell ref="X688:AA689"/>
    <mergeCell ref="A690:C691"/>
    <mergeCell ref="D690:O691"/>
    <mergeCell ref="P690:S691"/>
    <mergeCell ref="T690:W691"/>
    <mergeCell ref="X690:AA691"/>
    <mergeCell ref="A692:C693"/>
    <mergeCell ref="D692:O693"/>
    <mergeCell ref="P692:S693"/>
    <mergeCell ref="T692:W693"/>
    <mergeCell ref="X692:AA693"/>
    <mergeCell ref="A694:C695"/>
    <mergeCell ref="D694:O695"/>
    <mergeCell ref="P694:S695"/>
    <mergeCell ref="T694:W695"/>
    <mergeCell ref="X694:AA695"/>
    <mergeCell ref="A666:C667"/>
    <mergeCell ref="D666:O667"/>
    <mergeCell ref="P666:S667"/>
    <mergeCell ref="T666:W667"/>
    <mergeCell ref="X666:AA667"/>
    <mergeCell ref="A668:C669"/>
    <mergeCell ref="D668:O669"/>
    <mergeCell ref="P668:S669"/>
    <mergeCell ref="T668:W669"/>
    <mergeCell ref="X668:AA669"/>
    <mergeCell ref="A670:AA671"/>
    <mergeCell ref="A672:C673"/>
    <mergeCell ref="D672:O673"/>
    <mergeCell ref="P672:S673"/>
    <mergeCell ref="T672:W673"/>
    <mergeCell ref="X672:AA673"/>
    <mergeCell ref="A674:C675"/>
    <mergeCell ref="D674:O675"/>
    <mergeCell ref="P674:S675"/>
    <mergeCell ref="T674:W675"/>
    <mergeCell ref="X674:AA675"/>
    <mergeCell ref="A676:C677"/>
    <mergeCell ref="D676:O677"/>
    <mergeCell ref="P676:S677"/>
    <mergeCell ref="T676:W677"/>
    <mergeCell ref="X676:AA677"/>
    <mergeCell ref="A678:C679"/>
    <mergeCell ref="D678:O679"/>
    <mergeCell ref="P678:S679"/>
    <mergeCell ref="T678:W679"/>
    <mergeCell ref="X678:AA679"/>
    <mergeCell ref="A680:C681"/>
    <mergeCell ref="D680:O681"/>
    <mergeCell ref="P680:S681"/>
    <mergeCell ref="T680:W681"/>
    <mergeCell ref="X680:AA681"/>
    <mergeCell ref="A652:C653"/>
    <mergeCell ref="D652:O653"/>
    <mergeCell ref="P652:S653"/>
    <mergeCell ref="T652:W653"/>
    <mergeCell ref="X652:AA653"/>
    <mergeCell ref="A654:C655"/>
    <mergeCell ref="D654:O655"/>
    <mergeCell ref="P654:S655"/>
    <mergeCell ref="T654:W655"/>
    <mergeCell ref="X654:AA655"/>
    <mergeCell ref="A656:C657"/>
    <mergeCell ref="D656:O657"/>
    <mergeCell ref="P656:S657"/>
    <mergeCell ref="T656:W657"/>
    <mergeCell ref="X656:AA657"/>
    <mergeCell ref="A658:C659"/>
    <mergeCell ref="D658:O659"/>
    <mergeCell ref="P658:S659"/>
    <mergeCell ref="T658:W659"/>
    <mergeCell ref="X658:AA659"/>
    <mergeCell ref="A660:C661"/>
    <mergeCell ref="D660:O661"/>
    <mergeCell ref="P660:S661"/>
    <mergeCell ref="T660:W661"/>
    <mergeCell ref="X660:AA661"/>
    <mergeCell ref="A662:C663"/>
    <mergeCell ref="D662:O663"/>
    <mergeCell ref="P662:S663"/>
    <mergeCell ref="T662:W663"/>
    <mergeCell ref="X662:AA663"/>
    <mergeCell ref="A664:C665"/>
    <mergeCell ref="D664:O665"/>
    <mergeCell ref="P664:S665"/>
    <mergeCell ref="T664:W665"/>
    <mergeCell ref="X664:AA665"/>
    <mergeCell ref="A638:C639"/>
    <mergeCell ref="D638:O639"/>
    <mergeCell ref="P638:S639"/>
    <mergeCell ref="T638:W639"/>
    <mergeCell ref="X638:AA639"/>
    <mergeCell ref="A640:C641"/>
    <mergeCell ref="D640:O641"/>
    <mergeCell ref="P640:S641"/>
    <mergeCell ref="T640:W641"/>
    <mergeCell ref="X640:AA641"/>
    <mergeCell ref="A642:C643"/>
    <mergeCell ref="D642:O643"/>
    <mergeCell ref="P642:S643"/>
    <mergeCell ref="T642:W643"/>
    <mergeCell ref="X642:AA643"/>
    <mergeCell ref="A644:C645"/>
    <mergeCell ref="D644:O645"/>
    <mergeCell ref="P644:S645"/>
    <mergeCell ref="T644:W645"/>
    <mergeCell ref="X644:AA645"/>
    <mergeCell ref="A646:C647"/>
    <mergeCell ref="D646:O647"/>
    <mergeCell ref="P646:S647"/>
    <mergeCell ref="T646:W647"/>
    <mergeCell ref="X646:AA647"/>
    <mergeCell ref="A648:C649"/>
    <mergeCell ref="D648:O649"/>
    <mergeCell ref="P648:S649"/>
    <mergeCell ref="T648:W649"/>
    <mergeCell ref="X648:AA649"/>
    <mergeCell ref="A650:C651"/>
    <mergeCell ref="D650:O651"/>
    <mergeCell ref="P650:S651"/>
    <mergeCell ref="T650:W651"/>
    <mergeCell ref="X650:AA651"/>
    <mergeCell ref="A624:C625"/>
    <mergeCell ref="D624:O625"/>
    <mergeCell ref="P624:S625"/>
    <mergeCell ref="T624:W625"/>
    <mergeCell ref="X624:AA625"/>
    <mergeCell ref="A626:C627"/>
    <mergeCell ref="D626:O627"/>
    <mergeCell ref="P626:S627"/>
    <mergeCell ref="T626:W627"/>
    <mergeCell ref="X626:AA627"/>
    <mergeCell ref="A628:C629"/>
    <mergeCell ref="D628:O629"/>
    <mergeCell ref="P628:S629"/>
    <mergeCell ref="T628:W629"/>
    <mergeCell ref="X628:AA629"/>
    <mergeCell ref="A630:C631"/>
    <mergeCell ref="D630:O631"/>
    <mergeCell ref="P630:S631"/>
    <mergeCell ref="T630:W631"/>
    <mergeCell ref="X630:AA631"/>
    <mergeCell ref="A632:C633"/>
    <mergeCell ref="D632:O633"/>
    <mergeCell ref="P632:S633"/>
    <mergeCell ref="T632:W633"/>
    <mergeCell ref="X632:AA633"/>
    <mergeCell ref="A634:C635"/>
    <mergeCell ref="D634:O635"/>
    <mergeCell ref="P634:S635"/>
    <mergeCell ref="T634:W635"/>
    <mergeCell ref="X634:AA635"/>
    <mergeCell ref="A636:C637"/>
    <mergeCell ref="D636:O637"/>
    <mergeCell ref="P636:S637"/>
    <mergeCell ref="T636:W637"/>
    <mergeCell ref="X636:AA637"/>
    <mergeCell ref="A610:C611"/>
    <mergeCell ref="D610:O611"/>
    <mergeCell ref="P610:S611"/>
    <mergeCell ref="T610:W611"/>
    <mergeCell ref="X610:AA611"/>
    <mergeCell ref="A612:C613"/>
    <mergeCell ref="D612:O613"/>
    <mergeCell ref="P612:S613"/>
    <mergeCell ref="T612:W613"/>
    <mergeCell ref="X612:AA613"/>
    <mergeCell ref="A614:C615"/>
    <mergeCell ref="D614:O615"/>
    <mergeCell ref="P614:S615"/>
    <mergeCell ref="T614:W615"/>
    <mergeCell ref="X614:AA615"/>
    <mergeCell ref="A616:C617"/>
    <mergeCell ref="D616:O617"/>
    <mergeCell ref="P616:S617"/>
    <mergeCell ref="T616:W617"/>
    <mergeCell ref="X616:AA617"/>
    <mergeCell ref="A618:C619"/>
    <mergeCell ref="D618:O619"/>
    <mergeCell ref="P618:S619"/>
    <mergeCell ref="T618:W619"/>
    <mergeCell ref="X618:AA619"/>
    <mergeCell ref="A620:C621"/>
    <mergeCell ref="D620:O621"/>
    <mergeCell ref="P620:S621"/>
    <mergeCell ref="T620:W621"/>
    <mergeCell ref="X620:AA621"/>
    <mergeCell ref="A622:C623"/>
    <mergeCell ref="D622:O623"/>
    <mergeCell ref="P622:S623"/>
    <mergeCell ref="T622:W623"/>
    <mergeCell ref="X622:AA623"/>
    <mergeCell ref="A596:C597"/>
    <mergeCell ref="D596:O597"/>
    <mergeCell ref="P596:S597"/>
    <mergeCell ref="T596:W597"/>
    <mergeCell ref="X596:AA597"/>
    <mergeCell ref="A598:C599"/>
    <mergeCell ref="D598:O599"/>
    <mergeCell ref="P598:S599"/>
    <mergeCell ref="T598:W599"/>
    <mergeCell ref="X598:AA599"/>
    <mergeCell ref="A600:C601"/>
    <mergeCell ref="D600:O601"/>
    <mergeCell ref="P600:S601"/>
    <mergeCell ref="T600:W601"/>
    <mergeCell ref="X600:AA601"/>
    <mergeCell ref="A602:C603"/>
    <mergeCell ref="D602:O603"/>
    <mergeCell ref="P602:S603"/>
    <mergeCell ref="T602:W603"/>
    <mergeCell ref="X602:AA603"/>
    <mergeCell ref="A604:C605"/>
    <mergeCell ref="D604:O605"/>
    <mergeCell ref="P604:S605"/>
    <mergeCell ref="T604:W605"/>
    <mergeCell ref="X604:AA605"/>
    <mergeCell ref="A606:C607"/>
    <mergeCell ref="D606:O607"/>
    <mergeCell ref="P606:S607"/>
    <mergeCell ref="T606:W607"/>
    <mergeCell ref="X606:AA607"/>
    <mergeCell ref="A608:C609"/>
    <mergeCell ref="D608:O609"/>
    <mergeCell ref="P608:S609"/>
    <mergeCell ref="T608:W609"/>
    <mergeCell ref="X608:AA609"/>
    <mergeCell ref="A582:C583"/>
    <mergeCell ref="D582:O583"/>
    <mergeCell ref="P582:S583"/>
    <mergeCell ref="T582:W583"/>
    <mergeCell ref="X582:AA583"/>
    <mergeCell ref="A584:C585"/>
    <mergeCell ref="D584:O585"/>
    <mergeCell ref="P584:S585"/>
    <mergeCell ref="T584:W585"/>
    <mergeCell ref="X584:AA585"/>
    <mergeCell ref="A586:C587"/>
    <mergeCell ref="D586:O587"/>
    <mergeCell ref="P586:S587"/>
    <mergeCell ref="T586:W587"/>
    <mergeCell ref="X586:AA587"/>
    <mergeCell ref="A588:C589"/>
    <mergeCell ref="D588:O589"/>
    <mergeCell ref="P588:S589"/>
    <mergeCell ref="T588:W589"/>
    <mergeCell ref="X588:AA589"/>
    <mergeCell ref="A590:C591"/>
    <mergeCell ref="D590:O591"/>
    <mergeCell ref="P590:S591"/>
    <mergeCell ref="T590:W591"/>
    <mergeCell ref="X590:AA591"/>
    <mergeCell ref="A592:C593"/>
    <mergeCell ref="D592:O593"/>
    <mergeCell ref="P592:S593"/>
    <mergeCell ref="T592:W593"/>
    <mergeCell ref="X592:AA593"/>
    <mergeCell ref="A594:C595"/>
    <mergeCell ref="D594:O595"/>
    <mergeCell ref="P594:S595"/>
    <mergeCell ref="T594:W595"/>
    <mergeCell ref="X594:AA595"/>
    <mergeCell ref="A568:C569"/>
    <mergeCell ref="D568:O569"/>
    <mergeCell ref="P568:S569"/>
    <mergeCell ref="T568:W569"/>
    <mergeCell ref="X568:AA569"/>
    <mergeCell ref="A570:C571"/>
    <mergeCell ref="D570:O571"/>
    <mergeCell ref="P570:S571"/>
    <mergeCell ref="T570:W571"/>
    <mergeCell ref="X570:AA571"/>
    <mergeCell ref="A572:C573"/>
    <mergeCell ref="D572:O573"/>
    <mergeCell ref="P572:S573"/>
    <mergeCell ref="T572:W573"/>
    <mergeCell ref="X572:AA573"/>
    <mergeCell ref="A574:C575"/>
    <mergeCell ref="D574:O575"/>
    <mergeCell ref="P574:S575"/>
    <mergeCell ref="T574:W575"/>
    <mergeCell ref="X574:AA575"/>
    <mergeCell ref="A576:C577"/>
    <mergeCell ref="D576:O577"/>
    <mergeCell ref="P576:S577"/>
    <mergeCell ref="T576:W577"/>
    <mergeCell ref="X576:AA577"/>
    <mergeCell ref="A578:C579"/>
    <mergeCell ref="D578:O579"/>
    <mergeCell ref="P578:S579"/>
    <mergeCell ref="T578:W579"/>
    <mergeCell ref="X578:AA579"/>
    <mergeCell ref="A580:C581"/>
    <mergeCell ref="D580:O581"/>
    <mergeCell ref="P580:S581"/>
    <mergeCell ref="T580:W581"/>
    <mergeCell ref="X580:AA581"/>
    <mergeCell ref="A552:C553"/>
    <mergeCell ref="D552:O553"/>
    <mergeCell ref="P552:S553"/>
    <mergeCell ref="T552:W553"/>
    <mergeCell ref="X552:AA553"/>
    <mergeCell ref="A554:AA555"/>
    <mergeCell ref="A556:C557"/>
    <mergeCell ref="D556:O557"/>
    <mergeCell ref="P556:S557"/>
    <mergeCell ref="T556:W557"/>
    <mergeCell ref="X556:AA557"/>
    <mergeCell ref="A558:C559"/>
    <mergeCell ref="D558:O559"/>
    <mergeCell ref="P558:S559"/>
    <mergeCell ref="T558:W559"/>
    <mergeCell ref="X558:AA559"/>
    <mergeCell ref="A560:C561"/>
    <mergeCell ref="D560:O561"/>
    <mergeCell ref="P560:S561"/>
    <mergeCell ref="T560:W561"/>
    <mergeCell ref="X560:AA561"/>
    <mergeCell ref="A562:C563"/>
    <mergeCell ref="D562:O563"/>
    <mergeCell ref="P562:S563"/>
    <mergeCell ref="T562:W563"/>
    <mergeCell ref="X562:AA563"/>
    <mergeCell ref="A564:C565"/>
    <mergeCell ref="D564:O565"/>
    <mergeCell ref="P564:S565"/>
    <mergeCell ref="T564:W565"/>
    <mergeCell ref="X564:AA565"/>
    <mergeCell ref="A566:C567"/>
    <mergeCell ref="D566:O567"/>
    <mergeCell ref="P566:S567"/>
    <mergeCell ref="T566:W567"/>
    <mergeCell ref="X566:AA567"/>
    <mergeCell ref="A538:C539"/>
    <mergeCell ref="D538:O539"/>
    <mergeCell ref="P538:S539"/>
    <mergeCell ref="T538:W539"/>
    <mergeCell ref="X538:AA539"/>
    <mergeCell ref="A540:C541"/>
    <mergeCell ref="D540:O541"/>
    <mergeCell ref="P540:S541"/>
    <mergeCell ref="T540:W541"/>
    <mergeCell ref="X540:AA541"/>
    <mergeCell ref="A542:C543"/>
    <mergeCell ref="D542:O543"/>
    <mergeCell ref="P542:S543"/>
    <mergeCell ref="T542:W543"/>
    <mergeCell ref="X542:AA543"/>
    <mergeCell ref="A544:C545"/>
    <mergeCell ref="D544:O545"/>
    <mergeCell ref="P544:S545"/>
    <mergeCell ref="T544:W545"/>
    <mergeCell ref="X544:AA545"/>
    <mergeCell ref="A546:C547"/>
    <mergeCell ref="D546:O547"/>
    <mergeCell ref="P546:S547"/>
    <mergeCell ref="T546:W547"/>
    <mergeCell ref="X546:AA547"/>
    <mergeCell ref="A548:C549"/>
    <mergeCell ref="D548:O549"/>
    <mergeCell ref="P548:S549"/>
    <mergeCell ref="T548:W549"/>
    <mergeCell ref="X548:AA549"/>
    <mergeCell ref="A550:C551"/>
    <mergeCell ref="D550:O551"/>
    <mergeCell ref="P550:S551"/>
    <mergeCell ref="T550:W551"/>
    <mergeCell ref="X550:AA551"/>
    <mergeCell ref="A524:C525"/>
    <mergeCell ref="D524:O525"/>
    <mergeCell ref="P524:S525"/>
    <mergeCell ref="T524:W525"/>
    <mergeCell ref="X524:AA525"/>
    <mergeCell ref="A526:C527"/>
    <mergeCell ref="D526:O527"/>
    <mergeCell ref="P526:S527"/>
    <mergeCell ref="T526:W527"/>
    <mergeCell ref="X526:AA527"/>
    <mergeCell ref="A528:C529"/>
    <mergeCell ref="D528:O529"/>
    <mergeCell ref="P528:S529"/>
    <mergeCell ref="T528:W529"/>
    <mergeCell ref="X528:AA529"/>
    <mergeCell ref="A530:C531"/>
    <mergeCell ref="D530:O531"/>
    <mergeCell ref="P530:S531"/>
    <mergeCell ref="T530:W531"/>
    <mergeCell ref="X530:AA531"/>
    <mergeCell ref="A532:C533"/>
    <mergeCell ref="D532:O533"/>
    <mergeCell ref="P532:S533"/>
    <mergeCell ref="T532:W533"/>
    <mergeCell ref="X532:AA533"/>
    <mergeCell ref="A534:C535"/>
    <mergeCell ref="D534:O535"/>
    <mergeCell ref="P534:S535"/>
    <mergeCell ref="T534:W535"/>
    <mergeCell ref="X534:AA535"/>
    <mergeCell ref="A536:C537"/>
    <mergeCell ref="D536:O537"/>
    <mergeCell ref="P536:S537"/>
    <mergeCell ref="T536:W537"/>
    <mergeCell ref="X536:AA537"/>
    <mergeCell ref="A510:C511"/>
    <mergeCell ref="D510:O511"/>
    <mergeCell ref="P510:S511"/>
    <mergeCell ref="T510:W511"/>
    <mergeCell ref="X510:AA511"/>
    <mergeCell ref="A512:C513"/>
    <mergeCell ref="D512:O513"/>
    <mergeCell ref="P512:S513"/>
    <mergeCell ref="T512:W513"/>
    <mergeCell ref="X512:AA513"/>
    <mergeCell ref="A514:C515"/>
    <mergeCell ref="D514:O515"/>
    <mergeCell ref="P514:S515"/>
    <mergeCell ref="T514:W515"/>
    <mergeCell ref="X514:AA515"/>
    <mergeCell ref="A516:C517"/>
    <mergeCell ref="D516:O517"/>
    <mergeCell ref="P516:S517"/>
    <mergeCell ref="T516:W517"/>
    <mergeCell ref="X516:AA517"/>
    <mergeCell ref="A518:C519"/>
    <mergeCell ref="D518:O519"/>
    <mergeCell ref="P518:S519"/>
    <mergeCell ref="T518:W519"/>
    <mergeCell ref="X518:AA519"/>
    <mergeCell ref="A520:C521"/>
    <mergeCell ref="D520:O521"/>
    <mergeCell ref="P520:S521"/>
    <mergeCell ref="T520:W521"/>
    <mergeCell ref="X520:AA521"/>
    <mergeCell ref="A522:C523"/>
    <mergeCell ref="D522:O523"/>
    <mergeCell ref="P522:S523"/>
    <mergeCell ref="T522:W523"/>
    <mergeCell ref="X522:AA523"/>
    <mergeCell ref="A496:C497"/>
    <mergeCell ref="D496:O497"/>
    <mergeCell ref="P496:S497"/>
    <mergeCell ref="T496:W497"/>
    <mergeCell ref="X496:AA497"/>
    <mergeCell ref="A498:C499"/>
    <mergeCell ref="D498:O499"/>
    <mergeCell ref="P498:S499"/>
    <mergeCell ref="T498:W499"/>
    <mergeCell ref="X498:AA499"/>
    <mergeCell ref="A500:C501"/>
    <mergeCell ref="D500:O501"/>
    <mergeCell ref="P500:S501"/>
    <mergeCell ref="T500:W501"/>
    <mergeCell ref="X500:AA501"/>
    <mergeCell ref="A502:C503"/>
    <mergeCell ref="D502:O503"/>
    <mergeCell ref="P502:S503"/>
    <mergeCell ref="T502:W503"/>
    <mergeCell ref="X502:AA503"/>
    <mergeCell ref="A504:C505"/>
    <mergeCell ref="D504:O505"/>
    <mergeCell ref="P504:S505"/>
    <mergeCell ref="T504:W505"/>
    <mergeCell ref="X504:AA505"/>
    <mergeCell ref="A506:C507"/>
    <mergeCell ref="D506:O507"/>
    <mergeCell ref="P506:S507"/>
    <mergeCell ref="T506:W507"/>
    <mergeCell ref="X506:AA507"/>
    <mergeCell ref="A508:C509"/>
    <mergeCell ref="D508:O509"/>
    <mergeCell ref="P508:S509"/>
    <mergeCell ref="T508:W509"/>
    <mergeCell ref="X508:AA509"/>
    <mergeCell ref="A482:C483"/>
    <mergeCell ref="D482:O483"/>
    <mergeCell ref="P482:S483"/>
    <mergeCell ref="T482:W483"/>
    <mergeCell ref="X482:AA483"/>
    <mergeCell ref="A484:C485"/>
    <mergeCell ref="D484:O485"/>
    <mergeCell ref="P484:S485"/>
    <mergeCell ref="T484:W485"/>
    <mergeCell ref="X484:AA485"/>
    <mergeCell ref="A486:C487"/>
    <mergeCell ref="D486:O487"/>
    <mergeCell ref="P486:S487"/>
    <mergeCell ref="T486:W487"/>
    <mergeCell ref="X486:AA487"/>
    <mergeCell ref="A488:C489"/>
    <mergeCell ref="D488:O489"/>
    <mergeCell ref="P488:S489"/>
    <mergeCell ref="T488:W489"/>
    <mergeCell ref="X488:AA489"/>
    <mergeCell ref="A490:C491"/>
    <mergeCell ref="D490:O491"/>
    <mergeCell ref="P490:S491"/>
    <mergeCell ref="T490:W491"/>
    <mergeCell ref="X490:AA491"/>
    <mergeCell ref="A492:C493"/>
    <mergeCell ref="D492:O493"/>
    <mergeCell ref="P492:S493"/>
    <mergeCell ref="T492:W493"/>
    <mergeCell ref="X492:AA493"/>
    <mergeCell ref="A494:C495"/>
    <mergeCell ref="D494:O495"/>
    <mergeCell ref="P494:S495"/>
    <mergeCell ref="T494:W495"/>
    <mergeCell ref="X494:AA495"/>
    <mergeCell ref="A468:C469"/>
    <mergeCell ref="D468:O469"/>
    <mergeCell ref="P468:S469"/>
    <mergeCell ref="T468:W469"/>
    <mergeCell ref="X468:AA469"/>
    <mergeCell ref="A470:C471"/>
    <mergeCell ref="D470:O471"/>
    <mergeCell ref="P470:S471"/>
    <mergeCell ref="T470:W471"/>
    <mergeCell ref="X470:AA471"/>
    <mergeCell ref="A472:C473"/>
    <mergeCell ref="D472:O473"/>
    <mergeCell ref="P472:S473"/>
    <mergeCell ref="T472:W473"/>
    <mergeCell ref="X472:AA473"/>
    <mergeCell ref="A474:C475"/>
    <mergeCell ref="D474:O475"/>
    <mergeCell ref="P474:S475"/>
    <mergeCell ref="T474:W475"/>
    <mergeCell ref="X474:AA475"/>
    <mergeCell ref="A476:C477"/>
    <mergeCell ref="D476:O477"/>
    <mergeCell ref="P476:S477"/>
    <mergeCell ref="T476:W477"/>
    <mergeCell ref="X476:AA477"/>
    <mergeCell ref="A478:C479"/>
    <mergeCell ref="D478:O479"/>
    <mergeCell ref="P478:S479"/>
    <mergeCell ref="T478:W479"/>
    <mergeCell ref="X478:AA479"/>
    <mergeCell ref="A480:C481"/>
    <mergeCell ref="D480:O481"/>
    <mergeCell ref="P480:S481"/>
    <mergeCell ref="T480:W481"/>
    <mergeCell ref="X480:AA481"/>
    <mergeCell ref="A452:C453"/>
    <mergeCell ref="D452:O453"/>
    <mergeCell ref="P452:S453"/>
    <mergeCell ref="T452:W453"/>
    <mergeCell ref="X452:AA453"/>
    <mergeCell ref="A454:C455"/>
    <mergeCell ref="D454:O455"/>
    <mergeCell ref="P454:S455"/>
    <mergeCell ref="T454:W455"/>
    <mergeCell ref="X454:AA455"/>
    <mergeCell ref="A456:C457"/>
    <mergeCell ref="D456:O457"/>
    <mergeCell ref="P456:S457"/>
    <mergeCell ref="T456:W457"/>
    <mergeCell ref="X456:AA457"/>
    <mergeCell ref="A458:C459"/>
    <mergeCell ref="D458:O459"/>
    <mergeCell ref="P458:S459"/>
    <mergeCell ref="T458:W459"/>
    <mergeCell ref="X458:AA459"/>
    <mergeCell ref="A460:C461"/>
    <mergeCell ref="D460:O461"/>
    <mergeCell ref="P460:S461"/>
    <mergeCell ref="T460:W461"/>
    <mergeCell ref="X460:AA461"/>
    <mergeCell ref="A462:AA463"/>
    <mergeCell ref="A464:C465"/>
    <mergeCell ref="D464:O465"/>
    <mergeCell ref="P464:S465"/>
    <mergeCell ref="T464:W465"/>
    <mergeCell ref="X464:AA465"/>
    <mergeCell ref="A466:C467"/>
    <mergeCell ref="D466:O467"/>
    <mergeCell ref="P466:S467"/>
    <mergeCell ref="T466:W467"/>
    <mergeCell ref="X466:AA467"/>
    <mergeCell ref="A438:C439"/>
    <mergeCell ref="D438:O439"/>
    <mergeCell ref="P438:S439"/>
    <mergeCell ref="T438:W439"/>
    <mergeCell ref="X438:AA439"/>
    <mergeCell ref="A440:C441"/>
    <mergeCell ref="D440:O441"/>
    <mergeCell ref="P440:S441"/>
    <mergeCell ref="T440:W441"/>
    <mergeCell ref="X440:AA441"/>
    <mergeCell ref="A442:C443"/>
    <mergeCell ref="D442:O443"/>
    <mergeCell ref="P442:S443"/>
    <mergeCell ref="T442:W443"/>
    <mergeCell ref="X442:AA443"/>
    <mergeCell ref="A444:C445"/>
    <mergeCell ref="D444:O445"/>
    <mergeCell ref="P444:S445"/>
    <mergeCell ref="T444:W445"/>
    <mergeCell ref="X444:AA445"/>
    <mergeCell ref="A446:C447"/>
    <mergeCell ref="D446:O447"/>
    <mergeCell ref="P446:S447"/>
    <mergeCell ref="T446:W447"/>
    <mergeCell ref="X446:AA447"/>
    <mergeCell ref="A448:C449"/>
    <mergeCell ref="D448:O449"/>
    <mergeCell ref="P448:S449"/>
    <mergeCell ref="T448:W449"/>
    <mergeCell ref="X448:AA449"/>
    <mergeCell ref="A450:C451"/>
    <mergeCell ref="D450:O451"/>
    <mergeCell ref="P450:S451"/>
    <mergeCell ref="T450:W451"/>
    <mergeCell ref="X450:AA451"/>
    <mergeCell ref="A424:C425"/>
    <mergeCell ref="D424:O425"/>
    <mergeCell ref="P424:S425"/>
    <mergeCell ref="T424:W425"/>
    <mergeCell ref="X424:AA425"/>
    <mergeCell ref="A426:C427"/>
    <mergeCell ref="D426:O427"/>
    <mergeCell ref="P426:S427"/>
    <mergeCell ref="T426:W427"/>
    <mergeCell ref="X426:AA427"/>
    <mergeCell ref="A428:C429"/>
    <mergeCell ref="D428:O429"/>
    <mergeCell ref="P428:S429"/>
    <mergeCell ref="T428:W429"/>
    <mergeCell ref="X428:AA429"/>
    <mergeCell ref="A430:C431"/>
    <mergeCell ref="D430:O431"/>
    <mergeCell ref="P430:S431"/>
    <mergeCell ref="T430:W431"/>
    <mergeCell ref="X430:AA431"/>
    <mergeCell ref="A432:C433"/>
    <mergeCell ref="D432:O433"/>
    <mergeCell ref="P432:S433"/>
    <mergeCell ref="T432:W433"/>
    <mergeCell ref="X432:AA433"/>
    <mergeCell ref="A434:C435"/>
    <mergeCell ref="D434:O435"/>
    <mergeCell ref="P434:S435"/>
    <mergeCell ref="T434:W435"/>
    <mergeCell ref="X434:AA435"/>
    <mergeCell ref="A436:C437"/>
    <mergeCell ref="D436:O437"/>
    <mergeCell ref="P436:S437"/>
    <mergeCell ref="T436:W437"/>
    <mergeCell ref="X436:AA437"/>
    <mergeCell ref="A410:C411"/>
    <mergeCell ref="D410:O411"/>
    <mergeCell ref="P410:S411"/>
    <mergeCell ref="T410:W411"/>
    <mergeCell ref="X410:AA411"/>
    <mergeCell ref="A412:C413"/>
    <mergeCell ref="D412:O413"/>
    <mergeCell ref="P412:S413"/>
    <mergeCell ref="T412:W413"/>
    <mergeCell ref="X412:AA413"/>
    <mergeCell ref="A414:C415"/>
    <mergeCell ref="D414:O415"/>
    <mergeCell ref="P414:S415"/>
    <mergeCell ref="T414:W415"/>
    <mergeCell ref="X414:AA415"/>
    <mergeCell ref="A416:C417"/>
    <mergeCell ref="D416:O417"/>
    <mergeCell ref="P416:S417"/>
    <mergeCell ref="T416:W417"/>
    <mergeCell ref="X416:AA417"/>
    <mergeCell ref="A418:C419"/>
    <mergeCell ref="D418:O419"/>
    <mergeCell ref="P418:S419"/>
    <mergeCell ref="T418:W419"/>
    <mergeCell ref="X418:AA419"/>
    <mergeCell ref="A420:C421"/>
    <mergeCell ref="D420:O421"/>
    <mergeCell ref="P420:S421"/>
    <mergeCell ref="T420:W421"/>
    <mergeCell ref="X420:AA421"/>
    <mergeCell ref="A422:C423"/>
    <mergeCell ref="D422:O423"/>
    <mergeCell ref="P422:S423"/>
    <mergeCell ref="T422:W423"/>
    <mergeCell ref="X422:AA423"/>
    <mergeCell ref="A396:C397"/>
    <mergeCell ref="D396:O397"/>
    <mergeCell ref="P396:S397"/>
    <mergeCell ref="T396:W397"/>
    <mergeCell ref="X396:AA397"/>
    <mergeCell ref="A398:C399"/>
    <mergeCell ref="D398:O399"/>
    <mergeCell ref="P398:S399"/>
    <mergeCell ref="T398:W399"/>
    <mergeCell ref="X398:AA399"/>
    <mergeCell ref="A400:C401"/>
    <mergeCell ref="D400:O401"/>
    <mergeCell ref="P400:S401"/>
    <mergeCell ref="T400:W401"/>
    <mergeCell ref="X400:AA401"/>
    <mergeCell ref="A402:C403"/>
    <mergeCell ref="D402:O403"/>
    <mergeCell ref="P402:S403"/>
    <mergeCell ref="T402:W403"/>
    <mergeCell ref="X402:AA403"/>
    <mergeCell ref="A404:C405"/>
    <mergeCell ref="D404:O405"/>
    <mergeCell ref="P404:S405"/>
    <mergeCell ref="T404:W405"/>
    <mergeCell ref="X404:AA405"/>
    <mergeCell ref="A406:C407"/>
    <mergeCell ref="D406:O407"/>
    <mergeCell ref="P406:S407"/>
    <mergeCell ref="T406:W407"/>
    <mergeCell ref="X406:AA407"/>
    <mergeCell ref="A408:C409"/>
    <mergeCell ref="D408:O409"/>
    <mergeCell ref="P408:S409"/>
    <mergeCell ref="T408:W409"/>
    <mergeCell ref="X408:AA409"/>
    <mergeCell ref="A382:C383"/>
    <mergeCell ref="D382:O383"/>
    <mergeCell ref="P382:S383"/>
    <mergeCell ref="T382:W383"/>
    <mergeCell ref="X382:AA383"/>
    <mergeCell ref="A384:C385"/>
    <mergeCell ref="D384:O385"/>
    <mergeCell ref="P384:S385"/>
    <mergeCell ref="T384:W385"/>
    <mergeCell ref="X384:AA385"/>
    <mergeCell ref="A386:C387"/>
    <mergeCell ref="D386:O387"/>
    <mergeCell ref="P386:S387"/>
    <mergeCell ref="T386:W387"/>
    <mergeCell ref="X386:AA387"/>
    <mergeCell ref="A388:C389"/>
    <mergeCell ref="D388:O389"/>
    <mergeCell ref="P388:S389"/>
    <mergeCell ref="T388:W389"/>
    <mergeCell ref="X388:AA389"/>
    <mergeCell ref="A390:C391"/>
    <mergeCell ref="D390:O391"/>
    <mergeCell ref="P390:S391"/>
    <mergeCell ref="T390:W391"/>
    <mergeCell ref="X390:AA391"/>
    <mergeCell ref="A392:C393"/>
    <mergeCell ref="D392:O393"/>
    <mergeCell ref="P392:S393"/>
    <mergeCell ref="T392:W393"/>
    <mergeCell ref="X392:AA393"/>
    <mergeCell ref="A394:C395"/>
    <mergeCell ref="D394:O395"/>
    <mergeCell ref="P394:S395"/>
    <mergeCell ref="T394:W395"/>
    <mergeCell ref="X394:AA395"/>
    <mergeCell ref="A366:C367"/>
    <mergeCell ref="D366:O367"/>
    <mergeCell ref="P366:S367"/>
    <mergeCell ref="T366:W367"/>
    <mergeCell ref="X366:AA367"/>
    <mergeCell ref="A368:C369"/>
    <mergeCell ref="D368:O369"/>
    <mergeCell ref="P368:S369"/>
    <mergeCell ref="T368:W369"/>
    <mergeCell ref="X368:AA369"/>
    <mergeCell ref="A370:C371"/>
    <mergeCell ref="D370:O371"/>
    <mergeCell ref="P370:S371"/>
    <mergeCell ref="T370:W371"/>
    <mergeCell ref="X370:AA371"/>
    <mergeCell ref="A372:C373"/>
    <mergeCell ref="D372:O373"/>
    <mergeCell ref="P372:S373"/>
    <mergeCell ref="T372:W373"/>
    <mergeCell ref="X372:AA373"/>
    <mergeCell ref="A374:C375"/>
    <mergeCell ref="D374:O375"/>
    <mergeCell ref="P374:S375"/>
    <mergeCell ref="T374:W375"/>
    <mergeCell ref="X374:AA375"/>
    <mergeCell ref="A376:C377"/>
    <mergeCell ref="D376:O377"/>
    <mergeCell ref="P376:S377"/>
    <mergeCell ref="T376:W377"/>
    <mergeCell ref="X376:AA377"/>
    <mergeCell ref="A378:AA379"/>
    <mergeCell ref="A380:C381"/>
    <mergeCell ref="D380:O381"/>
    <mergeCell ref="P380:S381"/>
    <mergeCell ref="T380:W381"/>
    <mergeCell ref="X380:AA381"/>
    <mergeCell ref="A352:C353"/>
    <mergeCell ref="D352:O353"/>
    <mergeCell ref="P352:S353"/>
    <mergeCell ref="T352:W353"/>
    <mergeCell ref="X352:AA353"/>
    <mergeCell ref="A354:C355"/>
    <mergeCell ref="D354:O355"/>
    <mergeCell ref="P354:S355"/>
    <mergeCell ref="T354:W355"/>
    <mergeCell ref="X354:AA355"/>
    <mergeCell ref="A356:C357"/>
    <mergeCell ref="D356:O357"/>
    <mergeCell ref="P356:S357"/>
    <mergeCell ref="T356:W357"/>
    <mergeCell ref="X356:AA357"/>
    <mergeCell ref="A358:C359"/>
    <mergeCell ref="D358:O359"/>
    <mergeCell ref="P358:S359"/>
    <mergeCell ref="T358:W359"/>
    <mergeCell ref="X358:AA359"/>
    <mergeCell ref="A360:C361"/>
    <mergeCell ref="D360:O361"/>
    <mergeCell ref="P360:S361"/>
    <mergeCell ref="T360:W361"/>
    <mergeCell ref="X360:AA361"/>
    <mergeCell ref="A362:C363"/>
    <mergeCell ref="D362:O363"/>
    <mergeCell ref="P362:S363"/>
    <mergeCell ref="T362:W363"/>
    <mergeCell ref="X362:AA363"/>
    <mergeCell ref="A364:C365"/>
    <mergeCell ref="D364:O365"/>
    <mergeCell ref="P364:S365"/>
    <mergeCell ref="T364:W365"/>
    <mergeCell ref="X364:AA365"/>
    <mergeCell ref="A338:C339"/>
    <mergeCell ref="D338:O339"/>
    <mergeCell ref="P338:S339"/>
    <mergeCell ref="T338:W339"/>
    <mergeCell ref="X338:AA339"/>
    <mergeCell ref="A340:C341"/>
    <mergeCell ref="D340:O341"/>
    <mergeCell ref="P340:S341"/>
    <mergeCell ref="T340:W341"/>
    <mergeCell ref="X340:AA341"/>
    <mergeCell ref="A342:C343"/>
    <mergeCell ref="D342:O343"/>
    <mergeCell ref="P342:S343"/>
    <mergeCell ref="T342:W343"/>
    <mergeCell ref="X342:AA343"/>
    <mergeCell ref="A344:C345"/>
    <mergeCell ref="D344:O345"/>
    <mergeCell ref="P344:S345"/>
    <mergeCell ref="T344:W345"/>
    <mergeCell ref="X344:AA345"/>
    <mergeCell ref="A346:C347"/>
    <mergeCell ref="D346:O347"/>
    <mergeCell ref="P346:S347"/>
    <mergeCell ref="T346:W347"/>
    <mergeCell ref="X346:AA347"/>
    <mergeCell ref="A348:C349"/>
    <mergeCell ref="D348:O349"/>
    <mergeCell ref="P348:S349"/>
    <mergeCell ref="T348:W349"/>
    <mergeCell ref="X348:AA349"/>
    <mergeCell ref="A350:C351"/>
    <mergeCell ref="D350:O351"/>
    <mergeCell ref="P350:S351"/>
    <mergeCell ref="T350:W351"/>
    <mergeCell ref="X350:AA351"/>
    <mergeCell ref="A324:C325"/>
    <mergeCell ref="D324:O325"/>
    <mergeCell ref="P324:S325"/>
    <mergeCell ref="T324:W325"/>
    <mergeCell ref="X324:AA325"/>
    <mergeCell ref="A326:C327"/>
    <mergeCell ref="D326:O327"/>
    <mergeCell ref="P326:S327"/>
    <mergeCell ref="T326:W327"/>
    <mergeCell ref="X326:AA327"/>
    <mergeCell ref="A328:C329"/>
    <mergeCell ref="D328:O329"/>
    <mergeCell ref="P328:S329"/>
    <mergeCell ref="T328:W329"/>
    <mergeCell ref="X328:AA329"/>
    <mergeCell ref="A330:C331"/>
    <mergeCell ref="D330:O331"/>
    <mergeCell ref="P330:S331"/>
    <mergeCell ref="T330:W331"/>
    <mergeCell ref="X330:AA331"/>
    <mergeCell ref="A332:C333"/>
    <mergeCell ref="D332:O333"/>
    <mergeCell ref="P332:S333"/>
    <mergeCell ref="T332:W333"/>
    <mergeCell ref="X332:AA333"/>
    <mergeCell ref="A334:C335"/>
    <mergeCell ref="D334:O335"/>
    <mergeCell ref="P334:S335"/>
    <mergeCell ref="T334:W335"/>
    <mergeCell ref="X334:AA335"/>
    <mergeCell ref="A336:C337"/>
    <mergeCell ref="D336:O337"/>
    <mergeCell ref="P336:S337"/>
    <mergeCell ref="T336:W337"/>
    <mergeCell ref="X336:AA337"/>
    <mergeCell ref="A310:C311"/>
    <mergeCell ref="D310:O311"/>
    <mergeCell ref="P310:S311"/>
    <mergeCell ref="T310:W311"/>
    <mergeCell ref="X310:AA311"/>
    <mergeCell ref="A312:C313"/>
    <mergeCell ref="D312:O313"/>
    <mergeCell ref="P312:S313"/>
    <mergeCell ref="T312:W313"/>
    <mergeCell ref="X312:AA313"/>
    <mergeCell ref="A314:C315"/>
    <mergeCell ref="D314:O315"/>
    <mergeCell ref="P314:S315"/>
    <mergeCell ref="T314:W315"/>
    <mergeCell ref="X314:AA315"/>
    <mergeCell ref="A316:C317"/>
    <mergeCell ref="D316:O317"/>
    <mergeCell ref="P316:S317"/>
    <mergeCell ref="T316:W317"/>
    <mergeCell ref="X316:AA317"/>
    <mergeCell ref="A318:C319"/>
    <mergeCell ref="D318:O319"/>
    <mergeCell ref="P318:S319"/>
    <mergeCell ref="T318:W319"/>
    <mergeCell ref="X318:AA319"/>
    <mergeCell ref="A320:C321"/>
    <mergeCell ref="D320:O321"/>
    <mergeCell ref="P320:S321"/>
    <mergeCell ref="T320:W321"/>
    <mergeCell ref="X320:AA321"/>
    <mergeCell ref="A322:C323"/>
    <mergeCell ref="D322:O323"/>
    <mergeCell ref="P322:S323"/>
    <mergeCell ref="T322:W323"/>
    <mergeCell ref="X322:AA323"/>
    <mergeCell ref="A296:C297"/>
    <mergeCell ref="D296:O297"/>
    <mergeCell ref="P296:S297"/>
    <mergeCell ref="T296:W297"/>
    <mergeCell ref="X296:AA297"/>
    <mergeCell ref="A298:C299"/>
    <mergeCell ref="D298:O299"/>
    <mergeCell ref="P298:S299"/>
    <mergeCell ref="T298:W299"/>
    <mergeCell ref="X298:AA299"/>
    <mergeCell ref="A300:C301"/>
    <mergeCell ref="D300:O301"/>
    <mergeCell ref="P300:S301"/>
    <mergeCell ref="T300:W301"/>
    <mergeCell ref="X300:AA301"/>
    <mergeCell ref="A302:C303"/>
    <mergeCell ref="D302:O303"/>
    <mergeCell ref="P302:S303"/>
    <mergeCell ref="T302:W303"/>
    <mergeCell ref="X302:AA303"/>
    <mergeCell ref="A304:C305"/>
    <mergeCell ref="D304:O305"/>
    <mergeCell ref="P304:S305"/>
    <mergeCell ref="T304:W305"/>
    <mergeCell ref="X304:AA305"/>
    <mergeCell ref="A306:C307"/>
    <mergeCell ref="D306:O307"/>
    <mergeCell ref="P306:S307"/>
    <mergeCell ref="T306:W307"/>
    <mergeCell ref="X306:AA307"/>
    <mergeCell ref="A308:C309"/>
    <mergeCell ref="D308:O309"/>
    <mergeCell ref="P308:S309"/>
    <mergeCell ref="T308:W309"/>
    <mergeCell ref="X308:AA309"/>
    <mergeCell ref="A282:C283"/>
    <mergeCell ref="D282:O283"/>
    <mergeCell ref="P282:S283"/>
    <mergeCell ref="T282:W283"/>
    <mergeCell ref="X282:AA283"/>
    <mergeCell ref="A284:C285"/>
    <mergeCell ref="D284:O285"/>
    <mergeCell ref="P284:S285"/>
    <mergeCell ref="T284:W285"/>
    <mergeCell ref="X284:AA285"/>
    <mergeCell ref="A286:C287"/>
    <mergeCell ref="D286:O287"/>
    <mergeCell ref="P286:S287"/>
    <mergeCell ref="T286:W287"/>
    <mergeCell ref="X286:AA287"/>
    <mergeCell ref="A288:C289"/>
    <mergeCell ref="D288:O289"/>
    <mergeCell ref="P288:S289"/>
    <mergeCell ref="T288:W289"/>
    <mergeCell ref="X288:AA289"/>
    <mergeCell ref="A290:C291"/>
    <mergeCell ref="D290:O291"/>
    <mergeCell ref="P290:S291"/>
    <mergeCell ref="T290:W291"/>
    <mergeCell ref="X290:AA291"/>
    <mergeCell ref="A292:C293"/>
    <mergeCell ref="D292:O293"/>
    <mergeCell ref="P292:S293"/>
    <mergeCell ref="T292:W293"/>
    <mergeCell ref="X292:AA293"/>
    <mergeCell ref="A294:C295"/>
    <mergeCell ref="D294:O295"/>
    <mergeCell ref="P294:S295"/>
    <mergeCell ref="T294:W295"/>
    <mergeCell ref="X294:AA295"/>
    <mergeCell ref="A268:C269"/>
    <mergeCell ref="D268:O269"/>
    <mergeCell ref="P268:S269"/>
    <mergeCell ref="T268:W269"/>
    <mergeCell ref="X268:AA269"/>
    <mergeCell ref="A270:C271"/>
    <mergeCell ref="D270:O271"/>
    <mergeCell ref="P270:S271"/>
    <mergeCell ref="T270:W271"/>
    <mergeCell ref="X270:AA271"/>
    <mergeCell ref="A272:C273"/>
    <mergeCell ref="D272:O273"/>
    <mergeCell ref="P272:S273"/>
    <mergeCell ref="T272:W273"/>
    <mergeCell ref="X272:AA273"/>
    <mergeCell ref="A274:C275"/>
    <mergeCell ref="D274:O275"/>
    <mergeCell ref="P274:S275"/>
    <mergeCell ref="T274:W275"/>
    <mergeCell ref="X274:AA275"/>
    <mergeCell ref="A276:C277"/>
    <mergeCell ref="D276:O277"/>
    <mergeCell ref="P276:S277"/>
    <mergeCell ref="T276:W277"/>
    <mergeCell ref="X276:AA277"/>
    <mergeCell ref="A278:C279"/>
    <mergeCell ref="D278:O279"/>
    <mergeCell ref="P278:S279"/>
    <mergeCell ref="T278:W279"/>
    <mergeCell ref="X278:AA279"/>
    <mergeCell ref="A280:C281"/>
    <mergeCell ref="D280:O281"/>
    <mergeCell ref="P280:S281"/>
    <mergeCell ref="T280:W281"/>
    <mergeCell ref="X280:AA281"/>
    <mergeCell ref="A254:C255"/>
    <mergeCell ref="D254:O255"/>
    <mergeCell ref="P254:S255"/>
    <mergeCell ref="T254:W255"/>
    <mergeCell ref="X254:AA255"/>
    <mergeCell ref="A256:C257"/>
    <mergeCell ref="D256:O257"/>
    <mergeCell ref="P256:S257"/>
    <mergeCell ref="T256:W257"/>
    <mergeCell ref="X256:AA257"/>
    <mergeCell ref="A258:C259"/>
    <mergeCell ref="D258:O259"/>
    <mergeCell ref="P258:S259"/>
    <mergeCell ref="T258:W259"/>
    <mergeCell ref="X258:AA259"/>
    <mergeCell ref="A260:C261"/>
    <mergeCell ref="D260:O261"/>
    <mergeCell ref="P260:S261"/>
    <mergeCell ref="T260:W261"/>
    <mergeCell ref="X260:AA261"/>
    <mergeCell ref="A262:C263"/>
    <mergeCell ref="D262:O263"/>
    <mergeCell ref="P262:S263"/>
    <mergeCell ref="T262:W263"/>
    <mergeCell ref="X262:AA263"/>
    <mergeCell ref="A264:C265"/>
    <mergeCell ref="D264:O265"/>
    <mergeCell ref="P264:S265"/>
    <mergeCell ref="T264:W265"/>
    <mergeCell ref="X264:AA265"/>
    <mergeCell ref="A266:C267"/>
    <mergeCell ref="D266:O267"/>
    <mergeCell ref="P266:S267"/>
    <mergeCell ref="T266:W267"/>
    <mergeCell ref="X266:AA267"/>
    <mergeCell ref="A240:C241"/>
    <mergeCell ref="D240:O241"/>
    <mergeCell ref="P240:S241"/>
    <mergeCell ref="T240:W241"/>
    <mergeCell ref="X240:AA241"/>
    <mergeCell ref="A242:C243"/>
    <mergeCell ref="D242:O243"/>
    <mergeCell ref="P242:S243"/>
    <mergeCell ref="T242:W243"/>
    <mergeCell ref="X242:AA243"/>
    <mergeCell ref="A244:C245"/>
    <mergeCell ref="D244:O245"/>
    <mergeCell ref="P244:S245"/>
    <mergeCell ref="T244:W245"/>
    <mergeCell ref="X244:AA245"/>
    <mergeCell ref="A246:C247"/>
    <mergeCell ref="D246:O247"/>
    <mergeCell ref="P246:S247"/>
    <mergeCell ref="T246:W247"/>
    <mergeCell ref="X246:AA247"/>
    <mergeCell ref="A248:C249"/>
    <mergeCell ref="D248:O249"/>
    <mergeCell ref="P248:S249"/>
    <mergeCell ref="T248:W249"/>
    <mergeCell ref="X248:AA249"/>
    <mergeCell ref="A250:C251"/>
    <mergeCell ref="D250:O251"/>
    <mergeCell ref="P250:S251"/>
    <mergeCell ref="T250:W251"/>
    <mergeCell ref="X250:AA251"/>
    <mergeCell ref="A252:C253"/>
    <mergeCell ref="D252:O253"/>
    <mergeCell ref="P252:S253"/>
    <mergeCell ref="T252:W253"/>
    <mergeCell ref="X252:AA253"/>
    <mergeCell ref="A226:C227"/>
    <mergeCell ref="D226:O227"/>
    <mergeCell ref="P226:S227"/>
    <mergeCell ref="T226:W227"/>
    <mergeCell ref="X226:AA227"/>
    <mergeCell ref="A228:C229"/>
    <mergeCell ref="D228:O229"/>
    <mergeCell ref="P228:S229"/>
    <mergeCell ref="T228:W229"/>
    <mergeCell ref="X228:AA229"/>
    <mergeCell ref="A230:C231"/>
    <mergeCell ref="D230:O231"/>
    <mergeCell ref="P230:S231"/>
    <mergeCell ref="T230:W231"/>
    <mergeCell ref="X230:AA231"/>
    <mergeCell ref="A232:C233"/>
    <mergeCell ref="D232:O233"/>
    <mergeCell ref="P232:S233"/>
    <mergeCell ref="T232:W233"/>
    <mergeCell ref="X232:AA233"/>
    <mergeCell ref="A234:C235"/>
    <mergeCell ref="D234:O235"/>
    <mergeCell ref="P234:S235"/>
    <mergeCell ref="T234:W235"/>
    <mergeCell ref="X234:AA235"/>
    <mergeCell ref="A236:C237"/>
    <mergeCell ref="D236:O237"/>
    <mergeCell ref="P236:S237"/>
    <mergeCell ref="T236:W237"/>
    <mergeCell ref="X236:AA237"/>
    <mergeCell ref="A238:C239"/>
    <mergeCell ref="D238:O239"/>
    <mergeCell ref="P238:S239"/>
    <mergeCell ref="T238:W239"/>
    <mergeCell ref="X238:AA239"/>
    <mergeCell ref="A210:C211"/>
    <mergeCell ref="D210:O211"/>
    <mergeCell ref="P210:S211"/>
    <mergeCell ref="T210:W211"/>
    <mergeCell ref="X210:AA211"/>
    <mergeCell ref="A212:C213"/>
    <mergeCell ref="D212:O213"/>
    <mergeCell ref="P212:S213"/>
    <mergeCell ref="T212:W213"/>
    <mergeCell ref="X212:AA213"/>
    <mergeCell ref="A214:C215"/>
    <mergeCell ref="D214:O215"/>
    <mergeCell ref="P214:S215"/>
    <mergeCell ref="T214:W215"/>
    <mergeCell ref="X214:AA215"/>
    <mergeCell ref="A216:C217"/>
    <mergeCell ref="D216:O217"/>
    <mergeCell ref="P216:S217"/>
    <mergeCell ref="T216:W217"/>
    <mergeCell ref="X216:AA217"/>
    <mergeCell ref="A218:C219"/>
    <mergeCell ref="D218:O219"/>
    <mergeCell ref="P218:S219"/>
    <mergeCell ref="T218:W219"/>
    <mergeCell ref="X218:AA219"/>
    <mergeCell ref="A220:AA221"/>
    <mergeCell ref="A222:C223"/>
    <mergeCell ref="D222:O223"/>
    <mergeCell ref="P222:S223"/>
    <mergeCell ref="T222:W223"/>
    <mergeCell ref="X222:AA223"/>
    <mergeCell ref="A224:C225"/>
    <mergeCell ref="D224:O225"/>
    <mergeCell ref="P224:S225"/>
    <mergeCell ref="T224:W225"/>
    <mergeCell ref="X224:AA225"/>
    <mergeCell ref="A196:C197"/>
    <mergeCell ref="D196:O197"/>
    <mergeCell ref="P196:S197"/>
    <mergeCell ref="T196:W197"/>
    <mergeCell ref="X196:AA197"/>
    <mergeCell ref="A198:C199"/>
    <mergeCell ref="D198:O199"/>
    <mergeCell ref="P198:S199"/>
    <mergeCell ref="T198:W199"/>
    <mergeCell ref="X198:AA199"/>
    <mergeCell ref="A200:C201"/>
    <mergeCell ref="D200:O201"/>
    <mergeCell ref="P200:S201"/>
    <mergeCell ref="T200:W201"/>
    <mergeCell ref="X200:AA201"/>
    <mergeCell ref="A202:C203"/>
    <mergeCell ref="D202:O203"/>
    <mergeCell ref="P202:S203"/>
    <mergeCell ref="T202:W203"/>
    <mergeCell ref="X202:AA203"/>
    <mergeCell ref="A204:C205"/>
    <mergeCell ref="D204:O205"/>
    <mergeCell ref="P204:S205"/>
    <mergeCell ref="T204:W205"/>
    <mergeCell ref="X204:AA205"/>
    <mergeCell ref="A206:C207"/>
    <mergeCell ref="D206:O207"/>
    <mergeCell ref="P206:S207"/>
    <mergeCell ref="T206:W207"/>
    <mergeCell ref="X206:AA207"/>
    <mergeCell ref="A208:C209"/>
    <mergeCell ref="D208:O209"/>
    <mergeCell ref="P208:S209"/>
    <mergeCell ref="T208:W209"/>
    <mergeCell ref="X208:AA209"/>
    <mergeCell ref="A182:C183"/>
    <mergeCell ref="D182:O183"/>
    <mergeCell ref="P182:S183"/>
    <mergeCell ref="T182:W183"/>
    <mergeCell ref="X182:AA183"/>
    <mergeCell ref="A184:C185"/>
    <mergeCell ref="D184:O185"/>
    <mergeCell ref="P184:S185"/>
    <mergeCell ref="T184:W185"/>
    <mergeCell ref="X184:AA185"/>
    <mergeCell ref="A186:C187"/>
    <mergeCell ref="D186:O187"/>
    <mergeCell ref="P186:S187"/>
    <mergeCell ref="T186:W187"/>
    <mergeCell ref="X186:AA187"/>
    <mergeCell ref="A188:C189"/>
    <mergeCell ref="D188:O189"/>
    <mergeCell ref="P188:S189"/>
    <mergeCell ref="T188:W189"/>
    <mergeCell ref="X188:AA189"/>
    <mergeCell ref="A190:C191"/>
    <mergeCell ref="D190:O191"/>
    <mergeCell ref="P190:S191"/>
    <mergeCell ref="T190:W191"/>
    <mergeCell ref="X190:AA191"/>
    <mergeCell ref="A192:C193"/>
    <mergeCell ref="D192:O193"/>
    <mergeCell ref="P192:S193"/>
    <mergeCell ref="T192:W193"/>
    <mergeCell ref="X192:AA193"/>
    <mergeCell ref="A194:C195"/>
    <mergeCell ref="D194:O195"/>
    <mergeCell ref="P194:S195"/>
    <mergeCell ref="T194:W195"/>
    <mergeCell ref="X194:AA195"/>
    <mergeCell ref="A168:C169"/>
    <mergeCell ref="D168:O169"/>
    <mergeCell ref="P168:S169"/>
    <mergeCell ref="T168:W169"/>
    <mergeCell ref="X168:AA169"/>
    <mergeCell ref="A170:C171"/>
    <mergeCell ref="D170:O171"/>
    <mergeCell ref="P170:S171"/>
    <mergeCell ref="T170:W171"/>
    <mergeCell ref="X170:AA171"/>
    <mergeCell ref="A172:C173"/>
    <mergeCell ref="D172:O173"/>
    <mergeCell ref="P172:S173"/>
    <mergeCell ref="T172:W173"/>
    <mergeCell ref="X172:AA173"/>
    <mergeCell ref="A174:C175"/>
    <mergeCell ref="D174:O175"/>
    <mergeCell ref="P174:S175"/>
    <mergeCell ref="T174:W175"/>
    <mergeCell ref="X174:AA175"/>
    <mergeCell ref="A176:C177"/>
    <mergeCell ref="D176:O177"/>
    <mergeCell ref="P176:S177"/>
    <mergeCell ref="T176:W177"/>
    <mergeCell ref="X176:AA177"/>
    <mergeCell ref="A178:C179"/>
    <mergeCell ref="D178:O179"/>
    <mergeCell ref="P178:S179"/>
    <mergeCell ref="T178:W179"/>
    <mergeCell ref="X178:AA179"/>
    <mergeCell ref="A180:C181"/>
    <mergeCell ref="D180:O181"/>
    <mergeCell ref="P180:S181"/>
    <mergeCell ref="T180:W181"/>
    <mergeCell ref="X180:AA181"/>
    <mergeCell ref="A154:C155"/>
    <mergeCell ref="D154:O155"/>
    <mergeCell ref="P154:S155"/>
    <mergeCell ref="T154:W155"/>
    <mergeCell ref="X154:AA155"/>
    <mergeCell ref="A156:C157"/>
    <mergeCell ref="D156:O157"/>
    <mergeCell ref="P156:S157"/>
    <mergeCell ref="T156:W157"/>
    <mergeCell ref="X156:AA157"/>
    <mergeCell ref="A158:C159"/>
    <mergeCell ref="D158:O159"/>
    <mergeCell ref="P158:S159"/>
    <mergeCell ref="T158:W159"/>
    <mergeCell ref="X158:AA159"/>
    <mergeCell ref="A160:C161"/>
    <mergeCell ref="D160:O161"/>
    <mergeCell ref="P160:S161"/>
    <mergeCell ref="T160:W161"/>
    <mergeCell ref="X160:AA161"/>
    <mergeCell ref="A162:C163"/>
    <mergeCell ref="D162:O163"/>
    <mergeCell ref="P162:S163"/>
    <mergeCell ref="T162:W163"/>
    <mergeCell ref="X162:AA163"/>
    <mergeCell ref="A164:C165"/>
    <mergeCell ref="D164:O165"/>
    <mergeCell ref="P164:S165"/>
    <mergeCell ref="T164:W165"/>
    <mergeCell ref="X164:AA165"/>
    <mergeCell ref="A166:C167"/>
    <mergeCell ref="D166:O167"/>
    <mergeCell ref="P166:S167"/>
    <mergeCell ref="T166:W167"/>
    <mergeCell ref="X166:AA167"/>
    <mergeCell ref="A140:C141"/>
    <mergeCell ref="D140:O141"/>
    <mergeCell ref="P140:S141"/>
    <mergeCell ref="T140:W141"/>
    <mergeCell ref="X140:AA141"/>
    <mergeCell ref="A142:C143"/>
    <mergeCell ref="D142:O143"/>
    <mergeCell ref="P142:S143"/>
    <mergeCell ref="T142:W143"/>
    <mergeCell ref="X142:AA143"/>
    <mergeCell ref="A144:C145"/>
    <mergeCell ref="D144:O145"/>
    <mergeCell ref="P144:S145"/>
    <mergeCell ref="T144:W145"/>
    <mergeCell ref="X144:AA145"/>
    <mergeCell ref="A146:C147"/>
    <mergeCell ref="D146:O147"/>
    <mergeCell ref="P146:S147"/>
    <mergeCell ref="T146:W147"/>
    <mergeCell ref="X146:AA147"/>
    <mergeCell ref="A148:C149"/>
    <mergeCell ref="D148:O149"/>
    <mergeCell ref="P148:S149"/>
    <mergeCell ref="T148:W149"/>
    <mergeCell ref="X148:AA149"/>
    <mergeCell ref="A150:C151"/>
    <mergeCell ref="D150:O151"/>
    <mergeCell ref="P150:S151"/>
    <mergeCell ref="T150:W151"/>
    <mergeCell ref="X150:AA151"/>
    <mergeCell ref="A152:C153"/>
    <mergeCell ref="D152:O153"/>
    <mergeCell ref="P152:S153"/>
    <mergeCell ref="T152:W153"/>
    <mergeCell ref="X152:AA153"/>
    <mergeCell ref="A126:C127"/>
    <mergeCell ref="D126:O127"/>
    <mergeCell ref="P126:S127"/>
    <mergeCell ref="T126:W127"/>
    <mergeCell ref="X126:AA127"/>
    <mergeCell ref="A128:C129"/>
    <mergeCell ref="D128:O129"/>
    <mergeCell ref="P128:S129"/>
    <mergeCell ref="T128:W129"/>
    <mergeCell ref="X128:AA129"/>
    <mergeCell ref="A130:C131"/>
    <mergeCell ref="D130:O131"/>
    <mergeCell ref="P130:S131"/>
    <mergeCell ref="T130:W131"/>
    <mergeCell ref="X130:AA131"/>
    <mergeCell ref="A132:C133"/>
    <mergeCell ref="D132:O133"/>
    <mergeCell ref="P132:S133"/>
    <mergeCell ref="T132:W133"/>
    <mergeCell ref="X132:AA133"/>
    <mergeCell ref="A134:C135"/>
    <mergeCell ref="D134:O135"/>
    <mergeCell ref="P134:S135"/>
    <mergeCell ref="T134:W135"/>
    <mergeCell ref="X134:AA135"/>
    <mergeCell ref="A136:C137"/>
    <mergeCell ref="D136:O137"/>
    <mergeCell ref="P136:S137"/>
    <mergeCell ref="T136:W137"/>
    <mergeCell ref="X136:AA137"/>
    <mergeCell ref="A138:C139"/>
    <mergeCell ref="D138:O139"/>
    <mergeCell ref="P138:S139"/>
    <mergeCell ref="T138:W139"/>
    <mergeCell ref="X138:AA139"/>
    <mergeCell ref="A112:C113"/>
    <mergeCell ref="D112:O113"/>
    <mergeCell ref="P112:S113"/>
    <mergeCell ref="T112:W113"/>
    <mergeCell ref="X112:AA113"/>
    <mergeCell ref="A114:C115"/>
    <mergeCell ref="D114:O115"/>
    <mergeCell ref="P114:S115"/>
    <mergeCell ref="T114:W115"/>
    <mergeCell ref="X114:AA115"/>
    <mergeCell ref="A116:C117"/>
    <mergeCell ref="D116:O117"/>
    <mergeCell ref="P116:S117"/>
    <mergeCell ref="T116:W117"/>
    <mergeCell ref="X116:AA117"/>
    <mergeCell ref="A118:C119"/>
    <mergeCell ref="D118:O119"/>
    <mergeCell ref="P118:S119"/>
    <mergeCell ref="T118:W119"/>
    <mergeCell ref="X118:AA119"/>
    <mergeCell ref="A120:C121"/>
    <mergeCell ref="D120:O121"/>
    <mergeCell ref="P120:S121"/>
    <mergeCell ref="T120:W121"/>
    <mergeCell ref="X120:AA121"/>
    <mergeCell ref="A122:C123"/>
    <mergeCell ref="D122:O123"/>
    <mergeCell ref="P122:S123"/>
    <mergeCell ref="T122:W123"/>
    <mergeCell ref="X122:AA123"/>
    <mergeCell ref="A124:C125"/>
    <mergeCell ref="D124:O125"/>
    <mergeCell ref="P124:S125"/>
    <mergeCell ref="T124:W125"/>
    <mergeCell ref="X124:AA125"/>
    <mergeCell ref="A98:C99"/>
    <mergeCell ref="D98:O99"/>
    <mergeCell ref="P98:S99"/>
    <mergeCell ref="T98:W99"/>
    <mergeCell ref="X98:AA99"/>
    <mergeCell ref="A100:C101"/>
    <mergeCell ref="D100:O101"/>
    <mergeCell ref="P100:S101"/>
    <mergeCell ref="T100:W101"/>
    <mergeCell ref="X100:AA101"/>
    <mergeCell ref="A102:C103"/>
    <mergeCell ref="D102:O103"/>
    <mergeCell ref="P102:S103"/>
    <mergeCell ref="T102:W103"/>
    <mergeCell ref="X102:AA103"/>
    <mergeCell ref="A104:C105"/>
    <mergeCell ref="D104:O105"/>
    <mergeCell ref="P104:S105"/>
    <mergeCell ref="T104:W105"/>
    <mergeCell ref="X104:AA105"/>
    <mergeCell ref="A106:C107"/>
    <mergeCell ref="D106:O107"/>
    <mergeCell ref="P106:S107"/>
    <mergeCell ref="T106:W107"/>
    <mergeCell ref="X106:AA107"/>
    <mergeCell ref="A108:C109"/>
    <mergeCell ref="D108:O109"/>
    <mergeCell ref="P108:S109"/>
    <mergeCell ref="T108:W109"/>
    <mergeCell ref="X108:AA109"/>
    <mergeCell ref="A110:C111"/>
    <mergeCell ref="D110:O111"/>
    <mergeCell ref="P110:S111"/>
    <mergeCell ref="T110:W111"/>
    <mergeCell ref="X110:AA111"/>
    <mergeCell ref="A82:C83"/>
    <mergeCell ref="D82:O83"/>
    <mergeCell ref="P82:S83"/>
    <mergeCell ref="T82:W83"/>
    <mergeCell ref="X82:AA83"/>
    <mergeCell ref="A84:C85"/>
    <mergeCell ref="D84:O85"/>
    <mergeCell ref="P84:S85"/>
    <mergeCell ref="T84:W85"/>
    <mergeCell ref="X84:AA85"/>
    <mergeCell ref="A86:C87"/>
    <mergeCell ref="D86:O87"/>
    <mergeCell ref="P86:S87"/>
    <mergeCell ref="T86:W87"/>
    <mergeCell ref="X86:AA87"/>
    <mergeCell ref="A88:C89"/>
    <mergeCell ref="D88:O89"/>
    <mergeCell ref="P88:S89"/>
    <mergeCell ref="T88:W89"/>
    <mergeCell ref="X88:AA89"/>
    <mergeCell ref="A90:C91"/>
    <mergeCell ref="D90:O91"/>
    <mergeCell ref="P90:S91"/>
    <mergeCell ref="T90:W91"/>
    <mergeCell ref="X90:AA91"/>
    <mergeCell ref="A92:AA93"/>
    <mergeCell ref="A94:C95"/>
    <mergeCell ref="D94:O95"/>
    <mergeCell ref="P94:S95"/>
    <mergeCell ref="T94:W95"/>
    <mergeCell ref="X94:AA95"/>
    <mergeCell ref="A96:C97"/>
    <mergeCell ref="D96:O97"/>
    <mergeCell ref="P96:S97"/>
    <mergeCell ref="T96:W97"/>
    <mergeCell ref="X96:AA97"/>
    <mergeCell ref="A68:C69"/>
    <mergeCell ref="D68:O69"/>
    <mergeCell ref="P68:S69"/>
    <mergeCell ref="T68:W69"/>
    <mergeCell ref="X68:AA69"/>
    <mergeCell ref="A70:C71"/>
    <mergeCell ref="D70:O71"/>
    <mergeCell ref="P70:S71"/>
    <mergeCell ref="T70:W71"/>
    <mergeCell ref="X70:AA71"/>
    <mergeCell ref="A72:C73"/>
    <mergeCell ref="D72:O73"/>
    <mergeCell ref="P72:S73"/>
    <mergeCell ref="T72:W73"/>
    <mergeCell ref="X72:AA73"/>
    <mergeCell ref="A74:C75"/>
    <mergeCell ref="D74:O75"/>
    <mergeCell ref="P74:S75"/>
    <mergeCell ref="T74:W75"/>
    <mergeCell ref="X74:AA75"/>
    <mergeCell ref="A76:C77"/>
    <mergeCell ref="D76:O77"/>
    <mergeCell ref="P76:S77"/>
    <mergeCell ref="T76:W77"/>
    <mergeCell ref="X76:AA77"/>
    <mergeCell ref="A78:C79"/>
    <mergeCell ref="D78:O79"/>
    <mergeCell ref="P78:S79"/>
    <mergeCell ref="T78:W79"/>
    <mergeCell ref="X78:AA79"/>
    <mergeCell ref="A80:C81"/>
    <mergeCell ref="D80:O81"/>
    <mergeCell ref="P80:S81"/>
    <mergeCell ref="T80:W81"/>
    <mergeCell ref="X80:AA81"/>
    <mergeCell ref="A54:C55"/>
    <mergeCell ref="D54:O55"/>
    <mergeCell ref="P54:S55"/>
    <mergeCell ref="T54:W55"/>
    <mergeCell ref="X54:AA55"/>
    <mergeCell ref="A56:C57"/>
    <mergeCell ref="D56:O57"/>
    <mergeCell ref="P56:S57"/>
    <mergeCell ref="T56:W57"/>
    <mergeCell ref="X56:AA57"/>
    <mergeCell ref="A58:C59"/>
    <mergeCell ref="D58:O59"/>
    <mergeCell ref="P58:S59"/>
    <mergeCell ref="T58:W59"/>
    <mergeCell ref="X58:AA59"/>
    <mergeCell ref="A60:C61"/>
    <mergeCell ref="D60:O61"/>
    <mergeCell ref="P60:S61"/>
    <mergeCell ref="T60:W61"/>
    <mergeCell ref="X60:AA61"/>
    <mergeCell ref="A62:C63"/>
    <mergeCell ref="D62:O63"/>
    <mergeCell ref="P62:S63"/>
    <mergeCell ref="T62:W63"/>
    <mergeCell ref="X62:AA63"/>
    <mergeCell ref="A64:C65"/>
    <mergeCell ref="D64:O65"/>
    <mergeCell ref="P64:S65"/>
    <mergeCell ref="T64:W65"/>
    <mergeCell ref="X64:AA65"/>
    <mergeCell ref="A66:C67"/>
    <mergeCell ref="D66:O67"/>
    <mergeCell ref="P66:S67"/>
    <mergeCell ref="T66:W67"/>
    <mergeCell ref="X66:AA67"/>
    <mergeCell ref="A40:C41"/>
    <mergeCell ref="D40:O41"/>
    <mergeCell ref="P40:S41"/>
    <mergeCell ref="T40:W41"/>
    <mergeCell ref="X40:AA41"/>
    <mergeCell ref="A42:C43"/>
    <mergeCell ref="D42:O43"/>
    <mergeCell ref="P42:S43"/>
    <mergeCell ref="T42:W43"/>
    <mergeCell ref="X42:AA43"/>
    <mergeCell ref="A44:C45"/>
    <mergeCell ref="D44:O45"/>
    <mergeCell ref="P44:S45"/>
    <mergeCell ref="T44:W45"/>
    <mergeCell ref="X44:AA45"/>
    <mergeCell ref="A46:C47"/>
    <mergeCell ref="D46:O47"/>
    <mergeCell ref="P46:S47"/>
    <mergeCell ref="T46:W47"/>
    <mergeCell ref="X46:AA47"/>
    <mergeCell ref="A48:C49"/>
    <mergeCell ref="D48:O49"/>
    <mergeCell ref="P48:S49"/>
    <mergeCell ref="T48:W49"/>
    <mergeCell ref="X48:AA49"/>
    <mergeCell ref="A50:C51"/>
    <mergeCell ref="D50:O51"/>
    <mergeCell ref="P50:S51"/>
    <mergeCell ref="T50:W51"/>
    <mergeCell ref="X50:AA51"/>
    <mergeCell ref="A52:C53"/>
    <mergeCell ref="D52:O53"/>
    <mergeCell ref="P52:S53"/>
    <mergeCell ref="T52:W53"/>
    <mergeCell ref="X52:AA53"/>
    <mergeCell ref="A26:C27"/>
    <mergeCell ref="D26:O27"/>
    <mergeCell ref="P26:S27"/>
    <mergeCell ref="T26:W27"/>
    <mergeCell ref="X26:AA27"/>
    <mergeCell ref="A28:C29"/>
    <mergeCell ref="D28:O29"/>
    <mergeCell ref="P28:S29"/>
    <mergeCell ref="T28:W29"/>
    <mergeCell ref="X28:AA29"/>
    <mergeCell ref="A30:C31"/>
    <mergeCell ref="D30:O31"/>
    <mergeCell ref="P30:S31"/>
    <mergeCell ref="T30:W31"/>
    <mergeCell ref="X30:AA31"/>
    <mergeCell ref="A32:C33"/>
    <mergeCell ref="D32:O33"/>
    <mergeCell ref="P32:S33"/>
    <mergeCell ref="T32:W33"/>
    <mergeCell ref="X32:AA33"/>
    <mergeCell ref="A34:C35"/>
    <mergeCell ref="D34:O35"/>
    <mergeCell ref="P34:S35"/>
    <mergeCell ref="T34:W35"/>
    <mergeCell ref="X34:AA35"/>
    <mergeCell ref="A36:C37"/>
    <mergeCell ref="D36:O37"/>
    <mergeCell ref="P36:S37"/>
    <mergeCell ref="T36:W37"/>
    <mergeCell ref="X36:AA37"/>
    <mergeCell ref="A38:C39"/>
    <mergeCell ref="D38:O39"/>
    <mergeCell ref="P38:S39"/>
    <mergeCell ref="T38:W39"/>
    <mergeCell ref="X38:AA39"/>
    <mergeCell ref="A3:B3"/>
    <mergeCell ref="A4:B4"/>
    <mergeCell ref="A8:C9"/>
    <mergeCell ref="D8:O9"/>
    <mergeCell ref="P8:S9"/>
    <mergeCell ref="T8:W9"/>
    <mergeCell ref="X8:AA9"/>
    <mergeCell ref="A10:AA11"/>
    <mergeCell ref="A12:AA13"/>
    <mergeCell ref="A14:C15"/>
    <mergeCell ref="D14:O15"/>
    <mergeCell ref="P14:S15"/>
    <mergeCell ref="T14:W15"/>
    <mergeCell ref="X14:AA15"/>
    <mergeCell ref="A16:AA17"/>
    <mergeCell ref="A18:C19"/>
    <mergeCell ref="D18:O19"/>
    <mergeCell ref="P18:S19"/>
    <mergeCell ref="T18:W19"/>
    <mergeCell ref="X18:AA19"/>
    <mergeCell ref="A20:C21"/>
    <mergeCell ref="D20:O21"/>
    <mergeCell ref="P20:S21"/>
    <mergeCell ref="T20:W21"/>
    <mergeCell ref="X20:AA21"/>
    <mergeCell ref="A22:C23"/>
    <mergeCell ref="D22:O23"/>
    <mergeCell ref="P22:S23"/>
    <mergeCell ref="T22:W23"/>
    <mergeCell ref="X22:AA23"/>
    <mergeCell ref="A24:C25"/>
    <mergeCell ref="D24:O25"/>
    <mergeCell ref="P24:S25"/>
    <mergeCell ref="T24:W25"/>
    <mergeCell ref="X24:AA25"/>
  </mergeCells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TDShee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Пользователь</cp:lastModifiedBy>
  <dcterms:modified xsi:type="dcterms:W3CDTF">2024-05-04T14:54:08Z</dcterms:modified>
</cp:coreProperties>
</file>